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0144973\Downloads\"/>
    </mc:Choice>
  </mc:AlternateContent>
  <xr:revisionPtr revIDLastSave="0" documentId="13_ncr:1_{4836D910-9EEE-4A3D-AC10-653B5CB17E38}" xr6:coauthVersionLast="47" xr6:coauthVersionMax="47" xr10:uidLastSave="{00000000-0000-0000-0000-000000000000}"/>
  <bookViews>
    <workbookView xWindow="732" yWindow="732" windowWidth="17280" windowHeight="8964" tabRatio="500" xr2:uid="{00000000-000D-0000-FFFF-FFFF00000000}"/>
  </bookViews>
  <sheets>
    <sheet name="Sheet1" sheetId="1" r:id="rId1"/>
  </sheet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loext="http://schemas.libreoffice.org/" uri="{7626C862-2A13-11E5-B345-FEFF819CDC9F}">
      <loext:extCalcPr stringRefSyntax="ExcelA1"/>
    </ext>
  </extLst>
</workbook>
</file>

<file path=xl/calcChain.xml><?xml version="1.0" encoding="utf-8"?>
<calcChain xmlns="http://schemas.openxmlformats.org/spreadsheetml/2006/main">
  <c r="U190001" i="1" l="1"/>
  <c r="U190000" i="1"/>
  <c r="U189999" i="1"/>
  <c r="U189998" i="1"/>
  <c r="U189997" i="1"/>
  <c r="U189996" i="1"/>
  <c r="U189995" i="1"/>
  <c r="U189994" i="1"/>
  <c r="U189993" i="1"/>
  <c r="U189992" i="1"/>
  <c r="U189991" i="1"/>
  <c r="U189990" i="1"/>
  <c r="U189989" i="1"/>
  <c r="U189988" i="1"/>
  <c r="U189987" i="1"/>
  <c r="U189986" i="1"/>
  <c r="U189985" i="1"/>
  <c r="U189984" i="1"/>
  <c r="U189983" i="1"/>
  <c r="U189982" i="1"/>
  <c r="U189981" i="1"/>
  <c r="U189980" i="1"/>
  <c r="U189979" i="1"/>
  <c r="U189978" i="1"/>
  <c r="U189977" i="1"/>
  <c r="U189976" i="1"/>
  <c r="U189975" i="1"/>
  <c r="U189974" i="1"/>
  <c r="U189973" i="1"/>
  <c r="U189972" i="1"/>
  <c r="U189971" i="1"/>
  <c r="U189970" i="1"/>
  <c r="U189969" i="1"/>
  <c r="U189968" i="1"/>
  <c r="U189967" i="1"/>
  <c r="U189966" i="1"/>
  <c r="U189965" i="1"/>
  <c r="U189964" i="1"/>
  <c r="U189963" i="1"/>
  <c r="U189962" i="1"/>
  <c r="U189961" i="1"/>
  <c r="U189960" i="1"/>
  <c r="U189959" i="1"/>
  <c r="U189958" i="1"/>
  <c r="U189957" i="1"/>
  <c r="U189956" i="1"/>
  <c r="U189955" i="1"/>
  <c r="U189954" i="1"/>
  <c r="U189953" i="1"/>
  <c r="U189952" i="1"/>
  <c r="U189951" i="1"/>
  <c r="U189950" i="1"/>
  <c r="U189949" i="1"/>
  <c r="U189948" i="1"/>
  <c r="U189947" i="1"/>
  <c r="U189946" i="1"/>
  <c r="U189945" i="1"/>
  <c r="U189944" i="1"/>
  <c r="U189943" i="1"/>
  <c r="U189942" i="1"/>
  <c r="U189941" i="1"/>
  <c r="U189940" i="1"/>
  <c r="U189939" i="1"/>
  <c r="U189938" i="1"/>
  <c r="U189937" i="1"/>
  <c r="U189936" i="1"/>
  <c r="U189935" i="1"/>
  <c r="U189934" i="1"/>
  <c r="U189933" i="1"/>
  <c r="U189932" i="1"/>
  <c r="U189931" i="1"/>
  <c r="U189930" i="1"/>
  <c r="U189929" i="1"/>
  <c r="U189928" i="1"/>
  <c r="U189927" i="1"/>
  <c r="U189926" i="1"/>
  <c r="U189925" i="1"/>
  <c r="U189924" i="1"/>
  <c r="U189923" i="1"/>
  <c r="U189922" i="1"/>
  <c r="U189921" i="1"/>
  <c r="U189920" i="1"/>
  <c r="U189919" i="1"/>
  <c r="U189918" i="1"/>
  <c r="U189917" i="1"/>
  <c r="U189916" i="1"/>
  <c r="U189915" i="1"/>
  <c r="U189914" i="1"/>
  <c r="U189913" i="1"/>
  <c r="U189912" i="1"/>
  <c r="U189911" i="1"/>
  <c r="U189910" i="1"/>
  <c r="U189909" i="1"/>
  <c r="U189908" i="1"/>
  <c r="U189907" i="1"/>
  <c r="U189906" i="1"/>
  <c r="U189905" i="1"/>
  <c r="U189904" i="1"/>
  <c r="U189903" i="1"/>
  <c r="U189902" i="1"/>
  <c r="U189901" i="1"/>
  <c r="U189900" i="1"/>
  <c r="U189899" i="1"/>
  <c r="U189898" i="1"/>
  <c r="U189897" i="1"/>
  <c r="U189896" i="1"/>
  <c r="U189895" i="1"/>
  <c r="U189894" i="1"/>
  <c r="U189893" i="1"/>
  <c r="U189892" i="1"/>
  <c r="U189891" i="1"/>
  <c r="U189890" i="1"/>
  <c r="U189889" i="1"/>
  <c r="U189888" i="1"/>
  <c r="U189887" i="1"/>
  <c r="U189886" i="1"/>
  <c r="U189885" i="1"/>
  <c r="U189884" i="1"/>
  <c r="U189883" i="1"/>
  <c r="U189882" i="1"/>
  <c r="U189881" i="1"/>
  <c r="U189880" i="1"/>
  <c r="U189879" i="1"/>
  <c r="U189878" i="1"/>
  <c r="U189877" i="1"/>
  <c r="U189876" i="1"/>
  <c r="U189875" i="1"/>
  <c r="U189874" i="1"/>
  <c r="U189873" i="1"/>
  <c r="U189872" i="1"/>
  <c r="U189871" i="1"/>
  <c r="U189870" i="1"/>
  <c r="U189869" i="1"/>
  <c r="U189868" i="1"/>
  <c r="U189867" i="1"/>
  <c r="U189866" i="1"/>
  <c r="U189865" i="1"/>
  <c r="U189864" i="1"/>
  <c r="U189863" i="1"/>
  <c r="U189862" i="1"/>
  <c r="U189861" i="1"/>
  <c r="U189860" i="1"/>
  <c r="U189859" i="1"/>
  <c r="U189858" i="1"/>
  <c r="U189857" i="1"/>
  <c r="U189856" i="1"/>
  <c r="U189855" i="1"/>
  <c r="U189854" i="1"/>
  <c r="U189853" i="1"/>
  <c r="U189852" i="1"/>
  <c r="U189851" i="1"/>
  <c r="U189850" i="1"/>
  <c r="U189849" i="1"/>
  <c r="U189848" i="1"/>
  <c r="U189847" i="1"/>
  <c r="U189846" i="1"/>
  <c r="U189845" i="1"/>
  <c r="U189844" i="1"/>
  <c r="U189843" i="1"/>
  <c r="U189842" i="1"/>
  <c r="U189841" i="1"/>
  <c r="U189840" i="1"/>
  <c r="U189839" i="1"/>
  <c r="U189838" i="1"/>
  <c r="U189837" i="1"/>
  <c r="U189836" i="1"/>
  <c r="U189835" i="1"/>
  <c r="U189834" i="1"/>
  <c r="U189833" i="1"/>
  <c r="U189832" i="1"/>
  <c r="U189831" i="1"/>
  <c r="U189830" i="1"/>
  <c r="U189829" i="1"/>
  <c r="U189828" i="1"/>
  <c r="U189827" i="1"/>
  <c r="U189826" i="1"/>
  <c r="U189825" i="1"/>
  <c r="U189824" i="1"/>
  <c r="U189823" i="1"/>
  <c r="U189822" i="1"/>
  <c r="U189821" i="1"/>
  <c r="U189820" i="1"/>
  <c r="U189819" i="1"/>
  <c r="U189818" i="1"/>
  <c r="U189817" i="1"/>
  <c r="U189816" i="1"/>
  <c r="U189815" i="1"/>
  <c r="U189814" i="1"/>
  <c r="U189813" i="1"/>
  <c r="U189812" i="1"/>
  <c r="U189811" i="1"/>
  <c r="U189810" i="1"/>
  <c r="U189809" i="1"/>
  <c r="U189808" i="1"/>
  <c r="U189807" i="1"/>
  <c r="U189806" i="1"/>
  <c r="U189805" i="1"/>
  <c r="U189804" i="1"/>
  <c r="U189803" i="1"/>
  <c r="U189802" i="1"/>
  <c r="U189801" i="1"/>
  <c r="U189800" i="1"/>
  <c r="U189799" i="1"/>
  <c r="U189798" i="1"/>
  <c r="U189797" i="1"/>
  <c r="U189796" i="1"/>
  <c r="U189795" i="1"/>
  <c r="U189794" i="1"/>
  <c r="U189793" i="1"/>
  <c r="U189792" i="1"/>
  <c r="U189791" i="1"/>
  <c r="U189790" i="1"/>
  <c r="U189789" i="1"/>
  <c r="U189788" i="1"/>
  <c r="U189787" i="1"/>
  <c r="U189786" i="1"/>
  <c r="U189785" i="1"/>
  <c r="U189784" i="1"/>
  <c r="U189783" i="1"/>
  <c r="U189782" i="1"/>
  <c r="U189781" i="1"/>
  <c r="U189780" i="1"/>
  <c r="U189779" i="1"/>
  <c r="U189778" i="1"/>
  <c r="U189777" i="1"/>
  <c r="U189776" i="1"/>
  <c r="U189775" i="1"/>
  <c r="U189774" i="1"/>
  <c r="U189773" i="1"/>
  <c r="U189772" i="1"/>
  <c r="U189771" i="1"/>
  <c r="U189770" i="1"/>
  <c r="U189769" i="1"/>
  <c r="U189768" i="1"/>
  <c r="U189767" i="1"/>
  <c r="U189766" i="1"/>
  <c r="U189765" i="1"/>
  <c r="U189764" i="1"/>
  <c r="U189763" i="1"/>
  <c r="U189762" i="1"/>
  <c r="U189761" i="1"/>
  <c r="U189760" i="1"/>
  <c r="U189759" i="1"/>
  <c r="U189758" i="1"/>
  <c r="U189757" i="1"/>
  <c r="U189756" i="1"/>
  <c r="U189755" i="1"/>
  <c r="U189754" i="1"/>
  <c r="U189753" i="1"/>
  <c r="U189752" i="1"/>
  <c r="U189751" i="1"/>
  <c r="U189750" i="1"/>
  <c r="U189749" i="1"/>
  <c r="U189748" i="1"/>
  <c r="U189747" i="1"/>
  <c r="U189746" i="1"/>
  <c r="U189745" i="1"/>
  <c r="U189744" i="1"/>
  <c r="U189743" i="1"/>
  <c r="U189742" i="1"/>
  <c r="U189741" i="1"/>
  <c r="U189740" i="1"/>
  <c r="U189739" i="1"/>
  <c r="U189738" i="1"/>
  <c r="U189737" i="1"/>
  <c r="U189736" i="1"/>
  <c r="U189735" i="1"/>
  <c r="U189734" i="1"/>
  <c r="U189733" i="1"/>
  <c r="U189732" i="1"/>
  <c r="U189731" i="1"/>
  <c r="U189730" i="1"/>
  <c r="U189729" i="1"/>
  <c r="U189728" i="1"/>
  <c r="U189727" i="1"/>
  <c r="U189726" i="1"/>
  <c r="U189725" i="1"/>
  <c r="U189724" i="1"/>
  <c r="U189723" i="1"/>
  <c r="U189722" i="1"/>
  <c r="U189721" i="1"/>
  <c r="U189720" i="1"/>
  <c r="U189719" i="1"/>
  <c r="U189718" i="1"/>
  <c r="U189717" i="1"/>
  <c r="U189716" i="1"/>
  <c r="U189715" i="1"/>
  <c r="U189714" i="1"/>
  <c r="U189713" i="1"/>
  <c r="U189712" i="1"/>
  <c r="U189711" i="1"/>
  <c r="U189710" i="1"/>
  <c r="U189709" i="1"/>
  <c r="U189708" i="1"/>
  <c r="U189707" i="1"/>
  <c r="U189706" i="1"/>
  <c r="U189705" i="1"/>
  <c r="U189704" i="1"/>
  <c r="U189703" i="1"/>
  <c r="U189702" i="1"/>
  <c r="U189701" i="1"/>
  <c r="U189700" i="1"/>
  <c r="U189699" i="1"/>
  <c r="U189698" i="1"/>
  <c r="U189697" i="1"/>
  <c r="U189696" i="1"/>
  <c r="U189695" i="1"/>
  <c r="U189694" i="1"/>
  <c r="U189693" i="1"/>
  <c r="U189692" i="1"/>
  <c r="U189691" i="1"/>
  <c r="U189690" i="1"/>
  <c r="U189689" i="1"/>
  <c r="U189688" i="1"/>
  <c r="U189687" i="1"/>
  <c r="U189686" i="1"/>
  <c r="U189685" i="1"/>
  <c r="U189684" i="1"/>
  <c r="U189683" i="1"/>
  <c r="U189682" i="1"/>
  <c r="U189681" i="1"/>
  <c r="U189680" i="1"/>
  <c r="U189679" i="1"/>
  <c r="U189678" i="1"/>
  <c r="U189677" i="1"/>
  <c r="U189676" i="1"/>
  <c r="U189675" i="1"/>
  <c r="U189674" i="1"/>
  <c r="U189673" i="1"/>
  <c r="U189672" i="1"/>
  <c r="U189671" i="1"/>
  <c r="U189670" i="1"/>
  <c r="U189669" i="1"/>
  <c r="U189668" i="1"/>
  <c r="U189667" i="1"/>
  <c r="U189666" i="1"/>
  <c r="U189665" i="1"/>
  <c r="U189664" i="1"/>
  <c r="U189663" i="1"/>
  <c r="U189662" i="1"/>
  <c r="U189661" i="1"/>
  <c r="U189660" i="1"/>
  <c r="U189659" i="1"/>
  <c r="U189658" i="1"/>
  <c r="U189657" i="1"/>
  <c r="U189656" i="1"/>
  <c r="U189655" i="1"/>
  <c r="U189654" i="1"/>
  <c r="U189653" i="1"/>
  <c r="U189652" i="1"/>
  <c r="U189651" i="1"/>
  <c r="U189650" i="1"/>
  <c r="U189649" i="1"/>
  <c r="U189648" i="1"/>
  <c r="U189647" i="1"/>
  <c r="U189646" i="1"/>
  <c r="U189645" i="1"/>
  <c r="U189644" i="1"/>
  <c r="U189643" i="1"/>
  <c r="U189642" i="1"/>
  <c r="U189641" i="1"/>
  <c r="U189640" i="1"/>
  <c r="U189639" i="1"/>
  <c r="U189638" i="1"/>
  <c r="U189637" i="1"/>
  <c r="U189636" i="1"/>
  <c r="U189635" i="1"/>
  <c r="U189634" i="1"/>
  <c r="U189633" i="1"/>
  <c r="U189632" i="1"/>
  <c r="U189631" i="1"/>
  <c r="U189630" i="1"/>
  <c r="U189629" i="1"/>
  <c r="U189628" i="1"/>
  <c r="U189627" i="1"/>
  <c r="U189626" i="1"/>
  <c r="U189625" i="1"/>
  <c r="U189624" i="1"/>
  <c r="U189623" i="1"/>
  <c r="U189622" i="1"/>
  <c r="U189621" i="1"/>
  <c r="U189620" i="1"/>
  <c r="U189619" i="1"/>
  <c r="U189618" i="1"/>
  <c r="U189617" i="1"/>
  <c r="U189616" i="1"/>
  <c r="U189615" i="1"/>
  <c r="U189614" i="1"/>
  <c r="U189613" i="1"/>
  <c r="U189612" i="1"/>
  <c r="U189611" i="1"/>
  <c r="U189610" i="1"/>
  <c r="U189609" i="1"/>
  <c r="U189608" i="1"/>
  <c r="U189607" i="1"/>
  <c r="U189606" i="1"/>
  <c r="U189605" i="1"/>
  <c r="U189604" i="1"/>
  <c r="U189603" i="1"/>
  <c r="U189602" i="1"/>
  <c r="U189601" i="1"/>
  <c r="U189600" i="1"/>
  <c r="U189599" i="1"/>
  <c r="U189598" i="1"/>
  <c r="U189597" i="1"/>
  <c r="U189596" i="1"/>
  <c r="U189595" i="1"/>
  <c r="U189594" i="1"/>
  <c r="U189593" i="1"/>
  <c r="U189592" i="1"/>
  <c r="U189591" i="1"/>
  <c r="U189590" i="1"/>
  <c r="U189589" i="1"/>
  <c r="U189588" i="1"/>
  <c r="U189587" i="1"/>
  <c r="U189586" i="1"/>
  <c r="U189585" i="1"/>
  <c r="U189584" i="1"/>
  <c r="U189583" i="1"/>
  <c r="U189582" i="1"/>
  <c r="U189581" i="1"/>
  <c r="U189580" i="1"/>
  <c r="U189579" i="1"/>
  <c r="U189578" i="1"/>
  <c r="U189577" i="1"/>
  <c r="U189576" i="1"/>
  <c r="U189575" i="1"/>
  <c r="U189574" i="1"/>
  <c r="U189573" i="1"/>
  <c r="U189572" i="1"/>
  <c r="U189571" i="1"/>
  <c r="U189570" i="1"/>
  <c r="U189569" i="1"/>
  <c r="U189568" i="1"/>
  <c r="U189567" i="1"/>
  <c r="U189566" i="1"/>
  <c r="U189565" i="1"/>
  <c r="U189564" i="1"/>
  <c r="U189563" i="1"/>
  <c r="U189562" i="1"/>
  <c r="U189561" i="1"/>
  <c r="U189560" i="1"/>
  <c r="U189559" i="1"/>
  <c r="U189558" i="1"/>
  <c r="U189557" i="1"/>
  <c r="U189556" i="1"/>
  <c r="U189555" i="1"/>
  <c r="U189554" i="1"/>
  <c r="U189553" i="1"/>
  <c r="U189552" i="1"/>
  <c r="U189551" i="1"/>
  <c r="U189550" i="1"/>
  <c r="U189549" i="1"/>
  <c r="U189548" i="1"/>
  <c r="U189547" i="1"/>
  <c r="U189546" i="1"/>
  <c r="U189545" i="1"/>
  <c r="U189544" i="1"/>
  <c r="U189543" i="1"/>
  <c r="U189542" i="1"/>
  <c r="U189541" i="1"/>
  <c r="U189540" i="1"/>
  <c r="U189539" i="1"/>
  <c r="U189538" i="1"/>
  <c r="U189537" i="1"/>
  <c r="U189536" i="1"/>
  <c r="U189535" i="1"/>
  <c r="U189534" i="1"/>
  <c r="U189533" i="1"/>
  <c r="U189532" i="1"/>
  <c r="U189531" i="1"/>
  <c r="U189530" i="1"/>
  <c r="U189529" i="1"/>
  <c r="U189528" i="1"/>
  <c r="U189527" i="1"/>
  <c r="U189526" i="1"/>
  <c r="U189525" i="1"/>
  <c r="U189524" i="1"/>
  <c r="U189523" i="1"/>
  <c r="U189522" i="1"/>
  <c r="U189521" i="1"/>
  <c r="U189520" i="1"/>
  <c r="U189519" i="1"/>
  <c r="U189518" i="1"/>
  <c r="U189517" i="1"/>
  <c r="U189516" i="1"/>
  <c r="U189515" i="1"/>
  <c r="U189514" i="1"/>
  <c r="U189513" i="1"/>
  <c r="U189512" i="1"/>
  <c r="U189511" i="1"/>
  <c r="U189510" i="1"/>
  <c r="U189509" i="1"/>
  <c r="U189508" i="1"/>
  <c r="U189507" i="1"/>
  <c r="U189506" i="1"/>
  <c r="U189505" i="1"/>
  <c r="U189504" i="1"/>
  <c r="U189503" i="1"/>
  <c r="U189502" i="1"/>
  <c r="U189501" i="1"/>
  <c r="U189500" i="1"/>
  <c r="U189499" i="1"/>
  <c r="U189498" i="1"/>
  <c r="U189497" i="1"/>
  <c r="U189496" i="1"/>
  <c r="U189495" i="1"/>
  <c r="U189494" i="1"/>
  <c r="U189493" i="1"/>
  <c r="U189492" i="1"/>
  <c r="U189491" i="1"/>
  <c r="U189490" i="1"/>
  <c r="U189489" i="1"/>
  <c r="U189488" i="1"/>
  <c r="U189487" i="1"/>
  <c r="U189486" i="1"/>
  <c r="U189485" i="1"/>
  <c r="U189484" i="1"/>
  <c r="U189483" i="1"/>
  <c r="U189482" i="1"/>
  <c r="U189481" i="1"/>
  <c r="U189480" i="1"/>
  <c r="U189479" i="1"/>
  <c r="U189478" i="1"/>
  <c r="U189477" i="1"/>
  <c r="U189476" i="1"/>
  <c r="U189475" i="1"/>
  <c r="U189474" i="1"/>
  <c r="U189473" i="1"/>
  <c r="U189472" i="1"/>
  <c r="U189471" i="1"/>
  <c r="U189470" i="1"/>
  <c r="U189469" i="1"/>
  <c r="U189468" i="1"/>
  <c r="U189467" i="1"/>
  <c r="U189466" i="1"/>
  <c r="U189465" i="1"/>
  <c r="U189464" i="1"/>
  <c r="U189463" i="1"/>
  <c r="U189462" i="1"/>
  <c r="U189461" i="1"/>
  <c r="U189460" i="1"/>
  <c r="U189459" i="1"/>
  <c r="U189458" i="1"/>
  <c r="U189457" i="1"/>
  <c r="U189456" i="1"/>
  <c r="U189455" i="1"/>
  <c r="U189454" i="1"/>
  <c r="U189453" i="1"/>
  <c r="U189452" i="1"/>
  <c r="U189451" i="1"/>
  <c r="U189450" i="1"/>
  <c r="U189449" i="1"/>
  <c r="U189448" i="1"/>
  <c r="U189447" i="1"/>
  <c r="U189446" i="1"/>
  <c r="U189445" i="1"/>
  <c r="U189444" i="1"/>
  <c r="U189443" i="1"/>
  <c r="U189442" i="1"/>
  <c r="U189441" i="1"/>
  <c r="U189440" i="1"/>
  <c r="U189439" i="1"/>
  <c r="U189438" i="1"/>
  <c r="U189437" i="1"/>
  <c r="U189436" i="1"/>
  <c r="U189435" i="1"/>
  <c r="U189434" i="1"/>
  <c r="U189433" i="1"/>
  <c r="U189432" i="1"/>
  <c r="U189431" i="1"/>
  <c r="U189430" i="1"/>
  <c r="U189429" i="1"/>
  <c r="U189428" i="1"/>
  <c r="U189427" i="1"/>
  <c r="U189426" i="1"/>
  <c r="U189425" i="1"/>
  <c r="U189424" i="1"/>
  <c r="U189423" i="1"/>
  <c r="U189422" i="1"/>
  <c r="U189421" i="1"/>
  <c r="U189420" i="1"/>
  <c r="U189419" i="1"/>
  <c r="U189418" i="1"/>
  <c r="U189417" i="1"/>
  <c r="U189416" i="1"/>
  <c r="U189415" i="1"/>
  <c r="U189414" i="1"/>
  <c r="U189413" i="1"/>
  <c r="U189412" i="1"/>
  <c r="U189411" i="1"/>
  <c r="U189410" i="1"/>
  <c r="U189409" i="1"/>
  <c r="U189408" i="1"/>
  <c r="U189407" i="1"/>
  <c r="U189406" i="1"/>
  <c r="U189405" i="1"/>
  <c r="U189404" i="1"/>
  <c r="U189403" i="1"/>
  <c r="U189402" i="1"/>
  <c r="U189401" i="1"/>
  <c r="U189400" i="1"/>
  <c r="U189399" i="1"/>
  <c r="U189398" i="1"/>
  <c r="U189397" i="1"/>
  <c r="U189396" i="1"/>
  <c r="U189395" i="1"/>
  <c r="U189394" i="1"/>
  <c r="U189393" i="1"/>
  <c r="U189392" i="1"/>
  <c r="U189391" i="1"/>
  <c r="U189390" i="1"/>
  <c r="U189389" i="1"/>
  <c r="U189388" i="1"/>
  <c r="U189387" i="1"/>
  <c r="U189386" i="1"/>
  <c r="U189385" i="1"/>
  <c r="U189384" i="1"/>
  <c r="U189383" i="1"/>
  <c r="U189382" i="1"/>
  <c r="U189381" i="1"/>
  <c r="U189380" i="1"/>
  <c r="U189379" i="1"/>
  <c r="U189378" i="1"/>
  <c r="U189377" i="1"/>
  <c r="U189376" i="1"/>
  <c r="U189375" i="1"/>
  <c r="U189374" i="1"/>
  <c r="U189373" i="1"/>
  <c r="U189372" i="1"/>
  <c r="U189371" i="1"/>
  <c r="U189370" i="1"/>
  <c r="U189369" i="1"/>
  <c r="U189368" i="1"/>
  <c r="U189367" i="1"/>
  <c r="U189366" i="1"/>
  <c r="U189365" i="1"/>
  <c r="U189364" i="1"/>
  <c r="U189363" i="1"/>
  <c r="U189362" i="1"/>
  <c r="U189361" i="1"/>
  <c r="U189360" i="1"/>
  <c r="U189359" i="1"/>
  <c r="U189358" i="1"/>
  <c r="U189357" i="1"/>
  <c r="U189356" i="1"/>
  <c r="U189355" i="1"/>
  <c r="U189354" i="1"/>
  <c r="U189353" i="1"/>
  <c r="U189352" i="1"/>
  <c r="U189351" i="1"/>
  <c r="U189350" i="1"/>
  <c r="U189349" i="1"/>
  <c r="U189348" i="1"/>
  <c r="U189347" i="1"/>
  <c r="U189346" i="1"/>
  <c r="U189345" i="1"/>
  <c r="U189344" i="1"/>
  <c r="U189343" i="1"/>
  <c r="U189342" i="1"/>
  <c r="U189341" i="1"/>
  <c r="U189340" i="1"/>
  <c r="U189339" i="1"/>
  <c r="U189338" i="1"/>
  <c r="U189337" i="1"/>
  <c r="U189336" i="1"/>
  <c r="U189335" i="1"/>
  <c r="U189334" i="1"/>
  <c r="U189333" i="1"/>
  <c r="U189332" i="1"/>
  <c r="U189331" i="1"/>
  <c r="U189330" i="1"/>
  <c r="U189329" i="1"/>
  <c r="U189328" i="1"/>
  <c r="U189327" i="1"/>
  <c r="U189326" i="1"/>
  <c r="U189325" i="1"/>
  <c r="U189324" i="1"/>
  <c r="U189323" i="1"/>
  <c r="U189322" i="1"/>
  <c r="U189321" i="1"/>
  <c r="U189320" i="1"/>
  <c r="U189319" i="1"/>
  <c r="U189318" i="1"/>
  <c r="U189317" i="1"/>
  <c r="U189316" i="1"/>
  <c r="U189315" i="1"/>
  <c r="U189314" i="1"/>
  <c r="U189313" i="1"/>
  <c r="U189312" i="1"/>
  <c r="U189311" i="1"/>
  <c r="U189310" i="1"/>
  <c r="U189309" i="1"/>
  <c r="U189308" i="1"/>
  <c r="U189307" i="1"/>
  <c r="U189306" i="1"/>
  <c r="U189305" i="1"/>
  <c r="U189304" i="1"/>
  <c r="U189303" i="1"/>
  <c r="U189302" i="1"/>
  <c r="U189301" i="1"/>
  <c r="U189300" i="1"/>
  <c r="U189299" i="1"/>
  <c r="U189298" i="1"/>
  <c r="U189297" i="1"/>
  <c r="U189296" i="1"/>
  <c r="U189295" i="1"/>
  <c r="U189294" i="1"/>
  <c r="U189293" i="1"/>
  <c r="U189292" i="1"/>
  <c r="U189291" i="1"/>
  <c r="U189290" i="1"/>
  <c r="U189289" i="1"/>
  <c r="U189288" i="1"/>
  <c r="U189287" i="1"/>
  <c r="U189286" i="1"/>
  <c r="U189285" i="1"/>
  <c r="U189284" i="1"/>
  <c r="U189283" i="1"/>
  <c r="U189282" i="1"/>
  <c r="U189281" i="1"/>
  <c r="U189280" i="1"/>
  <c r="U189279" i="1"/>
  <c r="U189278" i="1"/>
  <c r="U189277" i="1"/>
  <c r="U189276" i="1"/>
  <c r="U189275" i="1"/>
  <c r="U189274" i="1"/>
  <c r="U189273" i="1"/>
  <c r="U189272" i="1"/>
  <c r="U189271" i="1"/>
  <c r="U189270" i="1"/>
  <c r="U189269" i="1"/>
  <c r="U189268" i="1"/>
  <c r="U189267" i="1"/>
  <c r="U189266" i="1"/>
  <c r="U189265" i="1"/>
  <c r="U189264" i="1"/>
  <c r="U189263" i="1"/>
  <c r="U189262" i="1"/>
  <c r="U189261" i="1"/>
  <c r="U189260" i="1"/>
  <c r="U189259" i="1"/>
  <c r="U189258" i="1"/>
  <c r="U189257" i="1"/>
  <c r="U189256" i="1"/>
  <c r="U189255" i="1"/>
  <c r="U189254" i="1"/>
  <c r="U189253" i="1"/>
  <c r="U189252" i="1"/>
  <c r="U189251" i="1"/>
  <c r="U189250" i="1"/>
  <c r="U189249" i="1"/>
  <c r="U189248" i="1"/>
  <c r="U189247" i="1"/>
  <c r="U189246" i="1"/>
  <c r="U189245" i="1"/>
  <c r="U189244" i="1"/>
  <c r="U189243" i="1"/>
  <c r="U189242" i="1"/>
  <c r="U189241" i="1"/>
  <c r="U189240" i="1"/>
  <c r="U189239" i="1"/>
  <c r="U189238" i="1"/>
  <c r="U189237" i="1"/>
  <c r="U189236" i="1"/>
  <c r="U189235" i="1"/>
  <c r="U189234" i="1"/>
  <c r="U189233" i="1"/>
  <c r="U189232" i="1"/>
  <c r="U189231" i="1"/>
  <c r="U189230" i="1"/>
  <c r="U189229" i="1"/>
  <c r="U189228" i="1"/>
  <c r="U189227" i="1"/>
  <c r="U189226" i="1"/>
  <c r="U189225" i="1"/>
  <c r="U189224" i="1"/>
  <c r="U189223" i="1"/>
  <c r="U189222" i="1"/>
  <c r="U189221" i="1"/>
  <c r="U189220" i="1"/>
  <c r="U189219" i="1"/>
  <c r="U189218" i="1"/>
  <c r="U189217" i="1"/>
  <c r="U189216" i="1"/>
  <c r="U189215" i="1"/>
  <c r="U189214" i="1"/>
  <c r="U189213" i="1"/>
  <c r="U189212" i="1"/>
  <c r="U189211" i="1"/>
  <c r="U189210" i="1"/>
  <c r="U189209" i="1"/>
  <c r="U189208" i="1"/>
  <c r="U189207" i="1"/>
  <c r="U189206" i="1"/>
  <c r="U189205" i="1"/>
  <c r="U189204" i="1"/>
  <c r="U189203" i="1"/>
  <c r="U189202" i="1"/>
  <c r="U189201" i="1"/>
  <c r="U189200" i="1"/>
  <c r="U189199" i="1"/>
  <c r="U189198" i="1"/>
  <c r="U189197" i="1"/>
  <c r="U189196" i="1"/>
  <c r="U189195" i="1"/>
  <c r="U189194" i="1"/>
  <c r="U189193" i="1"/>
  <c r="U189192" i="1"/>
  <c r="U189191" i="1"/>
  <c r="U189190" i="1"/>
  <c r="U189189" i="1"/>
  <c r="U189188" i="1"/>
  <c r="U189187" i="1"/>
  <c r="U189186" i="1"/>
  <c r="U189185" i="1"/>
  <c r="U189184" i="1"/>
  <c r="U189183" i="1"/>
  <c r="U189182" i="1"/>
  <c r="U189181" i="1"/>
  <c r="U189180" i="1"/>
  <c r="U189179" i="1"/>
  <c r="U189178" i="1"/>
  <c r="U189177" i="1"/>
  <c r="U189176" i="1"/>
  <c r="U189175" i="1"/>
  <c r="U189174" i="1"/>
  <c r="U189173" i="1"/>
  <c r="U189172" i="1"/>
  <c r="U189171" i="1"/>
  <c r="U189170" i="1"/>
  <c r="U189169" i="1"/>
  <c r="U189168" i="1"/>
  <c r="U189167" i="1"/>
  <c r="U189166" i="1"/>
  <c r="U189165" i="1"/>
  <c r="U189164" i="1"/>
  <c r="U189163" i="1"/>
  <c r="U189162" i="1"/>
  <c r="U189161" i="1"/>
  <c r="U189160" i="1"/>
  <c r="U189159" i="1"/>
  <c r="U189158" i="1"/>
  <c r="U189157" i="1"/>
  <c r="U189156" i="1"/>
  <c r="U189155" i="1"/>
  <c r="U189154" i="1"/>
  <c r="U189153" i="1"/>
  <c r="U189152" i="1"/>
  <c r="U189151" i="1"/>
  <c r="U189150" i="1"/>
  <c r="U189149" i="1"/>
  <c r="U189148" i="1"/>
  <c r="U189147" i="1"/>
  <c r="U189146" i="1"/>
  <c r="U189145" i="1"/>
  <c r="U189144" i="1"/>
  <c r="U189143" i="1"/>
  <c r="U189142" i="1"/>
  <c r="U189141" i="1"/>
  <c r="U189140" i="1"/>
  <c r="U189139" i="1"/>
  <c r="U189138" i="1"/>
  <c r="U189137" i="1"/>
  <c r="U189136" i="1"/>
  <c r="U189135" i="1"/>
  <c r="U189134" i="1"/>
  <c r="U189133" i="1"/>
  <c r="U189132" i="1"/>
  <c r="U189131" i="1"/>
  <c r="U189130" i="1"/>
  <c r="U189129" i="1"/>
  <c r="U189128" i="1"/>
  <c r="U189127" i="1"/>
  <c r="U189126" i="1"/>
  <c r="U189125" i="1"/>
  <c r="U189124" i="1"/>
  <c r="U189123" i="1"/>
  <c r="U189122" i="1"/>
  <c r="U189121" i="1"/>
  <c r="U189120" i="1"/>
  <c r="U189119" i="1"/>
  <c r="U189118" i="1"/>
  <c r="U189117" i="1"/>
  <c r="U189116" i="1"/>
  <c r="U189115" i="1"/>
  <c r="U189114" i="1"/>
  <c r="U189113" i="1"/>
  <c r="U189112" i="1"/>
  <c r="U189111" i="1"/>
  <c r="U189110" i="1"/>
  <c r="U189109" i="1"/>
  <c r="U189108" i="1"/>
  <c r="U189107" i="1"/>
  <c r="U189106" i="1"/>
  <c r="U189105" i="1"/>
  <c r="U189104" i="1"/>
  <c r="U189103" i="1"/>
  <c r="U189102" i="1"/>
  <c r="U189101" i="1"/>
  <c r="U189100" i="1"/>
  <c r="U189099" i="1"/>
  <c r="U189098" i="1"/>
  <c r="U189097" i="1"/>
  <c r="U189096" i="1"/>
  <c r="U189095" i="1"/>
  <c r="U189094" i="1"/>
  <c r="U189093" i="1"/>
  <c r="U189092" i="1"/>
  <c r="U189091" i="1"/>
  <c r="U189090" i="1"/>
  <c r="U189089" i="1"/>
  <c r="U189088" i="1"/>
  <c r="U189087" i="1"/>
  <c r="U189086" i="1"/>
  <c r="U189085" i="1"/>
  <c r="U189084" i="1"/>
  <c r="U189083" i="1"/>
  <c r="U189082" i="1"/>
  <c r="U189081" i="1"/>
  <c r="U189080" i="1"/>
  <c r="U189079" i="1"/>
  <c r="U189078" i="1"/>
  <c r="U189077" i="1"/>
  <c r="U189076" i="1"/>
  <c r="U189075" i="1"/>
  <c r="U189074" i="1"/>
  <c r="U189073" i="1"/>
  <c r="U189072" i="1"/>
  <c r="U189071" i="1"/>
  <c r="U189070" i="1"/>
  <c r="U189069" i="1"/>
  <c r="U189068" i="1"/>
  <c r="U189067" i="1"/>
  <c r="U189066" i="1"/>
  <c r="U189065" i="1"/>
  <c r="U189064" i="1"/>
  <c r="U189063" i="1"/>
  <c r="U189062" i="1"/>
  <c r="U189061" i="1"/>
  <c r="U189060" i="1"/>
  <c r="U189059" i="1"/>
  <c r="U189058" i="1"/>
  <c r="U189057" i="1"/>
  <c r="U189056" i="1"/>
  <c r="U189055" i="1"/>
  <c r="U189054" i="1"/>
  <c r="U189053" i="1"/>
  <c r="U189052" i="1"/>
  <c r="U189051" i="1"/>
  <c r="U189050" i="1"/>
  <c r="U189049" i="1"/>
  <c r="U189048" i="1"/>
  <c r="U189047" i="1"/>
  <c r="U189046" i="1"/>
  <c r="U189045" i="1"/>
  <c r="U189044" i="1"/>
  <c r="U189043" i="1"/>
  <c r="U189042" i="1"/>
  <c r="U189041" i="1"/>
  <c r="U189040" i="1"/>
  <c r="U189039" i="1"/>
  <c r="U189038" i="1"/>
  <c r="U189037" i="1"/>
  <c r="U189036" i="1"/>
  <c r="U189035" i="1"/>
  <c r="U189034" i="1"/>
  <c r="U189033" i="1"/>
  <c r="U189032" i="1"/>
  <c r="U189031" i="1"/>
  <c r="U189030" i="1"/>
  <c r="U189029" i="1"/>
  <c r="U189028" i="1"/>
  <c r="U189027" i="1"/>
  <c r="U189026" i="1"/>
  <c r="U189025" i="1"/>
  <c r="U189024" i="1"/>
  <c r="U189023" i="1"/>
  <c r="U189022" i="1"/>
  <c r="U189021" i="1"/>
  <c r="U189020" i="1"/>
  <c r="U189019" i="1"/>
  <c r="U189018" i="1"/>
  <c r="U189017" i="1"/>
  <c r="U189016" i="1"/>
  <c r="U189015" i="1"/>
  <c r="U189014" i="1"/>
  <c r="U189013" i="1"/>
  <c r="U189012" i="1"/>
  <c r="U189011" i="1"/>
  <c r="U189010" i="1"/>
  <c r="U189009" i="1"/>
  <c r="U189008" i="1"/>
  <c r="U189007" i="1"/>
  <c r="U189006" i="1"/>
  <c r="U189005" i="1"/>
  <c r="U189004" i="1"/>
  <c r="U189003" i="1"/>
  <c r="U189002" i="1"/>
  <c r="U189001" i="1"/>
  <c r="U189000" i="1"/>
  <c r="U188999" i="1"/>
  <c r="U188998" i="1"/>
  <c r="U188997" i="1"/>
  <c r="U188996" i="1"/>
  <c r="U188995" i="1"/>
  <c r="U188994" i="1"/>
  <c r="U188993" i="1"/>
  <c r="U188992" i="1"/>
  <c r="U188991" i="1"/>
  <c r="U188990" i="1"/>
  <c r="U188989" i="1"/>
  <c r="U188988" i="1"/>
  <c r="U188987" i="1"/>
  <c r="U188986" i="1"/>
  <c r="U188985" i="1"/>
  <c r="U188984" i="1"/>
  <c r="U188983" i="1"/>
  <c r="U188982" i="1"/>
  <c r="U188981" i="1"/>
  <c r="U188980" i="1"/>
  <c r="U188979" i="1"/>
  <c r="U188978" i="1"/>
  <c r="U188977" i="1"/>
  <c r="U188976" i="1"/>
  <c r="U188975" i="1"/>
  <c r="U188974" i="1"/>
  <c r="U188973" i="1"/>
  <c r="U188972" i="1"/>
  <c r="U188971" i="1"/>
  <c r="U188970" i="1"/>
  <c r="U188969" i="1"/>
  <c r="U188968" i="1"/>
  <c r="U188967" i="1"/>
  <c r="U188966" i="1"/>
  <c r="U188965" i="1"/>
  <c r="U188964" i="1"/>
  <c r="U188963" i="1"/>
  <c r="U188962" i="1"/>
  <c r="U188961" i="1"/>
  <c r="U188960" i="1"/>
  <c r="U188959" i="1"/>
  <c r="U188958" i="1"/>
  <c r="U188957" i="1"/>
  <c r="U188956" i="1"/>
  <c r="U188955" i="1"/>
  <c r="U188954" i="1"/>
  <c r="U188953" i="1"/>
  <c r="U188952" i="1"/>
  <c r="U188951" i="1"/>
  <c r="U188950" i="1"/>
  <c r="U188949" i="1"/>
  <c r="U188948" i="1"/>
  <c r="U188947" i="1"/>
  <c r="U188946" i="1"/>
  <c r="U188945" i="1"/>
  <c r="U188944" i="1"/>
  <c r="U188943" i="1"/>
  <c r="U188942" i="1"/>
  <c r="U188941" i="1"/>
  <c r="U188940" i="1"/>
  <c r="U188939" i="1"/>
  <c r="U188938" i="1"/>
  <c r="U188937" i="1"/>
  <c r="U188936" i="1"/>
  <c r="U188935" i="1"/>
  <c r="U188934" i="1"/>
  <c r="U188933" i="1"/>
  <c r="U188932" i="1"/>
  <c r="U188931" i="1"/>
  <c r="U188930" i="1"/>
  <c r="U188929" i="1"/>
  <c r="U188928" i="1"/>
  <c r="U188927" i="1"/>
  <c r="U188926" i="1"/>
  <c r="U188925" i="1"/>
  <c r="U188924" i="1"/>
  <c r="U188923" i="1"/>
  <c r="U188922" i="1"/>
  <c r="U188921" i="1"/>
  <c r="U188920" i="1"/>
  <c r="U188919" i="1"/>
  <c r="U188918" i="1"/>
  <c r="U188917" i="1"/>
  <c r="U188916" i="1"/>
  <c r="U188915" i="1"/>
  <c r="U188914" i="1"/>
  <c r="U188913" i="1"/>
  <c r="U188912" i="1"/>
  <c r="U188911" i="1"/>
  <c r="U188910" i="1"/>
  <c r="U188909" i="1"/>
  <c r="U188908" i="1"/>
  <c r="U188907" i="1"/>
  <c r="U188906" i="1"/>
  <c r="U188905" i="1"/>
  <c r="U188904" i="1"/>
  <c r="U188903" i="1"/>
  <c r="U188902" i="1"/>
  <c r="U188901" i="1"/>
  <c r="U188900" i="1"/>
  <c r="U188899" i="1"/>
  <c r="U188898" i="1"/>
  <c r="U188897" i="1"/>
  <c r="U188896" i="1"/>
  <c r="U188895" i="1"/>
  <c r="U188894" i="1"/>
  <c r="U188893" i="1"/>
  <c r="U188892" i="1"/>
  <c r="U188891" i="1"/>
  <c r="U188890" i="1"/>
  <c r="U188889" i="1"/>
  <c r="U188888" i="1"/>
  <c r="U188887" i="1"/>
  <c r="U188886" i="1"/>
  <c r="U188885" i="1"/>
  <c r="U188884" i="1"/>
  <c r="U188883" i="1"/>
  <c r="U188882" i="1"/>
  <c r="U188881" i="1"/>
  <c r="U188880" i="1"/>
  <c r="U188879" i="1"/>
  <c r="U188878" i="1"/>
  <c r="U188877" i="1"/>
  <c r="U188876" i="1"/>
  <c r="U188875" i="1"/>
  <c r="U188874" i="1"/>
  <c r="U188873" i="1"/>
  <c r="U188872" i="1"/>
  <c r="U188871" i="1"/>
  <c r="U188870" i="1"/>
  <c r="U188869" i="1"/>
  <c r="U188868" i="1"/>
  <c r="U188867" i="1"/>
  <c r="U188866" i="1"/>
  <c r="U188865" i="1"/>
  <c r="U188864" i="1"/>
  <c r="U188863" i="1"/>
  <c r="U188862" i="1"/>
  <c r="U188861" i="1"/>
  <c r="U188860" i="1"/>
  <c r="U188859" i="1"/>
  <c r="U188858" i="1"/>
  <c r="U188857" i="1"/>
  <c r="U188856" i="1"/>
  <c r="U188855" i="1"/>
  <c r="U188854" i="1"/>
  <c r="U188853" i="1"/>
  <c r="U188852" i="1"/>
  <c r="U188851" i="1"/>
  <c r="U188850" i="1"/>
  <c r="U188849" i="1"/>
  <c r="U188848" i="1"/>
  <c r="U188847" i="1"/>
  <c r="U188846" i="1"/>
  <c r="U188845" i="1"/>
  <c r="U188844" i="1"/>
  <c r="U188843" i="1"/>
  <c r="U188842" i="1"/>
  <c r="U188841" i="1"/>
  <c r="U188840" i="1"/>
  <c r="U188839" i="1"/>
  <c r="U188838" i="1"/>
  <c r="U188837" i="1"/>
  <c r="U188836" i="1"/>
  <c r="U188835" i="1"/>
  <c r="U188834" i="1"/>
  <c r="U188833" i="1"/>
  <c r="U188832" i="1"/>
  <c r="U188831" i="1"/>
  <c r="U188830" i="1"/>
  <c r="U188829" i="1"/>
  <c r="U188828" i="1"/>
  <c r="U188827" i="1"/>
  <c r="U188826" i="1"/>
  <c r="U188825" i="1"/>
  <c r="U188824" i="1"/>
  <c r="U188823" i="1"/>
  <c r="U188822" i="1"/>
  <c r="U188821" i="1"/>
  <c r="U188820" i="1"/>
  <c r="U188819" i="1"/>
  <c r="U188818" i="1"/>
  <c r="U188817" i="1"/>
  <c r="U188816" i="1"/>
  <c r="U188815" i="1"/>
  <c r="U188814" i="1"/>
  <c r="U188813" i="1"/>
  <c r="U188812" i="1"/>
  <c r="U188811" i="1"/>
  <c r="U188810" i="1"/>
  <c r="U188809" i="1"/>
  <c r="U188808" i="1"/>
  <c r="U188807" i="1"/>
  <c r="U188806" i="1"/>
  <c r="U188805" i="1"/>
  <c r="U188804" i="1"/>
  <c r="U188803" i="1"/>
  <c r="U188802" i="1"/>
  <c r="U188801" i="1"/>
  <c r="U188800" i="1"/>
  <c r="U188799" i="1"/>
  <c r="U188798" i="1"/>
  <c r="U188797" i="1"/>
  <c r="U188796" i="1"/>
  <c r="U188795" i="1"/>
  <c r="U188794" i="1"/>
  <c r="U188793" i="1"/>
  <c r="U188792" i="1"/>
  <c r="U188791" i="1"/>
  <c r="U188790" i="1"/>
  <c r="U188789" i="1"/>
  <c r="U188788" i="1"/>
  <c r="U188787" i="1"/>
  <c r="U188786" i="1"/>
  <c r="U188785" i="1"/>
  <c r="U188784" i="1"/>
  <c r="U188783" i="1"/>
  <c r="U188782" i="1"/>
  <c r="U188781" i="1"/>
  <c r="U188780" i="1"/>
  <c r="U188779" i="1"/>
  <c r="U188778" i="1"/>
  <c r="U188777" i="1"/>
  <c r="U188776" i="1"/>
  <c r="U188775" i="1"/>
  <c r="U188774" i="1"/>
  <c r="U188773" i="1"/>
  <c r="U188772" i="1"/>
  <c r="U188771" i="1"/>
  <c r="U188770" i="1"/>
  <c r="U188769" i="1"/>
  <c r="U188768" i="1"/>
  <c r="U188767" i="1"/>
  <c r="U188766" i="1"/>
  <c r="U188765" i="1"/>
  <c r="U188764" i="1"/>
  <c r="U188763" i="1"/>
  <c r="U188762" i="1"/>
  <c r="U188761" i="1"/>
  <c r="U188760" i="1"/>
  <c r="U188759" i="1"/>
  <c r="U188758" i="1"/>
  <c r="U188757" i="1"/>
  <c r="U188756" i="1"/>
  <c r="U188755" i="1"/>
  <c r="U188754" i="1"/>
  <c r="U188753" i="1"/>
  <c r="U188752" i="1"/>
  <c r="U188751" i="1"/>
  <c r="U188750" i="1"/>
  <c r="U188749" i="1"/>
  <c r="U188748" i="1"/>
  <c r="U188747" i="1"/>
  <c r="U188746" i="1"/>
  <c r="U188745" i="1"/>
  <c r="U188744" i="1"/>
  <c r="U188743" i="1"/>
  <c r="U188742" i="1"/>
  <c r="U188741" i="1"/>
  <c r="U188740" i="1"/>
  <c r="U188739" i="1"/>
  <c r="U188738" i="1"/>
  <c r="U188737" i="1"/>
  <c r="U188736" i="1"/>
  <c r="U188735" i="1"/>
  <c r="U188734" i="1"/>
  <c r="U188733" i="1"/>
  <c r="U188732" i="1"/>
  <c r="U188731" i="1"/>
  <c r="U188730" i="1"/>
  <c r="U188729" i="1"/>
  <c r="U188728" i="1"/>
  <c r="U188727" i="1"/>
  <c r="U188726" i="1"/>
  <c r="U188725" i="1"/>
  <c r="U188724" i="1"/>
  <c r="U188723" i="1"/>
  <c r="U188722" i="1"/>
  <c r="U188721" i="1"/>
  <c r="U188720" i="1"/>
  <c r="U188719" i="1"/>
  <c r="U188718" i="1"/>
  <c r="U188717" i="1"/>
  <c r="U188716" i="1"/>
  <c r="U188715" i="1"/>
  <c r="U188714" i="1"/>
  <c r="U188713" i="1"/>
  <c r="U188712" i="1"/>
  <c r="U188711" i="1"/>
  <c r="U188710" i="1"/>
  <c r="U188709" i="1"/>
  <c r="U188708" i="1"/>
  <c r="U188707" i="1"/>
  <c r="U188706" i="1"/>
  <c r="U188705" i="1"/>
  <c r="U188704" i="1"/>
  <c r="U188703" i="1"/>
  <c r="U188702" i="1"/>
  <c r="U188701" i="1"/>
  <c r="U188700" i="1"/>
  <c r="U188699" i="1"/>
  <c r="U188698" i="1"/>
  <c r="U188697" i="1"/>
  <c r="U188696" i="1"/>
  <c r="U188695" i="1"/>
  <c r="U188694" i="1"/>
  <c r="U188693" i="1"/>
  <c r="U188692" i="1"/>
  <c r="U188691" i="1"/>
  <c r="U188690" i="1"/>
  <c r="U188689" i="1"/>
  <c r="U188688" i="1"/>
  <c r="U188687" i="1"/>
  <c r="U188686" i="1"/>
  <c r="U188685" i="1"/>
  <c r="U188684" i="1"/>
  <c r="U188683" i="1"/>
  <c r="U188682" i="1"/>
  <c r="U188681" i="1"/>
  <c r="U188680" i="1"/>
  <c r="U188679" i="1"/>
  <c r="U188678" i="1"/>
  <c r="U188677" i="1"/>
  <c r="U188676" i="1"/>
  <c r="U188675" i="1"/>
  <c r="U188674" i="1"/>
  <c r="U188673" i="1"/>
  <c r="U188672" i="1"/>
  <c r="U188671" i="1"/>
  <c r="U188670" i="1"/>
  <c r="U188669" i="1"/>
  <c r="U188668" i="1"/>
  <c r="U188667" i="1"/>
  <c r="U188666" i="1"/>
  <c r="U188665" i="1"/>
  <c r="U188664" i="1"/>
  <c r="U188663" i="1"/>
  <c r="U188662" i="1"/>
  <c r="U188661" i="1"/>
  <c r="U188660" i="1"/>
  <c r="U188659" i="1"/>
  <c r="U188658" i="1"/>
  <c r="U188657" i="1"/>
  <c r="U188656" i="1"/>
  <c r="U188655" i="1"/>
  <c r="U188654" i="1"/>
  <c r="U188653" i="1"/>
  <c r="U188652" i="1"/>
  <c r="U188651" i="1"/>
  <c r="U188650" i="1"/>
  <c r="U188649" i="1"/>
  <c r="U188648" i="1"/>
  <c r="U188647" i="1"/>
  <c r="U188646" i="1"/>
  <c r="U188645" i="1"/>
  <c r="U188644" i="1"/>
  <c r="U188643" i="1"/>
  <c r="U188642" i="1"/>
  <c r="U188641" i="1"/>
  <c r="U188640" i="1"/>
  <c r="U188639" i="1"/>
  <c r="U188638" i="1"/>
  <c r="U188637" i="1"/>
  <c r="U188636" i="1"/>
  <c r="U188635" i="1"/>
  <c r="U188634" i="1"/>
  <c r="U188633" i="1"/>
  <c r="U188632" i="1"/>
  <c r="U188631" i="1"/>
  <c r="U188630" i="1"/>
  <c r="U188629" i="1"/>
  <c r="U188628" i="1"/>
  <c r="U188627" i="1"/>
  <c r="U188626" i="1"/>
  <c r="U188625" i="1"/>
  <c r="U188624" i="1"/>
  <c r="U188623" i="1"/>
  <c r="U188622" i="1"/>
  <c r="U188621" i="1"/>
  <c r="U188620" i="1"/>
  <c r="U188619" i="1"/>
  <c r="U188618" i="1"/>
  <c r="U188617" i="1"/>
  <c r="U188616" i="1"/>
  <c r="U188615" i="1"/>
  <c r="U188614" i="1"/>
  <c r="U188613" i="1"/>
  <c r="U188612" i="1"/>
  <c r="U188611" i="1"/>
  <c r="U188610" i="1"/>
  <c r="U188609" i="1"/>
  <c r="U188608" i="1"/>
  <c r="U188607" i="1"/>
  <c r="U188606" i="1"/>
  <c r="U188605" i="1"/>
  <c r="U188604" i="1"/>
  <c r="U188603" i="1"/>
  <c r="U188602" i="1"/>
  <c r="U188601" i="1"/>
  <c r="U188600" i="1"/>
  <c r="U188599" i="1"/>
  <c r="U188598" i="1"/>
  <c r="U188597" i="1"/>
  <c r="U188596" i="1"/>
  <c r="U188595" i="1"/>
  <c r="U188594" i="1"/>
  <c r="U188593" i="1"/>
  <c r="U188592" i="1"/>
  <c r="U188591" i="1"/>
  <c r="U188590" i="1"/>
  <c r="U188589" i="1"/>
  <c r="U188588" i="1"/>
  <c r="U188587" i="1"/>
  <c r="U188586" i="1"/>
  <c r="U188585" i="1"/>
  <c r="U188584" i="1"/>
  <c r="U188583" i="1"/>
  <c r="U188582" i="1"/>
  <c r="U188581" i="1"/>
  <c r="U188580" i="1"/>
  <c r="U188579" i="1"/>
  <c r="U188578" i="1"/>
  <c r="U188577" i="1"/>
  <c r="U188576" i="1"/>
  <c r="U188575" i="1"/>
  <c r="U188574" i="1"/>
  <c r="U188573" i="1"/>
  <c r="U188572" i="1"/>
  <c r="U188571" i="1"/>
  <c r="U188570" i="1"/>
  <c r="U188569" i="1"/>
  <c r="U188568" i="1"/>
  <c r="U188567" i="1"/>
  <c r="U188566" i="1"/>
  <c r="U188565" i="1"/>
  <c r="U188564" i="1"/>
  <c r="U188563" i="1"/>
  <c r="U188562" i="1"/>
  <c r="U188561" i="1"/>
  <c r="U188560" i="1"/>
  <c r="U188559" i="1"/>
  <c r="U188558" i="1"/>
  <c r="U188557" i="1"/>
  <c r="U188556" i="1"/>
  <c r="U188555" i="1"/>
  <c r="U188554" i="1"/>
  <c r="U188553" i="1"/>
  <c r="U188552" i="1"/>
  <c r="U188551" i="1"/>
  <c r="U188550" i="1"/>
  <c r="U188549" i="1"/>
  <c r="U188548" i="1"/>
  <c r="U188547" i="1"/>
  <c r="U188546" i="1"/>
  <c r="U188545" i="1"/>
  <c r="U188544" i="1"/>
  <c r="U188543" i="1"/>
  <c r="U188542" i="1"/>
  <c r="U188541" i="1"/>
  <c r="U188540" i="1"/>
  <c r="U188539" i="1"/>
  <c r="U188538" i="1"/>
  <c r="U188537" i="1"/>
  <c r="U188536" i="1"/>
  <c r="U188535" i="1"/>
  <c r="U188534" i="1"/>
  <c r="U188533" i="1"/>
  <c r="U188532" i="1"/>
  <c r="U188531" i="1"/>
  <c r="U188530" i="1"/>
  <c r="U188529" i="1"/>
  <c r="U188528" i="1"/>
  <c r="U188527" i="1"/>
  <c r="U188526" i="1"/>
  <c r="U188525" i="1"/>
  <c r="U188524" i="1"/>
  <c r="U188523" i="1"/>
  <c r="U188522" i="1"/>
  <c r="U188521" i="1"/>
  <c r="U188520" i="1"/>
  <c r="U188519" i="1"/>
  <c r="U188518" i="1"/>
  <c r="U188517" i="1"/>
  <c r="U188516" i="1"/>
  <c r="U188515" i="1"/>
  <c r="U188514" i="1"/>
  <c r="U188513" i="1"/>
  <c r="U188512" i="1"/>
  <c r="U188511" i="1"/>
  <c r="U188510" i="1"/>
  <c r="U188509" i="1"/>
  <c r="U188508" i="1"/>
  <c r="U188507" i="1"/>
  <c r="U188506" i="1"/>
  <c r="U188505" i="1"/>
  <c r="U188504" i="1"/>
  <c r="U188503" i="1"/>
  <c r="U188502" i="1"/>
  <c r="U188501" i="1"/>
  <c r="U188500" i="1"/>
  <c r="U188499" i="1"/>
  <c r="U188498" i="1"/>
  <c r="U188497" i="1"/>
  <c r="U188496" i="1"/>
  <c r="U188495" i="1"/>
  <c r="U188494" i="1"/>
  <c r="U188493" i="1"/>
  <c r="U188492" i="1"/>
  <c r="U188491" i="1"/>
  <c r="U188490" i="1"/>
  <c r="U188489" i="1"/>
  <c r="U188488" i="1"/>
  <c r="U188487" i="1"/>
  <c r="U188486" i="1"/>
  <c r="U188485" i="1"/>
  <c r="U188484" i="1"/>
  <c r="U188483" i="1"/>
  <c r="U188482" i="1"/>
  <c r="U188481" i="1"/>
  <c r="U188480" i="1"/>
  <c r="U188479" i="1"/>
  <c r="U188478" i="1"/>
  <c r="U188477" i="1"/>
  <c r="U188476" i="1"/>
  <c r="U188475" i="1"/>
  <c r="U188474" i="1"/>
  <c r="U188473" i="1"/>
  <c r="U188472" i="1"/>
  <c r="U188471" i="1"/>
  <c r="U188470" i="1"/>
  <c r="U188469" i="1"/>
  <c r="U188468" i="1"/>
  <c r="U188467" i="1"/>
  <c r="U188466" i="1"/>
  <c r="U188465" i="1"/>
  <c r="U188464" i="1"/>
  <c r="U188463" i="1"/>
  <c r="U188462" i="1"/>
  <c r="U188461" i="1"/>
  <c r="U188460" i="1"/>
  <c r="U188459" i="1"/>
  <c r="U188458" i="1"/>
  <c r="U188457" i="1"/>
  <c r="U188456" i="1"/>
  <c r="U188455" i="1"/>
  <c r="U188454" i="1"/>
  <c r="U188453" i="1"/>
  <c r="U188452" i="1"/>
  <c r="U188451" i="1"/>
  <c r="U188450" i="1"/>
  <c r="U188449" i="1"/>
  <c r="U188448" i="1"/>
  <c r="U188447" i="1"/>
  <c r="U188446" i="1"/>
  <c r="U188445" i="1"/>
  <c r="U188444" i="1"/>
  <c r="U188443" i="1"/>
  <c r="U188442" i="1"/>
  <c r="U188441" i="1"/>
  <c r="U188440" i="1"/>
  <c r="U188439" i="1"/>
  <c r="U188438" i="1"/>
  <c r="U188437" i="1"/>
  <c r="U188436" i="1"/>
  <c r="U188435" i="1"/>
  <c r="U188434" i="1"/>
  <c r="U188433" i="1"/>
  <c r="U188432" i="1"/>
  <c r="U188431" i="1"/>
  <c r="U188430" i="1"/>
  <c r="U188429" i="1"/>
  <c r="U188428" i="1"/>
  <c r="U188427" i="1"/>
  <c r="U188426" i="1"/>
  <c r="U188425" i="1"/>
  <c r="U188424" i="1"/>
  <c r="U188423" i="1"/>
  <c r="U188422" i="1"/>
  <c r="U188421" i="1"/>
  <c r="U188420" i="1"/>
  <c r="U188419" i="1"/>
  <c r="U188418" i="1"/>
  <c r="U188417" i="1"/>
  <c r="U188416" i="1"/>
  <c r="U188415" i="1"/>
  <c r="U188414" i="1"/>
  <c r="U188413" i="1"/>
  <c r="U188412" i="1"/>
  <c r="U188411" i="1"/>
  <c r="U188410" i="1"/>
  <c r="U188409" i="1"/>
  <c r="U188408" i="1"/>
  <c r="U188407" i="1"/>
  <c r="U188406" i="1"/>
  <c r="U188405" i="1"/>
  <c r="U188404" i="1"/>
  <c r="U188403" i="1"/>
  <c r="U188402" i="1"/>
  <c r="U188401" i="1"/>
  <c r="U188400" i="1"/>
  <c r="U188399" i="1"/>
  <c r="U188398" i="1"/>
  <c r="U188397" i="1"/>
  <c r="U188396" i="1"/>
  <c r="U188395" i="1"/>
  <c r="U188394" i="1"/>
  <c r="U188393" i="1"/>
  <c r="U188392" i="1"/>
  <c r="U188391" i="1"/>
  <c r="U188390" i="1"/>
  <c r="U188389" i="1"/>
  <c r="U188388" i="1"/>
  <c r="U188387" i="1"/>
  <c r="U188386" i="1"/>
  <c r="U188385" i="1"/>
  <c r="U188384" i="1"/>
  <c r="U188383" i="1"/>
  <c r="U188382" i="1"/>
  <c r="U188381" i="1"/>
  <c r="U188380" i="1"/>
  <c r="U188379" i="1"/>
  <c r="U188378" i="1"/>
  <c r="U188377" i="1"/>
  <c r="U188376" i="1"/>
  <c r="U188375" i="1"/>
  <c r="U188374" i="1"/>
  <c r="U188373" i="1"/>
  <c r="U188372" i="1"/>
  <c r="U188371" i="1"/>
  <c r="U188370" i="1"/>
  <c r="U188369" i="1"/>
  <c r="U188368" i="1"/>
  <c r="U188367" i="1"/>
  <c r="U188366" i="1"/>
  <c r="U188365" i="1"/>
  <c r="U188364" i="1"/>
  <c r="U188363" i="1"/>
  <c r="U188362" i="1"/>
  <c r="U188361" i="1"/>
  <c r="U188360" i="1"/>
  <c r="U188359" i="1"/>
  <c r="U188358" i="1"/>
  <c r="U188357" i="1"/>
  <c r="U188356" i="1"/>
  <c r="U188355" i="1"/>
  <c r="U188354" i="1"/>
  <c r="U188353" i="1"/>
  <c r="U188352" i="1"/>
  <c r="U188351" i="1"/>
  <c r="U188350" i="1"/>
  <c r="U188349" i="1"/>
  <c r="U188348" i="1"/>
  <c r="U188347" i="1"/>
  <c r="U188346" i="1"/>
  <c r="U188345" i="1"/>
  <c r="U188344" i="1"/>
  <c r="U188343" i="1"/>
  <c r="U188342" i="1"/>
  <c r="U188341" i="1"/>
  <c r="U188340" i="1"/>
  <c r="U188339" i="1"/>
  <c r="U188338" i="1"/>
  <c r="U188337" i="1"/>
  <c r="U188336" i="1"/>
  <c r="U188335" i="1"/>
  <c r="U188334" i="1"/>
  <c r="U188333" i="1"/>
  <c r="U188332" i="1"/>
  <c r="U188331" i="1"/>
  <c r="U188330" i="1"/>
  <c r="U188329" i="1"/>
  <c r="U188328" i="1"/>
  <c r="U188327" i="1"/>
  <c r="U188326" i="1"/>
  <c r="U188325" i="1"/>
  <c r="U188324" i="1"/>
  <c r="U188323" i="1"/>
  <c r="U188322" i="1"/>
  <c r="U188321" i="1"/>
  <c r="U188320" i="1"/>
  <c r="U188319" i="1"/>
  <c r="U188318" i="1"/>
  <c r="U188317" i="1"/>
  <c r="U188316" i="1"/>
  <c r="U188315" i="1"/>
  <c r="U188314" i="1"/>
  <c r="U188313" i="1"/>
  <c r="U188312" i="1"/>
  <c r="U188311" i="1"/>
  <c r="U188310" i="1"/>
  <c r="U188309" i="1"/>
  <c r="U188308" i="1"/>
  <c r="U188307" i="1"/>
  <c r="U188306" i="1"/>
  <c r="U188305" i="1"/>
  <c r="U188304" i="1"/>
  <c r="U188303" i="1"/>
  <c r="U188302" i="1"/>
  <c r="U188301" i="1"/>
  <c r="U188300" i="1"/>
  <c r="U188299" i="1"/>
  <c r="U188298" i="1"/>
  <c r="U188297" i="1"/>
  <c r="U188296" i="1"/>
  <c r="U188295" i="1"/>
  <c r="U188294" i="1"/>
  <c r="U188293" i="1"/>
  <c r="U188292" i="1"/>
  <c r="U188291" i="1"/>
  <c r="U188290" i="1"/>
  <c r="U188289" i="1"/>
  <c r="U188288" i="1"/>
  <c r="U188287" i="1"/>
  <c r="U188286" i="1"/>
  <c r="U188285" i="1"/>
  <c r="U188284" i="1"/>
  <c r="U188283" i="1"/>
  <c r="U188282" i="1"/>
  <c r="U188281" i="1"/>
  <c r="U188280" i="1"/>
  <c r="U188279" i="1"/>
  <c r="U188278" i="1"/>
  <c r="U188277" i="1"/>
  <c r="U188276" i="1"/>
  <c r="U188275" i="1"/>
  <c r="U188274" i="1"/>
  <c r="U188273" i="1"/>
  <c r="U188272" i="1"/>
  <c r="U188271" i="1"/>
  <c r="U188270" i="1"/>
  <c r="U188269" i="1"/>
  <c r="U188268" i="1"/>
  <c r="U188267" i="1"/>
  <c r="U188266" i="1"/>
  <c r="U188265" i="1"/>
  <c r="U188264" i="1"/>
  <c r="U188263" i="1"/>
  <c r="U188262" i="1"/>
  <c r="U188261" i="1"/>
  <c r="U188260" i="1"/>
  <c r="U188259" i="1"/>
  <c r="U188258" i="1"/>
  <c r="U188257" i="1"/>
  <c r="U188256" i="1"/>
  <c r="U188255" i="1"/>
  <c r="U188254" i="1"/>
  <c r="U188253" i="1"/>
  <c r="U188252" i="1"/>
  <c r="U188251" i="1"/>
  <c r="U188250" i="1"/>
  <c r="U188249" i="1"/>
  <c r="U188248" i="1"/>
  <c r="U188247" i="1"/>
  <c r="U188246" i="1"/>
  <c r="U188245" i="1"/>
  <c r="U188244" i="1"/>
  <c r="U188243" i="1"/>
  <c r="U188242" i="1"/>
  <c r="U188241" i="1"/>
  <c r="U188240" i="1"/>
  <c r="U188239" i="1"/>
  <c r="U188238" i="1"/>
  <c r="U188237" i="1"/>
  <c r="U188236" i="1"/>
  <c r="U188235" i="1"/>
  <c r="U188234" i="1"/>
  <c r="U188233" i="1"/>
  <c r="U188232" i="1"/>
  <c r="U188231" i="1"/>
  <c r="U188230" i="1"/>
  <c r="U188229" i="1"/>
  <c r="U188228" i="1"/>
  <c r="U188227" i="1"/>
  <c r="U188226" i="1"/>
  <c r="U188225" i="1"/>
  <c r="U188224" i="1"/>
  <c r="U188223" i="1"/>
  <c r="U188222" i="1"/>
  <c r="U188221" i="1"/>
  <c r="U188220" i="1"/>
  <c r="U188219" i="1"/>
  <c r="U188218" i="1"/>
  <c r="U188217" i="1"/>
  <c r="U188216" i="1"/>
  <c r="U188215" i="1"/>
  <c r="U188214" i="1"/>
  <c r="U188213" i="1"/>
  <c r="U188212" i="1"/>
  <c r="U188211" i="1"/>
  <c r="U188210" i="1"/>
  <c r="U188209" i="1"/>
  <c r="U188208" i="1"/>
  <c r="U188207" i="1"/>
  <c r="U188206" i="1"/>
  <c r="U188205" i="1"/>
  <c r="U188204" i="1"/>
  <c r="U188203" i="1"/>
  <c r="U188202" i="1"/>
  <c r="U188201" i="1"/>
  <c r="U188200" i="1"/>
  <c r="U188199" i="1"/>
  <c r="U188198" i="1"/>
  <c r="U188197" i="1"/>
  <c r="U188196" i="1"/>
  <c r="U188195" i="1"/>
  <c r="U188194" i="1"/>
  <c r="U188193" i="1"/>
  <c r="U188192" i="1"/>
  <c r="U188191" i="1"/>
  <c r="U188190" i="1"/>
  <c r="U188189" i="1"/>
  <c r="U188188" i="1"/>
  <c r="U188187" i="1"/>
  <c r="U188186" i="1"/>
  <c r="U188185" i="1"/>
  <c r="U188184" i="1"/>
  <c r="U188183" i="1"/>
  <c r="U188182" i="1"/>
  <c r="U188181" i="1"/>
  <c r="U188180" i="1"/>
  <c r="U188179" i="1"/>
  <c r="U188178" i="1"/>
  <c r="U188177" i="1"/>
  <c r="U188176" i="1"/>
  <c r="U188175" i="1"/>
  <c r="U188174" i="1"/>
  <c r="U188173" i="1"/>
  <c r="U188172" i="1"/>
  <c r="U188171" i="1"/>
  <c r="U188170" i="1"/>
  <c r="U188169" i="1"/>
  <c r="U188168" i="1"/>
  <c r="U188167" i="1"/>
  <c r="U188166" i="1"/>
  <c r="U188165" i="1"/>
  <c r="U188164" i="1"/>
  <c r="U188163" i="1"/>
  <c r="U188162" i="1"/>
  <c r="U188161" i="1"/>
  <c r="U188160" i="1"/>
  <c r="U188159" i="1"/>
  <c r="U188158" i="1"/>
  <c r="U188157" i="1"/>
  <c r="U188156" i="1"/>
  <c r="U188155" i="1"/>
  <c r="U188154" i="1"/>
  <c r="U188153" i="1"/>
  <c r="U188152" i="1"/>
  <c r="U188151" i="1"/>
  <c r="U188150" i="1"/>
  <c r="U188149" i="1"/>
  <c r="U188148" i="1"/>
  <c r="U188147" i="1"/>
  <c r="U188146" i="1"/>
  <c r="U188145" i="1"/>
  <c r="U188144" i="1"/>
  <c r="U188143" i="1"/>
  <c r="U188142" i="1"/>
  <c r="U188141" i="1"/>
  <c r="U188140" i="1"/>
  <c r="U188139" i="1"/>
  <c r="U188138" i="1"/>
  <c r="U188137" i="1"/>
  <c r="U188136" i="1"/>
  <c r="U188135" i="1"/>
  <c r="U188134" i="1"/>
  <c r="U188133" i="1"/>
  <c r="U188132" i="1"/>
  <c r="U188131" i="1"/>
  <c r="U188130" i="1"/>
  <c r="U188129" i="1"/>
  <c r="U188128" i="1"/>
  <c r="U188127" i="1"/>
  <c r="U188126" i="1"/>
  <c r="U188125" i="1"/>
  <c r="U188124" i="1"/>
  <c r="U188123" i="1"/>
  <c r="U188122" i="1"/>
  <c r="U188121" i="1"/>
  <c r="U188120" i="1"/>
  <c r="U188119" i="1"/>
  <c r="U188118" i="1"/>
  <c r="U188117" i="1"/>
  <c r="U188116" i="1"/>
  <c r="U188115" i="1"/>
  <c r="U188114" i="1"/>
  <c r="U188113" i="1"/>
  <c r="U188112" i="1"/>
  <c r="U188111" i="1"/>
  <c r="U188110" i="1"/>
  <c r="U188109" i="1"/>
  <c r="U188108" i="1"/>
  <c r="U188107" i="1"/>
  <c r="U188106" i="1"/>
  <c r="U188105" i="1"/>
  <c r="U188104" i="1"/>
  <c r="U188103" i="1"/>
  <c r="U188102" i="1"/>
  <c r="U188101" i="1"/>
  <c r="U188100" i="1"/>
  <c r="U188099" i="1"/>
  <c r="U188098" i="1"/>
  <c r="U188097" i="1"/>
  <c r="U188096" i="1"/>
  <c r="U188095" i="1"/>
  <c r="U188094" i="1"/>
  <c r="U188093" i="1"/>
  <c r="U188092" i="1"/>
  <c r="U188091" i="1"/>
  <c r="U188090" i="1"/>
  <c r="U188089" i="1"/>
  <c r="U188088" i="1"/>
  <c r="U188087" i="1"/>
  <c r="U188086" i="1"/>
  <c r="U188085" i="1"/>
  <c r="U188084" i="1"/>
  <c r="U188083" i="1"/>
  <c r="U188082" i="1"/>
  <c r="U188081" i="1"/>
  <c r="U188080" i="1"/>
  <c r="U188079" i="1"/>
  <c r="U188078" i="1"/>
  <c r="U188077" i="1"/>
  <c r="U188076" i="1"/>
  <c r="U188075" i="1"/>
  <c r="U188074" i="1"/>
  <c r="U188073" i="1"/>
  <c r="U188072" i="1"/>
  <c r="U188071" i="1"/>
  <c r="U188070" i="1"/>
  <c r="U188069" i="1"/>
  <c r="U188068" i="1"/>
  <c r="U188067" i="1"/>
  <c r="U188066" i="1"/>
  <c r="U188065" i="1"/>
  <c r="U188064" i="1"/>
  <c r="U188063" i="1"/>
  <c r="U188062" i="1"/>
  <c r="U188061" i="1"/>
  <c r="U188060" i="1"/>
  <c r="U188059" i="1"/>
  <c r="U188058" i="1"/>
  <c r="U188057" i="1"/>
  <c r="U188056" i="1"/>
  <c r="U188055" i="1"/>
  <c r="U188054" i="1"/>
  <c r="U188053" i="1"/>
  <c r="U188052" i="1"/>
  <c r="U188051" i="1"/>
  <c r="U188050" i="1"/>
  <c r="U188049" i="1"/>
  <c r="U188048" i="1"/>
  <c r="U188047" i="1"/>
  <c r="U188046" i="1"/>
  <c r="U188045" i="1"/>
  <c r="U188044" i="1"/>
  <c r="U188043" i="1"/>
  <c r="U188042" i="1"/>
  <c r="U188041" i="1"/>
  <c r="U188040" i="1"/>
  <c r="U188039" i="1"/>
  <c r="U188038" i="1"/>
  <c r="U188037" i="1"/>
  <c r="U188036" i="1"/>
  <c r="U188035" i="1"/>
  <c r="U188034" i="1"/>
  <c r="U188033" i="1"/>
  <c r="U188032" i="1"/>
  <c r="U188031" i="1"/>
  <c r="U188030" i="1"/>
  <c r="U188029" i="1"/>
  <c r="U188028" i="1"/>
  <c r="U188027" i="1"/>
  <c r="U188026" i="1"/>
  <c r="U188025" i="1"/>
  <c r="U188024" i="1"/>
  <c r="U188023" i="1"/>
  <c r="U188022" i="1"/>
  <c r="U188021" i="1"/>
  <c r="U188020" i="1"/>
  <c r="U188019" i="1"/>
  <c r="U188018" i="1"/>
  <c r="U188017" i="1"/>
  <c r="U188016" i="1"/>
  <c r="U188015" i="1"/>
  <c r="U188014" i="1"/>
  <c r="U188013" i="1"/>
  <c r="U188012" i="1"/>
  <c r="U188011" i="1"/>
  <c r="U188010" i="1"/>
  <c r="U188009" i="1"/>
  <c r="U188008" i="1"/>
  <c r="U188007" i="1"/>
  <c r="U188006" i="1"/>
  <c r="U188005" i="1"/>
  <c r="U188004" i="1"/>
  <c r="U188003" i="1"/>
  <c r="U188002" i="1"/>
  <c r="U188001" i="1"/>
  <c r="U188000" i="1"/>
  <c r="U187999" i="1"/>
  <c r="U187998" i="1"/>
  <c r="U187997" i="1"/>
  <c r="U187996" i="1"/>
  <c r="U187995" i="1"/>
  <c r="U187994" i="1"/>
  <c r="U187993" i="1"/>
  <c r="U187992" i="1"/>
  <c r="U187991" i="1"/>
  <c r="U187990" i="1"/>
  <c r="U187989" i="1"/>
  <c r="U187988" i="1"/>
  <c r="U187987" i="1"/>
  <c r="U187986" i="1"/>
  <c r="U187985" i="1"/>
  <c r="U187984" i="1"/>
  <c r="U187983" i="1"/>
  <c r="U187982" i="1"/>
  <c r="U187981" i="1"/>
  <c r="U187980" i="1"/>
  <c r="U187979" i="1"/>
  <c r="U187978" i="1"/>
  <c r="U187977" i="1"/>
  <c r="U187976" i="1"/>
  <c r="U187975" i="1"/>
  <c r="U187974" i="1"/>
  <c r="U187973" i="1"/>
  <c r="U187972" i="1"/>
  <c r="U187971" i="1"/>
  <c r="U187970" i="1"/>
  <c r="U187969" i="1"/>
  <c r="U187968" i="1"/>
  <c r="U187967" i="1"/>
  <c r="U187966" i="1"/>
  <c r="U187965" i="1"/>
  <c r="U187964" i="1"/>
  <c r="U187963" i="1"/>
  <c r="U187962" i="1"/>
  <c r="U187961" i="1"/>
  <c r="U187960" i="1"/>
  <c r="U187959" i="1"/>
  <c r="U187958" i="1"/>
  <c r="U187957" i="1"/>
  <c r="U187956" i="1"/>
  <c r="U187955" i="1"/>
  <c r="U187954" i="1"/>
  <c r="U187953" i="1"/>
  <c r="U187952" i="1"/>
  <c r="U187951" i="1"/>
  <c r="U187950" i="1"/>
  <c r="U187949" i="1"/>
  <c r="U187948" i="1"/>
  <c r="U187947" i="1"/>
  <c r="U187946" i="1"/>
  <c r="U187945" i="1"/>
  <c r="U187944" i="1"/>
  <c r="U187943" i="1"/>
  <c r="U187942" i="1"/>
  <c r="U187941" i="1"/>
  <c r="U187940" i="1"/>
  <c r="U187939" i="1"/>
  <c r="U187938" i="1"/>
  <c r="U187937" i="1"/>
  <c r="U187936" i="1"/>
  <c r="U187935" i="1"/>
  <c r="U187934" i="1"/>
  <c r="U187933" i="1"/>
  <c r="U187932" i="1"/>
  <c r="U187931" i="1"/>
  <c r="U187930" i="1"/>
  <c r="U187929" i="1"/>
  <c r="U187928" i="1"/>
  <c r="U187927" i="1"/>
  <c r="U187926" i="1"/>
  <c r="U187925" i="1"/>
  <c r="U187924" i="1"/>
  <c r="U187923" i="1"/>
  <c r="U187922" i="1"/>
  <c r="U187921" i="1"/>
  <c r="U187920" i="1"/>
  <c r="U187919" i="1"/>
  <c r="U187918" i="1"/>
  <c r="U187917" i="1"/>
  <c r="U187916" i="1"/>
  <c r="U187915" i="1"/>
  <c r="U187914" i="1"/>
  <c r="U187913" i="1"/>
  <c r="U187912" i="1"/>
  <c r="U187911" i="1"/>
  <c r="U187910" i="1"/>
  <c r="U187909" i="1"/>
  <c r="U187908" i="1"/>
  <c r="U187907" i="1"/>
  <c r="U187906" i="1"/>
  <c r="U187905" i="1"/>
  <c r="U187904" i="1"/>
  <c r="U187903" i="1"/>
  <c r="U187902" i="1"/>
  <c r="U187901" i="1"/>
  <c r="U187900" i="1"/>
  <c r="U187899" i="1"/>
  <c r="U187898" i="1"/>
  <c r="U187897" i="1"/>
  <c r="U187896" i="1"/>
  <c r="U187895" i="1"/>
  <c r="U187894" i="1"/>
  <c r="U187893" i="1"/>
  <c r="U187892" i="1"/>
  <c r="U187891" i="1"/>
  <c r="U187890" i="1"/>
  <c r="U187889" i="1"/>
  <c r="U187888" i="1"/>
  <c r="U187887" i="1"/>
  <c r="U187886" i="1"/>
  <c r="U187885" i="1"/>
  <c r="U187884" i="1"/>
  <c r="U187883" i="1"/>
  <c r="U187882" i="1"/>
  <c r="U187881" i="1"/>
  <c r="U187880" i="1"/>
  <c r="U187879" i="1"/>
  <c r="U187878" i="1"/>
  <c r="U187877" i="1"/>
  <c r="U187876" i="1"/>
  <c r="U187875" i="1"/>
  <c r="U187874" i="1"/>
  <c r="U187873" i="1"/>
  <c r="U187872" i="1"/>
  <c r="U187871" i="1"/>
  <c r="U187870" i="1"/>
  <c r="U187869" i="1"/>
  <c r="U187868" i="1"/>
  <c r="U187867" i="1"/>
  <c r="U187866" i="1"/>
  <c r="U187865" i="1"/>
  <c r="U187864" i="1"/>
  <c r="U187863" i="1"/>
  <c r="U187862" i="1"/>
  <c r="U187861" i="1"/>
  <c r="U187860" i="1"/>
  <c r="U187859" i="1"/>
  <c r="U187858" i="1"/>
  <c r="U187857" i="1"/>
  <c r="U187856" i="1"/>
  <c r="U187855" i="1"/>
  <c r="U187854" i="1"/>
  <c r="U187853" i="1"/>
  <c r="U187852" i="1"/>
  <c r="U187851" i="1"/>
  <c r="U187850" i="1"/>
  <c r="U187849" i="1"/>
  <c r="U187848" i="1"/>
  <c r="U187847" i="1"/>
  <c r="U187846" i="1"/>
  <c r="U187845" i="1"/>
  <c r="U187844" i="1"/>
  <c r="U187843" i="1"/>
  <c r="U187842" i="1"/>
  <c r="U187841" i="1"/>
  <c r="U187840" i="1"/>
  <c r="U187839" i="1"/>
  <c r="U187838" i="1"/>
  <c r="U187837" i="1"/>
  <c r="U187836" i="1"/>
  <c r="U187835" i="1"/>
  <c r="U187834" i="1"/>
  <c r="U187833" i="1"/>
  <c r="U187832" i="1"/>
  <c r="U187831" i="1"/>
  <c r="U187830" i="1"/>
  <c r="U187829" i="1"/>
  <c r="U187828" i="1"/>
  <c r="U187827" i="1"/>
  <c r="U187826" i="1"/>
  <c r="U187825" i="1"/>
  <c r="U187824" i="1"/>
  <c r="U187823" i="1"/>
  <c r="U187822" i="1"/>
  <c r="U187821" i="1"/>
  <c r="U187820" i="1"/>
  <c r="U187819" i="1"/>
  <c r="U187818" i="1"/>
  <c r="U187817" i="1"/>
  <c r="U187816" i="1"/>
  <c r="U187815" i="1"/>
  <c r="U187814" i="1"/>
  <c r="U187813" i="1"/>
  <c r="U187812" i="1"/>
  <c r="U187811" i="1"/>
  <c r="U187810" i="1"/>
  <c r="U187809" i="1"/>
  <c r="U187808" i="1"/>
  <c r="U187807" i="1"/>
  <c r="U187806" i="1"/>
  <c r="U187805" i="1"/>
  <c r="U187804" i="1"/>
  <c r="U187803" i="1"/>
  <c r="U187802" i="1"/>
  <c r="U187801" i="1"/>
  <c r="U187800" i="1"/>
  <c r="U187799" i="1"/>
  <c r="U187798" i="1"/>
  <c r="U187797" i="1"/>
  <c r="U187796" i="1"/>
  <c r="U187795" i="1"/>
  <c r="U187794" i="1"/>
  <c r="U187793" i="1"/>
  <c r="U187792" i="1"/>
  <c r="U187791" i="1"/>
  <c r="U187790" i="1"/>
  <c r="U187789" i="1"/>
  <c r="U187788" i="1"/>
  <c r="U187787" i="1"/>
  <c r="U187786" i="1"/>
  <c r="U187785" i="1"/>
  <c r="U187784" i="1"/>
  <c r="U187783" i="1"/>
  <c r="U187782" i="1"/>
  <c r="U187781" i="1"/>
  <c r="U187780" i="1"/>
  <c r="U187779" i="1"/>
  <c r="U187778" i="1"/>
  <c r="U187777" i="1"/>
  <c r="U187776" i="1"/>
  <c r="U187775" i="1"/>
  <c r="U187774" i="1"/>
  <c r="U187773" i="1"/>
  <c r="U187772" i="1"/>
  <c r="U187771" i="1"/>
  <c r="U187770" i="1"/>
  <c r="U187769" i="1"/>
  <c r="U187768" i="1"/>
  <c r="U187767" i="1"/>
  <c r="U187766" i="1"/>
  <c r="U187765" i="1"/>
  <c r="U187764" i="1"/>
  <c r="U187763" i="1"/>
  <c r="U187762" i="1"/>
  <c r="U187761" i="1"/>
  <c r="U187760" i="1"/>
  <c r="U187759" i="1"/>
  <c r="U187758" i="1"/>
  <c r="U187757" i="1"/>
  <c r="U187756" i="1"/>
  <c r="U187755" i="1"/>
  <c r="U187754" i="1"/>
  <c r="U187753" i="1"/>
  <c r="U187752" i="1"/>
  <c r="U187751" i="1"/>
  <c r="U187750" i="1"/>
  <c r="U187749" i="1"/>
  <c r="U187748" i="1"/>
  <c r="U187747" i="1"/>
  <c r="U187746" i="1"/>
  <c r="U187745" i="1"/>
  <c r="U187744" i="1"/>
  <c r="U187743" i="1"/>
  <c r="U187742" i="1"/>
  <c r="U187741" i="1"/>
  <c r="U187740" i="1"/>
  <c r="U187739" i="1"/>
  <c r="U187738" i="1"/>
  <c r="U187737" i="1"/>
  <c r="U187736" i="1"/>
  <c r="U187735" i="1"/>
  <c r="U187734" i="1"/>
  <c r="U187733" i="1"/>
  <c r="U187732" i="1"/>
  <c r="U187731" i="1"/>
  <c r="U187730" i="1"/>
  <c r="U187729" i="1"/>
  <c r="U187728" i="1"/>
  <c r="U187727" i="1"/>
  <c r="U187726" i="1"/>
  <c r="U187725" i="1"/>
  <c r="U187724" i="1"/>
  <c r="U187723" i="1"/>
  <c r="U187722" i="1"/>
  <c r="U187721" i="1"/>
  <c r="U187720" i="1"/>
  <c r="U187719" i="1"/>
  <c r="U187718" i="1"/>
  <c r="U187717" i="1"/>
  <c r="U187716" i="1"/>
  <c r="U187715" i="1"/>
  <c r="U187714" i="1"/>
  <c r="U187713" i="1"/>
  <c r="U187712" i="1"/>
  <c r="U187711" i="1"/>
  <c r="U187710" i="1"/>
  <c r="U187709" i="1"/>
  <c r="U187708" i="1"/>
  <c r="U187707" i="1"/>
  <c r="U187706" i="1"/>
  <c r="U187705" i="1"/>
  <c r="U187704" i="1"/>
  <c r="U187703" i="1"/>
  <c r="U187702" i="1"/>
  <c r="U187701" i="1"/>
  <c r="U187700" i="1"/>
  <c r="U187699" i="1"/>
  <c r="U187698" i="1"/>
  <c r="U187697" i="1"/>
  <c r="U187696" i="1"/>
  <c r="U187695" i="1"/>
  <c r="U187694" i="1"/>
  <c r="U187693" i="1"/>
  <c r="U187692" i="1"/>
  <c r="U187691" i="1"/>
  <c r="U187690" i="1"/>
  <c r="U187689" i="1"/>
  <c r="U187688" i="1"/>
  <c r="U187687" i="1"/>
  <c r="U187686" i="1"/>
  <c r="U187685" i="1"/>
  <c r="U187684" i="1"/>
  <c r="U187683" i="1"/>
  <c r="U187682" i="1"/>
  <c r="U187681" i="1"/>
  <c r="U187680" i="1"/>
  <c r="U187679" i="1"/>
  <c r="U187678" i="1"/>
  <c r="U187677" i="1"/>
  <c r="U187676" i="1"/>
  <c r="U187675" i="1"/>
  <c r="U187674" i="1"/>
  <c r="U187673" i="1"/>
  <c r="U187672" i="1"/>
  <c r="U187671" i="1"/>
  <c r="U187670" i="1"/>
  <c r="U187669" i="1"/>
  <c r="U187668" i="1"/>
  <c r="U187667" i="1"/>
  <c r="U187666" i="1"/>
  <c r="U187665" i="1"/>
  <c r="U187664" i="1"/>
  <c r="U187663" i="1"/>
  <c r="U187662" i="1"/>
  <c r="U187661" i="1"/>
  <c r="U187660" i="1"/>
  <c r="U187659" i="1"/>
  <c r="U187658" i="1"/>
  <c r="U187657" i="1"/>
  <c r="U187656" i="1"/>
  <c r="U187655" i="1"/>
  <c r="U187654" i="1"/>
  <c r="U187653" i="1"/>
  <c r="U187652" i="1"/>
  <c r="U187651" i="1"/>
  <c r="U187650" i="1"/>
  <c r="U187649" i="1"/>
  <c r="U187648" i="1"/>
  <c r="U187647" i="1"/>
  <c r="U187646" i="1"/>
  <c r="U187645" i="1"/>
  <c r="U187644" i="1"/>
  <c r="U187643" i="1"/>
  <c r="U187642" i="1"/>
  <c r="U187641" i="1"/>
  <c r="U187640" i="1"/>
  <c r="U187639" i="1"/>
  <c r="U187638" i="1"/>
  <c r="U187637" i="1"/>
  <c r="U187636" i="1"/>
  <c r="U187635" i="1"/>
  <c r="U187634" i="1"/>
  <c r="U187633" i="1"/>
  <c r="U187632" i="1"/>
  <c r="U187631" i="1"/>
  <c r="U187630" i="1"/>
  <c r="U187629" i="1"/>
  <c r="U187628" i="1"/>
  <c r="U187627" i="1"/>
  <c r="U187626" i="1"/>
  <c r="U187625" i="1"/>
  <c r="U187624" i="1"/>
  <c r="U187623" i="1"/>
  <c r="U187622" i="1"/>
  <c r="U187621" i="1"/>
  <c r="U187620" i="1"/>
  <c r="U187619" i="1"/>
  <c r="U187618" i="1"/>
  <c r="U187617" i="1"/>
  <c r="U187616" i="1"/>
  <c r="U187615" i="1"/>
  <c r="U187614" i="1"/>
  <c r="U187613" i="1"/>
  <c r="U187612" i="1"/>
  <c r="U187611" i="1"/>
  <c r="U187610" i="1"/>
  <c r="U187609" i="1"/>
  <c r="U187608" i="1"/>
  <c r="U187607" i="1"/>
  <c r="U187606" i="1"/>
  <c r="U187605" i="1"/>
  <c r="U187604" i="1"/>
  <c r="U187603" i="1"/>
  <c r="U187602" i="1"/>
  <c r="U187601" i="1"/>
  <c r="U187600" i="1"/>
  <c r="U187599" i="1"/>
  <c r="U187598" i="1"/>
  <c r="U187597" i="1"/>
  <c r="U187596" i="1"/>
  <c r="U187595" i="1"/>
  <c r="U187594" i="1"/>
  <c r="U187593" i="1"/>
  <c r="U187592" i="1"/>
  <c r="U187591" i="1"/>
  <c r="U187590" i="1"/>
  <c r="U187589" i="1"/>
  <c r="U187588" i="1"/>
  <c r="U187587" i="1"/>
  <c r="U187586" i="1"/>
  <c r="U187585" i="1"/>
  <c r="U187584" i="1"/>
  <c r="U187583" i="1"/>
  <c r="U187582" i="1"/>
  <c r="U187581" i="1"/>
  <c r="U187580" i="1"/>
  <c r="U187579" i="1"/>
  <c r="U187578" i="1"/>
  <c r="U187577" i="1"/>
  <c r="U187576" i="1"/>
  <c r="U187575" i="1"/>
  <c r="U187574" i="1"/>
  <c r="U187573" i="1"/>
  <c r="U187572" i="1"/>
  <c r="U187571" i="1"/>
  <c r="U187570" i="1"/>
  <c r="U187569" i="1"/>
  <c r="U187568" i="1"/>
  <c r="U187567" i="1"/>
  <c r="U187566" i="1"/>
  <c r="U187565" i="1"/>
  <c r="U187564" i="1"/>
  <c r="U187563" i="1"/>
  <c r="U187562" i="1"/>
  <c r="U187561" i="1"/>
  <c r="U187560" i="1"/>
  <c r="U187559" i="1"/>
  <c r="U187558" i="1"/>
  <c r="U187557" i="1"/>
  <c r="U187556" i="1"/>
  <c r="U187555" i="1"/>
  <c r="U187554" i="1"/>
  <c r="U187553" i="1"/>
  <c r="U187552" i="1"/>
  <c r="U187551" i="1"/>
  <c r="U187550" i="1"/>
  <c r="U187549" i="1"/>
  <c r="U187548" i="1"/>
  <c r="U187547" i="1"/>
  <c r="U187546" i="1"/>
  <c r="U187545" i="1"/>
  <c r="U187544" i="1"/>
  <c r="U187543" i="1"/>
  <c r="U187542" i="1"/>
  <c r="U187541" i="1"/>
  <c r="U187540" i="1"/>
  <c r="U187539" i="1"/>
  <c r="U187538" i="1"/>
  <c r="U187537" i="1"/>
  <c r="U187536" i="1"/>
  <c r="U187535" i="1"/>
  <c r="U187534" i="1"/>
  <c r="U187533" i="1"/>
  <c r="U187532" i="1"/>
  <c r="U187531" i="1"/>
  <c r="U187530" i="1"/>
  <c r="U187529" i="1"/>
  <c r="U187528" i="1"/>
  <c r="U187527" i="1"/>
  <c r="U187526" i="1"/>
  <c r="U187525" i="1"/>
  <c r="U187524" i="1"/>
  <c r="U187523" i="1"/>
  <c r="U187522" i="1"/>
  <c r="U187521" i="1"/>
  <c r="U187520" i="1"/>
  <c r="U187519" i="1"/>
  <c r="U187518" i="1"/>
  <c r="U187517" i="1"/>
  <c r="U187516" i="1"/>
  <c r="U187515" i="1"/>
  <c r="U187514" i="1"/>
  <c r="U187513" i="1"/>
  <c r="U187512" i="1"/>
  <c r="U187511" i="1"/>
  <c r="U187510" i="1"/>
  <c r="U187509" i="1"/>
  <c r="U187508" i="1"/>
  <c r="U187507" i="1"/>
  <c r="U187506" i="1"/>
  <c r="U187505" i="1"/>
  <c r="U187504" i="1"/>
  <c r="U187503" i="1"/>
  <c r="U187502" i="1"/>
  <c r="U187501" i="1"/>
  <c r="U187500" i="1"/>
  <c r="U187499" i="1"/>
  <c r="U187498" i="1"/>
  <c r="U187497" i="1"/>
  <c r="U187496" i="1"/>
  <c r="U187495" i="1"/>
  <c r="U187494" i="1"/>
  <c r="U187493" i="1"/>
  <c r="U187492" i="1"/>
  <c r="U187491" i="1"/>
  <c r="U187490" i="1"/>
  <c r="U187489" i="1"/>
  <c r="U187488" i="1"/>
  <c r="U187487" i="1"/>
  <c r="U187486" i="1"/>
  <c r="U187485" i="1"/>
  <c r="U187484" i="1"/>
  <c r="U187483" i="1"/>
  <c r="U187482" i="1"/>
  <c r="U187481" i="1"/>
  <c r="U187480" i="1"/>
  <c r="U187479" i="1"/>
  <c r="U187478" i="1"/>
  <c r="U187477" i="1"/>
  <c r="U187476" i="1"/>
  <c r="U187475" i="1"/>
  <c r="U187474" i="1"/>
  <c r="U187473" i="1"/>
  <c r="U187472" i="1"/>
  <c r="U187471" i="1"/>
  <c r="U187470" i="1"/>
  <c r="U187469" i="1"/>
  <c r="U187468" i="1"/>
  <c r="U187467" i="1"/>
  <c r="U187466" i="1"/>
  <c r="U187465" i="1"/>
  <c r="U187464" i="1"/>
  <c r="U187463" i="1"/>
  <c r="U187462" i="1"/>
  <c r="U187461" i="1"/>
  <c r="U187460" i="1"/>
  <c r="U187459" i="1"/>
  <c r="U187458" i="1"/>
  <c r="U187457" i="1"/>
  <c r="U187456" i="1"/>
  <c r="U187455" i="1"/>
  <c r="U187454" i="1"/>
  <c r="U187453" i="1"/>
  <c r="U187452" i="1"/>
  <c r="U187451" i="1"/>
  <c r="U187450" i="1"/>
  <c r="U187449" i="1"/>
  <c r="U187448" i="1"/>
  <c r="U187447" i="1"/>
  <c r="U187446" i="1"/>
  <c r="U187445" i="1"/>
  <c r="U187444" i="1"/>
  <c r="U187443" i="1"/>
  <c r="U187442" i="1"/>
  <c r="U187441" i="1"/>
  <c r="U187440" i="1"/>
  <c r="U187439" i="1"/>
  <c r="U187438" i="1"/>
  <c r="U187437" i="1"/>
  <c r="U187436" i="1"/>
  <c r="U187435" i="1"/>
  <c r="U187434" i="1"/>
  <c r="U187433" i="1"/>
  <c r="U187432" i="1"/>
  <c r="U187431" i="1"/>
  <c r="U187430" i="1"/>
  <c r="U187429" i="1"/>
  <c r="U187428" i="1"/>
  <c r="U187427" i="1"/>
  <c r="U187426" i="1"/>
  <c r="U187425" i="1"/>
  <c r="U187424" i="1"/>
  <c r="U187423" i="1"/>
  <c r="U187422" i="1"/>
  <c r="U187421" i="1"/>
  <c r="U187420" i="1"/>
  <c r="U187419" i="1"/>
  <c r="U187418" i="1"/>
  <c r="U187417" i="1"/>
  <c r="U187416" i="1"/>
  <c r="U187415" i="1"/>
  <c r="U187414" i="1"/>
  <c r="U187413" i="1"/>
  <c r="U187412" i="1"/>
  <c r="U187411" i="1"/>
  <c r="U187410" i="1"/>
  <c r="U187409" i="1"/>
  <c r="U187408" i="1"/>
  <c r="U187407" i="1"/>
  <c r="U187406" i="1"/>
  <c r="U187405" i="1"/>
  <c r="U187404" i="1"/>
  <c r="U187403" i="1"/>
  <c r="U187402" i="1"/>
  <c r="U187401" i="1"/>
  <c r="U187400" i="1"/>
  <c r="U187399" i="1"/>
  <c r="U187398" i="1"/>
  <c r="U187397" i="1"/>
  <c r="U187396" i="1"/>
  <c r="U187395" i="1"/>
  <c r="U187394" i="1"/>
  <c r="U187393" i="1"/>
  <c r="U187392" i="1"/>
  <c r="U187391" i="1"/>
  <c r="U187390" i="1"/>
  <c r="U187389" i="1"/>
  <c r="U187388" i="1"/>
  <c r="U187387" i="1"/>
  <c r="U187386" i="1"/>
  <c r="U187385" i="1"/>
  <c r="U187384" i="1"/>
  <c r="U187383" i="1"/>
  <c r="U187382" i="1"/>
  <c r="U187381" i="1"/>
  <c r="U187380" i="1"/>
  <c r="U187379" i="1"/>
  <c r="U187378" i="1"/>
  <c r="U187377" i="1"/>
  <c r="U187376" i="1"/>
  <c r="U187375" i="1"/>
  <c r="U187374" i="1"/>
  <c r="U187373" i="1"/>
  <c r="U187372" i="1"/>
  <c r="U187371" i="1"/>
  <c r="U187370" i="1"/>
  <c r="U187369" i="1"/>
  <c r="U187368" i="1"/>
  <c r="U187367" i="1"/>
  <c r="U187366" i="1"/>
  <c r="U187365" i="1"/>
  <c r="U187364" i="1"/>
  <c r="U187363" i="1"/>
  <c r="U187362" i="1"/>
  <c r="U187361" i="1"/>
  <c r="U187360" i="1"/>
  <c r="U187359" i="1"/>
  <c r="U187358" i="1"/>
  <c r="U187357" i="1"/>
  <c r="U187356" i="1"/>
  <c r="U187355" i="1"/>
  <c r="U187354" i="1"/>
  <c r="U187353" i="1"/>
  <c r="U187352" i="1"/>
  <c r="U187351" i="1"/>
  <c r="U187350" i="1"/>
  <c r="U187349" i="1"/>
  <c r="U187348" i="1"/>
  <c r="U187347" i="1"/>
  <c r="U187346" i="1"/>
  <c r="U187345" i="1"/>
  <c r="U187344" i="1"/>
  <c r="U187343" i="1"/>
  <c r="U187342" i="1"/>
  <c r="U187341" i="1"/>
  <c r="U187340" i="1"/>
  <c r="U187339" i="1"/>
  <c r="U187338" i="1"/>
  <c r="U187337" i="1"/>
  <c r="U187336" i="1"/>
  <c r="U187335" i="1"/>
  <c r="U187334" i="1"/>
  <c r="U187333" i="1"/>
  <c r="U187332" i="1"/>
  <c r="U187331" i="1"/>
  <c r="U187330" i="1"/>
  <c r="U187329" i="1"/>
  <c r="U187328" i="1"/>
  <c r="U187327" i="1"/>
  <c r="U187326" i="1"/>
  <c r="U187325" i="1"/>
  <c r="U187324" i="1"/>
  <c r="U187323" i="1"/>
  <c r="U187322" i="1"/>
  <c r="U187321" i="1"/>
  <c r="U187320" i="1"/>
  <c r="U187319" i="1"/>
  <c r="U187318" i="1"/>
  <c r="U187317" i="1"/>
  <c r="U187316" i="1"/>
  <c r="U187315" i="1"/>
  <c r="U187314" i="1"/>
  <c r="U187313" i="1"/>
  <c r="U187312" i="1"/>
  <c r="U187311" i="1"/>
  <c r="U187310" i="1"/>
  <c r="U187309" i="1"/>
  <c r="U187308" i="1"/>
  <c r="U187307" i="1"/>
  <c r="U187306" i="1"/>
  <c r="U187305" i="1"/>
  <c r="U187304" i="1"/>
  <c r="U187303" i="1"/>
  <c r="U187302" i="1"/>
  <c r="U187301" i="1"/>
  <c r="U187300" i="1"/>
  <c r="U187299" i="1"/>
  <c r="U187298" i="1"/>
  <c r="U187297" i="1"/>
  <c r="U187296" i="1"/>
  <c r="U187295" i="1"/>
  <c r="U187294" i="1"/>
  <c r="U187293" i="1"/>
  <c r="U187292" i="1"/>
  <c r="U187291" i="1"/>
  <c r="U187290" i="1"/>
  <c r="U187289" i="1"/>
  <c r="U187288" i="1"/>
  <c r="U187287" i="1"/>
  <c r="U187286" i="1"/>
  <c r="U187285" i="1"/>
  <c r="U187284" i="1"/>
  <c r="U187283" i="1"/>
  <c r="U187282" i="1"/>
  <c r="U187281" i="1"/>
  <c r="U187280" i="1"/>
  <c r="U187279" i="1"/>
  <c r="U187278" i="1"/>
  <c r="U187277" i="1"/>
  <c r="U187276" i="1"/>
  <c r="U187275" i="1"/>
  <c r="U187274" i="1"/>
  <c r="U187273" i="1"/>
  <c r="U187272" i="1"/>
  <c r="U187271" i="1"/>
  <c r="U187270" i="1"/>
  <c r="U187269" i="1"/>
  <c r="U187268" i="1"/>
  <c r="U187267" i="1"/>
  <c r="U187266" i="1"/>
  <c r="U187265" i="1"/>
  <c r="U187264" i="1"/>
  <c r="U187263" i="1"/>
  <c r="U187262" i="1"/>
  <c r="U187261" i="1"/>
  <c r="U187260" i="1"/>
  <c r="U187259" i="1"/>
  <c r="U187258" i="1"/>
  <c r="U187257" i="1"/>
  <c r="U187256" i="1"/>
  <c r="U187255" i="1"/>
  <c r="U187254" i="1"/>
  <c r="U187253" i="1"/>
  <c r="U187252" i="1"/>
  <c r="U187251" i="1"/>
  <c r="U187250" i="1"/>
  <c r="U187249" i="1"/>
  <c r="U187248" i="1"/>
  <c r="U187247" i="1"/>
  <c r="U187246" i="1"/>
  <c r="U187245" i="1"/>
  <c r="U187244" i="1"/>
  <c r="U187243" i="1"/>
  <c r="U187242" i="1"/>
  <c r="U187241" i="1"/>
  <c r="U187240" i="1"/>
  <c r="U187239" i="1"/>
  <c r="U187238" i="1"/>
  <c r="U187237" i="1"/>
  <c r="U187236" i="1"/>
  <c r="U187235" i="1"/>
  <c r="U187234" i="1"/>
  <c r="U187233" i="1"/>
  <c r="U187232" i="1"/>
  <c r="U187231" i="1"/>
  <c r="U187230" i="1"/>
  <c r="U187229" i="1"/>
  <c r="U187228" i="1"/>
  <c r="U187227" i="1"/>
  <c r="U187226" i="1"/>
  <c r="U187225" i="1"/>
  <c r="U187224" i="1"/>
  <c r="U187223" i="1"/>
  <c r="U187222" i="1"/>
  <c r="U187221" i="1"/>
  <c r="U187220" i="1"/>
  <c r="U187219" i="1"/>
  <c r="U187218" i="1"/>
  <c r="U187217" i="1"/>
  <c r="U187216" i="1"/>
  <c r="U187215" i="1"/>
  <c r="U187214" i="1"/>
  <c r="U187213" i="1"/>
  <c r="U187212" i="1"/>
  <c r="U187211" i="1"/>
  <c r="U187210" i="1"/>
  <c r="U187209" i="1"/>
  <c r="U187208" i="1"/>
  <c r="U187207" i="1"/>
  <c r="U187206" i="1"/>
  <c r="U187205" i="1"/>
  <c r="U187204" i="1"/>
  <c r="U187203" i="1"/>
  <c r="U187202" i="1"/>
  <c r="U187201" i="1"/>
  <c r="U187200" i="1"/>
  <c r="U187199" i="1"/>
  <c r="U187198" i="1"/>
  <c r="U187197" i="1"/>
  <c r="U187196" i="1"/>
  <c r="U187195" i="1"/>
  <c r="U187194" i="1"/>
  <c r="U187193" i="1"/>
  <c r="U187192" i="1"/>
  <c r="U187191" i="1"/>
  <c r="U187190" i="1"/>
  <c r="U187189" i="1"/>
  <c r="U187188" i="1"/>
  <c r="U187187" i="1"/>
  <c r="U187186" i="1"/>
  <c r="U187185" i="1"/>
  <c r="U187184" i="1"/>
  <c r="U187183" i="1"/>
  <c r="U187182" i="1"/>
  <c r="U187181" i="1"/>
  <c r="U187180" i="1"/>
  <c r="U187179" i="1"/>
  <c r="U187178" i="1"/>
  <c r="U187177" i="1"/>
  <c r="U187176" i="1"/>
  <c r="U187175" i="1"/>
  <c r="U187174" i="1"/>
  <c r="U187173" i="1"/>
  <c r="U187172" i="1"/>
  <c r="U187171" i="1"/>
  <c r="U187170" i="1"/>
  <c r="U187169" i="1"/>
  <c r="U187168" i="1"/>
  <c r="U187167" i="1"/>
  <c r="U187166" i="1"/>
  <c r="U187165" i="1"/>
  <c r="U187164" i="1"/>
  <c r="U187163" i="1"/>
  <c r="U187162" i="1"/>
  <c r="U187161" i="1"/>
  <c r="U187160" i="1"/>
  <c r="U187159" i="1"/>
  <c r="U187158" i="1"/>
  <c r="U187157" i="1"/>
  <c r="U187156" i="1"/>
  <c r="U187155" i="1"/>
  <c r="U187154" i="1"/>
  <c r="U187153" i="1"/>
  <c r="U187152" i="1"/>
  <c r="U187151" i="1"/>
  <c r="U187150" i="1"/>
  <c r="U187149" i="1"/>
  <c r="U187148" i="1"/>
  <c r="U187147" i="1"/>
  <c r="U187146" i="1"/>
  <c r="U187145" i="1"/>
  <c r="U187144" i="1"/>
  <c r="U187143" i="1"/>
  <c r="U187142" i="1"/>
  <c r="U187141" i="1"/>
  <c r="U187140" i="1"/>
  <c r="U187139" i="1"/>
  <c r="U187138" i="1"/>
  <c r="U187137" i="1"/>
  <c r="U187136" i="1"/>
  <c r="U187135" i="1"/>
  <c r="U187134" i="1"/>
  <c r="U187133" i="1"/>
  <c r="U187132" i="1"/>
  <c r="U187131" i="1"/>
  <c r="U187130" i="1"/>
  <c r="U187129" i="1"/>
  <c r="U187128" i="1"/>
  <c r="U187127" i="1"/>
  <c r="U187126" i="1"/>
  <c r="U187125" i="1"/>
  <c r="U187124" i="1"/>
  <c r="U187123" i="1"/>
  <c r="U187122" i="1"/>
  <c r="U187121" i="1"/>
  <c r="U187120" i="1"/>
  <c r="U187119" i="1"/>
  <c r="U187118" i="1"/>
  <c r="U187117" i="1"/>
  <c r="U187116" i="1"/>
  <c r="U187115" i="1"/>
  <c r="U187114" i="1"/>
  <c r="U187113" i="1"/>
  <c r="U187112" i="1"/>
  <c r="U187111" i="1"/>
  <c r="U187110" i="1"/>
  <c r="U187109" i="1"/>
  <c r="U187108" i="1"/>
  <c r="U187107" i="1"/>
  <c r="U187106" i="1"/>
  <c r="U187105" i="1"/>
  <c r="U187104" i="1"/>
  <c r="U187103" i="1"/>
  <c r="U187102" i="1"/>
  <c r="U187101" i="1"/>
  <c r="U187100" i="1"/>
  <c r="U187099" i="1"/>
  <c r="U187098" i="1"/>
  <c r="U187097" i="1"/>
  <c r="U187096" i="1"/>
  <c r="U187095" i="1"/>
  <c r="U187094" i="1"/>
  <c r="U187093" i="1"/>
  <c r="U187092" i="1"/>
  <c r="U187091" i="1"/>
  <c r="U187090" i="1"/>
  <c r="U187089" i="1"/>
  <c r="U187088" i="1"/>
  <c r="U187087" i="1"/>
  <c r="U187086" i="1"/>
  <c r="U187085" i="1"/>
  <c r="U187084" i="1"/>
  <c r="U187083" i="1"/>
  <c r="U187082" i="1"/>
  <c r="U187081" i="1"/>
  <c r="U187080" i="1"/>
  <c r="U187079" i="1"/>
  <c r="U187078" i="1"/>
  <c r="U187077" i="1"/>
  <c r="U187076" i="1"/>
  <c r="U187075" i="1"/>
  <c r="U187074" i="1"/>
  <c r="U187073" i="1"/>
  <c r="U187072" i="1"/>
  <c r="U187071" i="1"/>
  <c r="U187070" i="1"/>
  <c r="U187069" i="1"/>
  <c r="U187068" i="1"/>
  <c r="U187067" i="1"/>
  <c r="U187066" i="1"/>
  <c r="U187065" i="1"/>
  <c r="U187064" i="1"/>
  <c r="U187063" i="1"/>
  <c r="U187062" i="1"/>
  <c r="U187061" i="1"/>
  <c r="U187060" i="1"/>
  <c r="U187059" i="1"/>
  <c r="U187058" i="1"/>
  <c r="U187057" i="1"/>
  <c r="U187056" i="1"/>
  <c r="U187055" i="1"/>
  <c r="U187054" i="1"/>
  <c r="U187053" i="1"/>
  <c r="U187052" i="1"/>
  <c r="U187051" i="1"/>
  <c r="U187050" i="1"/>
  <c r="U187049" i="1"/>
  <c r="U187048" i="1"/>
  <c r="U187047" i="1"/>
  <c r="U187046" i="1"/>
  <c r="U187045" i="1"/>
  <c r="U187044" i="1"/>
  <c r="U187043" i="1"/>
  <c r="U187042" i="1"/>
  <c r="U187041" i="1"/>
  <c r="U187040" i="1"/>
  <c r="U187039" i="1"/>
  <c r="U187038" i="1"/>
  <c r="U187037" i="1"/>
  <c r="U187036" i="1"/>
  <c r="U187035" i="1"/>
  <c r="U187034" i="1"/>
  <c r="U187033" i="1"/>
  <c r="U187032" i="1"/>
  <c r="U187031" i="1"/>
  <c r="U187030" i="1"/>
  <c r="U187029" i="1"/>
  <c r="U187028" i="1"/>
  <c r="U187027" i="1"/>
  <c r="U187026" i="1"/>
  <c r="U187025" i="1"/>
  <c r="U187024" i="1"/>
  <c r="U187023" i="1"/>
  <c r="U187022" i="1"/>
  <c r="U187021" i="1"/>
  <c r="U187020" i="1"/>
  <c r="U187019" i="1"/>
  <c r="U187018" i="1"/>
  <c r="U187017" i="1"/>
  <c r="U187016" i="1"/>
  <c r="U187015" i="1"/>
  <c r="U187014" i="1"/>
  <c r="U187013" i="1"/>
  <c r="U187012" i="1"/>
  <c r="U187011" i="1"/>
  <c r="U187010" i="1"/>
  <c r="U187009" i="1"/>
  <c r="U187008" i="1"/>
  <c r="U187007" i="1"/>
  <c r="U187006" i="1"/>
  <c r="U187005" i="1"/>
  <c r="U187004" i="1"/>
  <c r="U187003" i="1"/>
  <c r="U187002" i="1"/>
  <c r="U187001" i="1"/>
  <c r="U187000" i="1"/>
  <c r="U186999" i="1"/>
  <c r="U186998" i="1"/>
  <c r="U186997" i="1"/>
  <c r="U186996" i="1"/>
  <c r="U186995" i="1"/>
  <c r="U186994" i="1"/>
  <c r="U186993" i="1"/>
  <c r="U186992" i="1"/>
  <c r="U186991" i="1"/>
  <c r="U186990" i="1"/>
  <c r="U186989" i="1"/>
  <c r="U186988" i="1"/>
  <c r="U186987" i="1"/>
  <c r="U186986" i="1"/>
  <c r="U186985" i="1"/>
  <c r="U186984" i="1"/>
  <c r="U186983" i="1"/>
  <c r="U186982" i="1"/>
  <c r="U186981" i="1"/>
  <c r="U186980" i="1"/>
  <c r="U186979" i="1"/>
  <c r="U186978" i="1"/>
  <c r="U186977" i="1"/>
  <c r="U186976" i="1"/>
  <c r="U186975" i="1"/>
  <c r="U186974" i="1"/>
  <c r="U186973" i="1"/>
  <c r="U186972" i="1"/>
  <c r="U186971" i="1"/>
  <c r="U186970" i="1"/>
  <c r="U186969" i="1"/>
  <c r="U186968" i="1"/>
  <c r="U186967" i="1"/>
  <c r="U186966" i="1"/>
  <c r="U186965" i="1"/>
  <c r="U186964" i="1"/>
  <c r="U186963" i="1"/>
  <c r="U186962" i="1"/>
  <c r="U186961" i="1"/>
  <c r="U186960" i="1"/>
  <c r="U186959" i="1"/>
  <c r="U186958" i="1"/>
  <c r="U186957" i="1"/>
  <c r="U186956" i="1"/>
  <c r="U186955" i="1"/>
  <c r="U186954" i="1"/>
  <c r="U186953" i="1"/>
  <c r="U186952" i="1"/>
  <c r="U186951" i="1"/>
  <c r="U186950" i="1"/>
  <c r="U186949" i="1"/>
  <c r="U186948" i="1"/>
  <c r="U186947" i="1"/>
  <c r="U186946" i="1"/>
  <c r="U186945" i="1"/>
  <c r="U186944" i="1"/>
  <c r="U186943" i="1"/>
  <c r="U186942" i="1"/>
  <c r="U186941" i="1"/>
  <c r="U186940" i="1"/>
  <c r="U186939" i="1"/>
  <c r="U186938" i="1"/>
  <c r="U186937" i="1"/>
  <c r="U186936" i="1"/>
  <c r="U186935" i="1"/>
  <c r="U186934" i="1"/>
  <c r="U186933" i="1"/>
  <c r="U186932" i="1"/>
  <c r="U186931" i="1"/>
  <c r="U186930" i="1"/>
  <c r="U186929" i="1"/>
  <c r="U186928" i="1"/>
  <c r="U186927" i="1"/>
  <c r="U186926" i="1"/>
  <c r="U186925" i="1"/>
  <c r="U186924" i="1"/>
  <c r="U186923" i="1"/>
  <c r="U186922" i="1"/>
  <c r="U186921" i="1"/>
  <c r="U186920" i="1"/>
  <c r="U186919" i="1"/>
  <c r="U186918" i="1"/>
  <c r="U186917" i="1"/>
  <c r="U186916" i="1"/>
  <c r="U186915" i="1"/>
  <c r="U186914" i="1"/>
  <c r="U186913" i="1"/>
  <c r="U186912" i="1"/>
  <c r="U186911" i="1"/>
  <c r="U186910" i="1"/>
  <c r="U186909" i="1"/>
  <c r="U186908" i="1"/>
  <c r="U186907" i="1"/>
  <c r="U186906" i="1"/>
  <c r="U186905" i="1"/>
  <c r="U186904" i="1"/>
  <c r="U186903" i="1"/>
  <c r="U186902" i="1"/>
  <c r="U186901" i="1"/>
  <c r="U186900" i="1"/>
  <c r="U186899" i="1"/>
  <c r="U186898" i="1"/>
  <c r="U186897" i="1"/>
  <c r="U186896" i="1"/>
  <c r="U186895" i="1"/>
  <c r="U186894" i="1"/>
  <c r="U186893" i="1"/>
  <c r="U186892" i="1"/>
  <c r="U186891" i="1"/>
  <c r="U186890" i="1"/>
  <c r="U186889" i="1"/>
  <c r="U186888" i="1"/>
  <c r="U186887" i="1"/>
  <c r="U186886" i="1"/>
  <c r="U186885" i="1"/>
  <c r="U186884" i="1"/>
  <c r="U186883" i="1"/>
  <c r="U186882" i="1"/>
  <c r="U186881" i="1"/>
  <c r="U186880" i="1"/>
  <c r="U186879" i="1"/>
  <c r="U186878" i="1"/>
  <c r="U186877" i="1"/>
  <c r="U186876" i="1"/>
  <c r="U186875" i="1"/>
  <c r="U186874" i="1"/>
  <c r="U186873" i="1"/>
  <c r="U186872" i="1"/>
  <c r="U186871" i="1"/>
  <c r="U186870" i="1"/>
  <c r="U186869" i="1"/>
  <c r="U186868" i="1"/>
  <c r="U186867" i="1"/>
  <c r="U186866" i="1"/>
  <c r="U186865" i="1"/>
  <c r="U186864" i="1"/>
  <c r="U186863" i="1"/>
  <c r="U186862" i="1"/>
  <c r="U186861" i="1"/>
  <c r="U186860" i="1"/>
  <c r="U186859" i="1"/>
  <c r="U186858" i="1"/>
  <c r="U186857" i="1"/>
  <c r="U186856" i="1"/>
  <c r="U186855" i="1"/>
  <c r="U186854" i="1"/>
  <c r="U186853" i="1"/>
  <c r="U186852" i="1"/>
  <c r="U186851" i="1"/>
  <c r="U186850" i="1"/>
  <c r="U186849" i="1"/>
  <c r="U186848" i="1"/>
  <c r="U186847" i="1"/>
  <c r="U186846" i="1"/>
  <c r="U186845" i="1"/>
  <c r="U186844" i="1"/>
  <c r="U186843" i="1"/>
  <c r="U186842" i="1"/>
  <c r="U186841" i="1"/>
  <c r="U186840" i="1"/>
  <c r="U186839" i="1"/>
  <c r="U186838" i="1"/>
  <c r="U186837" i="1"/>
  <c r="U186836" i="1"/>
  <c r="U186835" i="1"/>
  <c r="U186834" i="1"/>
  <c r="U186833" i="1"/>
  <c r="U186832" i="1"/>
  <c r="U186831" i="1"/>
  <c r="U186830" i="1"/>
  <c r="U186829" i="1"/>
  <c r="U186828" i="1"/>
  <c r="U186827" i="1"/>
  <c r="U186826" i="1"/>
  <c r="U186825" i="1"/>
  <c r="U186824" i="1"/>
  <c r="U186823" i="1"/>
  <c r="U186822" i="1"/>
  <c r="U186821" i="1"/>
  <c r="U186820" i="1"/>
  <c r="U186819" i="1"/>
  <c r="U186818" i="1"/>
  <c r="U186817" i="1"/>
  <c r="U186816" i="1"/>
  <c r="U186815" i="1"/>
  <c r="U186814" i="1"/>
  <c r="U186813" i="1"/>
  <c r="U186812" i="1"/>
  <c r="U186811" i="1"/>
  <c r="U186810" i="1"/>
  <c r="U186809" i="1"/>
  <c r="U186808" i="1"/>
  <c r="U186807" i="1"/>
  <c r="U186806" i="1"/>
  <c r="U186805" i="1"/>
  <c r="U186804" i="1"/>
  <c r="U186803" i="1"/>
  <c r="U186802" i="1"/>
  <c r="U186801" i="1"/>
  <c r="U186800" i="1"/>
  <c r="U186799" i="1"/>
  <c r="U186798" i="1"/>
  <c r="U186797" i="1"/>
  <c r="U186796" i="1"/>
  <c r="U186795" i="1"/>
  <c r="U186794" i="1"/>
  <c r="U186793" i="1"/>
  <c r="U186792" i="1"/>
  <c r="U186791" i="1"/>
  <c r="U186790" i="1"/>
  <c r="U186789" i="1"/>
  <c r="U186788" i="1"/>
  <c r="U186787" i="1"/>
  <c r="U186786" i="1"/>
  <c r="U186785" i="1"/>
  <c r="U186784" i="1"/>
  <c r="U186783" i="1"/>
  <c r="U186782" i="1"/>
  <c r="U186781" i="1"/>
  <c r="U186780" i="1"/>
  <c r="U186779" i="1"/>
  <c r="U186778" i="1"/>
  <c r="U186777" i="1"/>
  <c r="U186776" i="1"/>
  <c r="U186775" i="1"/>
  <c r="U186774" i="1"/>
  <c r="U186773" i="1"/>
  <c r="U186772" i="1"/>
  <c r="U186771" i="1"/>
  <c r="U186770" i="1"/>
  <c r="U186769" i="1"/>
  <c r="U186768" i="1"/>
  <c r="U186767" i="1"/>
  <c r="U186766" i="1"/>
  <c r="U186765" i="1"/>
  <c r="U186764" i="1"/>
  <c r="U186763" i="1"/>
  <c r="U186762" i="1"/>
  <c r="U186761" i="1"/>
  <c r="U186760" i="1"/>
  <c r="U186759" i="1"/>
  <c r="U186758" i="1"/>
  <c r="U186757" i="1"/>
  <c r="U186756" i="1"/>
  <c r="U186755" i="1"/>
  <c r="U186754" i="1"/>
  <c r="U186753" i="1"/>
  <c r="U186752" i="1"/>
  <c r="U186751" i="1"/>
  <c r="U186750" i="1"/>
  <c r="U186749" i="1"/>
  <c r="U186748" i="1"/>
  <c r="U186747" i="1"/>
  <c r="U186746" i="1"/>
  <c r="U186745" i="1"/>
  <c r="U186744" i="1"/>
  <c r="U186743" i="1"/>
  <c r="U186742" i="1"/>
  <c r="U186741" i="1"/>
  <c r="U186740" i="1"/>
  <c r="U186739" i="1"/>
  <c r="U186738" i="1"/>
  <c r="U186737" i="1"/>
  <c r="U186736" i="1"/>
  <c r="U186735" i="1"/>
  <c r="U186734" i="1"/>
  <c r="U186733" i="1"/>
  <c r="U186732" i="1"/>
  <c r="U186731" i="1"/>
  <c r="U186730" i="1"/>
  <c r="U186729" i="1"/>
  <c r="U186728" i="1"/>
  <c r="U186727" i="1"/>
  <c r="U186726" i="1"/>
  <c r="U186725" i="1"/>
  <c r="U186724" i="1"/>
  <c r="U186723" i="1"/>
  <c r="U186722" i="1"/>
  <c r="U186721" i="1"/>
  <c r="U186720" i="1"/>
  <c r="U186719" i="1"/>
  <c r="U186718" i="1"/>
  <c r="U186717" i="1"/>
  <c r="U186716" i="1"/>
  <c r="U186715" i="1"/>
  <c r="U186714" i="1"/>
  <c r="U186713" i="1"/>
  <c r="U186712" i="1"/>
  <c r="U186711" i="1"/>
  <c r="U186710" i="1"/>
  <c r="U186709" i="1"/>
  <c r="U186708" i="1"/>
  <c r="U186707" i="1"/>
  <c r="U186706" i="1"/>
  <c r="U186705" i="1"/>
  <c r="U186704" i="1"/>
  <c r="U186703" i="1"/>
  <c r="U186702" i="1"/>
  <c r="U186701" i="1"/>
  <c r="U186700" i="1"/>
  <c r="U186699" i="1"/>
  <c r="U186698" i="1"/>
  <c r="U186697" i="1"/>
  <c r="U186696" i="1"/>
  <c r="U186695" i="1"/>
  <c r="U186694" i="1"/>
  <c r="U186693" i="1"/>
  <c r="U186692" i="1"/>
  <c r="U186691" i="1"/>
  <c r="U186690" i="1"/>
  <c r="U186689" i="1"/>
  <c r="U186688" i="1"/>
  <c r="U186687" i="1"/>
  <c r="U186686" i="1"/>
  <c r="U186685" i="1"/>
  <c r="U186684" i="1"/>
  <c r="U186683" i="1"/>
  <c r="U186682" i="1"/>
  <c r="U186681" i="1"/>
  <c r="U186680" i="1"/>
  <c r="U186679" i="1"/>
  <c r="U186678" i="1"/>
  <c r="U186677" i="1"/>
  <c r="U186676" i="1"/>
  <c r="U186675" i="1"/>
  <c r="U186674" i="1"/>
  <c r="U186673" i="1"/>
  <c r="U186672" i="1"/>
  <c r="U186671" i="1"/>
  <c r="U186670" i="1"/>
  <c r="U186669" i="1"/>
  <c r="U186668" i="1"/>
  <c r="U186667" i="1"/>
  <c r="U186666" i="1"/>
  <c r="U186665" i="1"/>
  <c r="U186664" i="1"/>
  <c r="U186663" i="1"/>
  <c r="U186662" i="1"/>
  <c r="U186661" i="1"/>
  <c r="U186660" i="1"/>
  <c r="U186659" i="1"/>
  <c r="U186658" i="1"/>
  <c r="U186657" i="1"/>
  <c r="U186656" i="1"/>
  <c r="U186655" i="1"/>
  <c r="U186654" i="1"/>
  <c r="U186653" i="1"/>
  <c r="U186652" i="1"/>
  <c r="U186651" i="1"/>
  <c r="U186650" i="1"/>
  <c r="U186649" i="1"/>
  <c r="U186648" i="1"/>
  <c r="U186647" i="1"/>
  <c r="U186646" i="1"/>
  <c r="U186645" i="1"/>
  <c r="U186644" i="1"/>
  <c r="U186643" i="1"/>
  <c r="U186642" i="1"/>
  <c r="U186641" i="1"/>
  <c r="U186640" i="1"/>
  <c r="U186639" i="1"/>
  <c r="U186638" i="1"/>
  <c r="U186637" i="1"/>
  <c r="U186636" i="1"/>
  <c r="U186635" i="1"/>
  <c r="U186634" i="1"/>
  <c r="U186633" i="1"/>
  <c r="U186632" i="1"/>
  <c r="U186631" i="1"/>
  <c r="U186630" i="1"/>
  <c r="U186629" i="1"/>
  <c r="U186628" i="1"/>
  <c r="U186627" i="1"/>
  <c r="U186626" i="1"/>
  <c r="U186625" i="1"/>
  <c r="U186624" i="1"/>
  <c r="U186623" i="1"/>
  <c r="U186622" i="1"/>
  <c r="U186621" i="1"/>
  <c r="U186620" i="1"/>
  <c r="U186619" i="1"/>
  <c r="U186618" i="1"/>
  <c r="U186617" i="1"/>
  <c r="U186616" i="1"/>
  <c r="U186615" i="1"/>
  <c r="U186614" i="1"/>
  <c r="U186613" i="1"/>
  <c r="U186612" i="1"/>
  <c r="U186611" i="1"/>
  <c r="U186610" i="1"/>
  <c r="U186609" i="1"/>
  <c r="U186608" i="1"/>
  <c r="U186607" i="1"/>
  <c r="U186606" i="1"/>
  <c r="U186605" i="1"/>
  <c r="U186604" i="1"/>
  <c r="U186603" i="1"/>
  <c r="U186602" i="1"/>
  <c r="U186601" i="1"/>
  <c r="U186600" i="1"/>
  <c r="U186599" i="1"/>
  <c r="U186598" i="1"/>
  <c r="U186597" i="1"/>
  <c r="U186596" i="1"/>
  <c r="U186595" i="1"/>
  <c r="U186594" i="1"/>
  <c r="U186593" i="1"/>
  <c r="U186592" i="1"/>
  <c r="U186591" i="1"/>
  <c r="U186590" i="1"/>
  <c r="U186589" i="1"/>
  <c r="U186588" i="1"/>
  <c r="U186587" i="1"/>
  <c r="U186586" i="1"/>
  <c r="U186585" i="1"/>
  <c r="U186584" i="1"/>
  <c r="U186583" i="1"/>
  <c r="U186582" i="1"/>
  <c r="U186581" i="1"/>
  <c r="U186580" i="1"/>
  <c r="U186579" i="1"/>
  <c r="U186578" i="1"/>
  <c r="U186577" i="1"/>
  <c r="U186576" i="1"/>
  <c r="U186575" i="1"/>
  <c r="U186574" i="1"/>
  <c r="U186573" i="1"/>
  <c r="U186572" i="1"/>
  <c r="U186571" i="1"/>
  <c r="U186570" i="1"/>
  <c r="U186569" i="1"/>
  <c r="U186568" i="1"/>
  <c r="U186567" i="1"/>
  <c r="U186566" i="1"/>
  <c r="U186565" i="1"/>
  <c r="U186564" i="1"/>
  <c r="U186563" i="1"/>
  <c r="U186562" i="1"/>
  <c r="U186561" i="1"/>
  <c r="U186560" i="1"/>
  <c r="U186559" i="1"/>
  <c r="U186558" i="1"/>
  <c r="U186557" i="1"/>
  <c r="U186556" i="1"/>
  <c r="U186555" i="1"/>
  <c r="U186554" i="1"/>
  <c r="U186553" i="1"/>
  <c r="U186552" i="1"/>
  <c r="U186551" i="1"/>
  <c r="U186550" i="1"/>
  <c r="U186549" i="1"/>
  <c r="U186548" i="1"/>
  <c r="U186547" i="1"/>
  <c r="U186546" i="1"/>
  <c r="U186545" i="1"/>
  <c r="U186544" i="1"/>
  <c r="U186543" i="1"/>
  <c r="U186542" i="1"/>
  <c r="U186541" i="1"/>
  <c r="U186540" i="1"/>
  <c r="U186539" i="1"/>
  <c r="U186538" i="1"/>
  <c r="U186537" i="1"/>
  <c r="U186536" i="1"/>
  <c r="U186535" i="1"/>
  <c r="U186534" i="1"/>
  <c r="U186533" i="1"/>
  <c r="U186532" i="1"/>
  <c r="U186531" i="1"/>
  <c r="U186530" i="1"/>
  <c r="U186529" i="1"/>
  <c r="U186528" i="1"/>
  <c r="U186527" i="1"/>
  <c r="U186526" i="1"/>
  <c r="U186525" i="1"/>
  <c r="U186524" i="1"/>
  <c r="U186523" i="1"/>
  <c r="U186522" i="1"/>
  <c r="U186521" i="1"/>
  <c r="U186520" i="1"/>
  <c r="U186519" i="1"/>
  <c r="U186518" i="1"/>
  <c r="U186517" i="1"/>
  <c r="U186516" i="1"/>
  <c r="U186515" i="1"/>
  <c r="U186514" i="1"/>
  <c r="U186513" i="1"/>
  <c r="U186512" i="1"/>
  <c r="U186511" i="1"/>
  <c r="U186510" i="1"/>
  <c r="U186509" i="1"/>
  <c r="U186508" i="1"/>
  <c r="U186507" i="1"/>
  <c r="U186506" i="1"/>
  <c r="U186505" i="1"/>
  <c r="U186504" i="1"/>
  <c r="U186503" i="1"/>
  <c r="U186502" i="1"/>
  <c r="U186501" i="1"/>
  <c r="U186500" i="1"/>
  <c r="U186499" i="1"/>
  <c r="U186498" i="1"/>
  <c r="U186497" i="1"/>
  <c r="U186496" i="1"/>
  <c r="U186495" i="1"/>
  <c r="U186494" i="1"/>
  <c r="U186493" i="1"/>
  <c r="U186492" i="1"/>
  <c r="U186491" i="1"/>
  <c r="U186490" i="1"/>
  <c r="U186489" i="1"/>
  <c r="U186488" i="1"/>
  <c r="U186487" i="1"/>
  <c r="U186486" i="1"/>
  <c r="U186485" i="1"/>
  <c r="U186484" i="1"/>
  <c r="U186483" i="1"/>
  <c r="U186482" i="1"/>
  <c r="U186481" i="1"/>
  <c r="U186480" i="1"/>
  <c r="U186479" i="1"/>
  <c r="U186478" i="1"/>
  <c r="U186477" i="1"/>
  <c r="U186476" i="1"/>
  <c r="U186475" i="1"/>
  <c r="U186474" i="1"/>
  <c r="U186473" i="1"/>
  <c r="U186472" i="1"/>
  <c r="U186471" i="1"/>
  <c r="U186470" i="1"/>
  <c r="U186469" i="1"/>
  <c r="U186468" i="1"/>
  <c r="U186467" i="1"/>
  <c r="U186466" i="1"/>
  <c r="U186465" i="1"/>
  <c r="U186464" i="1"/>
  <c r="U186463" i="1"/>
  <c r="U186462" i="1"/>
  <c r="U186461" i="1"/>
  <c r="U186460" i="1"/>
  <c r="U186459" i="1"/>
  <c r="U186458" i="1"/>
  <c r="U186457" i="1"/>
  <c r="U186456" i="1"/>
  <c r="U186455" i="1"/>
  <c r="U186454" i="1"/>
  <c r="U186453" i="1"/>
  <c r="U186452" i="1"/>
  <c r="U186451" i="1"/>
  <c r="U186450" i="1"/>
  <c r="U186449" i="1"/>
  <c r="U186448" i="1"/>
  <c r="U186447" i="1"/>
  <c r="U186446" i="1"/>
  <c r="U186445" i="1"/>
  <c r="U186444" i="1"/>
  <c r="U186443" i="1"/>
  <c r="U186442" i="1"/>
  <c r="U186441" i="1"/>
  <c r="U186440" i="1"/>
  <c r="U186439" i="1"/>
  <c r="U186438" i="1"/>
  <c r="U186437" i="1"/>
  <c r="U186436" i="1"/>
  <c r="U186435" i="1"/>
  <c r="U186434" i="1"/>
  <c r="U186433" i="1"/>
  <c r="U186432" i="1"/>
  <c r="U186431" i="1"/>
  <c r="U186430" i="1"/>
  <c r="U186429" i="1"/>
  <c r="U186428" i="1"/>
  <c r="U186427" i="1"/>
  <c r="U186426" i="1"/>
  <c r="U186425" i="1"/>
  <c r="U186424" i="1"/>
  <c r="U186423" i="1"/>
  <c r="U186422" i="1"/>
  <c r="U186421" i="1"/>
  <c r="U186420" i="1"/>
  <c r="U186419" i="1"/>
  <c r="U186418" i="1"/>
  <c r="U186417" i="1"/>
  <c r="U186416" i="1"/>
  <c r="U186415" i="1"/>
  <c r="U186414" i="1"/>
  <c r="U186413" i="1"/>
  <c r="U186412" i="1"/>
  <c r="U186411" i="1"/>
  <c r="U186410" i="1"/>
  <c r="U186409" i="1"/>
  <c r="U186408" i="1"/>
  <c r="U186407" i="1"/>
  <c r="U186406" i="1"/>
  <c r="U186405" i="1"/>
  <c r="U186404" i="1"/>
  <c r="U186403" i="1"/>
  <c r="U186402" i="1"/>
  <c r="U186401" i="1"/>
  <c r="U186400" i="1"/>
  <c r="U186399" i="1"/>
  <c r="U186398" i="1"/>
  <c r="U186397" i="1"/>
  <c r="U186396" i="1"/>
  <c r="U186395" i="1"/>
  <c r="U186394" i="1"/>
  <c r="U186393" i="1"/>
  <c r="U186392" i="1"/>
  <c r="U186391" i="1"/>
  <c r="U186390" i="1"/>
  <c r="U186389" i="1"/>
  <c r="U186388" i="1"/>
  <c r="U186387" i="1"/>
  <c r="U186386" i="1"/>
  <c r="U186385" i="1"/>
  <c r="U186384" i="1"/>
  <c r="U186383" i="1"/>
  <c r="U186382" i="1"/>
  <c r="U186381" i="1"/>
  <c r="U186380" i="1"/>
  <c r="U186379" i="1"/>
  <c r="U186378" i="1"/>
  <c r="U186377" i="1"/>
  <c r="U186376" i="1"/>
  <c r="U186375" i="1"/>
  <c r="U186374" i="1"/>
  <c r="U186373" i="1"/>
  <c r="U186372" i="1"/>
  <c r="U186371" i="1"/>
  <c r="U186370" i="1"/>
  <c r="U186369" i="1"/>
  <c r="U186368" i="1"/>
  <c r="U186367" i="1"/>
  <c r="U186366" i="1"/>
  <c r="U186365" i="1"/>
  <c r="U186364" i="1"/>
  <c r="U186363" i="1"/>
  <c r="U186362" i="1"/>
  <c r="U186361" i="1"/>
  <c r="U186360" i="1"/>
  <c r="U186359" i="1"/>
  <c r="U186358" i="1"/>
  <c r="U186357" i="1"/>
  <c r="U186356" i="1"/>
  <c r="U186355" i="1"/>
  <c r="U186354" i="1"/>
  <c r="U186353" i="1"/>
  <c r="U186352" i="1"/>
  <c r="U186351" i="1"/>
  <c r="U186350" i="1"/>
  <c r="U186349" i="1"/>
  <c r="U186348" i="1"/>
  <c r="U186347" i="1"/>
  <c r="U186346" i="1"/>
  <c r="U186345" i="1"/>
  <c r="U186344" i="1"/>
  <c r="U186343" i="1"/>
  <c r="U186342" i="1"/>
  <c r="U186341" i="1"/>
  <c r="U186340" i="1"/>
  <c r="U186339" i="1"/>
  <c r="U186338" i="1"/>
  <c r="U186337" i="1"/>
  <c r="U186336" i="1"/>
  <c r="U186335" i="1"/>
  <c r="U186334" i="1"/>
  <c r="U186333" i="1"/>
  <c r="U186332" i="1"/>
  <c r="U186331" i="1"/>
  <c r="U186330" i="1"/>
  <c r="U186329" i="1"/>
  <c r="U186328" i="1"/>
  <c r="U186327" i="1"/>
  <c r="U186326" i="1"/>
  <c r="U186325" i="1"/>
  <c r="U186324" i="1"/>
  <c r="U186323" i="1"/>
  <c r="U186322" i="1"/>
  <c r="U186321" i="1"/>
  <c r="U186320" i="1"/>
  <c r="U186319" i="1"/>
  <c r="U186318" i="1"/>
  <c r="U186317" i="1"/>
  <c r="U186316" i="1"/>
  <c r="U186315" i="1"/>
  <c r="U186314" i="1"/>
  <c r="U186313" i="1"/>
  <c r="U186312" i="1"/>
  <c r="U186311" i="1"/>
  <c r="U186310" i="1"/>
  <c r="U186309" i="1"/>
  <c r="U186308" i="1"/>
  <c r="U186307" i="1"/>
  <c r="U186306" i="1"/>
  <c r="U186305" i="1"/>
  <c r="U186304" i="1"/>
  <c r="U186303" i="1"/>
  <c r="U186302" i="1"/>
  <c r="U186301" i="1"/>
  <c r="U186300" i="1"/>
  <c r="U186299" i="1"/>
  <c r="U186298" i="1"/>
  <c r="U186297" i="1"/>
  <c r="U186296" i="1"/>
  <c r="U186295" i="1"/>
  <c r="U186294" i="1"/>
  <c r="U186293" i="1"/>
  <c r="U186292" i="1"/>
  <c r="U186291" i="1"/>
  <c r="U186290" i="1"/>
  <c r="U186289" i="1"/>
  <c r="U186288" i="1"/>
  <c r="U186287" i="1"/>
  <c r="U186286" i="1"/>
  <c r="U186285" i="1"/>
  <c r="U186284" i="1"/>
  <c r="U186283" i="1"/>
  <c r="U186282" i="1"/>
  <c r="U186281" i="1"/>
  <c r="U186280" i="1"/>
  <c r="U186279" i="1"/>
  <c r="U186278" i="1"/>
  <c r="U186277" i="1"/>
  <c r="U186276" i="1"/>
  <c r="U186275" i="1"/>
  <c r="U186274" i="1"/>
  <c r="U186273" i="1"/>
  <c r="U186272" i="1"/>
  <c r="U186271" i="1"/>
  <c r="U186270" i="1"/>
  <c r="U186269" i="1"/>
  <c r="U186268" i="1"/>
  <c r="U186267" i="1"/>
  <c r="U186266" i="1"/>
  <c r="U186265" i="1"/>
  <c r="U186264" i="1"/>
  <c r="U186263" i="1"/>
  <c r="U186262" i="1"/>
  <c r="U186261" i="1"/>
  <c r="U186260" i="1"/>
  <c r="U186259" i="1"/>
  <c r="U186258" i="1"/>
  <c r="U186257" i="1"/>
  <c r="U186256" i="1"/>
  <c r="U186255" i="1"/>
  <c r="U186254" i="1"/>
  <c r="U186253" i="1"/>
  <c r="U186252" i="1"/>
  <c r="U186251" i="1"/>
  <c r="U186250" i="1"/>
  <c r="U186249" i="1"/>
  <c r="U186248" i="1"/>
  <c r="U186247" i="1"/>
  <c r="U186246" i="1"/>
  <c r="U186245" i="1"/>
  <c r="U186244" i="1"/>
  <c r="U186243" i="1"/>
  <c r="U186242" i="1"/>
  <c r="U186241" i="1"/>
  <c r="U186240" i="1"/>
  <c r="U186239" i="1"/>
  <c r="U186238" i="1"/>
  <c r="U186237" i="1"/>
  <c r="U186236" i="1"/>
  <c r="U186235" i="1"/>
  <c r="U186234" i="1"/>
  <c r="U186233" i="1"/>
  <c r="U186232" i="1"/>
  <c r="U186231" i="1"/>
  <c r="U186230" i="1"/>
  <c r="U186229" i="1"/>
  <c r="U186228" i="1"/>
  <c r="U186227" i="1"/>
  <c r="U186226" i="1"/>
  <c r="U186225" i="1"/>
  <c r="U186224" i="1"/>
  <c r="U186223" i="1"/>
  <c r="U186222" i="1"/>
  <c r="U186221" i="1"/>
  <c r="U186220" i="1"/>
  <c r="U186219" i="1"/>
  <c r="U186218" i="1"/>
  <c r="U186217" i="1"/>
  <c r="U186216" i="1"/>
  <c r="U186215" i="1"/>
  <c r="U186214" i="1"/>
  <c r="U186213" i="1"/>
  <c r="U186212" i="1"/>
  <c r="U186211" i="1"/>
  <c r="U186210" i="1"/>
  <c r="U186209" i="1"/>
  <c r="U186208" i="1"/>
  <c r="U186207" i="1"/>
  <c r="U186206" i="1"/>
  <c r="U186205" i="1"/>
  <c r="U186204" i="1"/>
  <c r="U186203" i="1"/>
  <c r="U186202" i="1"/>
  <c r="U186201" i="1"/>
  <c r="U186200" i="1"/>
  <c r="U186199" i="1"/>
  <c r="U186198" i="1"/>
  <c r="U186197" i="1"/>
  <c r="U186196" i="1"/>
  <c r="U186195" i="1"/>
  <c r="U186194" i="1"/>
  <c r="U186193" i="1"/>
  <c r="U186192" i="1"/>
  <c r="U186191" i="1"/>
  <c r="U186190" i="1"/>
  <c r="U186189" i="1"/>
  <c r="U186188" i="1"/>
  <c r="U186187" i="1"/>
  <c r="U186186" i="1"/>
  <c r="U186185" i="1"/>
  <c r="U186184" i="1"/>
  <c r="U186183" i="1"/>
  <c r="U186182" i="1"/>
  <c r="U186181" i="1"/>
  <c r="U186180" i="1"/>
  <c r="U186179" i="1"/>
  <c r="U186178" i="1"/>
  <c r="U186177" i="1"/>
  <c r="U186176" i="1"/>
  <c r="U186175" i="1"/>
  <c r="U186174" i="1"/>
  <c r="U186173" i="1"/>
  <c r="U186172" i="1"/>
  <c r="U186171" i="1"/>
  <c r="U186170" i="1"/>
  <c r="U186169" i="1"/>
  <c r="U186168" i="1"/>
  <c r="U186167" i="1"/>
  <c r="U186166" i="1"/>
  <c r="U186165" i="1"/>
  <c r="U186164" i="1"/>
  <c r="U186163" i="1"/>
  <c r="U186162" i="1"/>
  <c r="U186161" i="1"/>
  <c r="U186160" i="1"/>
  <c r="U186159" i="1"/>
  <c r="U186158" i="1"/>
  <c r="U186157" i="1"/>
  <c r="U186156" i="1"/>
  <c r="U186155" i="1"/>
  <c r="U186154" i="1"/>
  <c r="U186153" i="1"/>
  <c r="U186152" i="1"/>
  <c r="U186151" i="1"/>
  <c r="U186150" i="1"/>
  <c r="U186149" i="1"/>
  <c r="U186148" i="1"/>
  <c r="U186147" i="1"/>
  <c r="U186146" i="1"/>
  <c r="U186145" i="1"/>
  <c r="U186144" i="1"/>
  <c r="U186143" i="1"/>
  <c r="U186142" i="1"/>
  <c r="U186141" i="1"/>
  <c r="U186140" i="1"/>
  <c r="U186139" i="1"/>
  <c r="U186138" i="1"/>
  <c r="U186137" i="1"/>
  <c r="U186136" i="1"/>
  <c r="U186135" i="1"/>
  <c r="U186134" i="1"/>
  <c r="U186133" i="1"/>
  <c r="U186132" i="1"/>
  <c r="U186131" i="1"/>
  <c r="U186130" i="1"/>
  <c r="U186129" i="1"/>
  <c r="U186128" i="1"/>
  <c r="U186127" i="1"/>
  <c r="U186126" i="1"/>
  <c r="U186125" i="1"/>
  <c r="U186124" i="1"/>
  <c r="U186123" i="1"/>
  <c r="U186122" i="1"/>
  <c r="U186121" i="1"/>
  <c r="U186120" i="1"/>
  <c r="U186119" i="1"/>
  <c r="U186118" i="1"/>
  <c r="U186117" i="1"/>
  <c r="U186116" i="1"/>
  <c r="U186115" i="1"/>
  <c r="U186114" i="1"/>
  <c r="U186113" i="1"/>
  <c r="U186112" i="1"/>
  <c r="U186111" i="1"/>
  <c r="U186110" i="1"/>
  <c r="U186109" i="1"/>
  <c r="U186108" i="1"/>
  <c r="U186107" i="1"/>
  <c r="U186106" i="1"/>
  <c r="U186105" i="1"/>
  <c r="U186104" i="1"/>
  <c r="U186103" i="1"/>
  <c r="U186102" i="1"/>
  <c r="U186101" i="1"/>
  <c r="U186100" i="1"/>
  <c r="U186099" i="1"/>
  <c r="U186098" i="1"/>
  <c r="U186097" i="1"/>
  <c r="U186096" i="1"/>
  <c r="U186095" i="1"/>
  <c r="U186094" i="1"/>
  <c r="U186093" i="1"/>
  <c r="U186092" i="1"/>
  <c r="U186091" i="1"/>
  <c r="U186090" i="1"/>
  <c r="U186089" i="1"/>
  <c r="U186088" i="1"/>
  <c r="U186087" i="1"/>
  <c r="U186086" i="1"/>
  <c r="U186085" i="1"/>
  <c r="U186084" i="1"/>
  <c r="U186083" i="1"/>
  <c r="U186082" i="1"/>
  <c r="U186081" i="1"/>
  <c r="U186080" i="1"/>
  <c r="U186079" i="1"/>
  <c r="U186078" i="1"/>
  <c r="U186077" i="1"/>
  <c r="U186076" i="1"/>
  <c r="U186075" i="1"/>
  <c r="U186074" i="1"/>
  <c r="U186073" i="1"/>
  <c r="U186072" i="1"/>
  <c r="U186071" i="1"/>
  <c r="U186070" i="1"/>
  <c r="U186069" i="1"/>
  <c r="U186068" i="1"/>
  <c r="U186067" i="1"/>
  <c r="U186066" i="1"/>
  <c r="U186065" i="1"/>
  <c r="U186064" i="1"/>
  <c r="U186063" i="1"/>
  <c r="U186062" i="1"/>
  <c r="U186061" i="1"/>
  <c r="U186060" i="1"/>
  <c r="U186059" i="1"/>
  <c r="U186058" i="1"/>
  <c r="U186057" i="1"/>
  <c r="U186056" i="1"/>
  <c r="U186055" i="1"/>
  <c r="U186054" i="1"/>
  <c r="U186053" i="1"/>
  <c r="U186052" i="1"/>
  <c r="U186051" i="1"/>
  <c r="U186050" i="1"/>
  <c r="U186049" i="1"/>
  <c r="U186048" i="1"/>
  <c r="U186047" i="1"/>
  <c r="U186046" i="1"/>
  <c r="U186045" i="1"/>
  <c r="U186044" i="1"/>
  <c r="U186043" i="1"/>
  <c r="U186042" i="1"/>
  <c r="U186041" i="1"/>
  <c r="U186040" i="1"/>
  <c r="U186039" i="1"/>
  <c r="U186038" i="1"/>
  <c r="U186037" i="1"/>
  <c r="U186036" i="1"/>
  <c r="U186035" i="1"/>
  <c r="U186034" i="1"/>
  <c r="U186033" i="1"/>
  <c r="U186032" i="1"/>
  <c r="U186031" i="1"/>
  <c r="U186030" i="1"/>
  <c r="U186029" i="1"/>
  <c r="U186028" i="1"/>
  <c r="U186027" i="1"/>
  <c r="U186026" i="1"/>
  <c r="U186025" i="1"/>
  <c r="U186024" i="1"/>
  <c r="U186023" i="1"/>
  <c r="U186022" i="1"/>
  <c r="U186021" i="1"/>
  <c r="U186020" i="1"/>
  <c r="U186019" i="1"/>
  <c r="U186018" i="1"/>
  <c r="U186017" i="1"/>
  <c r="U186016" i="1"/>
  <c r="U186015" i="1"/>
  <c r="U186014" i="1"/>
  <c r="U186013" i="1"/>
  <c r="U186012" i="1"/>
  <c r="U186011" i="1"/>
  <c r="U186010" i="1"/>
  <c r="U186009" i="1"/>
  <c r="U186008" i="1"/>
  <c r="U186007" i="1"/>
  <c r="U186006" i="1"/>
  <c r="U186005" i="1"/>
  <c r="U186004" i="1"/>
  <c r="U186003" i="1"/>
  <c r="U186002" i="1"/>
  <c r="U186001" i="1"/>
  <c r="U186000" i="1"/>
  <c r="U185999" i="1"/>
  <c r="U185998" i="1"/>
  <c r="U185997" i="1"/>
  <c r="U185996" i="1"/>
  <c r="U185995" i="1"/>
  <c r="U185994" i="1"/>
  <c r="U185993" i="1"/>
  <c r="U185992" i="1"/>
  <c r="U185991" i="1"/>
  <c r="U185990" i="1"/>
  <c r="U185989" i="1"/>
  <c r="U185988" i="1"/>
  <c r="U185987" i="1"/>
  <c r="U185986" i="1"/>
  <c r="U185985" i="1"/>
  <c r="U185984" i="1"/>
  <c r="U185983" i="1"/>
  <c r="U185982" i="1"/>
  <c r="U185981" i="1"/>
  <c r="U185980" i="1"/>
  <c r="U185979" i="1"/>
  <c r="U185978" i="1"/>
  <c r="U185977" i="1"/>
  <c r="U185976" i="1"/>
  <c r="U185975" i="1"/>
  <c r="U185974" i="1"/>
  <c r="U185973" i="1"/>
  <c r="U185972" i="1"/>
  <c r="U185971" i="1"/>
  <c r="U185970" i="1"/>
  <c r="U185969" i="1"/>
  <c r="U185968" i="1"/>
  <c r="U185967" i="1"/>
  <c r="U185966" i="1"/>
  <c r="U185965" i="1"/>
  <c r="U185964" i="1"/>
  <c r="U185963" i="1"/>
  <c r="U185962" i="1"/>
  <c r="U185961" i="1"/>
  <c r="U185960" i="1"/>
  <c r="U185959" i="1"/>
  <c r="U185958" i="1"/>
  <c r="U185957" i="1"/>
  <c r="U185956" i="1"/>
  <c r="U185955" i="1"/>
  <c r="U185954" i="1"/>
  <c r="U185953" i="1"/>
  <c r="U185952" i="1"/>
  <c r="U185951" i="1"/>
  <c r="U185950" i="1"/>
  <c r="U185949" i="1"/>
  <c r="U185948" i="1"/>
  <c r="U185947" i="1"/>
  <c r="U185946" i="1"/>
  <c r="U185945" i="1"/>
  <c r="U185944" i="1"/>
  <c r="U185943" i="1"/>
  <c r="U185942" i="1"/>
  <c r="U185941" i="1"/>
  <c r="U185940" i="1"/>
  <c r="U185939" i="1"/>
  <c r="U185938" i="1"/>
  <c r="U185937" i="1"/>
  <c r="U185936" i="1"/>
  <c r="U185935" i="1"/>
  <c r="U185934" i="1"/>
  <c r="U185933" i="1"/>
  <c r="U185932" i="1"/>
  <c r="U185931" i="1"/>
  <c r="U185930" i="1"/>
  <c r="U185929" i="1"/>
  <c r="U185928" i="1"/>
  <c r="U185927" i="1"/>
  <c r="U185926" i="1"/>
  <c r="U185925" i="1"/>
  <c r="U185924" i="1"/>
  <c r="U185923" i="1"/>
  <c r="U185922" i="1"/>
  <c r="U185921" i="1"/>
  <c r="U185920" i="1"/>
  <c r="U185919" i="1"/>
  <c r="U185918" i="1"/>
  <c r="U185917" i="1"/>
  <c r="U185916" i="1"/>
  <c r="U185915" i="1"/>
  <c r="U185914" i="1"/>
  <c r="U185913" i="1"/>
  <c r="U185912" i="1"/>
  <c r="U185911" i="1"/>
  <c r="U185910" i="1"/>
  <c r="U185909" i="1"/>
  <c r="U185908" i="1"/>
  <c r="U185907" i="1"/>
  <c r="U185906" i="1"/>
  <c r="U185905" i="1"/>
  <c r="U185904" i="1"/>
  <c r="U185903" i="1"/>
  <c r="U185902" i="1"/>
  <c r="U185901" i="1"/>
  <c r="U185900" i="1"/>
  <c r="U185899" i="1"/>
  <c r="U185898" i="1"/>
  <c r="U185897" i="1"/>
  <c r="U185896" i="1"/>
  <c r="U185895" i="1"/>
  <c r="U185894" i="1"/>
  <c r="U185893" i="1"/>
  <c r="U185892" i="1"/>
  <c r="U185891" i="1"/>
  <c r="U185890" i="1"/>
  <c r="U185889" i="1"/>
  <c r="U185888" i="1"/>
  <c r="U185887" i="1"/>
  <c r="U185886" i="1"/>
  <c r="U185885" i="1"/>
  <c r="U185884" i="1"/>
  <c r="U185883" i="1"/>
  <c r="U185882" i="1"/>
  <c r="U185881" i="1"/>
  <c r="U185880" i="1"/>
  <c r="U185879" i="1"/>
  <c r="U185878" i="1"/>
  <c r="U185877" i="1"/>
  <c r="U185876" i="1"/>
  <c r="U185875" i="1"/>
  <c r="U185874" i="1"/>
  <c r="U185873" i="1"/>
  <c r="U185872" i="1"/>
  <c r="U185871" i="1"/>
  <c r="U185870" i="1"/>
  <c r="U185869" i="1"/>
  <c r="U185868" i="1"/>
  <c r="U185867" i="1"/>
  <c r="U185866" i="1"/>
  <c r="U185865" i="1"/>
  <c r="U185864" i="1"/>
  <c r="U185863" i="1"/>
  <c r="U185862" i="1"/>
  <c r="U185861" i="1"/>
  <c r="U185860" i="1"/>
  <c r="U185859" i="1"/>
  <c r="U185858" i="1"/>
  <c r="U185857" i="1"/>
  <c r="U185856" i="1"/>
  <c r="U185855" i="1"/>
  <c r="U185854" i="1"/>
  <c r="U185853" i="1"/>
  <c r="U185852" i="1"/>
  <c r="U185851" i="1"/>
  <c r="U185850" i="1"/>
  <c r="U185849" i="1"/>
  <c r="U185848" i="1"/>
  <c r="U185847" i="1"/>
  <c r="U185846" i="1"/>
  <c r="U185845" i="1"/>
  <c r="U185844" i="1"/>
  <c r="U185843" i="1"/>
  <c r="U185842" i="1"/>
  <c r="U185841" i="1"/>
  <c r="U185840" i="1"/>
  <c r="U185839" i="1"/>
  <c r="U185838" i="1"/>
  <c r="U185837" i="1"/>
  <c r="U185836" i="1"/>
  <c r="U185835" i="1"/>
  <c r="U185834" i="1"/>
  <c r="U185833" i="1"/>
  <c r="U185832" i="1"/>
  <c r="U185831" i="1"/>
  <c r="U185830" i="1"/>
  <c r="U185829" i="1"/>
  <c r="U185828" i="1"/>
  <c r="U185827" i="1"/>
  <c r="U185826" i="1"/>
  <c r="U185825" i="1"/>
  <c r="U185824" i="1"/>
  <c r="U185823" i="1"/>
  <c r="U185822" i="1"/>
  <c r="U185821" i="1"/>
  <c r="U185820" i="1"/>
  <c r="U185819" i="1"/>
  <c r="U185818" i="1"/>
  <c r="U185817" i="1"/>
  <c r="U185816" i="1"/>
  <c r="U185815" i="1"/>
  <c r="U185814" i="1"/>
  <c r="U185813" i="1"/>
  <c r="U185812" i="1"/>
  <c r="U185811" i="1"/>
  <c r="U185810" i="1"/>
  <c r="U185809" i="1"/>
  <c r="U185808" i="1"/>
  <c r="U185807" i="1"/>
  <c r="U185806" i="1"/>
  <c r="U185805" i="1"/>
  <c r="U185804" i="1"/>
  <c r="U185803" i="1"/>
  <c r="U185802" i="1"/>
  <c r="U185801" i="1"/>
  <c r="U185800" i="1"/>
  <c r="U185799" i="1"/>
  <c r="U185798" i="1"/>
  <c r="U185797" i="1"/>
  <c r="U185796" i="1"/>
  <c r="U185795" i="1"/>
  <c r="U185794" i="1"/>
  <c r="U185793" i="1"/>
  <c r="U185792" i="1"/>
  <c r="U185791" i="1"/>
  <c r="U185790" i="1"/>
  <c r="U185789" i="1"/>
  <c r="U185788" i="1"/>
  <c r="U185787" i="1"/>
  <c r="U185786" i="1"/>
  <c r="U185785" i="1"/>
  <c r="U185784" i="1"/>
  <c r="U185783" i="1"/>
  <c r="U185782" i="1"/>
  <c r="U185781" i="1"/>
  <c r="U185780" i="1"/>
  <c r="U185779" i="1"/>
  <c r="U185778" i="1"/>
  <c r="U185777" i="1"/>
  <c r="U185776" i="1"/>
  <c r="U185775" i="1"/>
  <c r="U185774" i="1"/>
  <c r="U185773" i="1"/>
  <c r="U185772" i="1"/>
  <c r="U185771" i="1"/>
  <c r="U185770" i="1"/>
  <c r="U185769" i="1"/>
  <c r="U185768" i="1"/>
  <c r="U185767" i="1"/>
  <c r="U185766" i="1"/>
  <c r="U185765" i="1"/>
  <c r="U185764" i="1"/>
  <c r="U185763" i="1"/>
  <c r="U185762" i="1"/>
  <c r="U185761" i="1"/>
  <c r="U185760" i="1"/>
  <c r="U185759" i="1"/>
  <c r="U185758" i="1"/>
  <c r="U185757" i="1"/>
  <c r="U185756" i="1"/>
  <c r="U185755" i="1"/>
  <c r="U185754" i="1"/>
  <c r="U185753" i="1"/>
  <c r="U185752" i="1"/>
  <c r="U185751" i="1"/>
  <c r="U185750" i="1"/>
  <c r="U185749" i="1"/>
  <c r="U185748" i="1"/>
  <c r="U185747" i="1"/>
  <c r="U185746" i="1"/>
  <c r="U185745" i="1"/>
  <c r="U185744" i="1"/>
  <c r="U185743" i="1"/>
  <c r="U185742" i="1"/>
  <c r="U185741" i="1"/>
  <c r="U185740" i="1"/>
  <c r="U185739" i="1"/>
  <c r="U185738" i="1"/>
  <c r="U185737" i="1"/>
  <c r="U185736" i="1"/>
  <c r="U185735" i="1"/>
  <c r="U185734" i="1"/>
  <c r="U185733" i="1"/>
  <c r="U185732" i="1"/>
  <c r="U185731" i="1"/>
  <c r="U185730" i="1"/>
  <c r="U185729" i="1"/>
  <c r="U185728" i="1"/>
  <c r="U185727" i="1"/>
  <c r="U185726" i="1"/>
  <c r="U185725" i="1"/>
  <c r="U185724" i="1"/>
  <c r="U185723" i="1"/>
  <c r="U185722" i="1"/>
  <c r="U185721" i="1"/>
  <c r="U185720" i="1"/>
  <c r="U185719" i="1"/>
  <c r="U185718" i="1"/>
  <c r="U185717" i="1"/>
  <c r="U185716" i="1"/>
  <c r="U185715" i="1"/>
  <c r="U185714" i="1"/>
  <c r="U185713" i="1"/>
  <c r="U185712" i="1"/>
  <c r="U185711" i="1"/>
  <c r="U185710" i="1"/>
  <c r="U185709" i="1"/>
  <c r="U185708" i="1"/>
  <c r="U185707" i="1"/>
  <c r="U185706" i="1"/>
  <c r="U185705" i="1"/>
  <c r="U185704" i="1"/>
  <c r="U185703" i="1"/>
  <c r="U185702" i="1"/>
  <c r="U185701" i="1"/>
  <c r="U185700" i="1"/>
  <c r="U185699" i="1"/>
  <c r="U185698" i="1"/>
  <c r="U185697" i="1"/>
  <c r="U185696" i="1"/>
  <c r="U185695" i="1"/>
  <c r="U185694" i="1"/>
  <c r="U185693" i="1"/>
  <c r="U185692" i="1"/>
  <c r="U185691" i="1"/>
  <c r="U185690" i="1"/>
  <c r="U185689" i="1"/>
  <c r="U185688" i="1"/>
  <c r="U185687" i="1"/>
  <c r="U185686" i="1"/>
  <c r="U185685" i="1"/>
  <c r="U185684" i="1"/>
  <c r="U185683" i="1"/>
  <c r="U185682" i="1"/>
  <c r="U185681" i="1"/>
  <c r="U185680" i="1"/>
  <c r="U185679" i="1"/>
  <c r="U185678" i="1"/>
  <c r="U185677" i="1"/>
  <c r="U185676" i="1"/>
  <c r="U185675" i="1"/>
  <c r="U185674" i="1"/>
  <c r="U185673" i="1"/>
  <c r="U185672" i="1"/>
  <c r="U185671" i="1"/>
  <c r="U185670" i="1"/>
  <c r="U185669" i="1"/>
  <c r="U185668" i="1"/>
  <c r="U185667" i="1"/>
  <c r="U185666" i="1"/>
  <c r="U185665" i="1"/>
  <c r="U185664" i="1"/>
  <c r="U185663" i="1"/>
  <c r="U185662" i="1"/>
  <c r="U185661" i="1"/>
  <c r="U185660" i="1"/>
  <c r="U185659" i="1"/>
  <c r="U185658" i="1"/>
  <c r="U185657" i="1"/>
  <c r="U185656" i="1"/>
  <c r="U185655" i="1"/>
  <c r="U185654" i="1"/>
  <c r="U185653" i="1"/>
  <c r="U185652" i="1"/>
  <c r="U185651" i="1"/>
  <c r="U185650" i="1"/>
  <c r="U185649" i="1"/>
  <c r="U185648" i="1"/>
  <c r="U185647" i="1"/>
  <c r="U185646" i="1"/>
  <c r="U185645" i="1"/>
  <c r="U185644" i="1"/>
  <c r="U185643" i="1"/>
  <c r="U185642" i="1"/>
  <c r="U185641" i="1"/>
  <c r="U185640" i="1"/>
  <c r="U185639" i="1"/>
  <c r="U185638" i="1"/>
  <c r="U185637" i="1"/>
  <c r="U185636" i="1"/>
  <c r="U185635" i="1"/>
  <c r="U185634" i="1"/>
  <c r="U185633" i="1"/>
  <c r="U185632" i="1"/>
  <c r="U185631" i="1"/>
  <c r="U185630" i="1"/>
  <c r="U185629" i="1"/>
  <c r="U185628" i="1"/>
  <c r="U185627" i="1"/>
  <c r="U185626" i="1"/>
  <c r="U185625" i="1"/>
  <c r="U185624" i="1"/>
  <c r="U185623" i="1"/>
  <c r="U185622" i="1"/>
  <c r="U185621" i="1"/>
  <c r="U185620" i="1"/>
  <c r="U185619" i="1"/>
  <c r="U185618" i="1"/>
  <c r="U185617" i="1"/>
  <c r="U185616" i="1"/>
  <c r="U185615" i="1"/>
  <c r="U185614" i="1"/>
  <c r="U185613" i="1"/>
  <c r="U185612" i="1"/>
  <c r="U185611" i="1"/>
  <c r="U185610" i="1"/>
  <c r="U185609" i="1"/>
  <c r="U185608" i="1"/>
  <c r="U185607" i="1"/>
  <c r="U185606" i="1"/>
  <c r="U185605" i="1"/>
  <c r="U185604" i="1"/>
  <c r="U185603" i="1"/>
  <c r="U185602" i="1"/>
  <c r="U185601" i="1"/>
  <c r="U185600" i="1"/>
  <c r="U185599" i="1"/>
  <c r="U185598" i="1"/>
  <c r="U185597" i="1"/>
  <c r="U185596" i="1"/>
  <c r="U185595" i="1"/>
  <c r="U185594" i="1"/>
  <c r="U185593" i="1"/>
  <c r="U185592" i="1"/>
  <c r="U185591" i="1"/>
  <c r="U185590" i="1"/>
  <c r="U185589" i="1"/>
  <c r="U185588" i="1"/>
  <c r="U185587" i="1"/>
  <c r="U185586" i="1"/>
  <c r="U185585" i="1"/>
  <c r="U185584" i="1"/>
  <c r="U185583" i="1"/>
  <c r="U185582" i="1"/>
  <c r="U185581" i="1"/>
  <c r="U185580" i="1"/>
  <c r="U185579" i="1"/>
  <c r="U185578" i="1"/>
  <c r="U185577" i="1"/>
  <c r="U185576" i="1"/>
  <c r="U185575" i="1"/>
  <c r="U185574" i="1"/>
  <c r="U185573" i="1"/>
  <c r="U185572" i="1"/>
  <c r="U185571" i="1"/>
  <c r="U185570" i="1"/>
  <c r="U185569" i="1"/>
  <c r="U185568" i="1"/>
  <c r="U185567" i="1"/>
  <c r="U185566" i="1"/>
  <c r="U185565" i="1"/>
  <c r="U185564" i="1"/>
  <c r="U185563" i="1"/>
  <c r="U185562" i="1"/>
  <c r="U185561" i="1"/>
  <c r="U185560" i="1"/>
  <c r="U185559" i="1"/>
  <c r="U185558" i="1"/>
  <c r="U185557" i="1"/>
  <c r="U185556" i="1"/>
  <c r="U185555" i="1"/>
  <c r="U185554" i="1"/>
  <c r="U185553" i="1"/>
  <c r="U185552" i="1"/>
  <c r="U185551" i="1"/>
  <c r="U185550" i="1"/>
  <c r="U185549" i="1"/>
  <c r="U185548" i="1"/>
  <c r="U185547" i="1"/>
  <c r="U185546" i="1"/>
  <c r="U185545" i="1"/>
  <c r="U185544" i="1"/>
  <c r="U185543" i="1"/>
  <c r="U185542" i="1"/>
  <c r="U185541" i="1"/>
  <c r="U185540" i="1"/>
  <c r="U185539" i="1"/>
  <c r="U185538" i="1"/>
  <c r="U185537" i="1"/>
  <c r="U185536" i="1"/>
  <c r="U185535" i="1"/>
  <c r="U185534" i="1"/>
  <c r="U185533" i="1"/>
  <c r="U185532" i="1"/>
  <c r="U185531" i="1"/>
  <c r="U185530" i="1"/>
  <c r="U185529" i="1"/>
  <c r="U185528" i="1"/>
  <c r="U185527" i="1"/>
  <c r="U185526" i="1"/>
  <c r="U185525" i="1"/>
  <c r="U185524" i="1"/>
  <c r="U185523" i="1"/>
  <c r="U185522" i="1"/>
  <c r="U185521" i="1"/>
  <c r="U185520" i="1"/>
  <c r="U185519" i="1"/>
  <c r="U185518" i="1"/>
  <c r="U185517" i="1"/>
  <c r="U185516" i="1"/>
  <c r="U185515" i="1"/>
  <c r="U185514" i="1"/>
  <c r="U185513" i="1"/>
  <c r="U185512" i="1"/>
  <c r="U185511" i="1"/>
  <c r="U185510" i="1"/>
  <c r="U185509" i="1"/>
  <c r="U185508" i="1"/>
  <c r="U185507" i="1"/>
  <c r="U185506" i="1"/>
  <c r="U185505" i="1"/>
  <c r="U185504" i="1"/>
  <c r="U185503" i="1"/>
  <c r="U185502" i="1"/>
  <c r="U185501" i="1"/>
  <c r="U185500" i="1"/>
  <c r="U185499" i="1"/>
  <c r="U185498" i="1"/>
  <c r="U185497" i="1"/>
  <c r="U185496" i="1"/>
  <c r="U185495" i="1"/>
  <c r="U185494" i="1"/>
  <c r="U185493" i="1"/>
  <c r="U185492" i="1"/>
  <c r="U185491" i="1"/>
  <c r="U185490" i="1"/>
  <c r="U185489" i="1"/>
  <c r="U185488" i="1"/>
  <c r="U185487" i="1"/>
  <c r="U185486" i="1"/>
  <c r="U185485" i="1"/>
  <c r="U185484" i="1"/>
  <c r="U185483" i="1"/>
  <c r="U185482" i="1"/>
  <c r="U185481" i="1"/>
  <c r="U185480" i="1"/>
  <c r="U185479" i="1"/>
  <c r="U185478" i="1"/>
  <c r="U185477" i="1"/>
  <c r="U185476" i="1"/>
  <c r="U185475" i="1"/>
  <c r="U185474" i="1"/>
  <c r="U185473" i="1"/>
  <c r="U185472" i="1"/>
  <c r="U185471" i="1"/>
  <c r="U185470" i="1"/>
  <c r="U185469" i="1"/>
  <c r="U185468" i="1"/>
  <c r="U185467" i="1"/>
  <c r="U185466" i="1"/>
  <c r="U185465" i="1"/>
  <c r="U185464" i="1"/>
  <c r="U185463" i="1"/>
  <c r="U185462" i="1"/>
  <c r="U185461" i="1"/>
  <c r="U185460" i="1"/>
  <c r="U185459" i="1"/>
  <c r="U185458" i="1"/>
  <c r="U185457" i="1"/>
  <c r="U185456" i="1"/>
  <c r="U185455" i="1"/>
  <c r="U185454" i="1"/>
  <c r="U185453" i="1"/>
  <c r="U185452" i="1"/>
  <c r="U185451" i="1"/>
  <c r="U185450" i="1"/>
  <c r="U185449" i="1"/>
  <c r="U185448" i="1"/>
  <c r="U185447" i="1"/>
  <c r="U185446" i="1"/>
  <c r="U185445" i="1"/>
  <c r="U185444" i="1"/>
  <c r="U185443" i="1"/>
  <c r="U185442" i="1"/>
  <c r="U185441" i="1"/>
  <c r="U185440" i="1"/>
  <c r="U185439" i="1"/>
  <c r="U185438" i="1"/>
  <c r="U185437" i="1"/>
  <c r="U185436" i="1"/>
  <c r="U185435" i="1"/>
  <c r="U185434" i="1"/>
  <c r="U185433" i="1"/>
  <c r="U185432" i="1"/>
  <c r="U185431" i="1"/>
  <c r="U185430" i="1"/>
  <c r="U185429" i="1"/>
  <c r="U185428" i="1"/>
  <c r="U185427" i="1"/>
  <c r="U185426" i="1"/>
  <c r="U185425" i="1"/>
  <c r="U185424" i="1"/>
  <c r="U185423" i="1"/>
  <c r="U185422" i="1"/>
  <c r="U185421" i="1"/>
  <c r="U185420" i="1"/>
  <c r="U185419" i="1"/>
  <c r="U185418" i="1"/>
  <c r="U185417" i="1"/>
  <c r="U185416" i="1"/>
  <c r="U185415" i="1"/>
  <c r="U185414" i="1"/>
  <c r="U185413" i="1"/>
  <c r="U185412" i="1"/>
  <c r="U185411" i="1"/>
  <c r="U185410" i="1"/>
  <c r="U185409" i="1"/>
  <c r="U185408" i="1"/>
  <c r="U185407" i="1"/>
  <c r="U185406" i="1"/>
  <c r="U185405" i="1"/>
  <c r="U185404" i="1"/>
  <c r="U185403" i="1"/>
  <c r="U185402" i="1"/>
  <c r="U185401" i="1"/>
  <c r="U185400" i="1"/>
  <c r="U185399" i="1"/>
  <c r="U185398" i="1"/>
  <c r="U185397" i="1"/>
  <c r="U185396" i="1"/>
  <c r="U185395" i="1"/>
  <c r="U185394" i="1"/>
  <c r="U185393" i="1"/>
  <c r="U185392" i="1"/>
  <c r="U185391" i="1"/>
  <c r="U185390" i="1"/>
  <c r="U185389" i="1"/>
  <c r="U185388" i="1"/>
  <c r="U185387" i="1"/>
  <c r="U185386" i="1"/>
  <c r="U185385" i="1"/>
  <c r="U185384" i="1"/>
  <c r="U185383" i="1"/>
  <c r="U185382" i="1"/>
  <c r="U185381" i="1"/>
  <c r="U185380" i="1"/>
  <c r="U185379" i="1"/>
  <c r="U185378" i="1"/>
  <c r="U185377" i="1"/>
  <c r="U185376" i="1"/>
  <c r="U185375" i="1"/>
  <c r="U185374" i="1"/>
  <c r="U185373" i="1"/>
  <c r="U185372" i="1"/>
  <c r="U185371" i="1"/>
  <c r="U185370" i="1"/>
  <c r="U185369" i="1"/>
  <c r="U185368" i="1"/>
  <c r="U185367" i="1"/>
  <c r="U185366" i="1"/>
  <c r="U185365" i="1"/>
  <c r="U185364" i="1"/>
  <c r="U185363" i="1"/>
  <c r="U185362" i="1"/>
  <c r="U185361" i="1"/>
  <c r="U185360" i="1"/>
  <c r="U185359" i="1"/>
  <c r="U185358" i="1"/>
  <c r="U185357" i="1"/>
  <c r="U185356" i="1"/>
  <c r="U185355" i="1"/>
  <c r="U185354" i="1"/>
  <c r="U185353" i="1"/>
  <c r="U185352" i="1"/>
  <c r="U185351" i="1"/>
  <c r="U185350" i="1"/>
  <c r="U185349" i="1"/>
  <c r="U185348" i="1"/>
  <c r="U185347" i="1"/>
  <c r="U185346" i="1"/>
  <c r="U185345" i="1"/>
  <c r="U185344" i="1"/>
  <c r="U185343" i="1"/>
  <c r="U185342" i="1"/>
  <c r="U185341" i="1"/>
  <c r="U185340" i="1"/>
  <c r="U185339" i="1"/>
  <c r="U185338" i="1"/>
  <c r="U185337" i="1"/>
  <c r="U185336" i="1"/>
  <c r="U185335" i="1"/>
  <c r="U185334" i="1"/>
  <c r="U185333" i="1"/>
  <c r="U185332" i="1"/>
  <c r="U185331" i="1"/>
  <c r="U185330" i="1"/>
  <c r="U185329" i="1"/>
  <c r="U185328" i="1"/>
  <c r="U185327" i="1"/>
  <c r="U185326" i="1"/>
  <c r="U185325" i="1"/>
  <c r="U185324" i="1"/>
  <c r="U185323" i="1"/>
  <c r="U185322" i="1"/>
  <c r="U185321" i="1"/>
  <c r="U185320" i="1"/>
  <c r="U185319" i="1"/>
  <c r="U185318" i="1"/>
  <c r="U185317" i="1"/>
  <c r="U185316" i="1"/>
  <c r="U185315" i="1"/>
  <c r="U185314" i="1"/>
  <c r="U185313" i="1"/>
  <c r="U185312" i="1"/>
  <c r="U185311" i="1"/>
  <c r="U185310" i="1"/>
  <c r="U185309" i="1"/>
  <c r="U185308" i="1"/>
  <c r="U185307" i="1"/>
  <c r="U185306" i="1"/>
  <c r="U185305" i="1"/>
  <c r="U185304" i="1"/>
  <c r="U185303" i="1"/>
  <c r="U185302" i="1"/>
  <c r="U185301" i="1"/>
  <c r="U185300" i="1"/>
  <c r="U185299" i="1"/>
  <c r="U185298" i="1"/>
  <c r="U185297" i="1"/>
  <c r="U185296" i="1"/>
  <c r="U185295" i="1"/>
  <c r="U185294" i="1"/>
  <c r="U185293" i="1"/>
  <c r="U185292" i="1"/>
  <c r="U185291" i="1"/>
  <c r="U185290" i="1"/>
  <c r="U185289" i="1"/>
  <c r="U185288" i="1"/>
  <c r="U185287" i="1"/>
  <c r="U185286" i="1"/>
  <c r="U185285" i="1"/>
  <c r="U185284" i="1"/>
  <c r="U185283" i="1"/>
  <c r="U185282" i="1"/>
  <c r="U185281" i="1"/>
  <c r="U185280" i="1"/>
  <c r="U185279" i="1"/>
  <c r="U185278" i="1"/>
  <c r="U185277" i="1"/>
  <c r="U185276" i="1"/>
  <c r="U185275" i="1"/>
  <c r="U185274" i="1"/>
  <c r="U185273" i="1"/>
  <c r="U185272" i="1"/>
  <c r="U185271" i="1"/>
  <c r="U185270" i="1"/>
  <c r="U185269" i="1"/>
  <c r="U185268" i="1"/>
  <c r="U185267" i="1"/>
  <c r="U185266" i="1"/>
  <c r="U185265" i="1"/>
  <c r="U185264" i="1"/>
  <c r="U185263" i="1"/>
  <c r="U185262" i="1"/>
  <c r="U185261" i="1"/>
  <c r="U185260" i="1"/>
  <c r="U185259" i="1"/>
  <c r="U185258" i="1"/>
  <c r="U185257" i="1"/>
  <c r="U185256" i="1"/>
  <c r="U185255" i="1"/>
  <c r="U185254" i="1"/>
  <c r="U185253" i="1"/>
  <c r="U185252" i="1"/>
  <c r="U185251" i="1"/>
  <c r="U185250" i="1"/>
  <c r="U185249" i="1"/>
  <c r="U185248" i="1"/>
  <c r="U185247" i="1"/>
  <c r="U185246" i="1"/>
  <c r="U185245" i="1"/>
  <c r="U185244" i="1"/>
  <c r="U185243" i="1"/>
  <c r="U185242" i="1"/>
  <c r="U185241" i="1"/>
  <c r="U185240" i="1"/>
  <c r="U185239" i="1"/>
  <c r="U185238" i="1"/>
  <c r="U185237" i="1"/>
  <c r="U185236" i="1"/>
  <c r="U185235" i="1"/>
  <c r="U185234" i="1"/>
  <c r="U185233" i="1"/>
  <c r="U185232" i="1"/>
  <c r="U185231" i="1"/>
  <c r="U185230" i="1"/>
  <c r="U185229" i="1"/>
  <c r="U185228" i="1"/>
  <c r="U185227" i="1"/>
  <c r="U185226" i="1"/>
  <c r="U185225" i="1"/>
  <c r="U185224" i="1"/>
  <c r="U185223" i="1"/>
  <c r="U185222" i="1"/>
  <c r="U185221" i="1"/>
  <c r="U185220" i="1"/>
  <c r="U185219" i="1"/>
  <c r="U185218" i="1"/>
  <c r="U185217" i="1"/>
  <c r="U185216" i="1"/>
  <c r="U185215" i="1"/>
  <c r="U185214" i="1"/>
  <c r="U185213" i="1"/>
  <c r="U185212" i="1"/>
  <c r="U185211" i="1"/>
  <c r="U185210" i="1"/>
  <c r="U185209" i="1"/>
  <c r="U185208" i="1"/>
  <c r="U185207" i="1"/>
  <c r="U185206" i="1"/>
  <c r="U185205" i="1"/>
  <c r="U185204" i="1"/>
  <c r="U185203" i="1"/>
  <c r="U185202" i="1"/>
  <c r="U185201" i="1"/>
  <c r="U185200" i="1"/>
  <c r="U185199" i="1"/>
  <c r="U185198" i="1"/>
  <c r="U185197" i="1"/>
  <c r="U185196" i="1"/>
  <c r="U185195" i="1"/>
  <c r="U185194" i="1"/>
  <c r="U185193" i="1"/>
  <c r="U185192" i="1"/>
  <c r="U185191" i="1"/>
  <c r="U185190" i="1"/>
  <c r="U185189" i="1"/>
  <c r="U185188" i="1"/>
  <c r="U185187" i="1"/>
  <c r="U185186" i="1"/>
  <c r="U185185" i="1"/>
  <c r="U185184" i="1"/>
  <c r="U185183" i="1"/>
  <c r="U185182" i="1"/>
  <c r="U185181" i="1"/>
  <c r="U185180" i="1"/>
  <c r="U185179" i="1"/>
  <c r="U185178" i="1"/>
  <c r="U185177" i="1"/>
  <c r="U185176" i="1"/>
  <c r="U185175" i="1"/>
  <c r="U185174" i="1"/>
  <c r="U185173" i="1"/>
  <c r="U185172" i="1"/>
  <c r="U185171" i="1"/>
  <c r="U185170" i="1"/>
  <c r="U185169" i="1"/>
  <c r="U185168" i="1"/>
  <c r="U185167" i="1"/>
  <c r="U185166" i="1"/>
  <c r="U185165" i="1"/>
  <c r="U185164" i="1"/>
  <c r="U185163" i="1"/>
  <c r="U185162" i="1"/>
  <c r="U185161" i="1"/>
  <c r="U185160" i="1"/>
  <c r="U185159" i="1"/>
  <c r="U185158" i="1"/>
  <c r="U185157" i="1"/>
  <c r="U185156" i="1"/>
  <c r="U185155" i="1"/>
  <c r="U185154" i="1"/>
  <c r="U185153" i="1"/>
  <c r="U185152" i="1"/>
  <c r="U185151" i="1"/>
  <c r="U185150" i="1"/>
  <c r="U185149" i="1"/>
  <c r="U185148" i="1"/>
  <c r="U185147" i="1"/>
  <c r="U185146" i="1"/>
  <c r="U185145" i="1"/>
  <c r="U185144" i="1"/>
  <c r="U185143" i="1"/>
  <c r="U185142" i="1"/>
  <c r="U185141" i="1"/>
  <c r="U185140" i="1"/>
  <c r="U185139" i="1"/>
  <c r="U185138" i="1"/>
  <c r="U185137" i="1"/>
  <c r="U185136" i="1"/>
  <c r="U185135" i="1"/>
  <c r="U185134" i="1"/>
  <c r="U185133" i="1"/>
  <c r="U185132" i="1"/>
  <c r="U185131" i="1"/>
  <c r="U185130" i="1"/>
  <c r="U185129" i="1"/>
  <c r="U185128" i="1"/>
  <c r="U185127" i="1"/>
  <c r="U185126" i="1"/>
  <c r="U185125" i="1"/>
  <c r="U185124" i="1"/>
  <c r="U185123" i="1"/>
  <c r="U185122" i="1"/>
  <c r="U185121" i="1"/>
  <c r="U185120" i="1"/>
  <c r="U185119" i="1"/>
  <c r="U185118" i="1"/>
  <c r="U185117" i="1"/>
  <c r="U185116" i="1"/>
  <c r="U185115" i="1"/>
  <c r="U185114" i="1"/>
  <c r="U185113" i="1"/>
  <c r="U185112" i="1"/>
  <c r="U185111" i="1"/>
  <c r="U185110" i="1"/>
  <c r="U185109" i="1"/>
  <c r="U185108" i="1"/>
  <c r="U185107" i="1"/>
  <c r="U185106" i="1"/>
  <c r="U185105" i="1"/>
  <c r="U185104" i="1"/>
  <c r="U185103" i="1"/>
  <c r="U185102" i="1"/>
  <c r="U185101" i="1"/>
  <c r="U185100" i="1"/>
  <c r="U185099" i="1"/>
  <c r="U185098" i="1"/>
  <c r="U185097" i="1"/>
  <c r="U185096" i="1"/>
  <c r="U185095" i="1"/>
  <c r="U185094" i="1"/>
  <c r="U185093" i="1"/>
  <c r="U185092" i="1"/>
  <c r="U185091" i="1"/>
  <c r="U185090" i="1"/>
  <c r="U185089" i="1"/>
  <c r="U185088" i="1"/>
  <c r="U185087" i="1"/>
  <c r="U185086" i="1"/>
  <c r="U185085" i="1"/>
  <c r="U185084" i="1"/>
  <c r="U185083" i="1"/>
  <c r="U185082" i="1"/>
  <c r="U185081" i="1"/>
  <c r="U185080" i="1"/>
  <c r="U185079" i="1"/>
  <c r="U185078" i="1"/>
  <c r="U185077" i="1"/>
  <c r="U185076" i="1"/>
  <c r="U185075" i="1"/>
  <c r="U185074" i="1"/>
  <c r="U185073" i="1"/>
  <c r="U185072" i="1"/>
  <c r="U185071" i="1"/>
  <c r="U185070" i="1"/>
  <c r="U185069" i="1"/>
  <c r="U185068" i="1"/>
  <c r="U185067" i="1"/>
  <c r="U185066" i="1"/>
  <c r="U185065" i="1"/>
  <c r="U185064" i="1"/>
  <c r="U185063" i="1"/>
  <c r="U185062" i="1"/>
  <c r="U185061" i="1"/>
  <c r="U185060" i="1"/>
  <c r="U185059" i="1"/>
  <c r="U185058" i="1"/>
  <c r="U185057" i="1"/>
  <c r="U185056" i="1"/>
  <c r="U185055" i="1"/>
  <c r="U185054" i="1"/>
  <c r="U185053" i="1"/>
  <c r="U185052" i="1"/>
  <c r="U185051" i="1"/>
  <c r="U185050" i="1"/>
  <c r="U185049" i="1"/>
  <c r="U185048" i="1"/>
  <c r="U185047" i="1"/>
  <c r="U185046" i="1"/>
  <c r="U185045" i="1"/>
  <c r="U185044" i="1"/>
  <c r="U185043" i="1"/>
  <c r="U185042" i="1"/>
  <c r="U185041" i="1"/>
  <c r="U185040" i="1"/>
  <c r="U185039" i="1"/>
  <c r="U185038" i="1"/>
  <c r="U185037" i="1"/>
  <c r="U185036" i="1"/>
  <c r="U185035" i="1"/>
  <c r="U185034" i="1"/>
  <c r="U185033" i="1"/>
  <c r="U185032" i="1"/>
  <c r="U185031" i="1"/>
  <c r="U185030" i="1"/>
  <c r="U185029" i="1"/>
  <c r="U185028" i="1"/>
  <c r="U185027" i="1"/>
  <c r="U185026" i="1"/>
  <c r="U185025" i="1"/>
  <c r="U185024" i="1"/>
  <c r="U185023" i="1"/>
  <c r="U185022" i="1"/>
  <c r="U185021" i="1"/>
  <c r="U185020" i="1"/>
  <c r="U185019" i="1"/>
  <c r="U185018" i="1"/>
  <c r="U185017" i="1"/>
  <c r="U185016" i="1"/>
  <c r="U185015" i="1"/>
  <c r="U185014" i="1"/>
  <c r="U185013" i="1"/>
  <c r="U185012" i="1"/>
  <c r="U185011" i="1"/>
  <c r="U185010" i="1"/>
  <c r="U185009" i="1"/>
  <c r="U185008" i="1"/>
  <c r="U185007" i="1"/>
  <c r="U185006" i="1"/>
  <c r="U185005" i="1"/>
  <c r="U185004" i="1"/>
  <c r="U185003" i="1"/>
  <c r="U185002" i="1"/>
  <c r="U185001" i="1"/>
  <c r="U185000" i="1"/>
  <c r="U184999" i="1"/>
  <c r="U184998" i="1"/>
  <c r="U184997" i="1"/>
  <c r="U184996" i="1"/>
  <c r="U184995" i="1"/>
  <c r="U184994" i="1"/>
  <c r="U184993" i="1"/>
  <c r="U184992" i="1"/>
  <c r="U184991" i="1"/>
  <c r="U184990" i="1"/>
  <c r="U184989" i="1"/>
  <c r="U184988" i="1"/>
  <c r="U184987" i="1"/>
  <c r="U184986" i="1"/>
  <c r="U184985" i="1"/>
  <c r="U184984" i="1"/>
  <c r="U184983" i="1"/>
  <c r="U184982" i="1"/>
  <c r="U184981" i="1"/>
  <c r="U184980" i="1"/>
  <c r="U184979" i="1"/>
  <c r="U184978" i="1"/>
  <c r="U184977" i="1"/>
  <c r="U184976" i="1"/>
  <c r="U184975" i="1"/>
  <c r="U184974" i="1"/>
  <c r="U184973" i="1"/>
  <c r="U184972" i="1"/>
  <c r="U184971" i="1"/>
  <c r="U184970" i="1"/>
  <c r="U184969" i="1"/>
  <c r="U184968" i="1"/>
  <c r="U184967" i="1"/>
  <c r="U184966" i="1"/>
  <c r="U184965" i="1"/>
  <c r="U184964" i="1"/>
  <c r="U184963" i="1"/>
  <c r="U184962" i="1"/>
  <c r="U184961" i="1"/>
  <c r="U184960" i="1"/>
  <c r="U184959" i="1"/>
  <c r="U184958" i="1"/>
  <c r="U184957" i="1"/>
  <c r="U184956" i="1"/>
  <c r="U184955" i="1"/>
  <c r="U184954" i="1"/>
  <c r="U184953" i="1"/>
  <c r="U184952" i="1"/>
  <c r="U184951" i="1"/>
  <c r="U184950" i="1"/>
  <c r="U184949" i="1"/>
  <c r="U184948" i="1"/>
  <c r="U184947" i="1"/>
  <c r="U184946" i="1"/>
  <c r="U184945" i="1"/>
  <c r="U184944" i="1"/>
  <c r="U184943" i="1"/>
  <c r="U184942" i="1"/>
  <c r="U184941" i="1"/>
  <c r="U184940" i="1"/>
  <c r="U184939" i="1"/>
  <c r="U184938" i="1"/>
  <c r="U184937" i="1"/>
  <c r="U184936" i="1"/>
  <c r="U184935" i="1"/>
  <c r="U184934" i="1"/>
  <c r="U184933" i="1"/>
  <c r="U184932" i="1"/>
  <c r="U184931" i="1"/>
  <c r="U184930" i="1"/>
  <c r="U184929" i="1"/>
  <c r="U184928" i="1"/>
  <c r="U184927" i="1"/>
  <c r="U184926" i="1"/>
  <c r="U184925" i="1"/>
  <c r="U184924" i="1"/>
  <c r="U184923" i="1"/>
  <c r="U184922" i="1"/>
  <c r="U184921" i="1"/>
  <c r="U184920" i="1"/>
  <c r="U184919" i="1"/>
  <c r="U184918" i="1"/>
  <c r="U184917" i="1"/>
  <c r="U184916" i="1"/>
  <c r="U184915" i="1"/>
  <c r="U184914" i="1"/>
  <c r="U184913" i="1"/>
  <c r="U184912" i="1"/>
  <c r="U184911" i="1"/>
  <c r="U184910" i="1"/>
  <c r="U184909" i="1"/>
  <c r="U184908" i="1"/>
  <c r="U184907" i="1"/>
  <c r="U184906" i="1"/>
  <c r="U184905" i="1"/>
  <c r="U184904" i="1"/>
  <c r="U184903" i="1"/>
  <c r="U184902" i="1"/>
  <c r="U184901" i="1"/>
  <c r="U184900" i="1"/>
  <c r="U184899" i="1"/>
  <c r="U184898" i="1"/>
  <c r="U184897" i="1"/>
  <c r="U184896" i="1"/>
  <c r="U184895" i="1"/>
  <c r="U184894" i="1"/>
  <c r="U184893" i="1"/>
  <c r="U184892" i="1"/>
  <c r="U184891" i="1"/>
  <c r="U184890" i="1"/>
  <c r="U184889" i="1"/>
  <c r="U184888" i="1"/>
  <c r="U184887" i="1"/>
  <c r="U184886" i="1"/>
  <c r="U184885" i="1"/>
  <c r="U184884" i="1"/>
  <c r="U184883" i="1"/>
  <c r="U184882" i="1"/>
  <c r="U184881" i="1"/>
  <c r="U184880" i="1"/>
  <c r="U184879" i="1"/>
  <c r="U184878" i="1"/>
  <c r="U184877" i="1"/>
  <c r="U184876" i="1"/>
  <c r="U184875" i="1"/>
  <c r="U184874" i="1"/>
  <c r="U184873" i="1"/>
  <c r="U184872" i="1"/>
  <c r="U184871" i="1"/>
  <c r="U184870" i="1"/>
  <c r="U184869" i="1"/>
  <c r="U184868" i="1"/>
  <c r="U184867" i="1"/>
  <c r="U184866" i="1"/>
  <c r="U184865" i="1"/>
  <c r="U184864" i="1"/>
  <c r="U184863" i="1"/>
  <c r="U184862" i="1"/>
  <c r="U184861" i="1"/>
  <c r="U184860" i="1"/>
  <c r="U184859" i="1"/>
  <c r="U184858" i="1"/>
  <c r="U184857" i="1"/>
  <c r="U184856" i="1"/>
  <c r="U184855" i="1"/>
  <c r="U184854" i="1"/>
  <c r="U184853" i="1"/>
  <c r="U184852" i="1"/>
  <c r="U184851" i="1"/>
  <c r="U184850" i="1"/>
  <c r="U184849" i="1"/>
  <c r="U184848" i="1"/>
  <c r="U184847" i="1"/>
  <c r="U184846" i="1"/>
  <c r="U184845" i="1"/>
  <c r="U184844" i="1"/>
  <c r="U184843" i="1"/>
  <c r="U184842" i="1"/>
  <c r="U184841" i="1"/>
  <c r="U184840" i="1"/>
  <c r="U184839" i="1"/>
  <c r="U184838" i="1"/>
  <c r="U184837" i="1"/>
  <c r="U184836" i="1"/>
  <c r="U184835" i="1"/>
  <c r="U184834" i="1"/>
  <c r="U184833" i="1"/>
  <c r="U184832" i="1"/>
  <c r="U184831" i="1"/>
  <c r="U184830" i="1"/>
  <c r="U184829" i="1"/>
  <c r="U184828" i="1"/>
  <c r="U184827" i="1"/>
  <c r="U184826" i="1"/>
  <c r="U184825" i="1"/>
  <c r="U184824" i="1"/>
  <c r="U184823" i="1"/>
  <c r="U184822" i="1"/>
  <c r="U184821" i="1"/>
  <c r="U184820" i="1"/>
  <c r="U184819" i="1"/>
  <c r="U184818" i="1"/>
  <c r="U184817" i="1"/>
  <c r="U184816" i="1"/>
  <c r="U184815" i="1"/>
  <c r="U184814" i="1"/>
  <c r="U184813" i="1"/>
  <c r="U184812" i="1"/>
  <c r="U184811" i="1"/>
  <c r="U184810" i="1"/>
  <c r="U184809" i="1"/>
  <c r="U184808" i="1"/>
  <c r="U184807" i="1"/>
  <c r="U184806" i="1"/>
  <c r="U184805" i="1"/>
  <c r="U184804" i="1"/>
  <c r="U184803" i="1"/>
  <c r="U184802" i="1"/>
  <c r="U184801" i="1"/>
  <c r="U184800" i="1"/>
  <c r="U184799" i="1"/>
  <c r="U184798" i="1"/>
  <c r="U184797" i="1"/>
  <c r="U184796" i="1"/>
  <c r="U184795" i="1"/>
  <c r="U184794" i="1"/>
  <c r="U184793" i="1"/>
  <c r="U184792" i="1"/>
  <c r="U184791" i="1"/>
  <c r="U184790" i="1"/>
  <c r="U184789" i="1"/>
  <c r="U184788" i="1"/>
  <c r="U184787" i="1"/>
  <c r="U184786" i="1"/>
  <c r="U184785" i="1"/>
  <c r="U184784" i="1"/>
  <c r="U184783" i="1"/>
  <c r="U184782" i="1"/>
  <c r="U184781" i="1"/>
  <c r="U184780" i="1"/>
  <c r="U184779" i="1"/>
  <c r="U184778" i="1"/>
  <c r="U184777" i="1"/>
  <c r="U184776" i="1"/>
  <c r="U184775" i="1"/>
  <c r="U184774" i="1"/>
  <c r="U184773" i="1"/>
  <c r="U184772" i="1"/>
  <c r="U184771" i="1"/>
  <c r="U184770" i="1"/>
  <c r="U184769" i="1"/>
  <c r="U184768" i="1"/>
  <c r="U184767" i="1"/>
  <c r="U184766" i="1"/>
  <c r="U184765" i="1"/>
  <c r="U184764" i="1"/>
  <c r="U184763" i="1"/>
  <c r="U184762" i="1"/>
  <c r="U184761" i="1"/>
  <c r="U184760" i="1"/>
  <c r="U184759" i="1"/>
  <c r="U184758" i="1"/>
  <c r="U184757" i="1"/>
  <c r="U184756" i="1"/>
  <c r="U184755" i="1"/>
  <c r="U184754" i="1"/>
  <c r="U184753" i="1"/>
  <c r="U184752" i="1"/>
  <c r="U184751" i="1"/>
  <c r="U184750" i="1"/>
  <c r="U184749" i="1"/>
  <c r="U184748" i="1"/>
  <c r="U184747" i="1"/>
  <c r="U184746" i="1"/>
  <c r="U184745" i="1"/>
  <c r="U184744" i="1"/>
  <c r="U184743" i="1"/>
  <c r="U184742" i="1"/>
  <c r="U184741" i="1"/>
  <c r="U184740" i="1"/>
  <c r="U184739" i="1"/>
  <c r="U184738" i="1"/>
  <c r="U184737" i="1"/>
  <c r="U184736" i="1"/>
  <c r="U184735" i="1"/>
  <c r="U184734" i="1"/>
  <c r="U184733" i="1"/>
  <c r="U184732" i="1"/>
  <c r="U184731" i="1"/>
  <c r="U184730" i="1"/>
  <c r="U184729" i="1"/>
  <c r="U184728" i="1"/>
  <c r="U184727" i="1"/>
  <c r="U184726" i="1"/>
  <c r="U184725" i="1"/>
  <c r="U184724" i="1"/>
  <c r="U184723" i="1"/>
  <c r="U184722" i="1"/>
  <c r="U184721" i="1"/>
  <c r="U184720" i="1"/>
  <c r="U184719" i="1"/>
  <c r="U184718" i="1"/>
  <c r="U184717" i="1"/>
  <c r="U184716" i="1"/>
  <c r="U184715" i="1"/>
  <c r="U184714" i="1"/>
  <c r="U184713" i="1"/>
  <c r="U184712" i="1"/>
  <c r="U184711" i="1"/>
  <c r="U184710" i="1"/>
  <c r="U184709" i="1"/>
  <c r="U184708" i="1"/>
  <c r="U184707" i="1"/>
  <c r="U184706" i="1"/>
  <c r="U184705" i="1"/>
  <c r="U184704" i="1"/>
  <c r="U184703" i="1"/>
  <c r="U184702" i="1"/>
  <c r="U184701" i="1"/>
  <c r="U184700" i="1"/>
  <c r="U184699" i="1"/>
  <c r="U184698" i="1"/>
  <c r="U184697" i="1"/>
  <c r="U184696" i="1"/>
  <c r="U184695" i="1"/>
  <c r="U184694" i="1"/>
  <c r="U184693" i="1"/>
  <c r="U184692" i="1"/>
  <c r="U184691" i="1"/>
  <c r="U184690" i="1"/>
  <c r="U184689" i="1"/>
  <c r="U184688" i="1"/>
  <c r="U184687" i="1"/>
  <c r="U184686" i="1"/>
  <c r="U184685" i="1"/>
  <c r="U184684" i="1"/>
  <c r="U184683" i="1"/>
  <c r="U184682" i="1"/>
  <c r="U184681" i="1"/>
  <c r="U184680" i="1"/>
  <c r="U184679" i="1"/>
  <c r="U184678" i="1"/>
  <c r="U184677" i="1"/>
  <c r="U184676" i="1"/>
  <c r="U184675" i="1"/>
  <c r="U184674" i="1"/>
  <c r="U184673" i="1"/>
  <c r="U184672" i="1"/>
  <c r="U184671" i="1"/>
  <c r="U184670" i="1"/>
  <c r="U184669" i="1"/>
  <c r="U184668" i="1"/>
  <c r="U184667" i="1"/>
  <c r="U184666" i="1"/>
  <c r="U184665" i="1"/>
  <c r="U184664" i="1"/>
  <c r="U184663" i="1"/>
  <c r="U184662" i="1"/>
  <c r="U184661" i="1"/>
  <c r="U184660" i="1"/>
  <c r="U184659" i="1"/>
  <c r="U184658" i="1"/>
  <c r="U184657" i="1"/>
  <c r="U184656" i="1"/>
  <c r="U184655" i="1"/>
  <c r="U184654" i="1"/>
  <c r="U184653" i="1"/>
  <c r="U184652" i="1"/>
  <c r="U184651" i="1"/>
  <c r="U184650" i="1"/>
  <c r="U184649" i="1"/>
  <c r="U184648" i="1"/>
  <c r="U184647" i="1"/>
  <c r="U184646" i="1"/>
  <c r="U184645" i="1"/>
  <c r="U184644" i="1"/>
  <c r="U184643" i="1"/>
  <c r="U184642" i="1"/>
  <c r="U184641" i="1"/>
  <c r="U184640" i="1"/>
  <c r="U184639" i="1"/>
  <c r="U184638" i="1"/>
  <c r="U184637" i="1"/>
  <c r="U184636" i="1"/>
  <c r="U184635" i="1"/>
  <c r="U184634" i="1"/>
  <c r="U184633" i="1"/>
  <c r="U184632" i="1"/>
  <c r="U184631" i="1"/>
  <c r="U184630" i="1"/>
  <c r="U184629" i="1"/>
  <c r="U184628" i="1"/>
  <c r="U184627" i="1"/>
  <c r="U184626" i="1"/>
  <c r="U184625" i="1"/>
  <c r="U184624" i="1"/>
  <c r="U184623" i="1"/>
  <c r="U184622" i="1"/>
  <c r="U184621" i="1"/>
  <c r="U184620" i="1"/>
  <c r="U184619" i="1"/>
  <c r="U184618" i="1"/>
  <c r="U184617" i="1"/>
  <c r="U184616" i="1"/>
  <c r="U184615" i="1"/>
  <c r="U184614" i="1"/>
  <c r="U184613" i="1"/>
  <c r="U184612" i="1"/>
  <c r="U184611" i="1"/>
  <c r="U184610" i="1"/>
  <c r="U184609" i="1"/>
  <c r="U184608" i="1"/>
  <c r="U184607" i="1"/>
  <c r="U184606" i="1"/>
  <c r="U184605" i="1"/>
  <c r="U184604" i="1"/>
  <c r="U184603" i="1"/>
  <c r="U184602" i="1"/>
  <c r="U184601" i="1"/>
  <c r="U184600" i="1"/>
  <c r="U184599" i="1"/>
  <c r="U184598" i="1"/>
  <c r="U184597" i="1"/>
  <c r="U184596" i="1"/>
  <c r="U184595" i="1"/>
  <c r="U184594" i="1"/>
  <c r="U184593" i="1"/>
  <c r="U184592" i="1"/>
  <c r="U184591" i="1"/>
  <c r="U184590" i="1"/>
  <c r="U184589" i="1"/>
  <c r="U184588" i="1"/>
  <c r="U184587" i="1"/>
  <c r="U184586" i="1"/>
  <c r="U184585" i="1"/>
  <c r="U184584" i="1"/>
  <c r="U184583" i="1"/>
  <c r="U184582" i="1"/>
  <c r="U184581" i="1"/>
  <c r="U184580" i="1"/>
  <c r="U184579" i="1"/>
  <c r="U184578" i="1"/>
  <c r="U184577" i="1"/>
  <c r="U184576" i="1"/>
  <c r="U184575" i="1"/>
  <c r="U184574" i="1"/>
  <c r="U184573" i="1"/>
  <c r="U184572" i="1"/>
  <c r="U184571" i="1"/>
  <c r="U184570" i="1"/>
  <c r="U184569" i="1"/>
  <c r="U184568" i="1"/>
  <c r="U184567" i="1"/>
  <c r="U184566" i="1"/>
  <c r="U184565" i="1"/>
  <c r="U184564" i="1"/>
  <c r="U184563" i="1"/>
  <c r="U184562" i="1"/>
  <c r="U184561" i="1"/>
  <c r="U184560" i="1"/>
  <c r="U184559" i="1"/>
  <c r="U184558" i="1"/>
  <c r="U184557" i="1"/>
  <c r="U184556" i="1"/>
  <c r="U184555" i="1"/>
  <c r="U184554" i="1"/>
  <c r="U184553" i="1"/>
  <c r="U184552" i="1"/>
  <c r="U184551" i="1"/>
  <c r="U184550" i="1"/>
  <c r="U184549" i="1"/>
  <c r="U184548" i="1"/>
  <c r="U184547" i="1"/>
  <c r="U184546" i="1"/>
  <c r="U184545" i="1"/>
  <c r="U184544" i="1"/>
  <c r="U184543" i="1"/>
  <c r="U184542" i="1"/>
  <c r="U184541" i="1"/>
  <c r="U184540" i="1"/>
  <c r="U184539" i="1"/>
  <c r="U184538" i="1"/>
  <c r="U184537" i="1"/>
  <c r="U184536" i="1"/>
  <c r="U184535" i="1"/>
  <c r="U184534" i="1"/>
  <c r="U184533" i="1"/>
  <c r="U184532" i="1"/>
  <c r="U184531" i="1"/>
  <c r="U184530" i="1"/>
  <c r="U184529" i="1"/>
  <c r="U184528" i="1"/>
  <c r="U184527" i="1"/>
  <c r="U184526" i="1"/>
  <c r="U184525" i="1"/>
  <c r="U184524" i="1"/>
  <c r="U184523" i="1"/>
  <c r="U184522" i="1"/>
  <c r="U184521" i="1"/>
  <c r="U184520" i="1"/>
  <c r="U184519" i="1"/>
  <c r="U184518" i="1"/>
  <c r="U184517" i="1"/>
  <c r="U184516" i="1"/>
  <c r="U184515" i="1"/>
  <c r="U184514" i="1"/>
  <c r="U184513" i="1"/>
  <c r="U184512" i="1"/>
  <c r="U184511" i="1"/>
  <c r="U184510" i="1"/>
  <c r="U184509" i="1"/>
  <c r="U184508" i="1"/>
  <c r="U184507" i="1"/>
  <c r="U184506" i="1"/>
  <c r="U184505" i="1"/>
  <c r="U184504" i="1"/>
  <c r="U184503" i="1"/>
  <c r="U184502" i="1"/>
  <c r="U184501" i="1"/>
  <c r="U184500" i="1"/>
  <c r="U184499" i="1"/>
  <c r="U184498" i="1"/>
  <c r="U184497" i="1"/>
  <c r="U184496" i="1"/>
  <c r="U184495" i="1"/>
  <c r="U184494" i="1"/>
  <c r="U184493" i="1"/>
  <c r="U184492" i="1"/>
  <c r="U184491" i="1"/>
  <c r="U184490" i="1"/>
  <c r="U184489" i="1"/>
  <c r="U184488" i="1"/>
  <c r="U184487" i="1"/>
  <c r="U184486" i="1"/>
  <c r="U184485" i="1"/>
  <c r="U184484" i="1"/>
  <c r="U184483" i="1"/>
  <c r="U184482" i="1"/>
  <c r="U184481" i="1"/>
  <c r="U184480" i="1"/>
  <c r="U184479" i="1"/>
  <c r="U184478" i="1"/>
  <c r="U184477" i="1"/>
  <c r="U184476" i="1"/>
  <c r="U184475" i="1"/>
  <c r="U184474" i="1"/>
  <c r="U184473" i="1"/>
  <c r="U184472" i="1"/>
  <c r="U184471" i="1"/>
  <c r="U184470" i="1"/>
  <c r="U184469" i="1"/>
  <c r="U184468" i="1"/>
  <c r="U184467" i="1"/>
  <c r="U184466" i="1"/>
  <c r="U184465" i="1"/>
  <c r="U184464" i="1"/>
  <c r="U184463" i="1"/>
  <c r="U184462" i="1"/>
  <c r="U184461" i="1"/>
  <c r="U184460" i="1"/>
  <c r="U184459" i="1"/>
  <c r="U184458" i="1"/>
  <c r="U184457" i="1"/>
  <c r="U184456" i="1"/>
  <c r="U184455" i="1"/>
  <c r="U184454" i="1"/>
  <c r="U184453" i="1"/>
  <c r="U184452" i="1"/>
  <c r="U184451" i="1"/>
  <c r="U184450" i="1"/>
  <c r="U184449" i="1"/>
  <c r="U184448" i="1"/>
  <c r="U184447" i="1"/>
  <c r="U184446" i="1"/>
  <c r="U184445" i="1"/>
  <c r="U184444" i="1"/>
  <c r="U184443" i="1"/>
  <c r="U184442" i="1"/>
  <c r="U184441" i="1"/>
  <c r="U184440" i="1"/>
  <c r="U184439" i="1"/>
  <c r="U184438" i="1"/>
  <c r="U184437" i="1"/>
  <c r="U184436" i="1"/>
  <c r="U184435" i="1"/>
  <c r="U184434" i="1"/>
  <c r="U184433" i="1"/>
  <c r="U184432" i="1"/>
  <c r="U184431" i="1"/>
  <c r="U184430" i="1"/>
  <c r="U184429" i="1"/>
  <c r="U184428" i="1"/>
  <c r="U184427" i="1"/>
  <c r="U184426" i="1"/>
  <c r="U184425" i="1"/>
  <c r="U184424" i="1"/>
  <c r="U184423" i="1"/>
  <c r="U184422" i="1"/>
  <c r="U184421" i="1"/>
  <c r="U184420" i="1"/>
  <c r="U184419" i="1"/>
  <c r="U184418" i="1"/>
  <c r="U184417" i="1"/>
  <c r="U184416" i="1"/>
  <c r="U184415" i="1"/>
  <c r="U184414" i="1"/>
  <c r="U184413" i="1"/>
  <c r="U184412" i="1"/>
  <c r="U184411" i="1"/>
  <c r="U184410" i="1"/>
  <c r="U184409" i="1"/>
  <c r="U184408" i="1"/>
  <c r="U184407" i="1"/>
  <c r="U184406" i="1"/>
  <c r="U184405" i="1"/>
  <c r="U184404" i="1"/>
  <c r="U184403" i="1"/>
  <c r="U184402" i="1"/>
  <c r="U184401" i="1"/>
  <c r="U184400" i="1"/>
  <c r="U184399" i="1"/>
  <c r="U184398" i="1"/>
  <c r="U184397" i="1"/>
  <c r="U184396" i="1"/>
  <c r="U184395" i="1"/>
  <c r="U184394" i="1"/>
  <c r="U184393" i="1"/>
  <c r="U184392" i="1"/>
  <c r="U184391" i="1"/>
  <c r="U184390" i="1"/>
  <c r="U184389" i="1"/>
  <c r="U184388" i="1"/>
  <c r="U184387" i="1"/>
  <c r="U184386" i="1"/>
  <c r="U184385" i="1"/>
  <c r="U184384" i="1"/>
  <c r="U184383" i="1"/>
  <c r="U184382" i="1"/>
  <c r="U184381" i="1"/>
  <c r="U184380" i="1"/>
  <c r="U184379" i="1"/>
  <c r="U184378" i="1"/>
  <c r="U184377" i="1"/>
  <c r="U184376" i="1"/>
  <c r="U184375" i="1"/>
  <c r="U184374" i="1"/>
  <c r="U184373" i="1"/>
  <c r="U184372" i="1"/>
  <c r="U184371" i="1"/>
  <c r="U184370" i="1"/>
  <c r="U184369" i="1"/>
  <c r="U184368" i="1"/>
  <c r="U184367" i="1"/>
  <c r="U184366" i="1"/>
  <c r="U184365" i="1"/>
  <c r="U184364" i="1"/>
  <c r="U184363" i="1"/>
  <c r="U184362" i="1"/>
  <c r="U184361" i="1"/>
  <c r="U184360" i="1"/>
  <c r="U184359" i="1"/>
  <c r="U184358" i="1"/>
  <c r="U184357" i="1"/>
  <c r="U184356" i="1"/>
  <c r="U184355" i="1"/>
  <c r="U184354" i="1"/>
  <c r="U184353" i="1"/>
  <c r="U184352" i="1"/>
  <c r="U184351" i="1"/>
  <c r="U184350" i="1"/>
  <c r="U184349" i="1"/>
  <c r="U184348" i="1"/>
  <c r="U184347" i="1"/>
  <c r="U184346" i="1"/>
  <c r="U184345" i="1"/>
  <c r="U184344" i="1"/>
  <c r="U184343" i="1"/>
  <c r="U184342" i="1"/>
  <c r="U184341" i="1"/>
  <c r="U184340" i="1"/>
  <c r="U184339" i="1"/>
  <c r="U184338" i="1"/>
  <c r="U184337" i="1"/>
  <c r="U184336" i="1"/>
  <c r="U184335" i="1"/>
  <c r="U184334" i="1"/>
  <c r="U184333" i="1"/>
  <c r="U184332" i="1"/>
  <c r="U184331" i="1"/>
  <c r="U184330" i="1"/>
  <c r="U184329" i="1"/>
  <c r="U184328" i="1"/>
  <c r="U184327" i="1"/>
  <c r="U184326" i="1"/>
  <c r="U184325" i="1"/>
  <c r="U184324" i="1"/>
  <c r="U184323" i="1"/>
  <c r="U184322" i="1"/>
  <c r="U184321" i="1"/>
  <c r="U184320" i="1"/>
  <c r="U184319" i="1"/>
  <c r="U184318" i="1"/>
  <c r="U184317" i="1"/>
  <c r="U184316" i="1"/>
  <c r="U184315" i="1"/>
  <c r="U184314" i="1"/>
  <c r="U184313" i="1"/>
  <c r="U184312" i="1"/>
  <c r="U184311" i="1"/>
  <c r="U184310" i="1"/>
  <c r="U184309" i="1"/>
  <c r="U184308" i="1"/>
  <c r="U184307" i="1"/>
  <c r="U184306" i="1"/>
  <c r="U184305" i="1"/>
  <c r="U184304" i="1"/>
  <c r="U184303" i="1"/>
  <c r="U184302" i="1"/>
  <c r="U184301" i="1"/>
  <c r="U184300" i="1"/>
  <c r="U184299" i="1"/>
  <c r="U184298" i="1"/>
  <c r="U184297" i="1"/>
  <c r="U184296" i="1"/>
  <c r="U184295" i="1"/>
  <c r="U184294" i="1"/>
  <c r="U184293" i="1"/>
  <c r="U184292" i="1"/>
  <c r="U184291" i="1"/>
  <c r="U184290" i="1"/>
  <c r="U184289" i="1"/>
  <c r="U184288" i="1"/>
  <c r="U184287" i="1"/>
  <c r="U184286" i="1"/>
  <c r="U184285" i="1"/>
  <c r="U184284" i="1"/>
  <c r="U184283" i="1"/>
  <c r="U184282" i="1"/>
  <c r="U184281" i="1"/>
  <c r="U184280" i="1"/>
  <c r="U184279" i="1"/>
  <c r="U184278" i="1"/>
  <c r="U184277" i="1"/>
  <c r="U184276" i="1"/>
  <c r="U184275" i="1"/>
  <c r="U184274" i="1"/>
  <c r="U184273" i="1"/>
  <c r="U184272" i="1"/>
  <c r="U184271" i="1"/>
  <c r="U184270" i="1"/>
  <c r="U184269" i="1"/>
  <c r="U184268" i="1"/>
  <c r="U184267" i="1"/>
  <c r="U184266" i="1"/>
  <c r="U184265" i="1"/>
  <c r="U184264" i="1"/>
  <c r="U184263" i="1"/>
  <c r="U184262" i="1"/>
  <c r="U184261" i="1"/>
  <c r="U184260" i="1"/>
  <c r="U184259" i="1"/>
  <c r="U184258" i="1"/>
  <c r="U184257" i="1"/>
  <c r="U184256" i="1"/>
  <c r="U184255" i="1"/>
  <c r="U184254" i="1"/>
  <c r="U184253" i="1"/>
  <c r="U184252" i="1"/>
  <c r="U184251" i="1"/>
  <c r="U184250" i="1"/>
  <c r="U184249" i="1"/>
  <c r="U184248" i="1"/>
  <c r="U184247" i="1"/>
  <c r="U184246" i="1"/>
  <c r="U184245" i="1"/>
  <c r="U184244" i="1"/>
  <c r="U184243" i="1"/>
  <c r="U184242" i="1"/>
  <c r="U184241" i="1"/>
  <c r="U184240" i="1"/>
  <c r="U184239" i="1"/>
  <c r="U184238" i="1"/>
  <c r="U184237" i="1"/>
  <c r="U184236" i="1"/>
  <c r="U184235" i="1"/>
  <c r="U184234" i="1"/>
  <c r="U184233" i="1"/>
  <c r="U184232" i="1"/>
  <c r="U184231" i="1"/>
  <c r="U184230" i="1"/>
  <c r="U184229" i="1"/>
  <c r="U184228" i="1"/>
  <c r="U184227" i="1"/>
  <c r="U184226" i="1"/>
  <c r="U184225" i="1"/>
  <c r="U184224" i="1"/>
  <c r="U184223" i="1"/>
  <c r="U184222" i="1"/>
  <c r="U184221" i="1"/>
  <c r="U184220" i="1"/>
  <c r="U184219" i="1"/>
  <c r="U184218" i="1"/>
  <c r="U184217" i="1"/>
  <c r="U184216" i="1"/>
  <c r="U184215" i="1"/>
  <c r="U184214" i="1"/>
  <c r="U184213" i="1"/>
  <c r="U184212" i="1"/>
  <c r="U184211" i="1"/>
  <c r="U184210" i="1"/>
  <c r="U184209" i="1"/>
  <c r="U184208" i="1"/>
  <c r="U184207" i="1"/>
  <c r="U184206" i="1"/>
  <c r="U184205" i="1"/>
  <c r="U184204" i="1"/>
  <c r="U184203" i="1"/>
  <c r="U184202" i="1"/>
  <c r="U184201" i="1"/>
  <c r="U184200" i="1"/>
  <c r="U184199" i="1"/>
  <c r="U184198" i="1"/>
  <c r="U184197" i="1"/>
  <c r="U184196" i="1"/>
  <c r="U184195" i="1"/>
  <c r="U184194" i="1"/>
  <c r="U184193" i="1"/>
  <c r="U184192" i="1"/>
  <c r="U184191" i="1"/>
  <c r="U184190" i="1"/>
  <c r="U184189" i="1"/>
  <c r="U184188" i="1"/>
  <c r="U184187" i="1"/>
  <c r="U184186" i="1"/>
  <c r="U184185" i="1"/>
  <c r="U184184" i="1"/>
  <c r="U184183" i="1"/>
  <c r="U184182" i="1"/>
  <c r="U184181" i="1"/>
  <c r="U184180" i="1"/>
  <c r="U184179" i="1"/>
  <c r="U184178" i="1"/>
  <c r="U184177" i="1"/>
  <c r="U184176" i="1"/>
  <c r="U184175" i="1"/>
  <c r="U184174" i="1"/>
  <c r="U184173" i="1"/>
  <c r="U184172" i="1"/>
  <c r="U184171" i="1"/>
  <c r="U184170" i="1"/>
  <c r="U184169" i="1"/>
  <c r="U184168" i="1"/>
  <c r="U184167" i="1"/>
  <c r="U184166" i="1"/>
  <c r="U184165" i="1"/>
  <c r="U184164" i="1"/>
  <c r="U184163" i="1"/>
  <c r="U184162" i="1"/>
  <c r="U184161" i="1"/>
  <c r="U184160" i="1"/>
  <c r="U184159" i="1"/>
  <c r="U184158" i="1"/>
  <c r="U184157" i="1"/>
  <c r="U184156" i="1"/>
  <c r="U184155" i="1"/>
  <c r="U184154" i="1"/>
  <c r="U184153" i="1"/>
  <c r="U184152" i="1"/>
  <c r="U184151" i="1"/>
  <c r="U184150" i="1"/>
  <c r="U184149" i="1"/>
  <c r="U184148" i="1"/>
  <c r="U184147" i="1"/>
  <c r="U184146" i="1"/>
  <c r="U184145" i="1"/>
  <c r="U184144" i="1"/>
  <c r="U184143" i="1"/>
  <c r="U184142" i="1"/>
  <c r="U184141" i="1"/>
  <c r="U184140" i="1"/>
  <c r="U184139" i="1"/>
  <c r="U184138" i="1"/>
  <c r="U184137" i="1"/>
  <c r="U184136" i="1"/>
  <c r="U184135" i="1"/>
  <c r="U184134" i="1"/>
  <c r="U184133" i="1"/>
  <c r="U184132" i="1"/>
  <c r="U184131" i="1"/>
  <c r="U184130" i="1"/>
  <c r="U184129" i="1"/>
  <c r="U184128" i="1"/>
  <c r="U184127" i="1"/>
  <c r="U184126" i="1"/>
  <c r="U184125" i="1"/>
  <c r="U184124" i="1"/>
  <c r="U184123" i="1"/>
  <c r="U184122" i="1"/>
  <c r="U184121" i="1"/>
  <c r="U184120" i="1"/>
  <c r="U184119" i="1"/>
  <c r="U184118" i="1"/>
  <c r="U184117" i="1"/>
  <c r="U184116" i="1"/>
  <c r="U184115" i="1"/>
  <c r="U184114" i="1"/>
  <c r="U184113" i="1"/>
  <c r="U184112" i="1"/>
  <c r="U184111" i="1"/>
  <c r="U184110" i="1"/>
  <c r="U184109" i="1"/>
  <c r="U184108" i="1"/>
  <c r="U184107" i="1"/>
  <c r="U184106" i="1"/>
  <c r="U184105" i="1"/>
  <c r="U184104" i="1"/>
  <c r="U184103" i="1"/>
  <c r="U184102" i="1"/>
  <c r="U184101" i="1"/>
  <c r="U184100" i="1"/>
  <c r="U184099" i="1"/>
  <c r="U184098" i="1"/>
  <c r="U184097" i="1"/>
  <c r="U184096" i="1"/>
  <c r="U184095" i="1"/>
  <c r="U184094" i="1"/>
  <c r="U184093" i="1"/>
  <c r="U184092" i="1"/>
  <c r="U184091" i="1"/>
  <c r="U184090" i="1"/>
  <c r="U184089" i="1"/>
  <c r="U184088" i="1"/>
  <c r="U184087" i="1"/>
  <c r="U184086" i="1"/>
  <c r="U184085" i="1"/>
  <c r="U184084" i="1"/>
  <c r="U184083" i="1"/>
  <c r="U184082" i="1"/>
  <c r="U184081" i="1"/>
  <c r="U184080" i="1"/>
  <c r="U184079" i="1"/>
  <c r="U184078" i="1"/>
  <c r="U184077" i="1"/>
  <c r="U184076" i="1"/>
  <c r="U184075" i="1"/>
  <c r="U184074" i="1"/>
  <c r="U184073" i="1"/>
  <c r="U184072" i="1"/>
  <c r="U184071" i="1"/>
  <c r="U184070" i="1"/>
  <c r="U184069" i="1"/>
  <c r="U184068" i="1"/>
  <c r="U184067" i="1"/>
  <c r="U184066" i="1"/>
  <c r="U184065" i="1"/>
  <c r="U184064" i="1"/>
  <c r="U184063" i="1"/>
  <c r="U184062" i="1"/>
  <c r="U184061" i="1"/>
  <c r="U184060" i="1"/>
  <c r="U184059" i="1"/>
  <c r="U184058" i="1"/>
  <c r="U184057" i="1"/>
  <c r="U184056" i="1"/>
  <c r="U184055" i="1"/>
  <c r="U184054" i="1"/>
  <c r="U184053" i="1"/>
  <c r="U184052" i="1"/>
  <c r="U184051" i="1"/>
  <c r="U184050" i="1"/>
  <c r="U184049" i="1"/>
  <c r="U184048" i="1"/>
  <c r="U184047" i="1"/>
  <c r="U184046" i="1"/>
  <c r="U184045" i="1"/>
  <c r="U184044" i="1"/>
  <c r="U184043" i="1"/>
  <c r="U184042" i="1"/>
  <c r="U184041" i="1"/>
  <c r="U184040" i="1"/>
  <c r="U184039" i="1"/>
  <c r="U184038" i="1"/>
  <c r="U184037" i="1"/>
  <c r="U184036" i="1"/>
  <c r="U184035" i="1"/>
  <c r="U184034" i="1"/>
  <c r="U184033" i="1"/>
  <c r="U184032" i="1"/>
  <c r="U184031" i="1"/>
  <c r="U184030" i="1"/>
  <c r="U184029" i="1"/>
  <c r="U184028" i="1"/>
  <c r="U184027" i="1"/>
  <c r="U184026" i="1"/>
  <c r="U184025" i="1"/>
  <c r="U184024" i="1"/>
  <c r="U184023" i="1"/>
  <c r="U184022" i="1"/>
  <c r="U184021" i="1"/>
  <c r="U184020" i="1"/>
  <c r="U184019" i="1"/>
  <c r="U184018" i="1"/>
  <c r="U184017" i="1"/>
  <c r="U184016" i="1"/>
  <c r="U184015" i="1"/>
  <c r="U184014" i="1"/>
  <c r="U184013" i="1"/>
  <c r="U184012" i="1"/>
  <c r="U184011" i="1"/>
  <c r="U184010" i="1"/>
  <c r="U184009" i="1"/>
  <c r="U184008" i="1"/>
  <c r="U184007" i="1"/>
  <c r="U184006" i="1"/>
  <c r="U184005" i="1"/>
  <c r="U184004" i="1"/>
  <c r="U184003" i="1"/>
  <c r="U184002" i="1"/>
  <c r="U184001" i="1"/>
  <c r="U184000" i="1"/>
  <c r="U183999" i="1"/>
  <c r="U183998" i="1"/>
  <c r="U183997" i="1"/>
  <c r="U183996" i="1"/>
  <c r="U183995" i="1"/>
  <c r="U183994" i="1"/>
  <c r="U183993" i="1"/>
  <c r="U183992" i="1"/>
  <c r="U183991" i="1"/>
  <c r="U183990" i="1"/>
  <c r="U183989" i="1"/>
  <c r="U183988" i="1"/>
  <c r="U183987" i="1"/>
  <c r="U183986" i="1"/>
  <c r="U183985" i="1"/>
  <c r="U183984" i="1"/>
  <c r="U183983" i="1"/>
  <c r="U183982" i="1"/>
  <c r="U183981" i="1"/>
  <c r="U183980" i="1"/>
  <c r="U183979" i="1"/>
  <c r="U183978" i="1"/>
  <c r="U183977" i="1"/>
  <c r="U183976" i="1"/>
  <c r="U183975" i="1"/>
  <c r="U183974" i="1"/>
  <c r="U183973" i="1"/>
  <c r="U183972" i="1"/>
  <c r="U183971" i="1"/>
  <c r="U183970" i="1"/>
  <c r="U183969" i="1"/>
  <c r="U183968" i="1"/>
  <c r="U183967" i="1"/>
  <c r="U183966" i="1"/>
  <c r="U183965" i="1"/>
  <c r="U183964" i="1"/>
  <c r="U183963" i="1"/>
  <c r="U183962" i="1"/>
  <c r="U183961" i="1"/>
  <c r="U183960" i="1"/>
  <c r="U183959" i="1"/>
  <c r="U183958" i="1"/>
  <c r="U183957" i="1"/>
  <c r="U183956" i="1"/>
  <c r="U183955" i="1"/>
  <c r="U183954" i="1"/>
  <c r="U183953" i="1"/>
  <c r="U183952" i="1"/>
  <c r="U183951" i="1"/>
  <c r="U183950" i="1"/>
  <c r="U183949" i="1"/>
  <c r="U183948" i="1"/>
  <c r="U183947" i="1"/>
  <c r="U183946" i="1"/>
  <c r="U183945" i="1"/>
  <c r="U183944" i="1"/>
  <c r="U183943" i="1"/>
  <c r="U183942" i="1"/>
  <c r="U183941" i="1"/>
  <c r="U183940" i="1"/>
  <c r="U183939" i="1"/>
  <c r="U183938" i="1"/>
  <c r="U183937" i="1"/>
  <c r="U183936" i="1"/>
  <c r="U183935" i="1"/>
  <c r="U183934" i="1"/>
  <c r="U183933" i="1"/>
  <c r="U183932" i="1"/>
  <c r="U183931" i="1"/>
  <c r="U183930" i="1"/>
  <c r="U183929" i="1"/>
  <c r="U183928" i="1"/>
  <c r="U183927" i="1"/>
  <c r="U183926" i="1"/>
  <c r="U183925" i="1"/>
  <c r="U183924" i="1"/>
  <c r="U183923" i="1"/>
  <c r="U183922" i="1"/>
  <c r="U183921" i="1"/>
  <c r="U183920" i="1"/>
  <c r="U183919" i="1"/>
  <c r="U183918" i="1"/>
  <c r="U183917" i="1"/>
  <c r="U183916" i="1"/>
  <c r="U183915" i="1"/>
  <c r="U183914" i="1"/>
  <c r="U183913" i="1"/>
  <c r="U183912" i="1"/>
  <c r="U183911" i="1"/>
  <c r="U183910" i="1"/>
  <c r="U183909" i="1"/>
  <c r="U183908" i="1"/>
  <c r="U183907" i="1"/>
  <c r="U183906" i="1"/>
  <c r="U183905" i="1"/>
  <c r="U183904" i="1"/>
  <c r="U183903" i="1"/>
  <c r="U183902" i="1"/>
  <c r="U183901" i="1"/>
  <c r="U183900" i="1"/>
  <c r="U183899" i="1"/>
  <c r="U183898" i="1"/>
  <c r="U183897" i="1"/>
  <c r="U183896" i="1"/>
  <c r="U183895" i="1"/>
  <c r="U183894" i="1"/>
  <c r="U183893" i="1"/>
  <c r="U183892" i="1"/>
  <c r="U183891" i="1"/>
  <c r="U183890" i="1"/>
  <c r="U183889" i="1"/>
  <c r="U183888" i="1"/>
  <c r="U183887" i="1"/>
  <c r="U183886" i="1"/>
  <c r="U183885" i="1"/>
  <c r="U183884" i="1"/>
  <c r="U183883" i="1"/>
  <c r="U183882" i="1"/>
  <c r="U183881" i="1"/>
  <c r="U183880" i="1"/>
  <c r="U183879" i="1"/>
  <c r="U183878" i="1"/>
  <c r="U183877" i="1"/>
  <c r="U183876" i="1"/>
  <c r="U183875" i="1"/>
  <c r="U183874" i="1"/>
  <c r="U183873" i="1"/>
  <c r="U183872" i="1"/>
  <c r="U183871" i="1"/>
  <c r="U183870" i="1"/>
  <c r="U183869" i="1"/>
  <c r="U183868" i="1"/>
  <c r="U183867" i="1"/>
  <c r="U183866" i="1"/>
  <c r="U183865" i="1"/>
  <c r="U183864" i="1"/>
  <c r="U183863" i="1"/>
  <c r="U183862" i="1"/>
  <c r="U183861" i="1"/>
  <c r="U183860" i="1"/>
  <c r="U183859" i="1"/>
  <c r="U183858" i="1"/>
  <c r="U183857" i="1"/>
  <c r="U183856" i="1"/>
  <c r="U183855" i="1"/>
  <c r="U183854" i="1"/>
  <c r="U183853" i="1"/>
  <c r="U183852" i="1"/>
  <c r="U183851" i="1"/>
  <c r="U183850" i="1"/>
  <c r="U183849" i="1"/>
  <c r="U183848" i="1"/>
  <c r="U183847" i="1"/>
  <c r="U183846" i="1"/>
  <c r="U183845" i="1"/>
  <c r="U183844" i="1"/>
  <c r="U183843" i="1"/>
  <c r="U183842" i="1"/>
  <c r="U183841" i="1"/>
  <c r="U183840" i="1"/>
  <c r="U183839" i="1"/>
  <c r="U183838" i="1"/>
  <c r="U183837" i="1"/>
  <c r="U183836" i="1"/>
  <c r="U183835" i="1"/>
  <c r="U183834" i="1"/>
  <c r="U183833" i="1"/>
  <c r="U183832" i="1"/>
  <c r="U183831" i="1"/>
  <c r="U183830" i="1"/>
  <c r="U183829" i="1"/>
  <c r="U183828" i="1"/>
  <c r="U183827" i="1"/>
  <c r="U183826" i="1"/>
  <c r="U183825" i="1"/>
  <c r="U183824" i="1"/>
  <c r="U183823" i="1"/>
  <c r="U183822" i="1"/>
  <c r="U183821" i="1"/>
  <c r="U183820" i="1"/>
  <c r="U183819" i="1"/>
  <c r="U183818" i="1"/>
  <c r="U183817" i="1"/>
  <c r="U183816" i="1"/>
  <c r="U183815" i="1"/>
  <c r="U183814" i="1"/>
  <c r="U183813" i="1"/>
  <c r="U183812" i="1"/>
  <c r="U183811" i="1"/>
  <c r="U183810" i="1"/>
  <c r="U183809" i="1"/>
  <c r="U183808" i="1"/>
  <c r="U183807" i="1"/>
  <c r="U183806" i="1"/>
  <c r="U183805" i="1"/>
  <c r="U183804" i="1"/>
  <c r="U183803" i="1"/>
  <c r="U183802" i="1"/>
  <c r="U183801" i="1"/>
  <c r="U183800" i="1"/>
  <c r="U183799" i="1"/>
  <c r="U183798" i="1"/>
  <c r="U183797" i="1"/>
  <c r="U183796" i="1"/>
  <c r="U183795" i="1"/>
  <c r="U183794" i="1"/>
  <c r="U183793" i="1"/>
  <c r="U183792" i="1"/>
  <c r="U183791" i="1"/>
  <c r="U183790" i="1"/>
  <c r="U183789" i="1"/>
  <c r="U183788" i="1"/>
  <c r="U183787" i="1"/>
  <c r="U183786" i="1"/>
  <c r="U183785" i="1"/>
  <c r="U183784" i="1"/>
  <c r="U183783" i="1"/>
  <c r="U183782" i="1"/>
  <c r="U183781" i="1"/>
  <c r="U183780" i="1"/>
  <c r="U183779" i="1"/>
  <c r="U183778" i="1"/>
  <c r="U183777" i="1"/>
  <c r="U183776" i="1"/>
  <c r="U183775" i="1"/>
  <c r="U183774" i="1"/>
  <c r="U183773" i="1"/>
  <c r="U183772" i="1"/>
  <c r="U183771" i="1"/>
  <c r="U183770" i="1"/>
  <c r="U183769" i="1"/>
  <c r="U183768" i="1"/>
  <c r="U183767" i="1"/>
  <c r="U183766" i="1"/>
  <c r="U183765" i="1"/>
  <c r="U183764" i="1"/>
  <c r="U183763" i="1"/>
  <c r="U183762" i="1"/>
  <c r="U183761" i="1"/>
  <c r="U183760" i="1"/>
  <c r="U183759" i="1"/>
  <c r="U183758" i="1"/>
  <c r="U183757" i="1"/>
  <c r="U183756" i="1"/>
  <c r="U183755" i="1"/>
  <c r="U183754" i="1"/>
  <c r="U183753" i="1"/>
  <c r="U183752" i="1"/>
  <c r="U183751" i="1"/>
  <c r="U183750" i="1"/>
  <c r="U183749" i="1"/>
  <c r="U183748" i="1"/>
  <c r="U183747" i="1"/>
  <c r="U183746" i="1"/>
  <c r="U183745" i="1"/>
  <c r="U183744" i="1"/>
  <c r="U183743" i="1"/>
  <c r="U183742" i="1"/>
  <c r="U183741" i="1"/>
  <c r="U183740" i="1"/>
  <c r="U183739" i="1"/>
  <c r="U183738" i="1"/>
  <c r="U183737" i="1"/>
  <c r="U183736" i="1"/>
  <c r="U183735" i="1"/>
  <c r="U183734" i="1"/>
  <c r="U183733" i="1"/>
  <c r="U183732" i="1"/>
  <c r="U183731" i="1"/>
  <c r="U183730" i="1"/>
  <c r="U183729" i="1"/>
  <c r="U183728" i="1"/>
  <c r="U183727" i="1"/>
  <c r="U183726" i="1"/>
  <c r="U183725" i="1"/>
  <c r="U183724" i="1"/>
  <c r="U183723" i="1"/>
  <c r="U183722" i="1"/>
  <c r="U183721" i="1"/>
  <c r="U183720" i="1"/>
  <c r="U183719" i="1"/>
  <c r="U183718" i="1"/>
  <c r="U183717" i="1"/>
  <c r="U183716" i="1"/>
  <c r="U183715" i="1"/>
  <c r="U183714" i="1"/>
  <c r="U183713" i="1"/>
  <c r="U183712" i="1"/>
  <c r="U183711" i="1"/>
  <c r="U183710" i="1"/>
  <c r="U183709" i="1"/>
  <c r="U183708" i="1"/>
  <c r="U183707" i="1"/>
  <c r="U183706" i="1"/>
  <c r="U183705" i="1"/>
  <c r="U183704" i="1"/>
  <c r="U183703" i="1"/>
  <c r="U183702" i="1"/>
  <c r="U183701" i="1"/>
  <c r="U183700" i="1"/>
  <c r="U183699" i="1"/>
  <c r="U183698" i="1"/>
  <c r="U183697" i="1"/>
  <c r="U183696" i="1"/>
  <c r="U183695" i="1"/>
  <c r="U183694" i="1"/>
  <c r="U183693" i="1"/>
  <c r="U183692" i="1"/>
  <c r="U183691" i="1"/>
  <c r="U183690" i="1"/>
  <c r="U183689" i="1"/>
  <c r="U183688" i="1"/>
  <c r="U183687" i="1"/>
  <c r="U183686" i="1"/>
  <c r="U183685" i="1"/>
  <c r="U183684" i="1"/>
  <c r="U183683" i="1"/>
  <c r="U183682" i="1"/>
  <c r="U183681" i="1"/>
  <c r="U183680" i="1"/>
  <c r="U183679" i="1"/>
  <c r="U183678" i="1"/>
  <c r="U183677" i="1"/>
  <c r="U183676" i="1"/>
  <c r="U183675" i="1"/>
  <c r="U183674" i="1"/>
  <c r="U183673" i="1"/>
  <c r="U183672" i="1"/>
  <c r="U183671" i="1"/>
  <c r="U183670" i="1"/>
  <c r="U183669" i="1"/>
  <c r="U183668" i="1"/>
  <c r="U183667" i="1"/>
  <c r="U183666" i="1"/>
  <c r="U183665" i="1"/>
  <c r="U183664" i="1"/>
  <c r="U183663" i="1"/>
  <c r="U183662" i="1"/>
  <c r="U183661" i="1"/>
  <c r="U183660" i="1"/>
  <c r="U183659" i="1"/>
  <c r="U183658" i="1"/>
  <c r="U183657" i="1"/>
  <c r="U183656" i="1"/>
  <c r="U183655" i="1"/>
  <c r="U183654" i="1"/>
  <c r="U183653" i="1"/>
  <c r="U183652" i="1"/>
  <c r="U183651" i="1"/>
  <c r="U183650" i="1"/>
  <c r="U183649" i="1"/>
  <c r="U183648" i="1"/>
  <c r="U183647" i="1"/>
  <c r="U183646" i="1"/>
  <c r="U183645" i="1"/>
  <c r="U183644" i="1"/>
  <c r="U183643" i="1"/>
  <c r="U183642" i="1"/>
  <c r="U183641" i="1"/>
  <c r="U183640" i="1"/>
  <c r="U183639" i="1"/>
  <c r="U183638" i="1"/>
  <c r="U183637" i="1"/>
  <c r="U183636" i="1"/>
  <c r="U183635" i="1"/>
  <c r="U183634" i="1"/>
  <c r="U183633" i="1"/>
  <c r="U183632" i="1"/>
  <c r="U183631" i="1"/>
  <c r="U183630" i="1"/>
  <c r="U183629" i="1"/>
  <c r="U183628" i="1"/>
  <c r="U183627" i="1"/>
  <c r="U183626" i="1"/>
  <c r="U183625" i="1"/>
  <c r="U183624" i="1"/>
  <c r="U183623" i="1"/>
  <c r="U183622" i="1"/>
  <c r="U183621" i="1"/>
  <c r="U183620" i="1"/>
  <c r="U183619" i="1"/>
  <c r="U183618" i="1"/>
  <c r="U183617" i="1"/>
  <c r="U183616" i="1"/>
  <c r="U183615" i="1"/>
  <c r="U183614" i="1"/>
  <c r="U183613" i="1"/>
  <c r="U183612" i="1"/>
  <c r="U183611" i="1"/>
  <c r="U183610" i="1"/>
  <c r="U183609" i="1"/>
  <c r="U183608" i="1"/>
  <c r="U183607" i="1"/>
  <c r="U183606" i="1"/>
  <c r="U183605" i="1"/>
  <c r="U183604" i="1"/>
  <c r="U183603" i="1"/>
  <c r="U183602" i="1"/>
  <c r="U183601" i="1"/>
  <c r="U183600" i="1"/>
  <c r="U183599" i="1"/>
  <c r="U183598" i="1"/>
  <c r="U183597" i="1"/>
  <c r="U183596" i="1"/>
  <c r="U183595" i="1"/>
  <c r="U183594" i="1"/>
  <c r="U183593" i="1"/>
  <c r="U183592" i="1"/>
  <c r="U183591" i="1"/>
  <c r="U183590" i="1"/>
  <c r="U183589" i="1"/>
  <c r="U183588" i="1"/>
  <c r="U183587" i="1"/>
  <c r="U183586" i="1"/>
  <c r="U183585" i="1"/>
  <c r="U183584" i="1"/>
  <c r="U183583" i="1"/>
  <c r="U183582" i="1"/>
  <c r="U183581" i="1"/>
  <c r="U183580" i="1"/>
  <c r="U183579" i="1"/>
  <c r="U183578" i="1"/>
  <c r="U183577" i="1"/>
  <c r="U183576" i="1"/>
  <c r="U183575" i="1"/>
  <c r="U183574" i="1"/>
  <c r="U183573" i="1"/>
  <c r="U183572" i="1"/>
  <c r="U183571" i="1"/>
  <c r="U183570" i="1"/>
  <c r="U183569" i="1"/>
  <c r="U183568" i="1"/>
  <c r="U183567" i="1"/>
  <c r="U183566" i="1"/>
  <c r="U183565" i="1"/>
  <c r="U183564" i="1"/>
  <c r="U183563" i="1"/>
  <c r="U183562" i="1"/>
  <c r="U183561" i="1"/>
  <c r="U183560" i="1"/>
  <c r="U183559" i="1"/>
  <c r="U183558" i="1"/>
  <c r="U183557" i="1"/>
  <c r="U183556" i="1"/>
  <c r="U183555" i="1"/>
  <c r="U183554" i="1"/>
  <c r="U183553" i="1"/>
  <c r="U183552" i="1"/>
  <c r="U183551" i="1"/>
  <c r="U183550" i="1"/>
  <c r="U183549" i="1"/>
  <c r="U183548" i="1"/>
  <c r="U183547" i="1"/>
  <c r="U183546" i="1"/>
  <c r="U183545" i="1"/>
  <c r="U183544" i="1"/>
  <c r="U183543" i="1"/>
  <c r="U183542" i="1"/>
  <c r="U183541" i="1"/>
  <c r="U183540" i="1"/>
  <c r="U183539" i="1"/>
  <c r="U183538" i="1"/>
  <c r="U183537" i="1"/>
  <c r="U183536" i="1"/>
  <c r="U183535" i="1"/>
  <c r="U183534" i="1"/>
  <c r="U183533" i="1"/>
  <c r="U183532" i="1"/>
  <c r="U183531" i="1"/>
  <c r="U183530" i="1"/>
  <c r="U183529" i="1"/>
  <c r="U183528" i="1"/>
  <c r="U183527" i="1"/>
  <c r="U183526" i="1"/>
  <c r="U183525" i="1"/>
  <c r="U183524" i="1"/>
  <c r="U183523" i="1"/>
  <c r="U183522" i="1"/>
  <c r="U183521" i="1"/>
  <c r="U183520" i="1"/>
  <c r="U183519" i="1"/>
  <c r="U183518" i="1"/>
  <c r="U183517" i="1"/>
  <c r="U183516" i="1"/>
  <c r="U183515" i="1"/>
  <c r="U183514" i="1"/>
  <c r="U183513" i="1"/>
  <c r="U183512" i="1"/>
  <c r="U183511" i="1"/>
  <c r="U183510" i="1"/>
  <c r="U183509" i="1"/>
  <c r="U183508" i="1"/>
  <c r="U183507" i="1"/>
  <c r="U183506" i="1"/>
  <c r="U183505" i="1"/>
  <c r="U183504" i="1"/>
  <c r="U183503" i="1"/>
  <c r="U183502" i="1"/>
  <c r="U183501" i="1"/>
  <c r="U183500" i="1"/>
  <c r="U183499" i="1"/>
  <c r="U183498" i="1"/>
  <c r="U183497" i="1"/>
  <c r="U183496" i="1"/>
  <c r="U183495" i="1"/>
  <c r="U183494" i="1"/>
  <c r="U183493" i="1"/>
  <c r="U183492" i="1"/>
  <c r="U183491" i="1"/>
  <c r="U183490" i="1"/>
  <c r="U183489" i="1"/>
  <c r="U183488" i="1"/>
  <c r="U183487" i="1"/>
  <c r="U183486" i="1"/>
  <c r="U183485" i="1"/>
  <c r="U183484" i="1"/>
  <c r="U183483" i="1"/>
  <c r="U183482" i="1"/>
  <c r="U183481" i="1"/>
  <c r="U183480" i="1"/>
  <c r="U183479" i="1"/>
  <c r="U183478" i="1"/>
  <c r="U183477" i="1"/>
  <c r="U183476" i="1"/>
  <c r="U183475" i="1"/>
  <c r="U183474" i="1"/>
  <c r="U183473" i="1"/>
  <c r="U183472" i="1"/>
  <c r="U183471" i="1"/>
  <c r="U183470" i="1"/>
  <c r="U183469" i="1"/>
  <c r="U183468" i="1"/>
  <c r="U183467" i="1"/>
  <c r="U183466" i="1"/>
  <c r="U183465" i="1"/>
  <c r="U183464" i="1"/>
  <c r="U183463" i="1"/>
  <c r="U183462" i="1"/>
  <c r="U183461" i="1"/>
  <c r="U183460" i="1"/>
  <c r="U183459" i="1"/>
  <c r="U183458" i="1"/>
  <c r="U183457" i="1"/>
  <c r="U183456" i="1"/>
  <c r="U183455" i="1"/>
  <c r="U183454" i="1"/>
  <c r="U183453" i="1"/>
  <c r="U183452" i="1"/>
  <c r="U183451" i="1"/>
  <c r="U183450" i="1"/>
  <c r="U183449" i="1"/>
  <c r="U183448" i="1"/>
  <c r="U183447" i="1"/>
  <c r="U183446" i="1"/>
  <c r="U183445" i="1"/>
  <c r="U183444" i="1"/>
  <c r="U183443" i="1"/>
  <c r="U183442" i="1"/>
  <c r="U183441" i="1"/>
  <c r="U183440" i="1"/>
  <c r="U183439" i="1"/>
  <c r="U183438" i="1"/>
  <c r="U183437" i="1"/>
  <c r="U183436" i="1"/>
  <c r="U183435" i="1"/>
  <c r="U183434" i="1"/>
  <c r="U183433" i="1"/>
  <c r="U183432" i="1"/>
  <c r="U183431" i="1"/>
  <c r="U183430" i="1"/>
  <c r="U183429" i="1"/>
  <c r="U183428" i="1"/>
  <c r="U183427" i="1"/>
  <c r="U183426" i="1"/>
  <c r="U183425" i="1"/>
  <c r="U183424" i="1"/>
  <c r="U183423" i="1"/>
  <c r="U183422" i="1"/>
  <c r="U183421" i="1"/>
  <c r="U183420" i="1"/>
  <c r="U183419" i="1"/>
  <c r="U183418" i="1"/>
  <c r="U183417" i="1"/>
  <c r="U183416" i="1"/>
  <c r="U183415" i="1"/>
  <c r="U183414" i="1"/>
  <c r="U183413" i="1"/>
  <c r="U183412" i="1"/>
  <c r="U183411" i="1"/>
  <c r="U183410" i="1"/>
  <c r="U183409" i="1"/>
  <c r="U183408" i="1"/>
  <c r="U183407" i="1"/>
  <c r="U183406" i="1"/>
  <c r="U183405" i="1"/>
  <c r="U183404" i="1"/>
  <c r="U183403" i="1"/>
  <c r="U183402" i="1"/>
  <c r="U183401" i="1"/>
  <c r="U183400" i="1"/>
  <c r="U183399" i="1"/>
  <c r="U183398" i="1"/>
  <c r="U183397" i="1"/>
  <c r="U183396" i="1"/>
  <c r="U183395" i="1"/>
  <c r="U183394" i="1"/>
  <c r="U183393" i="1"/>
  <c r="U183392" i="1"/>
  <c r="U183391" i="1"/>
  <c r="U183390" i="1"/>
  <c r="U183389" i="1"/>
  <c r="U183388" i="1"/>
  <c r="U183387" i="1"/>
  <c r="U183386" i="1"/>
  <c r="U183385" i="1"/>
  <c r="U183384" i="1"/>
  <c r="U183383" i="1"/>
  <c r="U183382" i="1"/>
  <c r="U183381" i="1"/>
  <c r="U183380" i="1"/>
  <c r="U183379" i="1"/>
  <c r="U183378" i="1"/>
  <c r="U183377" i="1"/>
  <c r="U183376" i="1"/>
  <c r="U183375" i="1"/>
  <c r="U183374" i="1"/>
  <c r="U183373" i="1"/>
  <c r="U183372" i="1"/>
  <c r="U183371" i="1"/>
  <c r="U183370" i="1"/>
  <c r="U183369" i="1"/>
  <c r="U183368" i="1"/>
  <c r="U183367" i="1"/>
  <c r="U183366" i="1"/>
  <c r="U183365" i="1"/>
  <c r="U183364" i="1"/>
  <c r="U183363" i="1"/>
  <c r="U183362" i="1"/>
  <c r="U183361" i="1"/>
  <c r="U183360" i="1"/>
  <c r="U183359" i="1"/>
  <c r="U183358" i="1"/>
  <c r="U183357" i="1"/>
  <c r="U183356" i="1"/>
  <c r="U183355" i="1"/>
  <c r="U183354" i="1"/>
  <c r="U183353" i="1"/>
  <c r="U183352" i="1"/>
  <c r="U183351" i="1"/>
  <c r="U183350" i="1"/>
  <c r="U183349" i="1"/>
  <c r="U183348" i="1"/>
  <c r="U183347" i="1"/>
  <c r="U183346" i="1"/>
  <c r="U183345" i="1"/>
  <c r="U183344" i="1"/>
  <c r="U183343" i="1"/>
  <c r="U183342" i="1"/>
  <c r="U183341" i="1"/>
  <c r="U183340" i="1"/>
  <c r="U183339" i="1"/>
  <c r="U183338" i="1"/>
  <c r="U183337" i="1"/>
  <c r="U183336" i="1"/>
  <c r="U183335" i="1"/>
  <c r="U183334" i="1"/>
  <c r="U183333" i="1"/>
  <c r="U183332" i="1"/>
  <c r="U183331" i="1"/>
  <c r="U183330" i="1"/>
  <c r="U183329" i="1"/>
  <c r="U183328" i="1"/>
  <c r="U183327" i="1"/>
  <c r="U183326" i="1"/>
  <c r="U183325" i="1"/>
  <c r="U183324" i="1"/>
  <c r="U183323" i="1"/>
  <c r="U183322" i="1"/>
  <c r="U183321" i="1"/>
  <c r="U183320" i="1"/>
  <c r="U183319" i="1"/>
  <c r="U183318" i="1"/>
  <c r="U183317" i="1"/>
  <c r="U183316" i="1"/>
  <c r="U183315" i="1"/>
  <c r="U183314" i="1"/>
  <c r="U183313" i="1"/>
  <c r="U183312" i="1"/>
  <c r="U183311" i="1"/>
  <c r="U183310" i="1"/>
  <c r="U183309" i="1"/>
  <c r="U183308" i="1"/>
  <c r="U183307" i="1"/>
  <c r="U183306" i="1"/>
  <c r="U183305" i="1"/>
  <c r="U183304" i="1"/>
  <c r="U183303" i="1"/>
  <c r="U183302" i="1"/>
  <c r="U183301" i="1"/>
  <c r="U183300" i="1"/>
  <c r="U183299" i="1"/>
  <c r="U183298" i="1"/>
  <c r="U183297" i="1"/>
  <c r="U183296" i="1"/>
  <c r="U183295" i="1"/>
  <c r="U183294" i="1"/>
  <c r="U183293" i="1"/>
  <c r="U183292" i="1"/>
  <c r="U183291" i="1"/>
  <c r="U183290" i="1"/>
  <c r="U183289" i="1"/>
  <c r="U183288" i="1"/>
  <c r="U183287" i="1"/>
  <c r="U183286" i="1"/>
  <c r="U183285" i="1"/>
  <c r="U183284" i="1"/>
  <c r="U183283" i="1"/>
  <c r="U183282" i="1"/>
  <c r="U183281" i="1"/>
  <c r="U183280" i="1"/>
  <c r="U183279" i="1"/>
  <c r="U183278" i="1"/>
  <c r="U183277" i="1"/>
  <c r="U183276" i="1"/>
  <c r="U183275" i="1"/>
  <c r="U183274" i="1"/>
  <c r="U183273" i="1"/>
  <c r="U183272" i="1"/>
  <c r="U183271" i="1"/>
  <c r="U183270" i="1"/>
  <c r="U183269" i="1"/>
  <c r="U183268" i="1"/>
  <c r="U183267" i="1"/>
  <c r="U183266" i="1"/>
  <c r="U183265" i="1"/>
  <c r="U183264" i="1"/>
  <c r="U183263" i="1"/>
  <c r="U183262" i="1"/>
  <c r="U183261" i="1"/>
  <c r="U183260" i="1"/>
  <c r="U183259" i="1"/>
  <c r="U183258" i="1"/>
  <c r="U183257" i="1"/>
  <c r="U183256" i="1"/>
  <c r="U183255" i="1"/>
  <c r="U183254" i="1"/>
  <c r="U183253" i="1"/>
  <c r="U183252" i="1"/>
  <c r="U183251" i="1"/>
  <c r="U183250" i="1"/>
  <c r="U183249" i="1"/>
  <c r="U183248" i="1"/>
  <c r="U183247" i="1"/>
  <c r="U183246" i="1"/>
  <c r="U183245" i="1"/>
  <c r="U183244" i="1"/>
  <c r="U183243" i="1"/>
  <c r="U183242" i="1"/>
  <c r="U183241" i="1"/>
  <c r="U183240" i="1"/>
  <c r="U183239" i="1"/>
  <c r="U183238" i="1"/>
  <c r="U183237" i="1"/>
  <c r="U183236" i="1"/>
  <c r="U183235" i="1"/>
  <c r="U183234" i="1"/>
  <c r="U183233" i="1"/>
  <c r="U183232" i="1"/>
  <c r="U183231" i="1"/>
  <c r="U183230" i="1"/>
  <c r="U183229" i="1"/>
  <c r="U183228" i="1"/>
  <c r="U183227" i="1"/>
  <c r="U183226" i="1"/>
  <c r="U183225" i="1"/>
  <c r="U183224" i="1"/>
  <c r="U183223" i="1"/>
  <c r="U183222" i="1"/>
  <c r="U183221" i="1"/>
  <c r="U183220" i="1"/>
  <c r="U183219" i="1"/>
  <c r="U183218" i="1"/>
  <c r="U183217" i="1"/>
  <c r="U183216" i="1"/>
  <c r="U183215" i="1"/>
  <c r="U183214" i="1"/>
  <c r="U183213" i="1"/>
  <c r="U183212" i="1"/>
  <c r="U183211" i="1"/>
  <c r="U183210" i="1"/>
  <c r="U183209" i="1"/>
  <c r="U183208" i="1"/>
  <c r="U183207" i="1"/>
  <c r="U183206" i="1"/>
  <c r="U183205" i="1"/>
  <c r="U183204" i="1"/>
  <c r="U183203" i="1"/>
  <c r="U183202" i="1"/>
  <c r="U183201" i="1"/>
  <c r="U183200" i="1"/>
  <c r="U183199" i="1"/>
  <c r="U183198" i="1"/>
  <c r="U183197" i="1"/>
  <c r="U183196" i="1"/>
  <c r="U183195" i="1"/>
  <c r="U183194" i="1"/>
  <c r="U183193" i="1"/>
  <c r="U183192" i="1"/>
  <c r="U183191" i="1"/>
  <c r="U183190" i="1"/>
  <c r="U183189" i="1"/>
  <c r="U183188" i="1"/>
  <c r="U183187" i="1"/>
  <c r="U183186" i="1"/>
  <c r="U183185" i="1"/>
  <c r="U183184" i="1"/>
  <c r="U183183" i="1"/>
  <c r="U183182" i="1"/>
  <c r="U183181" i="1"/>
  <c r="U183180" i="1"/>
  <c r="U183179" i="1"/>
  <c r="U183178" i="1"/>
  <c r="U183177" i="1"/>
  <c r="U183176" i="1"/>
  <c r="U183175" i="1"/>
  <c r="U183174" i="1"/>
  <c r="U183173" i="1"/>
  <c r="U183172" i="1"/>
  <c r="U183171" i="1"/>
  <c r="U183170" i="1"/>
  <c r="U183169" i="1"/>
  <c r="U183168" i="1"/>
  <c r="U183167" i="1"/>
  <c r="U183166" i="1"/>
  <c r="U183165" i="1"/>
  <c r="U183164" i="1"/>
  <c r="U183163" i="1"/>
  <c r="U183162" i="1"/>
  <c r="U183161" i="1"/>
  <c r="U183160" i="1"/>
  <c r="U183159" i="1"/>
  <c r="U183158" i="1"/>
  <c r="U183157" i="1"/>
  <c r="U183156" i="1"/>
  <c r="U183155" i="1"/>
  <c r="U183154" i="1"/>
  <c r="U183153" i="1"/>
  <c r="U183152" i="1"/>
  <c r="U183151" i="1"/>
  <c r="U183150" i="1"/>
  <c r="U183149" i="1"/>
  <c r="U183148" i="1"/>
  <c r="U183147" i="1"/>
  <c r="U183146" i="1"/>
  <c r="U183145" i="1"/>
  <c r="U183144" i="1"/>
  <c r="U183143" i="1"/>
  <c r="U183142" i="1"/>
  <c r="U183141" i="1"/>
  <c r="U183140" i="1"/>
  <c r="U183139" i="1"/>
  <c r="U183138" i="1"/>
  <c r="U183137" i="1"/>
  <c r="U183136" i="1"/>
  <c r="U183135" i="1"/>
  <c r="U183134" i="1"/>
  <c r="U183133" i="1"/>
  <c r="U183132" i="1"/>
  <c r="U183131" i="1"/>
  <c r="U183130" i="1"/>
  <c r="U183129" i="1"/>
  <c r="U183128" i="1"/>
  <c r="U183127" i="1"/>
  <c r="U183126" i="1"/>
  <c r="U183125" i="1"/>
  <c r="U183124" i="1"/>
  <c r="U183123" i="1"/>
  <c r="U183122" i="1"/>
  <c r="U183121" i="1"/>
  <c r="U183120" i="1"/>
  <c r="U183119" i="1"/>
  <c r="U183118" i="1"/>
  <c r="U183117" i="1"/>
  <c r="U183116" i="1"/>
  <c r="U183115" i="1"/>
  <c r="U183114" i="1"/>
  <c r="U183113" i="1"/>
  <c r="U183112" i="1"/>
  <c r="U183111" i="1"/>
  <c r="U183110" i="1"/>
  <c r="U183109" i="1"/>
  <c r="U183108" i="1"/>
  <c r="U183107" i="1"/>
  <c r="U183106" i="1"/>
  <c r="U183105" i="1"/>
  <c r="U183104" i="1"/>
  <c r="U183103" i="1"/>
  <c r="U183102" i="1"/>
  <c r="U183101" i="1"/>
  <c r="U183100" i="1"/>
  <c r="U183099" i="1"/>
  <c r="U183098" i="1"/>
  <c r="U183097" i="1"/>
  <c r="U183096" i="1"/>
  <c r="U183095" i="1"/>
  <c r="U183094" i="1"/>
  <c r="U183093" i="1"/>
  <c r="U183092" i="1"/>
  <c r="U183091" i="1"/>
  <c r="U183090" i="1"/>
  <c r="U183089" i="1"/>
  <c r="U183088" i="1"/>
  <c r="U183087" i="1"/>
  <c r="U183086" i="1"/>
  <c r="U183085" i="1"/>
  <c r="U183084" i="1"/>
  <c r="U183083" i="1"/>
  <c r="U183082" i="1"/>
  <c r="U183081" i="1"/>
  <c r="U183080" i="1"/>
  <c r="U183079" i="1"/>
  <c r="U183078" i="1"/>
  <c r="U183077" i="1"/>
  <c r="U183076" i="1"/>
  <c r="U183075" i="1"/>
  <c r="U183074" i="1"/>
  <c r="U183073" i="1"/>
  <c r="U183072" i="1"/>
  <c r="U183071" i="1"/>
  <c r="U183070" i="1"/>
  <c r="U183069" i="1"/>
  <c r="U183068" i="1"/>
  <c r="U183067" i="1"/>
  <c r="U183066" i="1"/>
  <c r="U183065" i="1"/>
  <c r="U183064" i="1"/>
  <c r="U183063" i="1"/>
  <c r="U183062" i="1"/>
  <c r="U183061" i="1"/>
  <c r="U183060" i="1"/>
  <c r="U183059" i="1"/>
  <c r="U183058" i="1"/>
  <c r="U183057" i="1"/>
  <c r="U183056" i="1"/>
  <c r="U183055" i="1"/>
  <c r="U183054" i="1"/>
  <c r="U183053" i="1"/>
  <c r="U183052" i="1"/>
  <c r="U183051" i="1"/>
  <c r="U183050" i="1"/>
  <c r="U183049" i="1"/>
  <c r="U183048" i="1"/>
  <c r="U183047" i="1"/>
  <c r="U183046" i="1"/>
  <c r="U183045" i="1"/>
  <c r="U183044" i="1"/>
  <c r="U183043" i="1"/>
  <c r="U183042" i="1"/>
  <c r="U183041" i="1"/>
  <c r="U183040" i="1"/>
  <c r="U183039" i="1"/>
  <c r="U183038" i="1"/>
  <c r="U183037" i="1"/>
  <c r="U183036" i="1"/>
  <c r="U183035" i="1"/>
  <c r="U183034" i="1"/>
  <c r="U183033" i="1"/>
  <c r="U183032" i="1"/>
  <c r="U183031" i="1"/>
  <c r="U183030" i="1"/>
  <c r="U183029" i="1"/>
  <c r="U183028" i="1"/>
  <c r="U183027" i="1"/>
  <c r="U183026" i="1"/>
  <c r="U183025" i="1"/>
  <c r="U183024" i="1"/>
  <c r="U183023" i="1"/>
  <c r="U183022" i="1"/>
  <c r="U183021" i="1"/>
  <c r="U183020" i="1"/>
  <c r="U183019" i="1"/>
  <c r="U183018" i="1"/>
  <c r="U183017" i="1"/>
  <c r="U183016" i="1"/>
  <c r="U183015" i="1"/>
  <c r="U183014" i="1"/>
  <c r="U183013" i="1"/>
  <c r="U183012" i="1"/>
  <c r="U183011" i="1"/>
  <c r="U183010" i="1"/>
  <c r="U183009" i="1"/>
  <c r="U183008" i="1"/>
  <c r="U183007" i="1"/>
  <c r="U183006" i="1"/>
  <c r="U183005" i="1"/>
  <c r="U183004" i="1"/>
  <c r="U183003" i="1"/>
  <c r="U183002" i="1"/>
  <c r="U183001" i="1"/>
  <c r="U183000" i="1"/>
  <c r="U182999" i="1"/>
  <c r="U182998" i="1"/>
  <c r="U182997" i="1"/>
  <c r="U182996" i="1"/>
  <c r="U182995" i="1"/>
  <c r="U182994" i="1"/>
  <c r="U182993" i="1"/>
  <c r="U182992" i="1"/>
  <c r="U182991" i="1"/>
  <c r="U182990" i="1"/>
  <c r="U182989" i="1"/>
  <c r="U182988" i="1"/>
  <c r="U182987" i="1"/>
  <c r="U182986" i="1"/>
  <c r="U182985" i="1"/>
  <c r="U182984" i="1"/>
  <c r="U182983" i="1"/>
  <c r="U182982" i="1"/>
  <c r="U182981" i="1"/>
  <c r="U182980" i="1"/>
  <c r="U182979" i="1"/>
  <c r="U182978" i="1"/>
  <c r="U182977" i="1"/>
  <c r="U182976" i="1"/>
  <c r="U182975" i="1"/>
  <c r="U182974" i="1"/>
  <c r="U182973" i="1"/>
  <c r="U182972" i="1"/>
  <c r="U182971" i="1"/>
  <c r="U182970" i="1"/>
  <c r="U182969" i="1"/>
  <c r="U182968" i="1"/>
  <c r="U182967" i="1"/>
  <c r="U182966" i="1"/>
  <c r="U182965" i="1"/>
  <c r="U182964" i="1"/>
  <c r="U182963" i="1"/>
  <c r="U182962" i="1"/>
  <c r="U182961" i="1"/>
  <c r="U182960" i="1"/>
  <c r="U182959" i="1"/>
  <c r="U182958" i="1"/>
  <c r="U182957" i="1"/>
  <c r="U182956" i="1"/>
  <c r="U182955" i="1"/>
  <c r="U182954" i="1"/>
  <c r="U182953" i="1"/>
  <c r="U182952" i="1"/>
  <c r="U182951" i="1"/>
  <c r="U182950" i="1"/>
  <c r="U182949" i="1"/>
  <c r="U182948" i="1"/>
  <c r="U182947" i="1"/>
  <c r="U182946" i="1"/>
  <c r="U182945" i="1"/>
  <c r="U182944" i="1"/>
  <c r="U182943" i="1"/>
  <c r="U182942" i="1"/>
  <c r="U182941" i="1"/>
  <c r="U182940" i="1"/>
  <c r="U182939" i="1"/>
  <c r="U182938" i="1"/>
  <c r="U182937" i="1"/>
  <c r="U182936" i="1"/>
  <c r="U182935" i="1"/>
  <c r="U182934" i="1"/>
  <c r="U182933" i="1"/>
  <c r="U182932" i="1"/>
  <c r="U182931" i="1"/>
  <c r="U182930" i="1"/>
  <c r="U182929" i="1"/>
  <c r="U182928" i="1"/>
  <c r="U182927" i="1"/>
  <c r="U182926" i="1"/>
  <c r="U182925" i="1"/>
  <c r="U182924" i="1"/>
  <c r="U182923" i="1"/>
  <c r="U182922" i="1"/>
  <c r="U182921" i="1"/>
  <c r="U182920" i="1"/>
  <c r="U182919" i="1"/>
  <c r="U182918" i="1"/>
  <c r="U182917" i="1"/>
  <c r="U182916" i="1"/>
  <c r="U182915" i="1"/>
  <c r="U182914" i="1"/>
  <c r="U182913" i="1"/>
  <c r="U182912" i="1"/>
  <c r="U182911" i="1"/>
  <c r="U182910" i="1"/>
  <c r="U182909" i="1"/>
  <c r="U182908" i="1"/>
  <c r="U182907" i="1"/>
  <c r="U182906" i="1"/>
  <c r="U182905" i="1"/>
  <c r="U182904" i="1"/>
  <c r="U182903" i="1"/>
  <c r="U182902" i="1"/>
  <c r="U182901" i="1"/>
  <c r="U182900" i="1"/>
  <c r="U182899" i="1"/>
  <c r="U182898" i="1"/>
  <c r="U182897" i="1"/>
  <c r="U182896" i="1"/>
  <c r="U182895" i="1"/>
  <c r="U182894" i="1"/>
  <c r="U182893" i="1"/>
  <c r="U182892" i="1"/>
  <c r="U182891" i="1"/>
  <c r="U182890" i="1"/>
  <c r="U182889" i="1"/>
  <c r="U182888" i="1"/>
  <c r="U182887" i="1"/>
  <c r="U182886" i="1"/>
  <c r="U182885" i="1"/>
  <c r="U182884" i="1"/>
  <c r="U182883" i="1"/>
  <c r="U182882" i="1"/>
  <c r="U182881" i="1"/>
  <c r="U182880" i="1"/>
  <c r="U182879" i="1"/>
  <c r="U182878" i="1"/>
  <c r="U182877" i="1"/>
  <c r="U182876" i="1"/>
  <c r="U182875" i="1"/>
  <c r="U182874" i="1"/>
  <c r="U182873" i="1"/>
  <c r="U182872" i="1"/>
  <c r="U182871" i="1"/>
  <c r="U182870" i="1"/>
  <c r="U182869" i="1"/>
  <c r="U182868" i="1"/>
  <c r="U182867" i="1"/>
  <c r="U182866" i="1"/>
  <c r="U182865" i="1"/>
  <c r="U182864" i="1"/>
  <c r="U182863" i="1"/>
  <c r="U182862" i="1"/>
  <c r="U182861" i="1"/>
  <c r="U182860" i="1"/>
  <c r="U182859" i="1"/>
  <c r="U182858" i="1"/>
  <c r="U182857" i="1"/>
  <c r="U182856" i="1"/>
  <c r="U182855" i="1"/>
  <c r="U182854" i="1"/>
  <c r="U182853" i="1"/>
  <c r="U182852" i="1"/>
  <c r="U182851" i="1"/>
  <c r="U182850" i="1"/>
  <c r="U182849" i="1"/>
  <c r="U182848" i="1"/>
  <c r="U182847" i="1"/>
  <c r="U182846" i="1"/>
  <c r="U182845" i="1"/>
  <c r="U182844" i="1"/>
  <c r="U182843" i="1"/>
  <c r="U182842" i="1"/>
  <c r="U182841" i="1"/>
  <c r="U182840" i="1"/>
  <c r="U182839" i="1"/>
  <c r="U182838" i="1"/>
  <c r="U182837" i="1"/>
  <c r="U182836" i="1"/>
  <c r="U182835" i="1"/>
  <c r="U182834" i="1"/>
  <c r="U182833" i="1"/>
  <c r="U182832" i="1"/>
  <c r="U182831" i="1"/>
  <c r="U182830" i="1"/>
  <c r="U182829" i="1"/>
  <c r="U182828" i="1"/>
  <c r="U182827" i="1"/>
  <c r="U182826" i="1"/>
  <c r="U182825" i="1"/>
  <c r="U182824" i="1"/>
  <c r="U182823" i="1"/>
  <c r="U182822" i="1"/>
  <c r="U182821" i="1"/>
  <c r="U182820" i="1"/>
  <c r="U182819" i="1"/>
  <c r="U182818" i="1"/>
  <c r="U182817" i="1"/>
  <c r="U182816" i="1"/>
  <c r="U182815" i="1"/>
  <c r="U182814" i="1"/>
  <c r="U182813" i="1"/>
  <c r="U182812" i="1"/>
  <c r="U182811" i="1"/>
  <c r="U182810" i="1"/>
  <c r="U182809" i="1"/>
  <c r="U182808" i="1"/>
  <c r="U182807" i="1"/>
  <c r="U182806" i="1"/>
  <c r="U182805" i="1"/>
  <c r="U182804" i="1"/>
  <c r="U182803" i="1"/>
  <c r="U182802" i="1"/>
  <c r="U182801" i="1"/>
  <c r="U182800" i="1"/>
  <c r="U182799" i="1"/>
  <c r="U182798" i="1"/>
  <c r="U182797" i="1"/>
  <c r="U182796" i="1"/>
  <c r="U182795" i="1"/>
  <c r="U182794" i="1"/>
  <c r="U182793" i="1"/>
  <c r="U182792" i="1"/>
  <c r="U182791" i="1"/>
  <c r="U182790" i="1"/>
  <c r="U182789" i="1"/>
  <c r="U182788" i="1"/>
  <c r="U182787" i="1"/>
  <c r="U182786" i="1"/>
  <c r="U182785" i="1"/>
  <c r="U182784" i="1"/>
  <c r="U182783" i="1"/>
  <c r="U182782" i="1"/>
  <c r="U182781" i="1"/>
  <c r="U182780" i="1"/>
  <c r="U182779" i="1"/>
  <c r="U182778" i="1"/>
  <c r="U182777" i="1"/>
  <c r="U182776" i="1"/>
  <c r="U182775" i="1"/>
  <c r="U182774" i="1"/>
  <c r="U182773" i="1"/>
  <c r="U182772" i="1"/>
  <c r="U182771" i="1"/>
  <c r="U182770" i="1"/>
  <c r="U182769" i="1"/>
  <c r="U182768" i="1"/>
  <c r="U182767" i="1"/>
  <c r="U182766" i="1"/>
  <c r="U182765" i="1"/>
  <c r="U182764" i="1"/>
  <c r="U182763" i="1"/>
  <c r="U182762" i="1"/>
  <c r="U182761" i="1"/>
  <c r="U182760" i="1"/>
  <c r="U182759" i="1"/>
  <c r="U182758" i="1"/>
  <c r="U182757" i="1"/>
  <c r="U182756" i="1"/>
  <c r="U182755" i="1"/>
  <c r="U182754" i="1"/>
  <c r="U182753" i="1"/>
  <c r="U182752" i="1"/>
  <c r="U182751" i="1"/>
  <c r="U182750" i="1"/>
  <c r="U182749" i="1"/>
  <c r="U182748" i="1"/>
  <c r="U182747" i="1"/>
  <c r="U182746" i="1"/>
  <c r="U182745" i="1"/>
  <c r="U182744" i="1"/>
  <c r="U182743" i="1"/>
  <c r="U182742" i="1"/>
  <c r="U182741" i="1"/>
  <c r="U182740" i="1"/>
  <c r="U182739" i="1"/>
  <c r="U182738" i="1"/>
  <c r="U182737" i="1"/>
  <c r="U182736" i="1"/>
  <c r="U182735" i="1"/>
  <c r="U182734" i="1"/>
  <c r="U182733" i="1"/>
  <c r="U182732" i="1"/>
  <c r="U182731" i="1"/>
  <c r="U182730" i="1"/>
  <c r="U182729" i="1"/>
  <c r="U182728" i="1"/>
  <c r="U182727" i="1"/>
  <c r="U182726" i="1"/>
  <c r="U182725" i="1"/>
  <c r="U182724" i="1"/>
  <c r="U182723" i="1"/>
  <c r="U182722" i="1"/>
  <c r="U182721" i="1"/>
  <c r="U182720" i="1"/>
  <c r="U182719" i="1"/>
  <c r="U182718" i="1"/>
  <c r="U182717" i="1"/>
  <c r="U182716" i="1"/>
  <c r="U182715" i="1"/>
  <c r="U182714" i="1"/>
  <c r="U182713" i="1"/>
  <c r="U182712" i="1"/>
  <c r="U182711" i="1"/>
  <c r="U182710" i="1"/>
  <c r="U182709" i="1"/>
  <c r="U182708" i="1"/>
  <c r="U182707" i="1"/>
  <c r="U182706" i="1"/>
  <c r="U182705" i="1"/>
  <c r="U182704" i="1"/>
  <c r="U182703" i="1"/>
  <c r="U182702" i="1"/>
  <c r="U182701" i="1"/>
  <c r="U182700" i="1"/>
  <c r="U182699" i="1"/>
  <c r="U182698" i="1"/>
  <c r="U182697" i="1"/>
  <c r="U182696" i="1"/>
  <c r="U182695" i="1"/>
  <c r="U182694" i="1"/>
  <c r="U182693" i="1"/>
  <c r="U182692" i="1"/>
  <c r="U182691" i="1"/>
  <c r="U182690" i="1"/>
  <c r="U182689" i="1"/>
  <c r="U182688" i="1"/>
  <c r="U182687" i="1"/>
  <c r="U182686" i="1"/>
  <c r="U182685" i="1"/>
  <c r="U182684" i="1"/>
  <c r="U182683" i="1"/>
  <c r="U182682" i="1"/>
  <c r="U182681" i="1"/>
  <c r="U182680" i="1"/>
  <c r="U182679" i="1"/>
  <c r="U182678" i="1"/>
  <c r="U182677" i="1"/>
  <c r="U182676" i="1"/>
  <c r="U182675" i="1"/>
  <c r="U182674" i="1"/>
  <c r="U182673" i="1"/>
  <c r="U182672" i="1"/>
  <c r="U182671" i="1"/>
  <c r="U182670" i="1"/>
  <c r="U182669" i="1"/>
  <c r="U182668" i="1"/>
  <c r="U182667" i="1"/>
  <c r="U182666" i="1"/>
  <c r="U182665" i="1"/>
  <c r="U182664" i="1"/>
  <c r="U182663" i="1"/>
  <c r="U182662" i="1"/>
  <c r="U182661" i="1"/>
  <c r="U182660" i="1"/>
  <c r="U182659" i="1"/>
  <c r="U182658" i="1"/>
  <c r="U182657" i="1"/>
  <c r="U182656" i="1"/>
  <c r="U182655" i="1"/>
  <c r="U182654" i="1"/>
  <c r="U182653" i="1"/>
  <c r="U182652" i="1"/>
  <c r="U182651" i="1"/>
  <c r="U182650" i="1"/>
  <c r="U182649" i="1"/>
  <c r="U182648" i="1"/>
  <c r="U182647" i="1"/>
  <c r="U182646" i="1"/>
  <c r="U182645" i="1"/>
  <c r="U182644" i="1"/>
  <c r="U182643" i="1"/>
  <c r="U182642" i="1"/>
  <c r="U182641" i="1"/>
  <c r="U182640" i="1"/>
  <c r="U182639" i="1"/>
  <c r="U182638" i="1"/>
  <c r="U182637" i="1"/>
  <c r="U182636" i="1"/>
  <c r="U182635" i="1"/>
  <c r="U182634" i="1"/>
  <c r="U182633" i="1"/>
  <c r="U182632" i="1"/>
  <c r="U182631" i="1"/>
  <c r="U182630" i="1"/>
  <c r="U182629" i="1"/>
  <c r="U182628" i="1"/>
  <c r="U182627" i="1"/>
  <c r="U182626" i="1"/>
  <c r="U182625" i="1"/>
  <c r="U182624" i="1"/>
  <c r="U182623" i="1"/>
  <c r="U182622" i="1"/>
  <c r="U182621" i="1"/>
  <c r="U182620" i="1"/>
  <c r="U182619" i="1"/>
  <c r="U182618" i="1"/>
  <c r="U182617" i="1"/>
  <c r="U182616" i="1"/>
  <c r="U182615" i="1"/>
  <c r="U182614" i="1"/>
  <c r="U182613" i="1"/>
  <c r="U182612" i="1"/>
  <c r="U182611" i="1"/>
  <c r="U182610" i="1"/>
  <c r="U182609" i="1"/>
  <c r="U182608" i="1"/>
  <c r="U182607" i="1"/>
  <c r="U182606" i="1"/>
  <c r="U182605" i="1"/>
  <c r="U182604" i="1"/>
  <c r="U182603" i="1"/>
  <c r="U182602" i="1"/>
  <c r="U182601" i="1"/>
  <c r="U182600" i="1"/>
  <c r="U182599" i="1"/>
  <c r="U182598" i="1"/>
  <c r="U182597" i="1"/>
  <c r="U182596" i="1"/>
  <c r="U182595" i="1"/>
  <c r="U182594" i="1"/>
  <c r="U182593" i="1"/>
  <c r="U182592" i="1"/>
  <c r="U182591" i="1"/>
  <c r="U182590" i="1"/>
  <c r="U182589" i="1"/>
  <c r="U182588" i="1"/>
  <c r="U182587" i="1"/>
  <c r="U182586" i="1"/>
  <c r="U182585" i="1"/>
  <c r="U182584" i="1"/>
  <c r="U182583" i="1"/>
  <c r="U182582" i="1"/>
  <c r="U182581" i="1"/>
  <c r="U182580" i="1"/>
  <c r="U182579" i="1"/>
  <c r="U182578" i="1"/>
  <c r="U182577" i="1"/>
  <c r="U182576" i="1"/>
  <c r="U182575" i="1"/>
  <c r="U182574" i="1"/>
  <c r="U182573" i="1"/>
  <c r="U182572" i="1"/>
  <c r="U182571" i="1"/>
  <c r="U182570" i="1"/>
  <c r="U182569" i="1"/>
  <c r="U182568" i="1"/>
  <c r="U182567" i="1"/>
  <c r="U182566" i="1"/>
  <c r="U182565" i="1"/>
  <c r="U182564" i="1"/>
  <c r="U182563" i="1"/>
  <c r="U182562" i="1"/>
  <c r="U182561" i="1"/>
  <c r="U182560" i="1"/>
  <c r="U182559" i="1"/>
  <c r="U182558" i="1"/>
  <c r="U182557" i="1"/>
  <c r="U182556" i="1"/>
  <c r="U182555" i="1"/>
  <c r="U182554" i="1"/>
  <c r="U182553" i="1"/>
  <c r="U182552" i="1"/>
  <c r="U182551" i="1"/>
  <c r="U182550" i="1"/>
  <c r="U182549" i="1"/>
  <c r="U182548" i="1"/>
  <c r="U182547" i="1"/>
  <c r="U182546" i="1"/>
  <c r="U182545" i="1"/>
  <c r="U182544" i="1"/>
  <c r="U182543" i="1"/>
  <c r="U182542" i="1"/>
  <c r="U182541" i="1"/>
  <c r="U182540" i="1"/>
  <c r="U182539" i="1"/>
  <c r="U182538" i="1"/>
  <c r="U182537" i="1"/>
  <c r="U182536" i="1"/>
  <c r="U182535" i="1"/>
  <c r="U182534" i="1"/>
  <c r="U182533" i="1"/>
  <c r="U182532" i="1"/>
  <c r="U182531" i="1"/>
  <c r="U182530" i="1"/>
  <c r="U182529" i="1"/>
  <c r="U182528" i="1"/>
  <c r="U182527" i="1"/>
  <c r="U182526" i="1"/>
  <c r="U182525" i="1"/>
  <c r="U182524" i="1"/>
  <c r="U182523" i="1"/>
  <c r="U182522" i="1"/>
  <c r="U182521" i="1"/>
  <c r="U182520" i="1"/>
  <c r="U182519" i="1"/>
  <c r="U182518" i="1"/>
  <c r="U182517" i="1"/>
  <c r="U182516" i="1"/>
  <c r="U182515" i="1"/>
  <c r="U182514" i="1"/>
  <c r="U182513" i="1"/>
  <c r="U182512" i="1"/>
  <c r="U182511" i="1"/>
  <c r="U182510" i="1"/>
  <c r="U182509" i="1"/>
  <c r="U182508" i="1"/>
  <c r="U182507" i="1"/>
  <c r="U182506" i="1"/>
  <c r="U182505" i="1"/>
  <c r="U182504" i="1"/>
  <c r="U182503" i="1"/>
  <c r="U182502" i="1"/>
  <c r="U182501" i="1"/>
  <c r="U182500" i="1"/>
  <c r="U182499" i="1"/>
  <c r="U182498" i="1"/>
  <c r="U182497" i="1"/>
  <c r="U182496" i="1"/>
  <c r="U182495" i="1"/>
  <c r="U182494" i="1"/>
  <c r="U182493" i="1"/>
  <c r="U182492" i="1"/>
  <c r="U182491" i="1"/>
  <c r="U182490" i="1"/>
  <c r="U182489" i="1"/>
  <c r="U182488" i="1"/>
  <c r="U182487" i="1"/>
  <c r="U182486" i="1"/>
  <c r="U182485" i="1"/>
  <c r="U182484" i="1"/>
  <c r="U182483" i="1"/>
  <c r="U182482" i="1"/>
  <c r="U182481" i="1"/>
  <c r="U182480" i="1"/>
  <c r="U182479" i="1"/>
  <c r="U182478" i="1"/>
  <c r="U182477" i="1"/>
  <c r="U182476" i="1"/>
  <c r="U182475" i="1"/>
  <c r="U182474" i="1"/>
  <c r="U182473" i="1"/>
  <c r="U182472" i="1"/>
  <c r="U182471" i="1"/>
  <c r="U182470" i="1"/>
  <c r="U182469" i="1"/>
  <c r="U182468" i="1"/>
  <c r="U182467" i="1"/>
  <c r="U182466" i="1"/>
  <c r="U182465" i="1"/>
  <c r="U182464" i="1"/>
  <c r="U182463" i="1"/>
  <c r="U182462" i="1"/>
  <c r="U182461" i="1"/>
  <c r="U182460" i="1"/>
  <c r="U182459" i="1"/>
  <c r="U182458" i="1"/>
  <c r="U182457" i="1"/>
  <c r="U182456" i="1"/>
  <c r="U182455" i="1"/>
  <c r="U182454" i="1"/>
  <c r="U182453" i="1"/>
  <c r="U182452" i="1"/>
  <c r="U182451" i="1"/>
  <c r="U182450" i="1"/>
  <c r="U182449" i="1"/>
  <c r="U182448" i="1"/>
  <c r="U182447" i="1"/>
  <c r="U182446" i="1"/>
  <c r="U182445" i="1"/>
  <c r="U182444" i="1"/>
  <c r="U182443" i="1"/>
  <c r="U182442" i="1"/>
  <c r="U182441" i="1"/>
  <c r="U182440" i="1"/>
  <c r="U182439" i="1"/>
  <c r="U182438" i="1"/>
  <c r="U182437" i="1"/>
  <c r="U182436" i="1"/>
  <c r="U182435" i="1"/>
  <c r="U182434" i="1"/>
  <c r="U182433" i="1"/>
  <c r="U182432" i="1"/>
  <c r="U182431" i="1"/>
  <c r="U182430" i="1"/>
  <c r="U182429" i="1"/>
  <c r="U182428" i="1"/>
  <c r="U182427" i="1"/>
  <c r="U182426" i="1"/>
  <c r="U182425" i="1"/>
  <c r="U182424" i="1"/>
  <c r="U182423" i="1"/>
  <c r="U182422" i="1"/>
  <c r="U182421" i="1"/>
  <c r="U182420" i="1"/>
  <c r="U182419" i="1"/>
  <c r="U182418" i="1"/>
  <c r="U182417" i="1"/>
  <c r="U182416" i="1"/>
  <c r="U182415" i="1"/>
  <c r="U182414" i="1"/>
  <c r="U182413" i="1"/>
  <c r="U182412" i="1"/>
  <c r="U182411" i="1"/>
  <c r="U182410" i="1"/>
  <c r="U182409" i="1"/>
  <c r="U182408" i="1"/>
  <c r="U182407" i="1"/>
  <c r="U182406" i="1"/>
  <c r="U182405" i="1"/>
  <c r="U182404" i="1"/>
  <c r="U182403" i="1"/>
  <c r="U182402" i="1"/>
  <c r="U182401" i="1"/>
  <c r="U182400" i="1"/>
  <c r="U182399" i="1"/>
  <c r="U182398" i="1"/>
  <c r="U182397" i="1"/>
  <c r="U182396" i="1"/>
  <c r="U182395" i="1"/>
  <c r="U182394" i="1"/>
  <c r="U182393" i="1"/>
  <c r="U182392" i="1"/>
  <c r="U182391" i="1"/>
  <c r="U182390" i="1"/>
  <c r="U182389" i="1"/>
  <c r="U182388" i="1"/>
  <c r="U182387" i="1"/>
  <c r="U182386" i="1"/>
  <c r="U182385" i="1"/>
  <c r="U182384" i="1"/>
  <c r="U182383" i="1"/>
  <c r="U182382" i="1"/>
  <c r="U182381" i="1"/>
  <c r="U182380" i="1"/>
  <c r="U182379" i="1"/>
  <c r="U182378" i="1"/>
  <c r="U182377" i="1"/>
  <c r="U182376" i="1"/>
  <c r="U182375" i="1"/>
  <c r="U182374" i="1"/>
  <c r="U182373" i="1"/>
  <c r="U182372" i="1"/>
  <c r="U182371" i="1"/>
  <c r="U182370" i="1"/>
  <c r="U182369" i="1"/>
  <c r="U182368" i="1"/>
  <c r="U182367" i="1"/>
  <c r="U182366" i="1"/>
  <c r="U182365" i="1"/>
  <c r="U182364" i="1"/>
  <c r="U182363" i="1"/>
  <c r="U182362" i="1"/>
  <c r="U182361" i="1"/>
  <c r="U182360" i="1"/>
  <c r="U182359" i="1"/>
  <c r="U182358" i="1"/>
  <c r="U182357" i="1"/>
  <c r="U182356" i="1"/>
  <c r="U182355" i="1"/>
  <c r="U182354" i="1"/>
  <c r="U182353" i="1"/>
  <c r="U182352" i="1"/>
  <c r="U182351" i="1"/>
  <c r="U182350" i="1"/>
  <c r="U182349" i="1"/>
  <c r="U182348" i="1"/>
  <c r="U182347" i="1"/>
  <c r="U182346" i="1"/>
  <c r="U182345" i="1"/>
  <c r="U182344" i="1"/>
  <c r="U182343" i="1"/>
  <c r="U182342" i="1"/>
  <c r="U182341" i="1"/>
  <c r="U182340" i="1"/>
  <c r="U182339" i="1"/>
  <c r="U182338" i="1"/>
  <c r="U182337" i="1"/>
  <c r="U182336" i="1"/>
  <c r="U182335" i="1"/>
  <c r="U182334" i="1"/>
  <c r="U182333" i="1"/>
  <c r="U182332" i="1"/>
  <c r="U182331" i="1"/>
  <c r="U182330" i="1"/>
  <c r="U182329" i="1"/>
  <c r="U182328" i="1"/>
  <c r="U182327" i="1"/>
  <c r="U182326" i="1"/>
  <c r="U182325" i="1"/>
  <c r="U182324" i="1"/>
  <c r="U182323" i="1"/>
  <c r="U182322" i="1"/>
  <c r="U182321" i="1"/>
  <c r="U182320" i="1"/>
  <c r="U182319" i="1"/>
  <c r="U182318" i="1"/>
  <c r="U182317" i="1"/>
  <c r="U182316" i="1"/>
  <c r="U182315" i="1"/>
  <c r="U182314" i="1"/>
  <c r="U182313" i="1"/>
  <c r="U182312" i="1"/>
  <c r="U182311" i="1"/>
  <c r="U182310" i="1"/>
  <c r="U182309" i="1"/>
  <c r="U182308" i="1"/>
  <c r="U182307" i="1"/>
  <c r="U182306" i="1"/>
  <c r="U182305" i="1"/>
  <c r="U182304" i="1"/>
  <c r="U182303" i="1"/>
  <c r="U182302" i="1"/>
  <c r="U182301" i="1"/>
  <c r="U182300" i="1"/>
  <c r="U182299" i="1"/>
  <c r="U182298" i="1"/>
  <c r="U182297" i="1"/>
  <c r="U182296" i="1"/>
  <c r="U182295" i="1"/>
  <c r="U182294" i="1"/>
  <c r="U182293" i="1"/>
  <c r="U182292" i="1"/>
  <c r="U182291" i="1"/>
  <c r="U182290" i="1"/>
  <c r="U182289" i="1"/>
  <c r="U182288" i="1"/>
  <c r="U182287" i="1"/>
  <c r="U182286" i="1"/>
  <c r="U182285" i="1"/>
  <c r="U182284" i="1"/>
  <c r="U182283" i="1"/>
  <c r="U182282" i="1"/>
  <c r="U182281" i="1"/>
  <c r="U182280" i="1"/>
  <c r="U182279" i="1"/>
  <c r="U182278" i="1"/>
  <c r="U182277" i="1"/>
  <c r="U182276" i="1"/>
  <c r="U182275" i="1"/>
  <c r="U182274" i="1"/>
  <c r="U182273" i="1"/>
  <c r="U182272" i="1"/>
  <c r="U182271" i="1"/>
  <c r="U182270" i="1"/>
  <c r="U182269" i="1"/>
  <c r="U182268" i="1"/>
  <c r="U182267" i="1"/>
  <c r="U182266" i="1"/>
  <c r="U182265" i="1"/>
  <c r="U182264" i="1"/>
  <c r="U182263" i="1"/>
  <c r="U182262" i="1"/>
  <c r="U182261" i="1"/>
  <c r="U182260" i="1"/>
  <c r="U182259" i="1"/>
  <c r="U182258" i="1"/>
  <c r="U182257" i="1"/>
  <c r="U182256" i="1"/>
  <c r="U182255" i="1"/>
  <c r="U182254" i="1"/>
  <c r="U182253" i="1"/>
  <c r="U182252" i="1"/>
  <c r="U182251" i="1"/>
  <c r="U182250" i="1"/>
  <c r="U182249" i="1"/>
  <c r="U182248" i="1"/>
  <c r="U182247" i="1"/>
  <c r="U182246" i="1"/>
  <c r="U182245" i="1"/>
  <c r="U182244" i="1"/>
  <c r="U182243" i="1"/>
  <c r="U182242" i="1"/>
  <c r="U182241" i="1"/>
  <c r="U182240" i="1"/>
  <c r="U182239" i="1"/>
  <c r="U182238" i="1"/>
  <c r="U182237" i="1"/>
  <c r="U182236" i="1"/>
  <c r="U182235" i="1"/>
  <c r="U182234" i="1"/>
  <c r="U182233" i="1"/>
  <c r="U182232" i="1"/>
  <c r="U182231" i="1"/>
  <c r="U182230" i="1"/>
  <c r="U182229" i="1"/>
  <c r="U182228" i="1"/>
  <c r="U182227" i="1"/>
  <c r="U182226" i="1"/>
  <c r="U182225" i="1"/>
  <c r="U182224" i="1"/>
  <c r="U182223" i="1"/>
  <c r="U182222" i="1"/>
  <c r="U182221" i="1"/>
  <c r="U182220" i="1"/>
  <c r="U182219" i="1"/>
  <c r="U182218" i="1"/>
  <c r="U182217" i="1"/>
  <c r="U182216" i="1"/>
  <c r="U182215" i="1"/>
  <c r="U182214" i="1"/>
  <c r="U182213" i="1"/>
  <c r="U182212" i="1"/>
  <c r="U182211" i="1"/>
  <c r="U182210" i="1"/>
  <c r="U182209" i="1"/>
  <c r="U182208" i="1"/>
  <c r="U182207" i="1"/>
  <c r="U182206" i="1"/>
  <c r="U182205" i="1"/>
  <c r="U182204" i="1"/>
  <c r="U182203" i="1"/>
  <c r="U182202" i="1"/>
  <c r="U182201" i="1"/>
  <c r="U182200" i="1"/>
  <c r="U182199" i="1"/>
  <c r="U182198" i="1"/>
  <c r="U182197" i="1"/>
  <c r="U182196" i="1"/>
  <c r="U182195" i="1"/>
  <c r="U182194" i="1"/>
  <c r="U182193" i="1"/>
  <c r="U182192" i="1"/>
  <c r="U182191" i="1"/>
  <c r="U182190" i="1"/>
  <c r="U182189" i="1"/>
  <c r="U182188" i="1"/>
  <c r="U182187" i="1"/>
  <c r="U182186" i="1"/>
  <c r="U182185" i="1"/>
  <c r="U182184" i="1"/>
  <c r="U182183" i="1"/>
  <c r="U182182" i="1"/>
  <c r="U182181" i="1"/>
  <c r="U182180" i="1"/>
  <c r="U182179" i="1"/>
  <c r="U182178" i="1"/>
  <c r="U182177" i="1"/>
  <c r="U182176" i="1"/>
  <c r="U182175" i="1"/>
  <c r="U182174" i="1"/>
  <c r="U182173" i="1"/>
  <c r="U182172" i="1"/>
  <c r="U182171" i="1"/>
  <c r="U182170" i="1"/>
  <c r="U182169" i="1"/>
  <c r="U182168" i="1"/>
  <c r="U182167" i="1"/>
  <c r="U182166" i="1"/>
  <c r="U182165" i="1"/>
  <c r="U182164" i="1"/>
  <c r="U182163" i="1"/>
  <c r="U182162" i="1"/>
  <c r="U182161" i="1"/>
  <c r="U182160" i="1"/>
  <c r="U182159" i="1"/>
  <c r="U182158" i="1"/>
  <c r="U182157" i="1"/>
  <c r="U182156" i="1"/>
  <c r="U182155" i="1"/>
  <c r="U182154" i="1"/>
  <c r="U182153" i="1"/>
  <c r="U182152" i="1"/>
  <c r="U182151" i="1"/>
  <c r="U182150" i="1"/>
  <c r="U182149" i="1"/>
  <c r="U182148" i="1"/>
  <c r="U182147" i="1"/>
  <c r="U182146" i="1"/>
  <c r="U182145" i="1"/>
  <c r="U182144" i="1"/>
  <c r="U182143" i="1"/>
  <c r="U182142" i="1"/>
  <c r="U182141" i="1"/>
  <c r="U182140" i="1"/>
  <c r="U182139" i="1"/>
  <c r="U182138" i="1"/>
  <c r="U182137" i="1"/>
  <c r="U182136" i="1"/>
  <c r="U182135" i="1"/>
  <c r="U182134" i="1"/>
  <c r="U182133" i="1"/>
  <c r="U182132" i="1"/>
  <c r="U182131" i="1"/>
  <c r="U182130" i="1"/>
  <c r="U182129" i="1"/>
  <c r="U182128" i="1"/>
  <c r="U182127" i="1"/>
  <c r="U182126" i="1"/>
  <c r="U182125" i="1"/>
  <c r="U182124" i="1"/>
  <c r="U182123" i="1"/>
  <c r="U182122" i="1"/>
  <c r="U182121" i="1"/>
  <c r="U182120" i="1"/>
  <c r="U182119" i="1"/>
  <c r="U182118" i="1"/>
  <c r="U182117" i="1"/>
  <c r="U182116" i="1"/>
  <c r="U182115" i="1"/>
  <c r="U182114" i="1"/>
  <c r="U182113" i="1"/>
  <c r="U182112" i="1"/>
  <c r="U182111" i="1"/>
  <c r="U182110" i="1"/>
  <c r="U182109" i="1"/>
  <c r="U182108" i="1"/>
  <c r="U182107" i="1"/>
  <c r="U182106" i="1"/>
  <c r="U182105" i="1"/>
  <c r="U182104" i="1"/>
  <c r="U182103" i="1"/>
  <c r="U182102" i="1"/>
  <c r="U182101" i="1"/>
  <c r="U182100" i="1"/>
  <c r="U182099" i="1"/>
  <c r="U182098" i="1"/>
  <c r="U182097" i="1"/>
  <c r="U182096" i="1"/>
  <c r="U182095" i="1"/>
  <c r="U182094" i="1"/>
  <c r="U182093" i="1"/>
  <c r="U182092" i="1"/>
  <c r="U182091" i="1"/>
  <c r="U182090" i="1"/>
  <c r="U182089" i="1"/>
  <c r="U182088" i="1"/>
  <c r="U182087" i="1"/>
  <c r="U182086" i="1"/>
  <c r="U182085" i="1"/>
  <c r="U182084" i="1"/>
  <c r="U182083" i="1"/>
  <c r="U182082" i="1"/>
  <c r="U182081" i="1"/>
  <c r="U182080" i="1"/>
  <c r="U182079" i="1"/>
  <c r="U182078" i="1"/>
  <c r="U182077" i="1"/>
  <c r="U182076" i="1"/>
  <c r="U182075" i="1"/>
  <c r="U182074" i="1"/>
  <c r="U182073" i="1"/>
  <c r="U182072" i="1"/>
  <c r="U182071" i="1"/>
  <c r="U182070" i="1"/>
  <c r="U182069" i="1"/>
  <c r="U182068" i="1"/>
  <c r="U182067" i="1"/>
  <c r="U182066" i="1"/>
  <c r="U182065" i="1"/>
  <c r="U182064" i="1"/>
  <c r="U182063" i="1"/>
  <c r="U182062" i="1"/>
  <c r="U182061" i="1"/>
  <c r="U182060" i="1"/>
  <c r="U182059" i="1"/>
  <c r="U182058" i="1"/>
  <c r="U182057" i="1"/>
  <c r="U182056" i="1"/>
  <c r="U182055" i="1"/>
  <c r="U182054" i="1"/>
  <c r="U182053" i="1"/>
  <c r="U182052" i="1"/>
  <c r="U182051" i="1"/>
  <c r="U182050" i="1"/>
  <c r="U182049" i="1"/>
  <c r="U182048" i="1"/>
  <c r="U182047" i="1"/>
  <c r="U182046" i="1"/>
  <c r="U182045" i="1"/>
  <c r="U182044" i="1"/>
  <c r="U182043" i="1"/>
  <c r="U182042" i="1"/>
  <c r="U182041" i="1"/>
  <c r="U182040" i="1"/>
  <c r="U182039" i="1"/>
  <c r="U182038" i="1"/>
  <c r="U182037" i="1"/>
  <c r="U182036" i="1"/>
  <c r="U182035" i="1"/>
  <c r="U182034" i="1"/>
  <c r="U182033" i="1"/>
  <c r="U182032" i="1"/>
  <c r="U182031" i="1"/>
  <c r="U182030" i="1"/>
  <c r="U182029" i="1"/>
  <c r="U182028" i="1"/>
  <c r="U182027" i="1"/>
  <c r="U182026" i="1"/>
  <c r="U182025" i="1"/>
  <c r="U182024" i="1"/>
  <c r="U182023" i="1"/>
  <c r="U182022" i="1"/>
  <c r="U182021" i="1"/>
  <c r="U182020" i="1"/>
  <c r="U182019" i="1"/>
  <c r="U182018" i="1"/>
  <c r="U182017" i="1"/>
  <c r="U182016" i="1"/>
  <c r="U182015" i="1"/>
  <c r="U182014" i="1"/>
  <c r="U182013" i="1"/>
  <c r="U182012" i="1"/>
  <c r="U182011" i="1"/>
  <c r="U182010" i="1"/>
  <c r="U182009" i="1"/>
  <c r="U182008" i="1"/>
  <c r="U182007" i="1"/>
  <c r="U182006" i="1"/>
  <c r="U182005" i="1"/>
  <c r="U182004" i="1"/>
  <c r="U182003" i="1"/>
  <c r="U182002" i="1"/>
  <c r="U182001" i="1"/>
  <c r="U182000" i="1"/>
  <c r="U181999" i="1"/>
  <c r="U181998" i="1"/>
  <c r="U181997" i="1"/>
  <c r="U181996" i="1"/>
  <c r="U181995" i="1"/>
  <c r="U181994" i="1"/>
  <c r="U181993" i="1"/>
  <c r="U181992" i="1"/>
  <c r="U181991" i="1"/>
  <c r="U181990" i="1"/>
  <c r="U181989" i="1"/>
  <c r="U181988" i="1"/>
  <c r="U181987" i="1"/>
  <c r="U181986" i="1"/>
  <c r="U181985" i="1"/>
  <c r="U181984" i="1"/>
  <c r="U181983" i="1"/>
  <c r="U181982" i="1"/>
  <c r="U181981" i="1"/>
  <c r="U181980" i="1"/>
  <c r="U181979" i="1"/>
  <c r="U181978" i="1"/>
  <c r="U181977" i="1"/>
  <c r="U181976" i="1"/>
  <c r="U181975" i="1"/>
  <c r="U181974" i="1"/>
  <c r="U181973" i="1"/>
  <c r="U181972" i="1"/>
  <c r="U181971" i="1"/>
  <c r="U181970" i="1"/>
  <c r="U181969" i="1"/>
  <c r="U181968" i="1"/>
  <c r="U181967" i="1"/>
  <c r="U181966" i="1"/>
  <c r="U181965" i="1"/>
  <c r="U181964" i="1"/>
  <c r="U181963" i="1"/>
  <c r="U181962" i="1"/>
  <c r="U181961" i="1"/>
  <c r="U181960" i="1"/>
  <c r="U181959" i="1"/>
  <c r="U181958" i="1"/>
  <c r="U181957" i="1"/>
  <c r="U181956" i="1"/>
  <c r="U181955" i="1"/>
  <c r="U181954" i="1"/>
  <c r="U181953" i="1"/>
  <c r="U181952" i="1"/>
  <c r="U181951" i="1"/>
  <c r="U181950" i="1"/>
  <c r="U181949" i="1"/>
  <c r="U181948" i="1"/>
  <c r="U181947" i="1"/>
  <c r="U181946" i="1"/>
  <c r="U181945" i="1"/>
  <c r="U181944" i="1"/>
  <c r="U181943" i="1"/>
  <c r="U181942" i="1"/>
  <c r="U181941" i="1"/>
  <c r="U181940" i="1"/>
  <c r="U181939" i="1"/>
  <c r="U181938" i="1"/>
  <c r="U181937" i="1"/>
  <c r="U181936" i="1"/>
  <c r="U181935" i="1"/>
  <c r="U181934" i="1"/>
  <c r="U181933" i="1"/>
  <c r="U181932" i="1"/>
  <c r="U181931" i="1"/>
  <c r="U181930" i="1"/>
  <c r="U181929" i="1"/>
  <c r="U181928" i="1"/>
  <c r="U181927" i="1"/>
  <c r="U181926" i="1"/>
  <c r="U181925" i="1"/>
  <c r="U181924" i="1"/>
  <c r="U181923" i="1"/>
  <c r="U181922" i="1"/>
  <c r="U181921" i="1"/>
  <c r="U181920" i="1"/>
  <c r="U181919" i="1"/>
  <c r="U181918" i="1"/>
  <c r="U181917" i="1"/>
  <c r="U181916" i="1"/>
  <c r="U181915" i="1"/>
  <c r="U181914" i="1"/>
  <c r="U181913" i="1"/>
  <c r="U181912" i="1"/>
  <c r="U181911" i="1"/>
  <c r="U181910" i="1"/>
  <c r="U181909" i="1"/>
  <c r="U181908" i="1"/>
  <c r="U181907" i="1"/>
  <c r="U181906" i="1"/>
  <c r="U181905" i="1"/>
  <c r="U181904" i="1"/>
  <c r="U181903" i="1"/>
  <c r="U181902" i="1"/>
  <c r="U181901" i="1"/>
  <c r="U181900" i="1"/>
  <c r="U181899" i="1"/>
  <c r="U181898" i="1"/>
  <c r="U181897" i="1"/>
  <c r="U181896" i="1"/>
  <c r="U181895" i="1"/>
  <c r="U181894" i="1"/>
  <c r="U181893" i="1"/>
  <c r="U181892" i="1"/>
  <c r="U181891" i="1"/>
  <c r="U181890" i="1"/>
  <c r="U181889" i="1"/>
  <c r="U181888" i="1"/>
  <c r="U181887" i="1"/>
  <c r="U181886" i="1"/>
  <c r="U181885" i="1"/>
  <c r="U181884" i="1"/>
  <c r="U181883" i="1"/>
  <c r="U181882" i="1"/>
  <c r="U181881" i="1"/>
  <c r="U181880" i="1"/>
  <c r="U181879" i="1"/>
  <c r="U181878" i="1"/>
  <c r="U181877" i="1"/>
  <c r="U181876" i="1"/>
  <c r="U181875" i="1"/>
  <c r="U181874" i="1"/>
  <c r="U181873" i="1"/>
  <c r="U181872" i="1"/>
  <c r="U181871" i="1"/>
  <c r="U181870" i="1"/>
  <c r="U181869" i="1"/>
  <c r="U181868" i="1"/>
  <c r="U181867" i="1"/>
  <c r="U181866" i="1"/>
  <c r="U181865" i="1"/>
  <c r="U181864" i="1"/>
  <c r="U181863" i="1"/>
  <c r="U181862" i="1"/>
  <c r="U181861" i="1"/>
  <c r="U181860" i="1"/>
  <c r="U181859" i="1"/>
  <c r="U181858" i="1"/>
  <c r="U181857" i="1"/>
  <c r="U181856" i="1"/>
  <c r="U181855" i="1"/>
  <c r="U181854" i="1"/>
  <c r="U181853" i="1"/>
  <c r="U181852" i="1"/>
  <c r="U181851" i="1"/>
  <c r="U181850" i="1"/>
  <c r="U181849" i="1"/>
  <c r="U181848" i="1"/>
  <c r="U181847" i="1"/>
  <c r="U181846" i="1"/>
  <c r="U181845" i="1"/>
  <c r="U181844" i="1"/>
  <c r="U181843" i="1"/>
  <c r="U181842" i="1"/>
  <c r="U181841" i="1"/>
  <c r="U181840" i="1"/>
  <c r="U181839" i="1"/>
  <c r="U181838" i="1"/>
  <c r="U181837" i="1"/>
  <c r="U181836" i="1"/>
  <c r="U181835" i="1"/>
  <c r="U181834" i="1"/>
  <c r="U181833" i="1"/>
  <c r="U181832" i="1"/>
  <c r="U181831" i="1"/>
  <c r="U181830" i="1"/>
  <c r="U181829" i="1"/>
  <c r="U181828" i="1"/>
  <c r="U181827" i="1"/>
  <c r="U181826" i="1"/>
  <c r="U181825" i="1"/>
  <c r="U181824" i="1"/>
  <c r="U181823" i="1"/>
  <c r="U181822" i="1"/>
  <c r="U181821" i="1"/>
  <c r="U181820" i="1"/>
  <c r="U181819" i="1"/>
  <c r="U181818" i="1"/>
  <c r="U181817" i="1"/>
  <c r="U181816" i="1"/>
  <c r="U181815" i="1"/>
  <c r="U181814" i="1"/>
  <c r="U181813" i="1"/>
  <c r="U181812" i="1"/>
  <c r="U181811" i="1"/>
  <c r="U181810" i="1"/>
  <c r="U181809" i="1"/>
  <c r="U181808" i="1"/>
  <c r="U181807" i="1"/>
  <c r="U181806" i="1"/>
  <c r="U181805" i="1"/>
  <c r="U181804" i="1"/>
  <c r="U181803" i="1"/>
  <c r="U181802" i="1"/>
  <c r="U181801" i="1"/>
  <c r="U181800" i="1"/>
  <c r="U181799" i="1"/>
  <c r="U181798" i="1"/>
  <c r="U181797" i="1"/>
  <c r="U181796" i="1"/>
  <c r="U181795" i="1"/>
  <c r="U181794" i="1"/>
  <c r="U181793" i="1"/>
  <c r="U181792" i="1"/>
  <c r="U181791" i="1"/>
  <c r="U181790" i="1"/>
  <c r="U181789" i="1"/>
  <c r="U181788" i="1"/>
  <c r="U181787" i="1"/>
  <c r="U181786" i="1"/>
  <c r="U181785" i="1"/>
  <c r="U181784" i="1"/>
  <c r="U181783" i="1"/>
  <c r="U181782" i="1"/>
  <c r="U181781" i="1"/>
  <c r="U181780" i="1"/>
  <c r="U181779" i="1"/>
  <c r="U181778" i="1"/>
  <c r="U181777" i="1"/>
  <c r="U181776" i="1"/>
  <c r="U181775" i="1"/>
  <c r="U181774" i="1"/>
  <c r="U181773" i="1"/>
  <c r="U181772" i="1"/>
  <c r="U181771" i="1"/>
  <c r="U181770" i="1"/>
  <c r="U181769" i="1"/>
  <c r="U181768" i="1"/>
  <c r="U181767" i="1"/>
  <c r="U181766" i="1"/>
  <c r="U181765" i="1"/>
  <c r="U181764" i="1"/>
  <c r="U181763" i="1"/>
  <c r="U181762" i="1"/>
  <c r="U181761" i="1"/>
  <c r="U181760" i="1"/>
  <c r="U181759" i="1"/>
  <c r="U181758" i="1"/>
  <c r="U181757" i="1"/>
  <c r="U181756" i="1"/>
  <c r="U181755" i="1"/>
  <c r="U181754" i="1"/>
  <c r="U181753" i="1"/>
  <c r="U181752" i="1"/>
  <c r="U181751" i="1"/>
  <c r="U181750" i="1"/>
  <c r="U181749" i="1"/>
  <c r="U181748" i="1"/>
  <c r="U181747" i="1"/>
  <c r="U181746" i="1"/>
  <c r="U181745" i="1"/>
  <c r="U181744" i="1"/>
  <c r="U181743" i="1"/>
  <c r="U181742" i="1"/>
  <c r="U181741" i="1"/>
  <c r="U181740" i="1"/>
  <c r="U181739" i="1"/>
  <c r="U181738" i="1"/>
  <c r="U181737" i="1"/>
  <c r="U181736" i="1"/>
  <c r="U181735" i="1"/>
  <c r="U181734" i="1"/>
  <c r="U181733" i="1"/>
  <c r="U181732" i="1"/>
  <c r="U181731" i="1"/>
  <c r="U181730" i="1"/>
  <c r="U181729" i="1"/>
  <c r="U181728" i="1"/>
  <c r="U181727" i="1"/>
  <c r="U181726" i="1"/>
  <c r="U181725" i="1"/>
  <c r="U181724" i="1"/>
  <c r="U181723" i="1"/>
  <c r="U181722" i="1"/>
  <c r="U181721" i="1"/>
  <c r="U181720" i="1"/>
  <c r="U181719" i="1"/>
  <c r="U181718" i="1"/>
  <c r="U181717" i="1"/>
  <c r="U181716" i="1"/>
  <c r="U181715" i="1"/>
  <c r="U181714" i="1"/>
  <c r="U181713" i="1"/>
  <c r="U181712" i="1"/>
  <c r="U181711" i="1"/>
  <c r="U181710" i="1"/>
  <c r="U181709" i="1"/>
  <c r="U181708" i="1"/>
  <c r="U181707" i="1"/>
  <c r="U181706" i="1"/>
  <c r="U181705" i="1"/>
  <c r="U181704" i="1"/>
  <c r="U181703" i="1"/>
  <c r="U181702" i="1"/>
  <c r="U181701" i="1"/>
  <c r="U181700" i="1"/>
  <c r="U181699" i="1"/>
  <c r="U181698" i="1"/>
  <c r="U181697" i="1"/>
  <c r="U181696" i="1"/>
  <c r="U181695" i="1"/>
  <c r="U181694" i="1"/>
  <c r="U181693" i="1"/>
  <c r="U181692" i="1"/>
  <c r="U181691" i="1"/>
  <c r="U181690" i="1"/>
  <c r="U181689" i="1"/>
  <c r="U181688" i="1"/>
  <c r="U181687" i="1"/>
  <c r="U181686" i="1"/>
  <c r="U181685" i="1"/>
  <c r="U181684" i="1"/>
  <c r="U181683" i="1"/>
  <c r="U181682" i="1"/>
  <c r="U181681" i="1"/>
  <c r="U181680" i="1"/>
  <c r="U181679" i="1"/>
  <c r="U181678" i="1"/>
  <c r="U181677" i="1"/>
  <c r="U181676" i="1"/>
  <c r="U181675" i="1"/>
  <c r="U181674" i="1"/>
  <c r="U181673" i="1"/>
  <c r="U181672" i="1"/>
  <c r="U181671" i="1"/>
  <c r="U181670" i="1"/>
  <c r="U181669" i="1"/>
  <c r="U181668" i="1"/>
  <c r="U181667" i="1"/>
  <c r="U181666" i="1"/>
  <c r="U181665" i="1"/>
  <c r="U181664" i="1"/>
  <c r="U181663" i="1"/>
  <c r="U181662" i="1"/>
  <c r="U181661" i="1"/>
  <c r="U181660" i="1"/>
  <c r="U181659" i="1"/>
  <c r="U181658" i="1"/>
  <c r="U181657" i="1"/>
  <c r="U181656" i="1"/>
  <c r="U181655" i="1"/>
  <c r="U181654" i="1"/>
  <c r="U181653" i="1"/>
  <c r="U181652" i="1"/>
  <c r="U181651" i="1"/>
  <c r="U181650" i="1"/>
  <c r="U181649" i="1"/>
  <c r="U181648" i="1"/>
  <c r="U181647" i="1"/>
  <c r="U181646" i="1"/>
  <c r="U181645" i="1"/>
  <c r="U181644" i="1"/>
  <c r="U181643" i="1"/>
  <c r="U181642" i="1"/>
  <c r="U181641" i="1"/>
  <c r="U181640" i="1"/>
  <c r="U181639" i="1"/>
  <c r="U181638" i="1"/>
  <c r="U181637" i="1"/>
  <c r="U181636" i="1"/>
  <c r="U181635" i="1"/>
  <c r="U181634" i="1"/>
  <c r="U181633" i="1"/>
  <c r="U181632" i="1"/>
  <c r="U181631" i="1"/>
  <c r="U181630" i="1"/>
  <c r="U181629" i="1"/>
  <c r="U181628" i="1"/>
  <c r="U181627" i="1"/>
  <c r="U181626" i="1"/>
  <c r="U181625" i="1"/>
  <c r="U181624" i="1"/>
  <c r="U181623" i="1"/>
  <c r="U181622" i="1"/>
  <c r="U181621" i="1"/>
  <c r="U181620" i="1"/>
  <c r="U181619" i="1"/>
  <c r="U181618" i="1"/>
  <c r="U181617" i="1"/>
  <c r="U181616" i="1"/>
  <c r="U181615" i="1"/>
  <c r="U181614" i="1"/>
  <c r="U181613" i="1"/>
  <c r="U181612" i="1"/>
  <c r="U181611" i="1"/>
  <c r="U181610" i="1"/>
  <c r="U181609" i="1"/>
  <c r="U181608" i="1"/>
  <c r="U181607" i="1"/>
  <c r="U181606" i="1"/>
  <c r="U181605" i="1"/>
  <c r="U181604" i="1"/>
  <c r="U181603" i="1"/>
  <c r="U181602" i="1"/>
  <c r="U181601" i="1"/>
  <c r="U181600" i="1"/>
  <c r="U181599" i="1"/>
  <c r="U181598" i="1"/>
  <c r="U181597" i="1"/>
  <c r="U181596" i="1"/>
  <c r="U181595" i="1"/>
  <c r="U181594" i="1"/>
  <c r="U181593" i="1"/>
  <c r="U181592" i="1"/>
  <c r="U181591" i="1"/>
  <c r="U181590" i="1"/>
  <c r="U181589" i="1"/>
  <c r="U181588" i="1"/>
  <c r="U181587" i="1"/>
  <c r="U181586" i="1"/>
  <c r="U181585" i="1"/>
  <c r="U181584" i="1"/>
  <c r="U181583" i="1"/>
  <c r="U181582" i="1"/>
  <c r="U181581" i="1"/>
  <c r="U181580" i="1"/>
  <c r="U181579" i="1"/>
  <c r="U181578" i="1"/>
  <c r="U181577" i="1"/>
  <c r="U181576" i="1"/>
  <c r="U181575" i="1"/>
  <c r="U181574" i="1"/>
  <c r="U181573" i="1"/>
  <c r="U181572" i="1"/>
  <c r="U181571" i="1"/>
  <c r="U181570" i="1"/>
  <c r="U181569" i="1"/>
  <c r="U181568" i="1"/>
  <c r="U181567" i="1"/>
  <c r="U181566" i="1"/>
  <c r="U181565" i="1"/>
  <c r="U181564" i="1"/>
  <c r="U181563" i="1"/>
  <c r="U181562" i="1"/>
  <c r="U181561" i="1"/>
  <c r="U181560" i="1"/>
  <c r="U181559" i="1"/>
  <c r="U181558" i="1"/>
  <c r="U181557" i="1"/>
  <c r="U181556" i="1"/>
  <c r="U181555" i="1"/>
  <c r="U181554" i="1"/>
  <c r="U181553" i="1"/>
  <c r="U181552" i="1"/>
  <c r="U181551" i="1"/>
  <c r="U181550" i="1"/>
  <c r="U181549" i="1"/>
  <c r="U181548" i="1"/>
  <c r="U181547" i="1"/>
  <c r="U181546" i="1"/>
  <c r="U181545" i="1"/>
  <c r="U181544" i="1"/>
  <c r="U181543" i="1"/>
  <c r="U181542" i="1"/>
  <c r="U181541" i="1"/>
  <c r="U181540" i="1"/>
  <c r="U181539" i="1"/>
  <c r="U181538" i="1"/>
  <c r="U181537" i="1"/>
  <c r="U181536" i="1"/>
  <c r="U181535" i="1"/>
  <c r="U181534" i="1"/>
  <c r="U181533" i="1"/>
  <c r="U181532" i="1"/>
  <c r="U181531" i="1"/>
  <c r="U181530" i="1"/>
  <c r="U181529" i="1"/>
  <c r="U181528" i="1"/>
  <c r="U181527" i="1"/>
  <c r="U181526" i="1"/>
  <c r="U181525" i="1"/>
  <c r="U181524" i="1"/>
  <c r="U181523" i="1"/>
  <c r="U181522" i="1"/>
  <c r="U181521" i="1"/>
  <c r="U181520" i="1"/>
  <c r="U181519" i="1"/>
  <c r="U181518" i="1"/>
  <c r="U181517" i="1"/>
  <c r="U181516" i="1"/>
  <c r="U181515" i="1"/>
  <c r="U181514" i="1"/>
  <c r="U181513" i="1"/>
  <c r="U181512" i="1"/>
  <c r="U181511" i="1"/>
  <c r="U181510" i="1"/>
  <c r="U181509" i="1"/>
  <c r="U181508" i="1"/>
  <c r="U181507" i="1"/>
  <c r="U181506" i="1"/>
  <c r="U181505" i="1"/>
  <c r="U181504" i="1"/>
  <c r="U181503" i="1"/>
  <c r="U181502" i="1"/>
  <c r="U181501" i="1"/>
  <c r="U181500" i="1"/>
  <c r="U181499" i="1"/>
  <c r="U181498" i="1"/>
  <c r="U181497" i="1"/>
  <c r="U181496" i="1"/>
  <c r="U181495" i="1"/>
  <c r="U181494" i="1"/>
  <c r="U181493" i="1"/>
  <c r="U181492" i="1"/>
  <c r="U181491" i="1"/>
  <c r="U181490" i="1"/>
  <c r="U181489" i="1"/>
  <c r="U181488" i="1"/>
  <c r="U181487" i="1"/>
  <c r="U181486" i="1"/>
  <c r="U181485" i="1"/>
  <c r="U181484" i="1"/>
  <c r="U181483" i="1"/>
  <c r="U181482" i="1"/>
  <c r="U181481" i="1"/>
  <c r="U181480" i="1"/>
  <c r="U181479" i="1"/>
  <c r="U181478" i="1"/>
  <c r="U181477" i="1"/>
  <c r="U181476" i="1"/>
  <c r="U181475" i="1"/>
  <c r="U181474" i="1"/>
  <c r="U181473" i="1"/>
  <c r="U181472" i="1"/>
  <c r="U181471" i="1"/>
  <c r="U181470" i="1"/>
  <c r="U181469" i="1"/>
  <c r="U181468" i="1"/>
  <c r="U181467" i="1"/>
  <c r="U181466" i="1"/>
  <c r="U181465" i="1"/>
  <c r="U181464" i="1"/>
  <c r="U181463" i="1"/>
  <c r="U181462" i="1"/>
  <c r="U181461" i="1"/>
  <c r="U181460" i="1"/>
  <c r="U181459" i="1"/>
  <c r="U181458" i="1"/>
  <c r="U181457" i="1"/>
  <c r="U181456" i="1"/>
  <c r="U181455" i="1"/>
  <c r="U181454" i="1"/>
  <c r="U181453" i="1"/>
  <c r="U181452" i="1"/>
  <c r="U181451" i="1"/>
  <c r="U181450" i="1"/>
  <c r="U181449" i="1"/>
  <c r="U181448" i="1"/>
  <c r="U181447" i="1"/>
  <c r="U181446" i="1"/>
  <c r="U181445" i="1"/>
  <c r="U181444" i="1"/>
  <c r="U181443" i="1"/>
  <c r="U181442" i="1"/>
  <c r="U181441" i="1"/>
  <c r="U181440" i="1"/>
  <c r="U181439" i="1"/>
  <c r="U181438" i="1"/>
  <c r="U181437" i="1"/>
  <c r="U181436" i="1"/>
  <c r="U181435" i="1"/>
  <c r="U181434" i="1"/>
  <c r="U181433" i="1"/>
  <c r="U181432" i="1"/>
  <c r="U181431" i="1"/>
  <c r="U181430" i="1"/>
  <c r="U181429" i="1"/>
  <c r="U181428" i="1"/>
  <c r="U181427" i="1"/>
  <c r="U181426" i="1"/>
  <c r="U181425" i="1"/>
  <c r="U181424" i="1"/>
  <c r="U181423" i="1"/>
  <c r="U181422" i="1"/>
  <c r="U181421" i="1"/>
  <c r="U181420" i="1"/>
  <c r="U181419" i="1"/>
  <c r="U181418" i="1"/>
  <c r="U181417" i="1"/>
  <c r="U181416" i="1"/>
  <c r="U181415" i="1"/>
  <c r="U181414" i="1"/>
  <c r="U181413" i="1"/>
  <c r="U181412" i="1"/>
  <c r="U181411" i="1"/>
  <c r="U181410" i="1"/>
  <c r="U181409" i="1"/>
  <c r="U181408" i="1"/>
  <c r="U181407" i="1"/>
  <c r="U181406" i="1"/>
  <c r="U181405" i="1"/>
  <c r="U181404" i="1"/>
  <c r="U181403" i="1"/>
  <c r="U181402" i="1"/>
  <c r="U181401" i="1"/>
  <c r="U181400" i="1"/>
  <c r="U181399" i="1"/>
  <c r="U181398" i="1"/>
  <c r="U181397" i="1"/>
  <c r="U181396" i="1"/>
  <c r="U181395" i="1"/>
  <c r="U181394" i="1"/>
  <c r="U181393" i="1"/>
  <c r="U181392" i="1"/>
  <c r="U181391" i="1"/>
  <c r="U181390" i="1"/>
  <c r="U181389" i="1"/>
  <c r="U181388" i="1"/>
  <c r="U181387" i="1"/>
  <c r="U181386" i="1"/>
  <c r="U181385" i="1"/>
  <c r="U181384" i="1"/>
  <c r="U181383" i="1"/>
  <c r="U181382" i="1"/>
  <c r="U181381" i="1"/>
  <c r="U181380" i="1"/>
  <c r="U181379" i="1"/>
  <c r="U181378" i="1"/>
  <c r="U181377" i="1"/>
  <c r="U181376" i="1"/>
  <c r="U181375" i="1"/>
  <c r="U181374" i="1"/>
  <c r="U181373" i="1"/>
  <c r="U181372" i="1"/>
  <c r="U181371" i="1"/>
  <c r="U181370" i="1"/>
  <c r="U181369" i="1"/>
  <c r="U181368" i="1"/>
  <c r="U181367" i="1"/>
  <c r="U181366" i="1"/>
  <c r="U181365" i="1"/>
  <c r="U181364" i="1"/>
  <c r="U181363" i="1"/>
  <c r="U181362" i="1"/>
  <c r="U181361" i="1"/>
  <c r="U181360" i="1"/>
  <c r="U181359" i="1"/>
  <c r="U181358" i="1"/>
  <c r="U181357" i="1"/>
  <c r="U181356" i="1"/>
  <c r="U181355" i="1"/>
  <c r="U181354" i="1"/>
  <c r="U181353" i="1"/>
  <c r="U181352" i="1"/>
  <c r="U181351" i="1"/>
  <c r="U181350" i="1"/>
  <c r="U181349" i="1"/>
  <c r="U181348" i="1"/>
  <c r="U181347" i="1"/>
  <c r="U181346" i="1"/>
  <c r="U181345" i="1"/>
  <c r="U181344" i="1"/>
  <c r="U181343" i="1"/>
  <c r="U181342" i="1"/>
  <c r="U181341" i="1"/>
  <c r="U181340" i="1"/>
  <c r="U181339" i="1"/>
  <c r="U181338" i="1"/>
  <c r="U181337" i="1"/>
  <c r="U181336" i="1"/>
  <c r="U181335" i="1"/>
  <c r="U181334" i="1"/>
  <c r="U181333" i="1"/>
  <c r="U181332" i="1"/>
  <c r="U181331" i="1"/>
  <c r="U181330" i="1"/>
  <c r="U181329" i="1"/>
  <c r="U181328" i="1"/>
  <c r="U181327" i="1"/>
  <c r="U181326" i="1"/>
  <c r="U181325" i="1"/>
  <c r="U181324" i="1"/>
  <c r="U181323" i="1"/>
  <c r="U181322" i="1"/>
  <c r="U181321" i="1"/>
  <c r="U181320" i="1"/>
  <c r="U181319" i="1"/>
  <c r="U181318" i="1"/>
  <c r="U181317" i="1"/>
  <c r="U181316" i="1"/>
  <c r="U181315" i="1"/>
  <c r="U181314" i="1"/>
  <c r="U181313" i="1"/>
  <c r="U181312" i="1"/>
  <c r="U181311" i="1"/>
  <c r="U181310" i="1"/>
  <c r="U181309" i="1"/>
  <c r="U181308" i="1"/>
  <c r="U181307" i="1"/>
  <c r="U181306" i="1"/>
  <c r="U181305" i="1"/>
  <c r="U181304" i="1"/>
  <c r="U181303" i="1"/>
  <c r="U181302" i="1"/>
  <c r="U181301" i="1"/>
  <c r="U181300" i="1"/>
  <c r="U181299" i="1"/>
  <c r="U181298" i="1"/>
  <c r="U181297" i="1"/>
  <c r="U181296" i="1"/>
  <c r="U181295" i="1"/>
  <c r="U181294" i="1"/>
  <c r="U181293" i="1"/>
  <c r="U181292" i="1"/>
  <c r="U181291" i="1"/>
  <c r="U181290" i="1"/>
  <c r="U181289" i="1"/>
  <c r="U181288" i="1"/>
  <c r="U181287" i="1"/>
  <c r="U181286" i="1"/>
  <c r="U181285" i="1"/>
  <c r="U181284" i="1"/>
  <c r="U181283" i="1"/>
  <c r="U181282" i="1"/>
  <c r="U181281" i="1"/>
  <c r="U181280" i="1"/>
  <c r="U181279" i="1"/>
  <c r="U181278" i="1"/>
  <c r="U181277" i="1"/>
  <c r="U181276" i="1"/>
  <c r="U181275" i="1"/>
  <c r="U181274" i="1"/>
  <c r="U181273" i="1"/>
  <c r="U181272" i="1"/>
  <c r="U181271" i="1"/>
  <c r="U181270" i="1"/>
  <c r="U181269" i="1"/>
  <c r="U181268" i="1"/>
  <c r="U181267" i="1"/>
  <c r="U181266" i="1"/>
  <c r="U181265" i="1"/>
  <c r="U181264" i="1"/>
  <c r="U181263" i="1"/>
  <c r="U181262" i="1"/>
  <c r="U181261" i="1"/>
  <c r="U181260" i="1"/>
  <c r="U181259" i="1"/>
  <c r="U181258" i="1"/>
  <c r="U181257" i="1"/>
  <c r="U181256" i="1"/>
  <c r="U181255" i="1"/>
  <c r="U181254" i="1"/>
  <c r="U181253" i="1"/>
  <c r="U181252" i="1"/>
  <c r="U181251" i="1"/>
  <c r="U181250" i="1"/>
  <c r="U181249" i="1"/>
  <c r="U181248" i="1"/>
  <c r="U181247" i="1"/>
  <c r="U181246" i="1"/>
  <c r="U181245" i="1"/>
  <c r="U181244" i="1"/>
  <c r="U181243" i="1"/>
  <c r="U181242" i="1"/>
  <c r="U181241" i="1"/>
  <c r="U181240" i="1"/>
  <c r="U181239" i="1"/>
  <c r="U181238" i="1"/>
  <c r="U181237" i="1"/>
  <c r="U181236" i="1"/>
  <c r="U181235" i="1"/>
  <c r="U181234" i="1"/>
  <c r="U181233" i="1"/>
  <c r="U181232" i="1"/>
  <c r="U181231" i="1"/>
  <c r="U181230" i="1"/>
  <c r="U181229" i="1"/>
  <c r="U181228" i="1"/>
  <c r="U181227" i="1"/>
  <c r="U181226" i="1"/>
  <c r="U181225" i="1"/>
  <c r="U181224" i="1"/>
  <c r="U181223" i="1"/>
  <c r="U181222" i="1"/>
  <c r="U181221" i="1"/>
  <c r="U181220" i="1"/>
  <c r="U181219" i="1"/>
  <c r="U181218" i="1"/>
  <c r="U181217" i="1"/>
  <c r="U181216" i="1"/>
  <c r="U181215" i="1"/>
  <c r="U181214" i="1"/>
  <c r="U181213" i="1"/>
  <c r="U181212" i="1"/>
  <c r="U181211" i="1"/>
  <c r="U181210" i="1"/>
  <c r="U181209" i="1"/>
  <c r="U181208" i="1"/>
  <c r="U181207" i="1"/>
  <c r="U181206" i="1"/>
  <c r="U181205" i="1"/>
  <c r="U181204" i="1"/>
  <c r="U181203" i="1"/>
  <c r="U181202" i="1"/>
  <c r="U181201" i="1"/>
  <c r="U181200" i="1"/>
  <c r="U181199" i="1"/>
  <c r="U181198" i="1"/>
  <c r="U181197" i="1"/>
  <c r="U181196" i="1"/>
  <c r="U181195" i="1"/>
  <c r="U181194" i="1"/>
  <c r="U181193" i="1"/>
  <c r="U181192" i="1"/>
  <c r="U181191" i="1"/>
  <c r="U181190" i="1"/>
  <c r="U181189" i="1"/>
  <c r="U181188" i="1"/>
  <c r="U181187" i="1"/>
  <c r="U181186" i="1"/>
  <c r="U181185" i="1"/>
  <c r="U181184" i="1"/>
  <c r="U181183" i="1"/>
  <c r="U181182" i="1"/>
  <c r="U181181" i="1"/>
  <c r="U181180" i="1"/>
  <c r="U181179" i="1"/>
  <c r="U181178" i="1"/>
  <c r="U181177" i="1"/>
  <c r="U181176" i="1"/>
  <c r="U181175" i="1"/>
  <c r="U181174" i="1"/>
  <c r="U181173" i="1"/>
  <c r="U181172" i="1"/>
  <c r="U181171" i="1"/>
  <c r="U181170" i="1"/>
  <c r="U181169" i="1"/>
  <c r="U181168" i="1"/>
  <c r="U181167" i="1"/>
  <c r="U181166" i="1"/>
  <c r="U181165" i="1"/>
  <c r="U181164" i="1"/>
  <c r="U181163" i="1"/>
  <c r="U181162" i="1"/>
  <c r="U181161" i="1"/>
  <c r="U181160" i="1"/>
  <c r="U181159" i="1"/>
  <c r="U181158" i="1"/>
  <c r="U181157" i="1"/>
  <c r="U181156" i="1"/>
  <c r="U181155" i="1"/>
  <c r="U181154" i="1"/>
  <c r="U181153" i="1"/>
  <c r="U181152" i="1"/>
  <c r="U181151" i="1"/>
  <c r="U181150" i="1"/>
  <c r="U181149" i="1"/>
  <c r="U181148" i="1"/>
  <c r="U181147" i="1"/>
  <c r="U181146" i="1"/>
  <c r="U181145" i="1"/>
  <c r="U181144" i="1"/>
  <c r="U181143" i="1"/>
  <c r="U181142" i="1"/>
  <c r="U181141" i="1"/>
  <c r="U181140" i="1"/>
  <c r="U181139" i="1"/>
  <c r="U181138" i="1"/>
  <c r="U181137" i="1"/>
  <c r="U181136" i="1"/>
  <c r="U181135" i="1"/>
  <c r="U181134" i="1"/>
  <c r="U181133" i="1"/>
  <c r="U181132" i="1"/>
  <c r="U181131" i="1"/>
  <c r="U181130" i="1"/>
  <c r="U181129" i="1"/>
  <c r="U181128" i="1"/>
  <c r="U181127" i="1"/>
  <c r="U181126" i="1"/>
  <c r="U181125" i="1"/>
  <c r="U181124" i="1"/>
  <c r="U181123" i="1"/>
  <c r="U181122" i="1"/>
  <c r="U181121" i="1"/>
  <c r="U181120" i="1"/>
  <c r="U181119" i="1"/>
  <c r="U181118" i="1"/>
  <c r="U181117" i="1"/>
  <c r="U181116" i="1"/>
  <c r="U181115" i="1"/>
  <c r="U181114" i="1"/>
  <c r="U181113" i="1"/>
  <c r="U181112" i="1"/>
  <c r="U181111" i="1"/>
  <c r="U181110" i="1"/>
  <c r="U181109" i="1"/>
  <c r="U181108" i="1"/>
  <c r="U181107" i="1"/>
  <c r="U181106" i="1"/>
  <c r="U181105" i="1"/>
  <c r="U181104" i="1"/>
  <c r="U181103" i="1"/>
  <c r="U181102" i="1"/>
  <c r="U181101" i="1"/>
  <c r="U181100" i="1"/>
  <c r="U181099" i="1"/>
  <c r="U181098" i="1"/>
  <c r="U181097" i="1"/>
  <c r="U181096" i="1"/>
  <c r="U181095" i="1"/>
  <c r="U181094" i="1"/>
  <c r="U181093" i="1"/>
  <c r="U181092" i="1"/>
  <c r="U181091" i="1"/>
  <c r="U181090" i="1"/>
  <c r="U181089" i="1"/>
  <c r="U181088" i="1"/>
  <c r="U181087" i="1"/>
  <c r="U181086" i="1"/>
  <c r="U181085" i="1"/>
  <c r="U181084" i="1"/>
  <c r="U181083" i="1"/>
  <c r="U181082" i="1"/>
  <c r="U181081" i="1"/>
  <c r="U181080" i="1"/>
  <c r="U181079" i="1"/>
  <c r="U181078" i="1"/>
  <c r="U181077" i="1"/>
  <c r="U181076" i="1"/>
  <c r="U181075" i="1"/>
  <c r="U181074" i="1"/>
  <c r="U181073" i="1"/>
  <c r="U181072" i="1"/>
  <c r="U181071" i="1"/>
  <c r="U181070" i="1"/>
  <c r="U181069" i="1"/>
  <c r="U181068" i="1"/>
  <c r="U181067" i="1"/>
  <c r="U181066" i="1"/>
  <c r="U181065" i="1"/>
  <c r="U181064" i="1"/>
  <c r="U181063" i="1"/>
  <c r="U181062" i="1"/>
  <c r="U181061" i="1"/>
  <c r="U181060" i="1"/>
  <c r="U181059" i="1"/>
  <c r="U181058" i="1"/>
  <c r="U181057" i="1"/>
  <c r="U181056" i="1"/>
  <c r="U181055" i="1"/>
  <c r="U181054" i="1"/>
  <c r="U181053" i="1"/>
  <c r="U181052" i="1"/>
  <c r="U181051" i="1"/>
  <c r="U181050" i="1"/>
  <c r="U181049" i="1"/>
  <c r="U181048" i="1"/>
  <c r="U181047" i="1"/>
  <c r="U181046" i="1"/>
  <c r="U181045" i="1"/>
  <c r="U181044" i="1"/>
  <c r="U181043" i="1"/>
  <c r="U181042" i="1"/>
  <c r="U181041" i="1"/>
  <c r="U181040" i="1"/>
  <c r="U181039" i="1"/>
  <c r="U181038" i="1"/>
  <c r="U181037" i="1"/>
  <c r="U181036" i="1"/>
  <c r="U181035" i="1"/>
  <c r="U181034" i="1"/>
  <c r="U181033" i="1"/>
  <c r="U181032" i="1"/>
  <c r="U181031" i="1"/>
  <c r="U181030" i="1"/>
  <c r="U181029" i="1"/>
  <c r="U181028" i="1"/>
  <c r="U181027" i="1"/>
  <c r="U181026" i="1"/>
  <c r="U181025" i="1"/>
  <c r="U181024" i="1"/>
  <c r="U181023" i="1"/>
  <c r="U181022" i="1"/>
  <c r="U181021" i="1"/>
  <c r="U181020" i="1"/>
  <c r="U181019" i="1"/>
  <c r="U181018" i="1"/>
  <c r="U181017" i="1"/>
  <c r="U181016" i="1"/>
  <c r="U181015" i="1"/>
  <c r="U181014" i="1"/>
  <c r="U181013" i="1"/>
  <c r="U181012" i="1"/>
  <c r="U181011" i="1"/>
  <c r="U181010" i="1"/>
  <c r="U181009" i="1"/>
  <c r="U181008" i="1"/>
  <c r="U181007" i="1"/>
  <c r="U181006" i="1"/>
  <c r="U181005" i="1"/>
  <c r="U181004" i="1"/>
  <c r="U181003" i="1"/>
  <c r="U181002" i="1"/>
  <c r="U181001" i="1"/>
  <c r="U181000" i="1"/>
  <c r="U180999" i="1"/>
  <c r="U180998" i="1"/>
  <c r="U180997" i="1"/>
  <c r="U180996" i="1"/>
  <c r="U180995" i="1"/>
  <c r="U180994" i="1"/>
  <c r="U180993" i="1"/>
  <c r="U180992" i="1"/>
  <c r="U180991" i="1"/>
  <c r="U180990" i="1"/>
  <c r="U180989" i="1"/>
  <c r="U180988" i="1"/>
  <c r="U180987" i="1"/>
  <c r="U180986" i="1"/>
  <c r="U180985" i="1"/>
  <c r="U180984" i="1"/>
  <c r="U180983" i="1"/>
  <c r="U180982" i="1"/>
  <c r="U180981" i="1"/>
  <c r="U180980" i="1"/>
  <c r="U180979" i="1"/>
  <c r="U180978" i="1"/>
  <c r="U180977" i="1"/>
  <c r="U180976" i="1"/>
  <c r="U180975" i="1"/>
  <c r="U180974" i="1"/>
  <c r="U180973" i="1"/>
  <c r="U180972" i="1"/>
  <c r="U180971" i="1"/>
  <c r="U180970" i="1"/>
  <c r="U180969" i="1"/>
  <c r="U180968" i="1"/>
  <c r="U180967" i="1"/>
  <c r="U180966" i="1"/>
  <c r="U180965" i="1"/>
  <c r="U180964" i="1"/>
  <c r="U180963" i="1"/>
  <c r="U180962" i="1"/>
  <c r="U180961" i="1"/>
  <c r="U180960" i="1"/>
  <c r="U180959" i="1"/>
  <c r="U180958" i="1"/>
  <c r="U180957" i="1"/>
  <c r="U180956" i="1"/>
  <c r="U180955" i="1"/>
  <c r="U180954" i="1"/>
  <c r="U180953" i="1"/>
  <c r="U180952" i="1"/>
  <c r="U180951" i="1"/>
  <c r="U180950" i="1"/>
  <c r="U180949" i="1"/>
  <c r="U180948" i="1"/>
  <c r="U180947" i="1"/>
  <c r="U180946" i="1"/>
  <c r="U180945" i="1"/>
  <c r="U180944" i="1"/>
  <c r="U180943" i="1"/>
  <c r="U180942" i="1"/>
  <c r="U180941" i="1"/>
  <c r="U180940" i="1"/>
  <c r="U180939" i="1"/>
  <c r="U180938" i="1"/>
  <c r="U180937" i="1"/>
  <c r="U180936" i="1"/>
  <c r="U180935" i="1"/>
  <c r="U180934" i="1"/>
  <c r="U180933" i="1"/>
  <c r="U180932" i="1"/>
  <c r="U180931" i="1"/>
  <c r="U180930" i="1"/>
  <c r="U180929" i="1"/>
  <c r="U180928" i="1"/>
  <c r="U180927" i="1"/>
  <c r="U180926" i="1"/>
  <c r="U180925" i="1"/>
  <c r="U180924" i="1"/>
  <c r="U180923" i="1"/>
  <c r="U180922" i="1"/>
  <c r="U180921" i="1"/>
  <c r="U180920" i="1"/>
  <c r="U180919" i="1"/>
  <c r="U180918" i="1"/>
  <c r="U180917" i="1"/>
  <c r="U180916" i="1"/>
  <c r="U180915" i="1"/>
  <c r="U180914" i="1"/>
  <c r="U180913" i="1"/>
  <c r="U180912" i="1"/>
  <c r="U180911" i="1"/>
  <c r="U180910" i="1"/>
  <c r="U180909" i="1"/>
  <c r="U180908" i="1"/>
  <c r="U180907" i="1"/>
  <c r="U180906" i="1"/>
  <c r="U180905" i="1"/>
  <c r="U180904" i="1"/>
  <c r="U180903" i="1"/>
  <c r="U180902" i="1"/>
  <c r="U180901" i="1"/>
  <c r="U180900" i="1"/>
  <c r="U180899" i="1"/>
  <c r="U180898" i="1"/>
  <c r="U180897" i="1"/>
  <c r="U180896" i="1"/>
  <c r="U180895" i="1"/>
  <c r="U180894" i="1"/>
  <c r="U180893" i="1"/>
  <c r="U180892" i="1"/>
  <c r="U180891" i="1"/>
  <c r="U180890" i="1"/>
  <c r="U180889" i="1"/>
  <c r="U180888" i="1"/>
  <c r="U180887" i="1"/>
  <c r="U180886" i="1"/>
  <c r="U180885" i="1"/>
  <c r="U180884" i="1"/>
  <c r="U180883" i="1"/>
  <c r="U180882" i="1"/>
  <c r="U180881" i="1"/>
  <c r="U180880" i="1"/>
  <c r="U180879" i="1"/>
  <c r="U180878" i="1"/>
  <c r="U180877" i="1"/>
  <c r="U180876" i="1"/>
  <c r="U180875" i="1"/>
  <c r="U180874" i="1"/>
  <c r="U180873" i="1"/>
  <c r="U180872" i="1"/>
  <c r="U180871" i="1"/>
  <c r="U180870" i="1"/>
  <c r="U180869" i="1"/>
  <c r="U180868" i="1"/>
  <c r="U180867" i="1"/>
  <c r="U180866" i="1"/>
  <c r="U180865" i="1"/>
  <c r="U180864" i="1"/>
  <c r="U180863" i="1"/>
  <c r="U180862" i="1"/>
  <c r="U180861" i="1"/>
  <c r="U180860" i="1"/>
  <c r="U180859" i="1"/>
  <c r="U180858" i="1"/>
  <c r="U180857" i="1"/>
  <c r="U180856" i="1"/>
  <c r="U180855" i="1"/>
  <c r="U180854" i="1"/>
  <c r="U180853" i="1"/>
  <c r="U180852" i="1"/>
  <c r="U180851" i="1"/>
  <c r="U180850" i="1"/>
  <c r="U180849" i="1"/>
  <c r="U180848" i="1"/>
  <c r="U180847" i="1"/>
  <c r="U180846" i="1"/>
  <c r="U180845" i="1"/>
  <c r="U180844" i="1"/>
  <c r="U180843" i="1"/>
  <c r="U180842" i="1"/>
  <c r="U180841" i="1"/>
  <c r="U180840" i="1"/>
  <c r="U180839" i="1"/>
  <c r="U180838" i="1"/>
  <c r="U180837" i="1"/>
  <c r="U180836" i="1"/>
  <c r="U180835" i="1"/>
  <c r="U180834" i="1"/>
  <c r="U180833" i="1"/>
  <c r="U180832" i="1"/>
  <c r="U180831" i="1"/>
  <c r="U180830" i="1"/>
  <c r="U180829" i="1"/>
  <c r="U180828" i="1"/>
  <c r="U180827" i="1"/>
  <c r="U180826" i="1"/>
  <c r="U180825" i="1"/>
  <c r="U180824" i="1"/>
  <c r="U180823" i="1"/>
  <c r="U180822" i="1"/>
  <c r="U180821" i="1"/>
  <c r="U180820" i="1"/>
  <c r="U180819" i="1"/>
  <c r="U180818" i="1"/>
  <c r="U180817" i="1"/>
  <c r="U180816" i="1"/>
  <c r="U180815" i="1"/>
  <c r="U180814" i="1"/>
  <c r="U180813" i="1"/>
  <c r="U180812" i="1"/>
  <c r="U180811" i="1"/>
  <c r="U180810" i="1"/>
  <c r="U180809" i="1"/>
  <c r="U180808" i="1"/>
  <c r="U180807" i="1"/>
  <c r="U180806" i="1"/>
  <c r="U180805" i="1"/>
  <c r="U180804" i="1"/>
  <c r="U180803" i="1"/>
  <c r="U180802" i="1"/>
  <c r="U180801" i="1"/>
  <c r="U180800" i="1"/>
  <c r="U180799" i="1"/>
  <c r="U180798" i="1"/>
  <c r="U180797" i="1"/>
  <c r="U180796" i="1"/>
  <c r="U180795" i="1"/>
  <c r="U180794" i="1"/>
  <c r="U180793" i="1"/>
  <c r="U180792" i="1"/>
  <c r="U180791" i="1"/>
  <c r="U180790" i="1"/>
  <c r="U180789" i="1"/>
  <c r="U180788" i="1"/>
  <c r="U180787" i="1"/>
  <c r="U180786" i="1"/>
  <c r="U180785" i="1"/>
  <c r="U180784" i="1"/>
  <c r="U180783" i="1"/>
  <c r="U180782" i="1"/>
  <c r="U180781" i="1"/>
  <c r="U180780" i="1"/>
  <c r="U180779" i="1"/>
  <c r="U180778" i="1"/>
  <c r="U180777" i="1"/>
  <c r="U180776" i="1"/>
  <c r="U180775" i="1"/>
  <c r="U180774" i="1"/>
  <c r="U180773" i="1"/>
  <c r="U180772" i="1"/>
  <c r="U180771" i="1"/>
  <c r="U180770" i="1"/>
  <c r="U180769" i="1"/>
  <c r="U180768" i="1"/>
  <c r="U180767" i="1"/>
  <c r="U180766" i="1"/>
  <c r="U180765" i="1"/>
  <c r="U180764" i="1"/>
  <c r="U180763" i="1"/>
  <c r="U180762" i="1"/>
  <c r="U180761" i="1"/>
  <c r="U180760" i="1"/>
  <c r="U180759" i="1"/>
  <c r="U180758" i="1"/>
  <c r="U180757" i="1"/>
  <c r="U180756" i="1"/>
  <c r="U180755" i="1"/>
  <c r="U180754" i="1"/>
  <c r="U180753" i="1"/>
  <c r="U180752" i="1"/>
  <c r="U180751" i="1"/>
  <c r="U180750" i="1"/>
  <c r="U180749" i="1"/>
  <c r="U180748" i="1"/>
  <c r="U180747" i="1"/>
  <c r="U180746" i="1"/>
  <c r="U180745" i="1"/>
  <c r="U180744" i="1"/>
  <c r="U180743" i="1"/>
  <c r="U180742" i="1"/>
  <c r="U180741" i="1"/>
  <c r="U180740" i="1"/>
  <c r="U180739" i="1"/>
  <c r="U180738" i="1"/>
  <c r="U180737" i="1"/>
  <c r="U180736" i="1"/>
  <c r="U180735" i="1"/>
  <c r="U180734" i="1"/>
  <c r="U180733" i="1"/>
  <c r="U180732" i="1"/>
  <c r="U180731" i="1"/>
  <c r="U180730" i="1"/>
  <c r="U180729" i="1"/>
  <c r="U180728" i="1"/>
  <c r="U180727" i="1"/>
  <c r="U180726" i="1"/>
  <c r="U180725" i="1"/>
  <c r="U180724" i="1"/>
  <c r="U180723" i="1"/>
  <c r="U180722" i="1"/>
  <c r="U180721" i="1"/>
  <c r="U180720" i="1"/>
  <c r="U180719" i="1"/>
  <c r="U180718" i="1"/>
  <c r="U180717" i="1"/>
  <c r="U180716" i="1"/>
  <c r="U180715" i="1"/>
  <c r="U180714" i="1"/>
  <c r="U180713" i="1"/>
  <c r="U180712" i="1"/>
  <c r="U180711" i="1"/>
  <c r="U180710" i="1"/>
  <c r="U180709" i="1"/>
  <c r="U180708" i="1"/>
  <c r="U180707" i="1"/>
  <c r="U180706" i="1"/>
  <c r="U180705" i="1"/>
  <c r="U180704" i="1"/>
  <c r="U180703" i="1"/>
  <c r="U180702" i="1"/>
  <c r="U180701" i="1"/>
  <c r="U180700" i="1"/>
  <c r="U180699" i="1"/>
  <c r="U180698" i="1"/>
  <c r="U180697" i="1"/>
  <c r="U180696" i="1"/>
  <c r="U180695" i="1"/>
  <c r="U180694" i="1"/>
  <c r="U180693" i="1"/>
  <c r="U180692" i="1"/>
  <c r="U180691" i="1"/>
  <c r="U180690" i="1"/>
  <c r="U180689" i="1"/>
  <c r="U180688" i="1"/>
  <c r="U180687" i="1"/>
  <c r="U180686" i="1"/>
  <c r="U180685" i="1"/>
  <c r="U180684" i="1"/>
  <c r="U180683" i="1"/>
  <c r="U180682" i="1"/>
  <c r="U180681" i="1"/>
  <c r="U180680" i="1"/>
  <c r="U180679" i="1"/>
  <c r="U180678" i="1"/>
  <c r="U180677" i="1"/>
  <c r="U180676" i="1"/>
  <c r="U180675" i="1"/>
  <c r="U180674" i="1"/>
  <c r="U180673" i="1"/>
  <c r="U180672" i="1"/>
  <c r="U180671" i="1"/>
  <c r="U180670" i="1"/>
  <c r="U180669" i="1"/>
  <c r="U180668" i="1"/>
  <c r="U180667" i="1"/>
  <c r="U180666" i="1"/>
  <c r="U180665" i="1"/>
  <c r="U180664" i="1"/>
  <c r="U180663" i="1"/>
  <c r="U180662" i="1"/>
  <c r="U180661" i="1"/>
  <c r="U180660" i="1"/>
  <c r="U180659" i="1"/>
  <c r="U180658" i="1"/>
  <c r="U180657" i="1"/>
  <c r="U180656" i="1"/>
  <c r="U180655" i="1"/>
  <c r="U180654" i="1"/>
  <c r="U180653" i="1"/>
  <c r="U180652" i="1"/>
  <c r="U180651" i="1"/>
  <c r="U180650" i="1"/>
  <c r="U180649" i="1"/>
  <c r="U180648" i="1"/>
  <c r="U180647" i="1"/>
  <c r="U180646" i="1"/>
  <c r="U180645" i="1"/>
  <c r="U180644" i="1"/>
  <c r="U180643" i="1"/>
  <c r="U180642" i="1"/>
  <c r="U180641" i="1"/>
  <c r="U180640" i="1"/>
  <c r="U180639" i="1"/>
  <c r="U180638" i="1"/>
  <c r="U180637" i="1"/>
  <c r="U180636" i="1"/>
  <c r="U180635" i="1"/>
  <c r="U180634" i="1"/>
  <c r="U180633" i="1"/>
  <c r="U180632" i="1"/>
  <c r="U180631" i="1"/>
  <c r="U180630" i="1"/>
  <c r="U180629" i="1"/>
  <c r="U180628" i="1"/>
  <c r="U180627" i="1"/>
  <c r="U180626" i="1"/>
  <c r="U180625" i="1"/>
  <c r="U180624" i="1"/>
  <c r="U180623" i="1"/>
  <c r="U180622" i="1"/>
  <c r="U180621" i="1"/>
  <c r="U180620" i="1"/>
  <c r="U180619" i="1"/>
  <c r="U180618" i="1"/>
  <c r="U180617" i="1"/>
  <c r="U180616" i="1"/>
  <c r="U180615" i="1"/>
  <c r="U180614" i="1"/>
  <c r="U180613" i="1"/>
  <c r="U180612" i="1"/>
  <c r="U180611" i="1"/>
  <c r="U180610" i="1"/>
  <c r="U180609" i="1"/>
  <c r="U180608" i="1"/>
  <c r="U180607" i="1"/>
  <c r="U180606" i="1"/>
  <c r="U180605" i="1"/>
  <c r="U180604" i="1"/>
  <c r="U180603" i="1"/>
  <c r="U180602" i="1"/>
  <c r="U180601" i="1"/>
  <c r="U180600" i="1"/>
  <c r="U180599" i="1"/>
  <c r="U180598" i="1"/>
  <c r="U180597" i="1"/>
  <c r="U180596" i="1"/>
  <c r="U180595" i="1"/>
  <c r="U180594" i="1"/>
  <c r="U180593" i="1"/>
  <c r="U180592" i="1"/>
  <c r="U180591" i="1"/>
  <c r="U180590" i="1"/>
  <c r="U180589" i="1"/>
  <c r="U180588" i="1"/>
  <c r="U180587" i="1"/>
  <c r="U180586" i="1"/>
  <c r="U180585" i="1"/>
  <c r="U180584" i="1"/>
  <c r="U180583" i="1"/>
  <c r="U180582" i="1"/>
  <c r="U180581" i="1"/>
  <c r="U180580" i="1"/>
  <c r="U180579" i="1"/>
  <c r="U180578" i="1"/>
  <c r="U180577" i="1"/>
  <c r="U180576" i="1"/>
  <c r="U180575" i="1"/>
  <c r="U180574" i="1"/>
  <c r="U180573" i="1"/>
  <c r="U180572" i="1"/>
  <c r="U180571" i="1"/>
  <c r="U180570" i="1"/>
  <c r="U180569" i="1"/>
  <c r="U180568" i="1"/>
  <c r="U180567" i="1"/>
  <c r="U180566" i="1"/>
  <c r="U180565" i="1"/>
  <c r="U180564" i="1"/>
  <c r="U180563" i="1"/>
  <c r="U180562" i="1"/>
  <c r="U180561" i="1"/>
  <c r="U180560" i="1"/>
  <c r="U180559" i="1"/>
  <c r="U180558" i="1"/>
  <c r="U180557" i="1"/>
  <c r="U180556" i="1"/>
  <c r="U180555" i="1"/>
  <c r="U180554" i="1"/>
  <c r="U180553" i="1"/>
  <c r="U180552" i="1"/>
  <c r="U180551" i="1"/>
  <c r="U180550" i="1"/>
  <c r="U180549" i="1"/>
  <c r="U180548" i="1"/>
  <c r="U180547" i="1"/>
  <c r="U180546" i="1"/>
  <c r="U180545" i="1"/>
  <c r="U180544" i="1"/>
  <c r="U180543" i="1"/>
  <c r="U180542" i="1"/>
  <c r="U180541" i="1"/>
  <c r="U180540" i="1"/>
  <c r="U180539" i="1"/>
  <c r="U180538" i="1"/>
  <c r="U180537" i="1"/>
  <c r="U180536" i="1"/>
  <c r="U180535" i="1"/>
  <c r="U180534" i="1"/>
  <c r="U180533" i="1"/>
  <c r="U180532" i="1"/>
  <c r="U180531" i="1"/>
  <c r="U180530" i="1"/>
  <c r="U180529" i="1"/>
  <c r="U180528" i="1"/>
  <c r="U180527" i="1"/>
  <c r="U180526" i="1"/>
  <c r="U180525" i="1"/>
  <c r="U180524" i="1"/>
  <c r="U180523" i="1"/>
  <c r="U180522" i="1"/>
  <c r="U180521" i="1"/>
  <c r="U180520" i="1"/>
  <c r="U180519" i="1"/>
  <c r="U180518" i="1"/>
  <c r="U180517" i="1"/>
  <c r="U180516" i="1"/>
  <c r="U180515" i="1"/>
  <c r="U180514" i="1"/>
  <c r="U180513" i="1"/>
  <c r="U180512" i="1"/>
  <c r="U180511" i="1"/>
  <c r="U180510" i="1"/>
  <c r="U180509" i="1"/>
  <c r="U180508" i="1"/>
  <c r="U180507" i="1"/>
  <c r="U180506" i="1"/>
  <c r="U180505" i="1"/>
  <c r="U180504" i="1"/>
  <c r="U180503" i="1"/>
  <c r="U180502" i="1"/>
  <c r="U180501" i="1"/>
  <c r="U180500" i="1"/>
  <c r="U180499" i="1"/>
  <c r="U180498" i="1"/>
  <c r="U180497" i="1"/>
  <c r="U180496" i="1"/>
  <c r="U180495" i="1"/>
  <c r="U180494" i="1"/>
  <c r="U180493" i="1"/>
  <c r="U180492" i="1"/>
  <c r="U180491" i="1"/>
  <c r="U180490" i="1"/>
  <c r="U180489" i="1"/>
  <c r="U180488" i="1"/>
  <c r="U180487" i="1"/>
  <c r="U180486" i="1"/>
  <c r="U180485" i="1"/>
  <c r="U180484" i="1"/>
  <c r="U180483" i="1"/>
  <c r="U180482" i="1"/>
  <c r="U180481" i="1"/>
  <c r="U180480" i="1"/>
  <c r="U180479" i="1"/>
  <c r="U180478" i="1"/>
  <c r="U180477" i="1"/>
  <c r="U180476" i="1"/>
  <c r="U180475" i="1"/>
  <c r="U180474" i="1"/>
  <c r="U180473" i="1"/>
  <c r="U180472" i="1"/>
  <c r="U180471" i="1"/>
  <c r="U180470" i="1"/>
  <c r="U180469" i="1"/>
  <c r="U180468" i="1"/>
  <c r="U180467" i="1"/>
  <c r="U180466" i="1"/>
  <c r="U180465" i="1"/>
  <c r="U180464" i="1"/>
  <c r="U180463" i="1"/>
  <c r="U180462" i="1"/>
  <c r="U180461" i="1"/>
  <c r="U180460" i="1"/>
  <c r="U180459" i="1"/>
  <c r="U180458" i="1"/>
  <c r="U180457" i="1"/>
  <c r="U180456" i="1"/>
  <c r="U180455" i="1"/>
  <c r="U180454" i="1"/>
  <c r="U180453" i="1"/>
  <c r="U180452" i="1"/>
  <c r="U180451" i="1"/>
  <c r="U180450" i="1"/>
  <c r="U180449" i="1"/>
  <c r="U180448" i="1"/>
  <c r="U180447" i="1"/>
  <c r="U180446" i="1"/>
  <c r="U180445" i="1"/>
  <c r="U180444" i="1"/>
  <c r="U180443" i="1"/>
  <c r="U180442" i="1"/>
  <c r="U180441" i="1"/>
  <c r="U180440" i="1"/>
  <c r="U180439" i="1"/>
  <c r="U180438" i="1"/>
  <c r="U180437" i="1"/>
  <c r="U180436" i="1"/>
  <c r="U180435" i="1"/>
  <c r="U180434" i="1"/>
  <c r="U180433" i="1"/>
  <c r="U180432" i="1"/>
  <c r="U180431" i="1"/>
  <c r="U180430" i="1"/>
  <c r="U180429" i="1"/>
  <c r="U180428" i="1"/>
  <c r="U180427" i="1"/>
  <c r="U180426" i="1"/>
  <c r="U180425" i="1"/>
  <c r="U180424" i="1"/>
  <c r="U180423" i="1"/>
  <c r="U180422" i="1"/>
  <c r="U180421" i="1"/>
  <c r="U180420" i="1"/>
  <c r="U180419" i="1"/>
  <c r="U180418" i="1"/>
  <c r="U180417" i="1"/>
  <c r="U180416" i="1"/>
  <c r="U180415" i="1"/>
  <c r="U180414" i="1"/>
  <c r="U180413" i="1"/>
  <c r="U180412" i="1"/>
  <c r="U180411" i="1"/>
  <c r="U180410" i="1"/>
  <c r="U180409" i="1"/>
  <c r="U180408" i="1"/>
  <c r="U180407" i="1"/>
  <c r="U180406" i="1"/>
  <c r="U180405" i="1"/>
  <c r="U180404" i="1"/>
  <c r="U180403" i="1"/>
  <c r="U180402" i="1"/>
  <c r="U180401" i="1"/>
  <c r="U180400" i="1"/>
  <c r="U180399" i="1"/>
  <c r="U180398" i="1"/>
  <c r="U180397" i="1"/>
  <c r="U180396" i="1"/>
  <c r="U180395" i="1"/>
  <c r="U180394" i="1"/>
  <c r="U180393" i="1"/>
  <c r="U180392" i="1"/>
  <c r="U180391" i="1"/>
  <c r="U180390" i="1"/>
  <c r="U180389" i="1"/>
  <c r="U180388" i="1"/>
  <c r="U180387" i="1"/>
  <c r="U180386" i="1"/>
  <c r="U180385" i="1"/>
  <c r="U180384" i="1"/>
  <c r="U180383" i="1"/>
  <c r="U180382" i="1"/>
  <c r="U180381" i="1"/>
  <c r="U180380" i="1"/>
  <c r="U180379" i="1"/>
  <c r="U180378" i="1"/>
  <c r="U180377" i="1"/>
  <c r="U180376" i="1"/>
  <c r="U180375" i="1"/>
  <c r="U180374" i="1"/>
  <c r="U180373" i="1"/>
  <c r="U180372" i="1"/>
  <c r="U180371" i="1"/>
  <c r="U180370" i="1"/>
  <c r="U180369" i="1"/>
  <c r="U180368" i="1"/>
  <c r="U180367" i="1"/>
  <c r="U180366" i="1"/>
  <c r="U180365" i="1"/>
  <c r="U180364" i="1"/>
  <c r="U180363" i="1"/>
  <c r="U180362" i="1"/>
  <c r="U180361" i="1"/>
  <c r="U180360" i="1"/>
  <c r="U180359" i="1"/>
  <c r="U180358" i="1"/>
  <c r="U180357" i="1"/>
  <c r="U180356" i="1"/>
  <c r="U180355" i="1"/>
  <c r="U180354" i="1"/>
  <c r="U180353" i="1"/>
  <c r="U180352" i="1"/>
  <c r="U180351" i="1"/>
  <c r="U180350" i="1"/>
  <c r="U180349" i="1"/>
  <c r="U180348" i="1"/>
  <c r="U180347" i="1"/>
  <c r="U180346" i="1"/>
  <c r="U180345" i="1"/>
  <c r="U180344" i="1"/>
  <c r="U180343" i="1"/>
  <c r="U180342" i="1"/>
  <c r="U180341" i="1"/>
  <c r="U180340" i="1"/>
  <c r="U180339" i="1"/>
  <c r="U180338" i="1"/>
  <c r="U180337" i="1"/>
  <c r="U180336" i="1"/>
  <c r="U180335" i="1"/>
  <c r="U180334" i="1"/>
  <c r="U180333" i="1"/>
  <c r="U180332" i="1"/>
  <c r="U180331" i="1"/>
  <c r="U180330" i="1"/>
  <c r="U180329" i="1"/>
  <c r="U180328" i="1"/>
  <c r="U180327" i="1"/>
  <c r="U180326" i="1"/>
  <c r="U180325" i="1"/>
  <c r="U180324" i="1"/>
  <c r="U180323" i="1"/>
  <c r="U180322" i="1"/>
  <c r="U180321" i="1"/>
  <c r="U180320" i="1"/>
  <c r="U180319" i="1"/>
  <c r="U180318" i="1"/>
  <c r="U180317" i="1"/>
  <c r="U180316" i="1"/>
  <c r="U180315" i="1"/>
  <c r="U180314" i="1"/>
  <c r="U180313" i="1"/>
  <c r="U180312" i="1"/>
  <c r="U180311" i="1"/>
  <c r="U180310" i="1"/>
  <c r="U180309" i="1"/>
  <c r="U180308" i="1"/>
  <c r="U180307" i="1"/>
  <c r="U180306" i="1"/>
  <c r="U180305" i="1"/>
  <c r="U180304" i="1"/>
  <c r="U180303" i="1"/>
  <c r="U180302" i="1"/>
  <c r="U180301" i="1"/>
  <c r="U180300" i="1"/>
  <c r="U180299" i="1"/>
  <c r="U180298" i="1"/>
  <c r="U180297" i="1"/>
  <c r="U180296" i="1"/>
  <c r="U180295" i="1"/>
  <c r="U180294" i="1"/>
  <c r="U180293" i="1"/>
  <c r="U180292" i="1"/>
  <c r="U180291" i="1"/>
  <c r="U180290" i="1"/>
  <c r="U180289" i="1"/>
  <c r="U180288" i="1"/>
  <c r="U180287" i="1"/>
  <c r="U180286" i="1"/>
  <c r="U180285" i="1"/>
  <c r="U180284" i="1"/>
  <c r="U180283" i="1"/>
  <c r="U180282" i="1"/>
  <c r="U180281" i="1"/>
  <c r="U180280" i="1"/>
  <c r="U180279" i="1"/>
  <c r="U180278" i="1"/>
  <c r="U180277" i="1"/>
  <c r="U180276" i="1"/>
  <c r="U180275" i="1"/>
  <c r="U180274" i="1"/>
  <c r="U180273" i="1"/>
  <c r="U180272" i="1"/>
  <c r="U180271" i="1"/>
  <c r="U180270" i="1"/>
  <c r="U180269" i="1"/>
  <c r="U180268" i="1"/>
  <c r="U180267" i="1"/>
  <c r="U180266" i="1"/>
  <c r="U180265" i="1"/>
  <c r="U180264" i="1"/>
  <c r="U180263" i="1"/>
  <c r="U180262" i="1"/>
  <c r="U180261" i="1"/>
  <c r="U180260" i="1"/>
  <c r="U180259" i="1"/>
  <c r="U180258" i="1"/>
  <c r="U180257" i="1"/>
  <c r="U180256" i="1"/>
  <c r="U180255" i="1"/>
  <c r="U180254" i="1"/>
  <c r="U180253" i="1"/>
  <c r="U180252" i="1"/>
  <c r="U180251" i="1"/>
  <c r="U180250" i="1"/>
  <c r="U180249" i="1"/>
  <c r="U180248" i="1"/>
  <c r="U180247" i="1"/>
  <c r="U180246" i="1"/>
  <c r="U180245" i="1"/>
  <c r="U180244" i="1"/>
  <c r="U180243" i="1"/>
  <c r="U180242" i="1"/>
  <c r="U180241" i="1"/>
  <c r="U180240" i="1"/>
  <c r="U180239" i="1"/>
  <c r="U180238" i="1"/>
  <c r="U180237" i="1"/>
  <c r="U180236" i="1"/>
  <c r="U180235" i="1"/>
  <c r="U180234" i="1"/>
  <c r="U180233" i="1"/>
  <c r="U180232" i="1"/>
  <c r="U180231" i="1"/>
  <c r="U180230" i="1"/>
  <c r="U180229" i="1"/>
  <c r="U180228" i="1"/>
  <c r="U180227" i="1"/>
  <c r="U180226" i="1"/>
  <c r="U180225" i="1"/>
  <c r="U180224" i="1"/>
  <c r="U180223" i="1"/>
  <c r="U180222" i="1"/>
  <c r="U180221" i="1"/>
  <c r="U180220" i="1"/>
  <c r="U180219" i="1"/>
  <c r="U180218" i="1"/>
  <c r="U180217" i="1"/>
  <c r="U180216" i="1"/>
  <c r="U180215" i="1"/>
  <c r="U180214" i="1"/>
  <c r="U180213" i="1"/>
  <c r="U180212" i="1"/>
  <c r="U180211" i="1"/>
  <c r="U180210" i="1"/>
  <c r="U180209" i="1"/>
  <c r="U180208" i="1"/>
  <c r="U180207" i="1"/>
  <c r="U180206" i="1"/>
  <c r="U180205" i="1"/>
  <c r="U180204" i="1"/>
  <c r="U180203" i="1"/>
  <c r="U180202" i="1"/>
  <c r="U180201" i="1"/>
  <c r="U180200" i="1"/>
  <c r="U180199" i="1"/>
  <c r="U180198" i="1"/>
  <c r="U180197" i="1"/>
  <c r="U180196" i="1"/>
  <c r="U180195" i="1"/>
  <c r="U180194" i="1"/>
  <c r="U180193" i="1"/>
  <c r="U180192" i="1"/>
  <c r="U180191" i="1"/>
  <c r="U180190" i="1"/>
  <c r="U180189" i="1"/>
  <c r="U180188" i="1"/>
  <c r="U180187" i="1"/>
  <c r="U180186" i="1"/>
  <c r="U180185" i="1"/>
  <c r="U180184" i="1"/>
  <c r="U180183" i="1"/>
  <c r="U180182" i="1"/>
  <c r="U180181" i="1"/>
  <c r="U180180" i="1"/>
  <c r="U180179" i="1"/>
  <c r="U180178" i="1"/>
  <c r="U180177" i="1"/>
  <c r="U180176" i="1"/>
  <c r="U180175" i="1"/>
  <c r="U180174" i="1"/>
  <c r="U180173" i="1"/>
  <c r="U180172" i="1"/>
  <c r="U180171" i="1"/>
  <c r="U180170" i="1"/>
  <c r="U180169" i="1"/>
  <c r="U180168" i="1"/>
  <c r="U180167" i="1"/>
  <c r="U180166" i="1"/>
  <c r="U180165" i="1"/>
  <c r="U180164" i="1"/>
  <c r="U180163" i="1"/>
  <c r="U180162" i="1"/>
  <c r="U180161" i="1"/>
  <c r="U180160" i="1"/>
  <c r="U180159" i="1"/>
  <c r="U180158" i="1"/>
  <c r="U180157" i="1"/>
  <c r="U180156" i="1"/>
  <c r="U180155" i="1"/>
  <c r="U180154" i="1"/>
  <c r="U180153" i="1"/>
  <c r="U180152" i="1"/>
  <c r="U180151" i="1"/>
  <c r="U180150" i="1"/>
  <c r="U180149" i="1"/>
  <c r="U180148" i="1"/>
  <c r="U180147" i="1"/>
  <c r="U180146" i="1"/>
  <c r="U180145" i="1"/>
  <c r="U180144" i="1"/>
  <c r="U180143" i="1"/>
  <c r="U180142" i="1"/>
  <c r="U180141" i="1"/>
  <c r="U180140" i="1"/>
  <c r="U180139" i="1"/>
  <c r="U180138" i="1"/>
  <c r="U180137" i="1"/>
  <c r="U180136" i="1"/>
  <c r="U180135" i="1"/>
  <c r="U180134" i="1"/>
  <c r="U180133" i="1"/>
  <c r="U180132" i="1"/>
  <c r="U180131" i="1"/>
  <c r="U180130" i="1"/>
  <c r="U180129" i="1"/>
  <c r="U180128" i="1"/>
  <c r="U180127" i="1"/>
  <c r="U180126" i="1"/>
  <c r="U180125" i="1"/>
  <c r="U180124" i="1"/>
  <c r="U180123" i="1"/>
  <c r="U180122" i="1"/>
  <c r="U180121" i="1"/>
  <c r="U180120" i="1"/>
  <c r="U180119" i="1"/>
  <c r="U180118" i="1"/>
  <c r="U180117" i="1"/>
  <c r="U180116" i="1"/>
  <c r="U180115" i="1"/>
  <c r="U180114" i="1"/>
  <c r="U180113" i="1"/>
  <c r="U180112" i="1"/>
  <c r="U180111" i="1"/>
  <c r="U180110" i="1"/>
  <c r="U180109" i="1"/>
  <c r="U180108" i="1"/>
  <c r="U180107" i="1"/>
  <c r="U180106" i="1"/>
  <c r="U180105" i="1"/>
  <c r="U180104" i="1"/>
  <c r="U180103" i="1"/>
  <c r="U180102" i="1"/>
  <c r="U180101" i="1"/>
  <c r="U180100" i="1"/>
  <c r="U180099" i="1"/>
  <c r="U180098" i="1"/>
  <c r="U180097" i="1"/>
  <c r="U180096" i="1"/>
  <c r="U180095" i="1"/>
  <c r="U180094" i="1"/>
  <c r="U180093" i="1"/>
  <c r="U180092" i="1"/>
  <c r="U180091" i="1"/>
  <c r="U180090" i="1"/>
  <c r="U180089" i="1"/>
  <c r="U180088" i="1"/>
  <c r="U180087" i="1"/>
  <c r="U180086" i="1"/>
  <c r="U180085" i="1"/>
  <c r="U180084" i="1"/>
  <c r="U180083" i="1"/>
  <c r="U180082" i="1"/>
  <c r="U180081" i="1"/>
  <c r="U180080" i="1"/>
  <c r="U180079" i="1"/>
  <c r="U180078" i="1"/>
  <c r="U180077" i="1"/>
  <c r="U180076" i="1"/>
  <c r="U180075" i="1"/>
  <c r="U180074" i="1"/>
  <c r="U180073" i="1"/>
  <c r="U180072" i="1"/>
  <c r="U180071" i="1"/>
  <c r="U180070" i="1"/>
  <c r="U180069" i="1"/>
  <c r="U180068" i="1"/>
  <c r="U180067" i="1"/>
  <c r="U180066" i="1"/>
  <c r="U180065" i="1"/>
  <c r="U180064" i="1"/>
  <c r="U180063" i="1"/>
  <c r="U180062" i="1"/>
  <c r="U180061" i="1"/>
  <c r="U180060" i="1"/>
  <c r="U180059" i="1"/>
  <c r="U180058" i="1"/>
  <c r="U180057" i="1"/>
  <c r="U180056" i="1"/>
  <c r="U180055" i="1"/>
  <c r="U180054" i="1"/>
  <c r="U180053" i="1"/>
  <c r="U180052" i="1"/>
  <c r="U180051" i="1"/>
  <c r="U180050" i="1"/>
  <c r="U180049" i="1"/>
  <c r="U180048" i="1"/>
  <c r="U180047" i="1"/>
  <c r="U180046" i="1"/>
  <c r="U180045" i="1"/>
  <c r="U180044" i="1"/>
  <c r="U180043" i="1"/>
  <c r="U180042" i="1"/>
  <c r="U180041" i="1"/>
  <c r="U180040" i="1"/>
  <c r="U180039" i="1"/>
  <c r="U180038" i="1"/>
  <c r="U180037" i="1"/>
  <c r="U180036" i="1"/>
  <c r="U180035" i="1"/>
  <c r="U180034" i="1"/>
  <c r="U180033" i="1"/>
  <c r="U180032" i="1"/>
  <c r="U180031" i="1"/>
  <c r="U180030" i="1"/>
  <c r="U180029" i="1"/>
  <c r="U180028" i="1"/>
  <c r="U180027" i="1"/>
  <c r="U180026" i="1"/>
  <c r="U180025" i="1"/>
  <c r="U180024" i="1"/>
  <c r="U180023" i="1"/>
  <c r="U180022" i="1"/>
  <c r="U180021" i="1"/>
  <c r="U180020" i="1"/>
  <c r="U180019" i="1"/>
  <c r="U180018" i="1"/>
  <c r="U180017" i="1"/>
  <c r="U180016" i="1"/>
  <c r="U180015" i="1"/>
  <c r="U180014" i="1"/>
  <c r="U180013" i="1"/>
  <c r="U180012" i="1"/>
  <c r="U180011" i="1"/>
  <c r="U180010" i="1"/>
  <c r="U180009" i="1"/>
  <c r="U180008" i="1"/>
  <c r="U180007" i="1"/>
  <c r="U180006" i="1"/>
  <c r="U180005" i="1"/>
  <c r="U180004" i="1"/>
  <c r="U180003" i="1"/>
  <c r="U180002" i="1"/>
  <c r="U180001" i="1"/>
  <c r="U180000" i="1"/>
  <c r="U179999" i="1"/>
  <c r="U179998" i="1"/>
  <c r="U179997" i="1"/>
  <c r="U179996" i="1"/>
  <c r="U179995" i="1"/>
  <c r="U179994" i="1"/>
  <c r="U179993" i="1"/>
  <c r="U179992" i="1"/>
  <c r="U179991" i="1"/>
  <c r="U179990" i="1"/>
  <c r="U179989" i="1"/>
  <c r="U179988" i="1"/>
  <c r="U179987" i="1"/>
  <c r="U179986" i="1"/>
  <c r="U179985" i="1"/>
  <c r="U179984" i="1"/>
  <c r="U179983" i="1"/>
  <c r="U179982" i="1"/>
  <c r="U179981" i="1"/>
  <c r="U179980" i="1"/>
  <c r="U179979" i="1"/>
  <c r="U179978" i="1"/>
  <c r="U179977" i="1"/>
  <c r="U179976" i="1"/>
  <c r="U179975" i="1"/>
  <c r="U179974" i="1"/>
  <c r="U179973" i="1"/>
  <c r="U179972" i="1"/>
  <c r="U179971" i="1"/>
  <c r="U179970" i="1"/>
  <c r="U179969" i="1"/>
  <c r="U179968" i="1"/>
  <c r="U179967" i="1"/>
  <c r="U179966" i="1"/>
  <c r="U179965" i="1"/>
  <c r="U179964" i="1"/>
  <c r="U179963" i="1"/>
  <c r="U179962" i="1"/>
  <c r="U179961" i="1"/>
  <c r="U179960" i="1"/>
  <c r="U179959" i="1"/>
  <c r="U179958" i="1"/>
  <c r="U179957" i="1"/>
  <c r="U179956" i="1"/>
  <c r="U179955" i="1"/>
  <c r="U179954" i="1"/>
  <c r="U179953" i="1"/>
  <c r="U179952" i="1"/>
  <c r="U179951" i="1"/>
  <c r="U179950" i="1"/>
  <c r="U179949" i="1"/>
  <c r="U179948" i="1"/>
  <c r="U179947" i="1"/>
  <c r="U179946" i="1"/>
  <c r="U179945" i="1"/>
  <c r="U179944" i="1"/>
  <c r="U179943" i="1"/>
  <c r="U179942" i="1"/>
  <c r="U179941" i="1"/>
  <c r="U179940" i="1"/>
  <c r="U179939" i="1"/>
  <c r="U179938" i="1"/>
  <c r="U179937" i="1"/>
  <c r="U179936" i="1"/>
  <c r="U179935" i="1"/>
  <c r="U179934" i="1"/>
  <c r="U179933" i="1"/>
  <c r="U179932" i="1"/>
  <c r="U179931" i="1"/>
  <c r="U179930" i="1"/>
  <c r="U179929" i="1"/>
  <c r="U179928" i="1"/>
  <c r="U179927" i="1"/>
  <c r="U179926" i="1"/>
  <c r="U179925" i="1"/>
  <c r="U179924" i="1"/>
  <c r="U179923" i="1"/>
  <c r="U179922" i="1"/>
  <c r="U179921" i="1"/>
  <c r="U179920" i="1"/>
  <c r="U179919" i="1"/>
  <c r="U179918" i="1"/>
  <c r="U179917" i="1"/>
  <c r="U179916" i="1"/>
  <c r="U179915" i="1"/>
  <c r="U179914" i="1"/>
  <c r="U179913" i="1"/>
  <c r="U179912" i="1"/>
  <c r="U179911" i="1"/>
  <c r="U179910" i="1"/>
  <c r="U179909" i="1"/>
  <c r="U179908" i="1"/>
  <c r="U179907" i="1"/>
  <c r="U179906" i="1"/>
  <c r="U179905" i="1"/>
  <c r="U179904" i="1"/>
  <c r="U179903" i="1"/>
  <c r="U179902" i="1"/>
  <c r="U179901" i="1"/>
  <c r="U179900" i="1"/>
  <c r="U179899" i="1"/>
  <c r="U179898" i="1"/>
  <c r="U179897" i="1"/>
  <c r="U179896" i="1"/>
  <c r="U179895" i="1"/>
  <c r="U179894" i="1"/>
  <c r="U179893" i="1"/>
  <c r="U179892" i="1"/>
  <c r="U179891" i="1"/>
  <c r="U179890" i="1"/>
  <c r="U179889" i="1"/>
  <c r="U179888" i="1"/>
  <c r="U179887" i="1"/>
  <c r="U179886" i="1"/>
  <c r="U179885" i="1"/>
  <c r="U179884" i="1"/>
  <c r="U179883" i="1"/>
  <c r="U179882" i="1"/>
  <c r="U179881" i="1"/>
  <c r="U179880" i="1"/>
  <c r="U179879" i="1"/>
  <c r="U179878" i="1"/>
  <c r="U179877" i="1"/>
  <c r="U179876" i="1"/>
  <c r="U179875" i="1"/>
  <c r="U179874" i="1"/>
  <c r="U179873" i="1"/>
  <c r="U179872" i="1"/>
  <c r="U179871" i="1"/>
  <c r="U179870" i="1"/>
  <c r="U179869" i="1"/>
  <c r="U179868" i="1"/>
  <c r="U179867" i="1"/>
  <c r="U179866" i="1"/>
  <c r="U179865" i="1"/>
  <c r="U179864" i="1"/>
  <c r="U179863" i="1"/>
  <c r="U179862" i="1"/>
  <c r="U179861" i="1"/>
  <c r="U179860" i="1"/>
  <c r="U179859" i="1"/>
  <c r="U179858" i="1"/>
  <c r="U179857" i="1"/>
  <c r="U179856" i="1"/>
  <c r="U179855" i="1"/>
  <c r="U179854" i="1"/>
  <c r="U179853" i="1"/>
  <c r="U179852" i="1"/>
  <c r="U179851" i="1"/>
  <c r="U179850" i="1"/>
  <c r="U179849" i="1"/>
  <c r="U179848" i="1"/>
  <c r="U179847" i="1"/>
  <c r="U179846" i="1"/>
  <c r="U179845" i="1"/>
  <c r="U179844" i="1"/>
  <c r="U179843" i="1"/>
  <c r="U179842" i="1"/>
  <c r="U179841" i="1"/>
  <c r="U179840" i="1"/>
  <c r="U179839" i="1"/>
  <c r="U179838" i="1"/>
  <c r="U179837" i="1"/>
  <c r="U179836" i="1"/>
  <c r="U179835" i="1"/>
  <c r="U179834" i="1"/>
  <c r="U179833" i="1"/>
  <c r="U179832" i="1"/>
  <c r="U179831" i="1"/>
  <c r="U179830" i="1"/>
  <c r="U179829" i="1"/>
  <c r="U179828" i="1"/>
  <c r="U179827" i="1"/>
  <c r="U179826" i="1"/>
  <c r="U179825" i="1"/>
  <c r="U179824" i="1"/>
  <c r="U179823" i="1"/>
  <c r="U179822" i="1"/>
  <c r="U179821" i="1"/>
  <c r="U179820" i="1"/>
  <c r="U179819" i="1"/>
  <c r="U179818" i="1"/>
  <c r="U179817" i="1"/>
  <c r="U179816" i="1"/>
  <c r="U179815" i="1"/>
  <c r="U179814" i="1"/>
  <c r="U179813" i="1"/>
  <c r="U179812" i="1"/>
  <c r="U179811" i="1"/>
  <c r="U179810" i="1"/>
  <c r="U179809" i="1"/>
  <c r="U179808" i="1"/>
  <c r="U179807" i="1"/>
  <c r="U179806" i="1"/>
  <c r="U179805" i="1"/>
  <c r="U179804" i="1"/>
  <c r="U179803" i="1"/>
  <c r="U179802" i="1"/>
  <c r="U179801" i="1"/>
  <c r="U179800" i="1"/>
  <c r="U179799" i="1"/>
  <c r="U179798" i="1"/>
  <c r="U179797" i="1"/>
  <c r="U179796" i="1"/>
  <c r="U179795" i="1"/>
  <c r="U179794" i="1"/>
  <c r="U179793" i="1"/>
  <c r="U179792" i="1"/>
  <c r="U179791" i="1"/>
  <c r="U179790" i="1"/>
  <c r="U179789" i="1"/>
  <c r="U179788" i="1"/>
  <c r="U179787" i="1"/>
  <c r="U179786" i="1"/>
  <c r="U179785" i="1"/>
  <c r="U179784" i="1"/>
  <c r="U179783" i="1"/>
  <c r="U179782" i="1"/>
  <c r="U179781" i="1"/>
  <c r="U179780" i="1"/>
  <c r="U179779" i="1"/>
  <c r="U179778" i="1"/>
  <c r="U179777" i="1"/>
  <c r="U179776" i="1"/>
  <c r="U179775" i="1"/>
  <c r="U179774" i="1"/>
  <c r="U179773" i="1"/>
  <c r="U179772" i="1"/>
  <c r="U179771" i="1"/>
  <c r="U179770" i="1"/>
  <c r="U179769" i="1"/>
  <c r="U179768" i="1"/>
  <c r="U179767" i="1"/>
  <c r="U179766" i="1"/>
  <c r="U179765" i="1"/>
  <c r="U179764" i="1"/>
  <c r="U179763" i="1"/>
  <c r="U179762" i="1"/>
  <c r="U179761" i="1"/>
  <c r="U179760" i="1"/>
  <c r="U179759" i="1"/>
  <c r="U179758" i="1"/>
  <c r="U179757" i="1"/>
  <c r="U179756" i="1"/>
  <c r="U179755" i="1"/>
  <c r="U179754" i="1"/>
  <c r="U179753" i="1"/>
  <c r="U179752" i="1"/>
  <c r="U179751" i="1"/>
  <c r="U179750" i="1"/>
  <c r="U179749" i="1"/>
  <c r="U179748" i="1"/>
  <c r="U179747" i="1"/>
  <c r="U179746" i="1"/>
  <c r="U179745" i="1"/>
  <c r="U179744" i="1"/>
  <c r="U179743" i="1"/>
  <c r="U179742" i="1"/>
  <c r="U179741" i="1"/>
  <c r="U179740" i="1"/>
  <c r="U179739" i="1"/>
  <c r="U179738" i="1"/>
  <c r="U179737" i="1"/>
  <c r="U179736" i="1"/>
  <c r="U179735" i="1"/>
  <c r="U179734" i="1"/>
  <c r="U179733" i="1"/>
  <c r="U179732" i="1"/>
  <c r="U179731" i="1"/>
  <c r="U179730" i="1"/>
  <c r="U179729" i="1"/>
  <c r="U179728" i="1"/>
  <c r="U179727" i="1"/>
  <c r="U179726" i="1"/>
  <c r="U179725" i="1"/>
  <c r="U179724" i="1"/>
  <c r="U179723" i="1"/>
  <c r="U179722" i="1"/>
  <c r="U179721" i="1"/>
  <c r="U179720" i="1"/>
  <c r="U179719" i="1"/>
  <c r="U179718" i="1"/>
  <c r="U179717" i="1"/>
  <c r="U179716" i="1"/>
  <c r="U179715" i="1"/>
  <c r="U179714" i="1"/>
  <c r="U179713" i="1"/>
  <c r="U179712" i="1"/>
  <c r="U179711" i="1"/>
  <c r="U179710" i="1"/>
  <c r="U179709" i="1"/>
  <c r="U179708" i="1"/>
  <c r="U179707" i="1"/>
  <c r="U179706" i="1"/>
  <c r="U179705" i="1"/>
  <c r="U179704" i="1"/>
  <c r="U179703" i="1"/>
  <c r="U179702" i="1"/>
  <c r="U179701" i="1"/>
  <c r="U179700" i="1"/>
  <c r="U179699" i="1"/>
  <c r="U179698" i="1"/>
  <c r="U179697" i="1"/>
  <c r="U179696" i="1"/>
  <c r="U179695" i="1"/>
  <c r="U179694" i="1"/>
  <c r="U179693" i="1"/>
  <c r="U179692" i="1"/>
  <c r="U179691" i="1"/>
  <c r="U179690" i="1"/>
  <c r="U179689" i="1"/>
  <c r="U179688" i="1"/>
  <c r="U179687" i="1"/>
  <c r="U179686" i="1"/>
  <c r="U179685" i="1"/>
  <c r="U179684" i="1"/>
  <c r="U179683" i="1"/>
  <c r="U179682" i="1"/>
  <c r="U179681" i="1"/>
  <c r="U179680" i="1"/>
  <c r="U179679" i="1"/>
  <c r="U179678" i="1"/>
  <c r="U179677" i="1"/>
  <c r="U179676" i="1"/>
  <c r="U179675" i="1"/>
  <c r="U179674" i="1"/>
  <c r="U179673" i="1"/>
  <c r="U179672" i="1"/>
  <c r="U179671" i="1"/>
  <c r="U179670" i="1"/>
  <c r="U179669" i="1"/>
  <c r="U179668" i="1"/>
  <c r="U179667" i="1"/>
  <c r="U179666" i="1"/>
  <c r="U179665" i="1"/>
  <c r="U179664" i="1"/>
  <c r="U179663" i="1"/>
  <c r="U179662" i="1"/>
  <c r="U179661" i="1"/>
  <c r="U179660" i="1"/>
  <c r="U179659" i="1"/>
  <c r="U179658" i="1"/>
  <c r="U179657" i="1"/>
  <c r="U179656" i="1"/>
  <c r="U179655" i="1"/>
  <c r="U179654" i="1"/>
  <c r="U179653" i="1"/>
  <c r="U179652" i="1"/>
  <c r="U179651" i="1"/>
  <c r="U179650" i="1"/>
  <c r="U179649" i="1"/>
  <c r="U179648" i="1"/>
  <c r="U179647" i="1"/>
  <c r="U179646" i="1"/>
  <c r="U179645" i="1"/>
  <c r="U179644" i="1"/>
  <c r="U179643" i="1"/>
  <c r="U179642" i="1"/>
  <c r="U179641" i="1"/>
  <c r="U179640" i="1"/>
  <c r="U179639" i="1"/>
  <c r="U179638" i="1"/>
  <c r="U179637" i="1"/>
  <c r="U179636" i="1"/>
  <c r="U179635" i="1"/>
  <c r="U179634" i="1"/>
  <c r="U179633" i="1"/>
  <c r="U179632" i="1"/>
  <c r="U179631" i="1"/>
  <c r="U179630" i="1"/>
  <c r="U179629" i="1"/>
  <c r="U179628" i="1"/>
  <c r="U179627" i="1"/>
  <c r="U179626" i="1"/>
  <c r="U179625" i="1"/>
  <c r="U179624" i="1"/>
  <c r="U179623" i="1"/>
  <c r="U179622" i="1"/>
  <c r="U179621" i="1"/>
  <c r="U179620" i="1"/>
  <c r="U179619" i="1"/>
  <c r="U179618" i="1"/>
  <c r="U179617" i="1"/>
  <c r="U179616" i="1"/>
  <c r="U179615" i="1"/>
  <c r="U179614" i="1"/>
  <c r="U179613" i="1"/>
  <c r="U179612" i="1"/>
  <c r="U179611" i="1"/>
  <c r="U179610" i="1"/>
  <c r="U179609" i="1"/>
  <c r="U179608" i="1"/>
  <c r="U179607" i="1"/>
  <c r="U179606" i="1"/>
  <c r="U179605" i="1"/>
  <c r="U179604" i="1"/>
  <c r="U179603" i="1"/>
  <c r="U179602" i="1"/>
  <c r="U179601" i="1"/>
  <c r="U179600" i="1"/>
  <c r="U179599" i="1"/>
  <c r="U179598" i="1"/>
  <c r="U179597" i="1"/>
  <c r="U179596" i="1"/>
  <c r="U179595" i="1"/>
  <c r="U179594" i="1"/>
  <c r="U179593" i="1"/>
  <c r="U179592" i="1"/>
  <c r="U179591" i="1"/>
  <c r="U179590" i="1"/>
  <c r="U179589" i="1"/>
  <c r="U179588" i="1"/>
  <c r="U179587" i="1"/>
  <c r="U179586" i="1"/>
  <c r="U179585" i="1"/>
  <c r="U179584" i="1"/>
  <c r="U179583" i="1"/>
  <c r="U179582" i="1"/>
  <c r="U179581" i="1"/>
  <c r="U179580" i="1"/>
  <c r="U179579" i="1"/>
  <c r="U179578" i="1"/>
  <c r="U179577" i="1"/>
  <c r="U179576" i="1"/>
  <c r="U179575" i="1"/>
  <c r="U179574" i="1"/>
  <c r="U179573" i="1"/>
  <c r="U179572" i="1"/>
  <c r="U179571" i="1"/>
  <c r="U179570" i="1"/>
  <c r="U179569" i="1"/>
  <c r="U179568" i="1"/>
  <c r="U179567" i="1"/>
  <c r="U179566" i="1"/>
  <c r="U179565" i="1"/>
  <c r="U179564" i="1"/>
  <c r="U179563" i="1"/>
  <c r="U179562" i="1"/>
  <c r="U179561" i="1"/>
  <c r="U179560" i="1"/>
  <c r="U179559" i="1"/>
  <c r="U179558" i="1"/>
  <c r="U179557" i="1"/>
  <c r="U179556" i="1"/>
  <c r="U179555" i="1"/>
  <c r="U179554" i="1"/>
  <c r="U179553" i="1"/>
  <c r="U179552" i="1"/>
  <c r="U179551" i="1"/>
  <c r="U179550" i="1"/>
  <c r="U179549" i="1"/>
  <c r="U179548" i="1"/>
  <c r="U179547" i="1"/>
  <c r="U179546" i="1"/>
  <c r="U179545" i="1"/>
  <c r="U179544" i="1"/>
  <c r="U179543" i="1"/>
  <c r="U179542" i="1"/>
  <c r="U179541" i="1"/>
  <c r="U179540" i="1"/>
  <c r="U179539" i="1"/>
  <c r="U179538" i="1"/>
  <c r="U179537" i="1"/>
  <c r="U179536" i="1"/>
  <c r="U179535" i="1"/>
  <c r="U179534" i="1"/>
  <c r="U179533" i="1"/>
  <c r="U179532" i="1"/>
  <c r="U179531" i="1"/>
  <c r="U179530" i="1"/>
  <c r="U179529" i="1"/>
  <c r="U179528" i="1"/>
  <c r="U179527" i="1"/>
  <c r="U179526" i="1"/>
  <c r="U179525" i="1"/>
  <c r="U179524" i="1"/>
  <c r="U179523" i="1"/>
  <c r="U179522" i="1"/>
  <c r="U179521" i="1"/>
  <c r="U179520" i="1"/>
  <c r="U179519" i="1"/>
  <c r="U179518" i="1"/>
  <c r="U179517" i="1"/>
  <c r="U179516" i="1"/>
  <c r="U179515" i="1"/>
  <c r="U179514" i="1"/>
  <c r="U179513" i="1"/>
  <c r="U179512" i="1"/>
  <c r="U179511" i="1"/>
  <c r="U179510" i="1"/>
  <c r="U179509" i="1"/>
  <c r="U179508" i="1"/>
  <c r="U179507" i="1"/>
  <c r="U179506" i="1"/>
  <c r="U179505" i="1"/>
  <c r="U179504" i="1"/>
  <c r="U179503" i="1"/>
  <c r="U179502" i="1"/>
  <c r="U179501" i="1"/>
  <c r="U179500" i="1"/>
  <c r="U179499" i="1"/>
  <c r="U179498" i="1"/>
  <c r="U179497" i="1"/>
  <c r="U179496" i="1"/>
  <c r="U179495" i="1"/>
  <c r="U179494" i="1"/>
  <c r="U179493" i="1"/>
  <c r="U179492" i="1"/>
  <c r="U179491" i="1"/>
  <c r="U179490" i="1"/>
  <c r="U179489" i="1"/>
  <c r="U179488" i="1"/>
  <c r="U179487" i="1"/>
  <c r="U179486" i="1"/>
  <c r="U179485" i="1"/>
  <c r="U179484" i="1"/>
  <c r="U179483" i="1"/>
  <c r="U179482" i="1"/>
  <c r="U179481" i="1"/>
  <c r="U179480" i="1"/>
  <c r="U179479" i="1"/>
  <c r="U179478" i="1"/>
  <c r="U179477" i="1"/>
  <c r="U179476" i="1"/>
  <c r="U179475" i="1"/>
  <c r="U179474" i="1"/>
  <c r="U179473" i="1"/>
  <c r="U179472" i="1"/>
  <c r="U179471" i="1"/>
  <c r="U179470" i="1"/>
  <c r="U179469" i="1"/>
  <c r="U179468" i="1"/>
  <c r="U179467" i="1"/>
  <c r="U179466" i="1"/>
  <c r="U179465" i="1"/>
  <c r="U179464" i="1"/>
  <c r="U179463" i="1"/>
  <c r="U179462" i="1"/>
  <c r="U179461" i="1"/>
  <c r="U179460" i="1"/>
  <c r="U179459" i="1"/>
  <c r="U179458" i="1"/>
  <c r="U179457" i="1"/>
  <c r="U179456" i="1"/>
  <c r="U179455" i="1"/>
  <c r="U179454" i="1"/>
  <c r="U179453" i="1"/>
  <c r="U179452" i="1"/>
  <c r="U179451" i="1"/>
  <c r="U179450" i="1"/>
  <c r="U179449" i="1"/>
  <c r="U179448" i="1"/>
  <c r="U179447" i="1"/>
  <c r="U179446" i="1"/>
  <c r="U179445" i="1"/>
  <c r="U179444" i="1"/>
  <c r="U179443" i="1"/>
  <c r="U179442" i="1"/>
  <c r="U179441" i="1"/>
  <c r="U179440" i="1"/>
  <c r="U179439" i="1"/>
  <c r="U179438" i="1"/>
  <c r="U179437" i="1"/>
  <c r="U179436" i="1"/>
  <c r="U179435" i="1"/>
  <c r="U179434" i="1"/>
  <c r="U179433" i="1"/>
  <c r="U179432" i="1"/>
  <c r="U179431" i="1"/>
  <c r="U179430" i="1"/>
  <c r="U179429" i="1"/>
  <c r="U179428" i="1"/>
  <c r="U179427" i="1"/>
  <c r="U179426" i="1"/>
  <c r="U179425" i="1"/>
  <c r="U179424" i="1"/>
  <c r="U179423" i="1"/>
  <c r="U179422" i="1"/>
  <c r="U179421" i="1"/>
  <c r="U179420" i="1"/>
  <c r="U179419" i="1"/>
  <c r="U179418" i="1"/>
  <c r="U179417" i="1"/>
  <c r="U179416" i="1"/>
  <c r="U179415" i="1"/>
  <c r="U179414" i="1"/>
  <c r="U179413" i="1"/>
  <c r="U179412" i="1"/>
  <c r="U179411" i="1"/>
  <c r="U179410" i="1"/>
  <c r="U179409" i="1"/>
  <c r="U179408" i="1"/>
  <c r="U179407" i="1"/>
  <c r="U179406" i="1"/>
  <c r="U179405" i="1"/>
  <c r="U179404" i="1"/>
  <c r="U179403" i="1"/>
  <c r="U179402" i="1"/>
  <c r="U179401" i="1"/>
  <c r="U179400" i="1"/>
  <c r="U179399" i="1"/>
  <c r="U179398" i="1"/>
  <c r="U179397" i="1"/>
  <c r="U179396" i="1"/>
  <c r="U179395" i="1"/>
  <c r="U179394" i="1"/>
  <c r="U179393" i="1"/>
  <c r="U179392" i="1"/>
  <c r="U179391" i="1"/>
  <c r="U179390" i="1"/>
  <c r="U179389" i="1"/>
  <c r="U179388" i="1"/>
  <c r="U179387" i="1"/>
  <c r="U179386" i="1"/>
  <c r="U179385" i="1"/>
  <c r="U179384" i="1"/>
  <c r="U179383" i="1"/>
  <c r="U179382" i="1"/>
  <c r="U179381" i="1"/>
  <c r="U179380" i="1"/>
  <c r="U179379" i="1"/>
  <c r="U179378" i="1"/>
  <c r="U179377" i="1"/>
  <c r="U179376" i="1"/>
  <c r="U179375" i="1"/>
  <c r="U179374" i="1"/>
  <c r="U179373" i="1"/>
  <c r="U179372" i="1"/>
  <c r="U179371" i="1"/>
  <c r="U179370" i="1"/>
  <c r="U179369" i="1"/>
  <c r="U179368" i="1"/>
  <c r="U179367" i="1"/>
  <c r="U179366" i="1"/>
  <c r="U179365" i="1"/>
  <c r="U179364" i="1"/>
  <c r="U179363" i="1"/>
  <c r="U179362" i="1"/>
  <c r="U179361" i="1"/>
  <c r="U179360" i="1"/>
  <c r="U179359" i="1"/>
  <c r="U179358" i="1"/>
  <c r="U179357" i="1"/>
  <c r="U179356" i="1"/>
  <c r="U179355" i="1"/>
  <c r="U179354" i="1"/>
  <c r="U179353" i="1"/>
  <c r="U179352" i="1"/>
  <c r="U179351" i="1"/>
  <c r="U179350" i="1"/>
  <c r="U179349" i="1"/>
  <c r="U179348" i="1"/>
  <c r="U179347" i="1"/>
  <c r="U179346" i="1"/>
  <c r="U179345" i="1"/>
  <c r="U179344" i="1"/>
  <c r="U179343" i="1"/>
  <c r="U179342" i="1"/>
  <c r="U179341" i="1"/>
  <c r="U179340" i="1"/>
  <c r="U179339" i="1"/>
  <c r="U179338" i="1"/>
  <c r="U179337" i="1"/>
  <c r="U179336" i="1"/>
  <c r="U179335" i="1"/>
  <c r="U179334" i="1"/>
  <c r="U179333" i="1"/>
  <c r="U179332" i="1"/>
  <c r="U179331" i="1"/>
  <c r="U179330" i="1"/>
  <c r="U179329" i="1"/>
  <c r="U179328" i="1"/>
  <c r="U179327" i="1"/>
  <c r="U179326" i="1"/>
  <c r="U179325" i="1"/>
  <c r="U179324" i="1"/>
  <c r="U179323" i="1"/>
  <c r="U179322" i="1"/>
  <c r="U179321" i="1"/>
  <c r="U179320" i="1"/>
  <c r="U179319" i="1"/>
  <c r="U179318" i="1"/>
  <c r="U179317" i="1"/>
  <c r="U179316" i="1"/>
  <c r="U179315" i="1"/>
  <c r="U179314" i="1"/>
  <c r="U179313" i="1"/>
  <c r="U179312" i="1"/>
  <c r="U179311" i="1"/>
  <c r="U179310" i="1"/>
  <c r="U179309" i="1"/>
  <c r="U179308" i="1"/>
  <c r="U179307" i="1"/>
  <c r="U179306" i="1"/>
  <c r="U179305" i="1"/>
  <c r="U179304" i="1"/>
  <c r="U179303" i="1"/>
  <c r="U179302" i="1"/>
  <c r="U179301" i="1"/>
  <c r="U179300" i="1"/>
  <c r="U179299" i="1"/>
  <c r="U179298" i="1"/>
  <c r="U179297" i="1"/>
  <c r="U179296" i="1"/>
  <c r="U179295" i="1"/>
  <c r="U179294" i="1"/>
  <c r="U179293" i="1"/>
  <c r="U179292" i="1"/>
  <c r="U179291" i="1"/>
  <c r="U179290" i="1"/>
  <c r="U179289" i="1"/>
  <c r="U179288" i="1"/>
  <c r="U179287" i="1"/>
  <c r="U179286" i="1"/>
  <c r="U179285" i="1"/>
  <c r="U179284" i="1"/>
  <c r="U179283" i="1"/>
  <c r="U179282" i="1"/>
  <c r="U179281" i="1"/>
  <c r="U179280" i="1"/>
  <c r="U179279" i="1"/>
  <c r="U179278" i="1"/>
  <c r="U179277" i="1"/>
  <c r="U179276" i="1"/>
  <c r="U179275" i="1"/>
  <c r="U179274" i="1"/>
  <c r="U179273" i="1"/>
  <c r="U179272" i="1"/>
  <c r="U179271" i="1"/>
  <c r="U179270" i="1"/>
  <c r="U179269" i="1"/>
  <c r="U179268" i="1"/>
  <c r="U179267" i="1"/>
  <c r="U179266" i="1"/>
  <c r="U179265" i="1"/>
  <c r="U179264" i="1"/>
  <c r="U179263" i="1"/>
  <c r="U179262" i="1"/>
  <c r="U179261" i="1"/>
  <c r="U179260" i="1"/>
  <c r="U179259" i="1"/>
  <c r="U179258" i="1"/>
  <c r="U179257" i="1"/>
  <c r="U179256" i="1"/>
  <c r="U179255" i="1"/>
  <c r="U179254" i="1"/>
  <c r="U179253" i="1"/>
  <c r="U179252" i="1"/>
  <c r="U179251" i="1"/>
  <c r="U179250" i="1"/>
  <c r="U179249" i="1"/>
  <c r="U179248" i="1"/>
  <c r="U179247" i="1"/>
  <c r="U179246" i="1"/>
  <c r="U179245" i="1"/>
  <c r="U179244" i="1"/>
  <c r="U179243" i="1"/>
  <c r="U179242" i="1"/>
  <c r="U179241" i="1"/>
  <c r="U179240" i="1"/>
  <c r="U179239" i="1"/>
  <c r="U179238" i="1"/>
  <c r="U179237" i="1"/>
  <c r="U179236" i="1"/>
  <c r="U179235" i="1"/>
  <c r="U179234" i="1"/>
  <c r="U179233" i="1"/>
  <c r="U179232" i="1"/>
  <c r="U179231" i="1"/>
  <c r="U179230" i="1"/>
  <c r="U179229" i="1"/>
  <c r="U179228" i="1"/>
  <c r="U179227" i="1"/>
  <c r="U179226" i="1"/>
  <c r="U179225" i="1"/>
  <c r="U179224" i="1"/>
  <c r="U179223" i="1"/>
  <c r="U179222" i="1"/>
  <c r="U179221" i="1"/>
  <c r="U179220" i="1"/>
  <c r="U179219" i="1"/>
  <c r="U179218" i="1"/>
  <c r="U179217" i="1"/>
  <c r="U179216" i="1"/>
  <c r="U179215" i="1"/>
  <c r="U179214" i="1"/>
  <c r="U179213" i="1"/>
  <c r="U179212" i="1"/>
  <c r="U179211" i="1"/>
  <c r="U179210" i="1"/>
  <c r="U179209" i="1"/>
  <c r="U179208" i="1"/>
  <c r="U179207" i="1"/>
  <c r="U179206" i="1"/>
  <c r="U179205" i="1"/>
  <c r="U179204" i="1"/>
  <c r="U179203" i="1"/>
  <c r="U179202" i="1"/>
  <c r="U179201" i="1"/>
  <c r="U179200" i="1"/>
  <c r="U179199" i="1"/>
  <c r="U179198" i="1"/>
  <c r="U179197" i="1"/>
  <c r="U179196" i="1"/>
  <c r="U179195" i="1"/>
  <c r="U179194" i="1"/>
  <c r="U179193" i="1"/>
  <c r="U179192" i="1"/>
  <c r="U179191" i="1"/>
  <c r="U179190" i="1"/>
  <c r="U179189" i="1"/>
  <c r="U179188" i="1"/>
  <c r="U179187" i="1"/>
  <c r="U179186" i="1"/>
  <c r="U179185" i="1"/>
  <c r="U179184" i="1"/>
  <c r="U179183" i="1"/>
  <c r="U179182" i="1"/>
  <c r="U179181" i="1"/>
  <c r="U179180" i="1"/>
  <c r="U179179" i="1"/>
  <c r="U179178" i="1"/>
  <c r="U179177" i="1"/>
  <c r="U179176" i="1"/>
  <c r="U179175" i="1"/>
  <c r="U179174" i="1"/>
  <c r="U179173" i="1"/>
  <c r="U179172" i="1"/>
  <c r="U179171" i="1"/>
  <c r="U179170" i="1"/>
  <c r="U179169" i="1"/>
  <c r="U179168" i="1"/>
  <c r="U179167" i="1"/>
  <c r="U179166" i="1"/>
  <c r="U179165" i="1"/>
  <c r="U179164" i="1"/>
  <c r="U179163" i="1"/>
  <c r="U179162" i="1"/>
  <c r="U179161" i="1"/>
  <c r="U179160" i="1"/>
  <c r="U179159" i="1"/>
  <c r="U179158" i="1"/>
  <c r="U179157" i="1"/>
  <c r="U179156" i="1"/>
  <c r="U179155" i="1"/>
  <c r="U179154" i="1"/>
  <c r="U179153" i="1"/>
  <c r="U179152" i="1"/>
  <c r="U179151" i="1"/>
  <c r="U179150" i="1"/>
  <c r="U179149" i="1"/>
  <c r="U179148" i="1"/>
  <c r="U179147" i="1"/>
  <c r="U179146" i="1"/>
  <c r="U179145" i="1"/>
  <c r="U179144" i="1"/>
  <c r="U179143" i="1"/>
  <c r="U179142" i="1"/>
  <c r="U179141" i="1"/>
  <c r="U179140" i="1"/>
  <c r="U179139" i="1"/>
  <c r="U179138" i="1"/>
  <c r="U179137" i="1"/>
  <c r="U179136" i="1"/>
  <c r="U179135" i="1"/>
  <c r="U179134" i="1"/>
  <c r="U179133" i="1"/>
  <c r="U179132" i="1"/>
  <c r="U179131" i="1"/>
  <c r="U179130" i="1"/>
  <c r="U179129" i="1"/>
  <c r="U179128" i="1"/>
  <c r="U179127" i="1"/>
  <c r="U179126" i="1"/>
  <c r="U179125" i="1"/>
  <c r="U179124" i="1"/>
  <c r="U179123" i="1"/>
  <c r="U179122" i="1"/>
  <c r="U179121" i="1"/>
  <c r="U179120" i="1"/>
  <c r="U179119" i="1"/>
  <c r="U179118" i="1"/>
  <c r="U179117" i="1"/>
  <c r="U179116" i="1"/>
  <c r="U179115" i="1"/>
  <c r="U179114" i="1"/>
  <c r="U179113" i="1"/>
  <c r="U179112" i="1"/>
  <c r="U179111" i="1"/>
  <c r="U179110" i="1"/>
  <c r="U179109" i="1"/>
  <c r="U179108" i="1"/>
  <c r="U179107" i="1"/>
  <c r="U179106" i="1"/>
  <c r="U179105" i="1"/>
  <c r="U179104" i="1"/>
  <c r="U179103" i="1"/>
  <c r="U179102" i="1"/>
  <c r="U179101" i="1"/>
  <c r="U179100" i="1"/>
  <c r="U179099" i="1"/>
  <c r="U179098" i="1"/>
  <c r="U179097" i="1"/>
  <c r="U179096" i="1"/>
  <c r="U179095" i="1"/>
  <c r="U179094" i="1"/>
  <c r="U179093" i="1"/>
  <c r="U179092" i="1"/>
  <c r="U179091" i="1"/>
  <c r="U179090" i="1"/>
  <c r="U179089" i="1"/>
  <c r="U179088" i="1"/>
  <c r="U179087" i="1"/>
  <c r="U179086" i="1"/>
  <c r="U179085" i="1"/>
  <c r="U179084" i="1"/>
  <c r="U179083" i="1"/>
  <c r="U179082" i="1"/>
  <c r="U179081" i="1"/>
  <c r="U179080" i="1"/>
  <c r="U179079" i="1"/>
  <c r="U179078" i="1"/>
  <c r="U179077" i="1"/>
  <c r="U179076" i="1"/>
  <c r="U179075" i="1"/>
  <c r="U179074" i="1"/>
  <c r="U179073" i="1"/>
  <c r="U179072" i="1"/>
  <c r="U179071" i="1"/>
  <c r="U179070" i="1"/>
  <c r="U179069" i="1"/>
  <c r="U179068" i="1"/>
  <c r="U179067" i="1"/>
  <c r="U179066" i="1"/>
  <c r="U179065" i="1"/>
  <c r="U179064" i="1"/>
  <c r="U179063" i="1"/>
  <c r="U179062" i="1"/>
  <c r="U179061" i="1"/>
  <c r="U179060" i="1"/>
  <c r="U179059" i="1"/>
  <c r="U179058" i="1"/>
  <c r="U179057" i="1"/>
  <c r="U179056" i="1"/>
  <c r="U179055" i="1"/>
  <c r="U179054" i="1"/>
  <c r="U179053" i="1"/>
  <c r="U179052" i="1"/>
  <c r="U179051" i="1"/>
  <c r="U179050" i="1"/>
  <c r="U179049" i="1"/>
  <c r="U179048" i="1"/>
  <c r="U179047" i="1"/>
  <c r="U179046" i="1"/>
  <c r="U179045" i="1"/>
  <c r="U179044" i="1"/>
  <c r="U179043" i="1"/>
  <c r="U179042" i="1"/>
  <c r="U179041" i="1"/>
  <c r="U179040" i="1"/>
  <c r="U179039" i="1"/>
  <c r="U179038" i="1"/>
  <c r="U179037" i="1"/>
  <c r="U179036" i="1"/>
  <c r="U179035" i="1"/>
  <c r="U179034" i="1"/>
  <c r="U179033" i="1"/>
  <c r="U179032" i="1"/>
  <c r="U179031" i="1"/>
  <c r="U179030" i="1"/>
  <c r="U179029" i="1"/>
  <c r="U179028" i="1"/>
  <c r="U179027" i="1"/>
  <c r="U179026" i="1"/>
  <c r="U179025" i="1"/>
  <c r="U179024" i="1"/>
  <c r="U179023" i="1"/>
  <c r="U179022" i="1"/>
  <c r="U179021" i="1"/>
  <c r="U179020" i="1"/>
  <c r="U179019" i="1"/>
  <c r="U179018" i="1"/>
  <c r="U179017" i="1"/>
  <c r="U179016" i="1"/>
  <c r="U179015" i="1"/>
  <c r="U179014" i="1"/>
  <c r="U179013" i="1"/>
  <c r="U179012" i="1"/>
  <c r="U179011" i="1"/>
  <c r="U179010" i="1"/>
  <c r="U179009" i="1"/>
  <c r="U179008" i="1"/>
  <c r="U179007" i="1"/>
  <c r="U179006" i="1"/>
  <c r="U179005" i="1"/>
  <c r="U179004" i="1"/>
  <c r="U179003" i="1"/>
  <c r="U179002" i="1"/>
  <c r="U179001" i="1"/>
  <c r="U179000" i="1"/>
  <c r="U178999" i="1"/>
  <c r="U178998" i="1"/>
  <c r="U178997" i="1"/>
  <c r="U178996" i="1"/>
  <c r="U178995" i="1"/>
  <c r="U178994" i="1"/>
  <c r="U178993" i="1"/>
  <c r="U178992" i="1"/>
  <c r="U178991" i="1"/>
  <c r="U178990" i="1"/>
  <c r="U178989" i="1"/>
  <c r="U178988" i="1"/>
  <c r="U178987" i="1"/>
  <c r="U178986" i="1"/>
  <c r="U178985" i="1"/>
  <c r="U178984" i="1"/>
  <c r="U178983" i="1"/>
  <c r="U178982" i="1"/>
  <c r="U178981" i="1"/>
  <c r="U178980" i="1"/>
  <c r="U178979" i="1"/>
  <c r="U178978" i="1"/>
  <c r="U178977" i="1"/>
  <c r="U178976" i="1"/>
  <c r="U178975" i="1"/>
  <c r="U178974" i="1"/>
  <c r="U178973" i="1"/>
  <c r="U178972" i="1"/>
  <c r="U178971" i="1"/>
  <c r="U178970" i="1"/>
  <c r="U178969" i="1"/>
  <c r="U178968" i="1"/>
  <c r="U178967" i="1"/>
  <c r="U178966" i="1"/>
  <c r="U178965" i="1"/>
  <c r="U178964" i="1"/>
  <c r="U178963" i="1"/>
  <c r="U178962" i="1"/>
  <c r="U178961" i="1"/>
  <c r="U178960" i="1"/>
  <c r="U178959" i="1"/>
  <c r="U178958" i="1"/>
  <c r="U178957" i="1"/>
  <c r="U178956" i="1"/>
  <c r="U178955" i="1"/>
  <c r="U178954" i="1"/>
  <c r="U178953" i="1"/>
  <c r="U178952" i="1"/>
  <c r="U178951" i="1"/>
  <c r="U178950" i="1"/>
  <c r="U178949" i="1"/>
  <c r="U178948" i="1"/>
  <c r="U178947" i="1"/>
  <c r="U178946" i="1"/>
  <c r="U178945" i="1"/>
  <c r="U178944" i="1"/>
  <c r="U178943" i="1"/>
  <c r="U178942" i="1"/>
  <c r="U178941" i="1"/>
  <c r="U178940" i="1"/>
  <c r="U178939" i="1"/>
  <c r="U178938" i="1"/>
  <c r="U178937" i="1"/>
  <c r="U178936" i="1"/>
  <c r="U178935" i="1"/>
  <c r="U178934" i="1"/>
  <c r="U178933" i="1"/>
  <c r="U178932" i="1"/>
  <c r="U178931" i="1"/>
  <c r="U178930" i="1"/>
  <c r="U178929" i="1"/>
  <c r="U178928" i="1"/>
  <c r="U178927" i="1"/>
  <c r="U178926" i="1"/>
  <c r="U178925" i="1"/>
  <c r="U178924" i="1"/>
  <c r="U178923" i="1"/>
  <c r="U178922" i="1"/>
  <c r="U178921" i="1"/>
  <c r="U178920" i="1"/>
  <c r="U178919" i="1"/>
  <c r="U178918" i="1"/>
  <c r="U178917" i="1"/>
  <c r="U178916" i="1"/>
  <c r="U178915" i="1"/>
  <c r="U178914" i="1"/>
  <c r="U178913" i="1"/>
  <c r="U178912" i="1"/>
  <c r="U178911" i="1"/>
  <c r="U178910" i="1"/>
  <c r="U178909" i="1"/>
  <c r="U178908" i="1"/>
  <c r="U178907" i="1"/>
  <c r="U178906" i="1"/>
  <c r="U178905" i="1"/>
  <c r="U178904" i="1"/>
  <c r="U178903" i="1"/>
  <c r="U178902" i="1"/>
  <c r="U178901" i="1"/>
  <c r="U178900" i="1"/>
  <c r="U178899" i="1"/>
  <c r="U178898" i="1"/>
  <c r="U178897" i="1"/>
  <c r="U178896" i="1"/>
  <c r="U178895" i="1"/>
  <c r="U178894" i="1"/>
  <c r="U178893" i="1"/>
  <c r="U178892" i="1"/>
  <c r="U178891" i="1"/>
  <c r="U178890" i="1"/>
  <c r="U178889" i="1"/>
  <c r="U178888" i="1"/>
  <c r="U178887" i="1"/>
  <c r="U178886" i="1"/>
  <c r="U178885" i="1"/>
  <c r="U178884" i="1"/>
  <c r="U178883" i="1"/>
  <c r="U178882" i="1"/>
  <c r="U178881" i="1"/>
  <c r="U178880" i="1"/>
  <c r="U178879" i="1"/>
  <c r="U178878" i="1"/>
  <c r="U178877" i="1"/>
  <c r="U178876" i="1"/>
  <c r="U178875" i="1"/>
  <c r="U178874" i="1"/>
  <c r="U178873" i="1"/>
  <c r="U178872" i="1"/>
  <c r="U178871" i="1"/>
  <c r="U178870" i="1"/>
  <c r="U178869" i="1"/>
  <c r="U178868" i="1"/>
  <c r="U178867" i="1"/>
  <c r="U178866" i="1"/>
  <c r="U178865" i="1"/>
  <c r="U178864" i="1"/>
  <c r="U178863" i="1"/>
  <c r="U178862" i="1"/>
  <c r="U178861" i="1"/>
  <c r="U178860" i="1"/>
  <c r="U178859" i="1"/>
  <c r="U178858" i="1"/>
  <c r="U178857" i="1"/>
  <c r="U178856" i="1"/>
  <c r="U178855" i="1"/>
  <c r="U178854" i="1"/>
  <c r="U178853" i="1"/>
  <c r="U178852" i="1"/>
  <c r="U178851" i="1"/>
  <c r="U178850" i="1"/>
  <c r="U178849" i="1"/>
  <c r="U178848" i="1"/>
  <c r="U178847" i="1"/>
  <c r="U178846" i="1"/>
  <c r="U178845" i="1"/>
  <c r="U178844" i="1"/>
  <c r="U178843" i="1"/>
  <c r="U178842" i="1"/>
  <c r="U178841" i="1"/>
  <c r="U178840" i="1"/>
  <c r="U178839" i="1"/>
  <c r="U178838" i="1"/>
  <c r="U178837" i="1"/>
  <c r="U178836" i="1"/>
  <c r="U178835" i="1"/>
  <c r="U178834" i="1"/>
  <c r="U178833" i="1"/>
  <c r="U178832" i="1"/>
  <c r="U178831" i="1"/>
  <c r="U178830" i="1"/>
  <c r="U178829" i="1"/>
  <c r="U178828" i="1"/>
  <c r="U178827" i="1"/>
  <c r="U178826" i="1"/>
  <c r="U178825" i="1"/>
  <c r="U178824" i="1"/>
  <c r="U178823" i="1"/>
  <c r="U178822" i="1"/>
  <c r="U178821" i="1"/>
  <c r="U178820" i="1"/>
  <c r="U178819" i="1"/>
  <c r="U178818" i="1"/>
  <c r="U178817" i="1"/>
  <c r="U178816" i="1"/>
  <c r="U178815" i="1"/>
  <c r="U178814" i="1"/>
  <c r="U178813" i="1"/>
  <c r="U178812" i="1"/>
  <c r="U178811" i="1"/>
  <c r="U178810" i="1"/>
  <c r="U178809" i="1"/>
  <c r="U178808" i="1"/>
  <c r="U178807" i="1"/>
  <c r="U178806" i="1"/>
  <c r="U178805" i="1"/>
  <c r="U178804" i="1"/>
  <c r="U178803" i="1"/>
  <c r="U178802" i="1"/>
  <c r="U178801" i="1"/>
  <c r="U178800" i="1"/>
  <c r="U178799" i="1"/>
  <c r="U178798" i="1"/>
  <c r="U178797" i="1"/>
  <c r="U178796" i="1"/>
  <c r="U178795" i="1"/>
  <c r="U178794" i="1"/>
  <c r="U178793" i="1"/>
  <c r="U178792" i="1"/>
  <c r="U178791" i="1"/>
  <c r="U178790" i="1"/>
  <c r="U178789" i="1"/>
  <c r="U178788" i="1"/>
  <c r="U178787" i="1"/>
  <c r="U178786" i="1"/>
  <c r="U178785" i="1"/>
  <c r="U178784" i="1"/>
  <c r="U178783" i="1"/>
  <c r="U178782" i="1"/>
  <c r="U178781" i="1"/>
  <c r="U178780" i="1"/>
  <c r="U178779" i="1"/>
  <c r="U178778" i="1"/>
  <c r="U178777" i="1"/>
  <c r="U178776" i="1"/>
  <c r="U178775" i="1"/>
  <c r="U178774" i="1"/>
  <c r="U178773" i="1"/>
  <c r="U178772" i="1"/>
  <c r="U178771" i="1"/>
  <c r="U178770" i="1"/>
  <c r="U178769" i="1"/>
  <c r="U178768" i="1"/>
  <c r="U178767" i="1"/>
  <c r="U178766" i="1"/>
  <c r="U178765" i="1"/>
  <c r="U178764" i="1"/>
  <c r="U178763" i="1"/>
  <c r="U178762" i="1"/>
  <c r="U178761" i="1"/>
  <c r="U178760" i="1"/>
  <c r="U178759" i="1"/>
  <c r="U178758" i="1"/>
  <c r="U178757" i="1"/>
  <c r="U178756" i="1"/>
  <c r="U178755" i="1"/>
  <c r="U178754" i="1"/>
  <c r="U178753" i="1"/>
  <c r="U178752" i="1"/>
  <c r="U178751" i="1"/>
  <c r="U178750" i="1"/>
  <c r="U178749" i="1"/>
  <c r="U178748" i="1"/>
  <c r="U178747" i="1"/>
  <c r="U178746" i="1"/>
  <c r="U178745" i="1"/>
  <c r="U178744" i="1"/>
  <c r="U178743" i="1"/>
  <c r="U178742" i="1"/>
  <c r="U178741" i="1"/>
  <c r="U178740" i="1"/>
  <c r="U178739" i="1"/>
  <c r="U178738" i="1"/>
  <c r="U178737" i="1"/>
  <c r="U178736" i="1"/>
  <c r="U178735" i="1"/>
  <c r="U178734" i="1"/>
  <c r="U178733" i="1"/>
  <c r="U178732" i="1"/>
  <c r="U178731" i="1"/>
  <c r="U178730" i="1"/>
  <c r="U178729" i="1"/>
  <c r="U178728" i="1"/>
  <c r="U178727" i="1"/>
  <c r="U178726" i="1"/>
  <c r="U178725" i="1"/>
  <c r="U178724" i="1"/>
  <c r="U178723" i="1"/>
  <c r="U178722" i="1"/>
  <c r="U178721" i="1"/>
  <c r="U178720" i="1"/>
  <c r="U178719" i="1"/>
  <c r="U178718" i="1"/>
  <c r="U178717" i="1"/>
  <c r="U178716" i="1"/>
  <c r="U178715" i="1"/>
  <c r="U178714" i="1"/>
  <c r="U178713" i="1"/>
  <c r="U178712" i="1"/>
  <c r="U178711" i="1"/>
  <c r="U178710" i="1"/>
  <c r="U178709" i="1"/>
  <c r="U178708" i="1"/>
  <c r="U178707" i="1"/>
  <c r="U178706" i="1"/>
  <c r="U178705" i="1"/>
  <c r="U178704" i="1"/>
  <c r="U178703" i="1"/>
  <c r="U178702" i="1"/>
  <c r="U178701" i="1"/>
  <c r="U178700" i="1"/>
  <c r="U178699" i="1"/>
  <c r="U178698" i="1"/>
  <c r="U178697" i="1"/>
  <c r="U178696" i="1"/>
  <c r="U178695" i="1"/>
  <c r="U178694" i="1"/>
  <c r="U178693" i="1"/>
  <c r="U178692" i="1"/>
  <c r="U178691" i="1"/>
  <c r="U178690" i="1"/>
  <c r="U178689" i="1"/>
  <c r="U178688" i="1"/>
  <c r="U178687" i="1"/>
  <c r="U178686" i="1"/>
  <c r="U178685" i="1"/>
  <c r="U178684" i="1"/>
  <c r="U178683" i="1"/>
  <c r="U178682" i="1"/>
  <c r="U178681" i="1"/>
  <c r="U178680" i="1"/>
  <c r="U178679" i="1"/>
  <c r="U178678" i="1"/>
  <c r="U178677" i="1"/>
  <c r="U178676" i="1"/>
  <c r="U178675" i="1"/>
  <c r="U178674" i="1"/>
  <c r="U178673" i="1"/>
  <c r="U178672" i="1"/>
  <c r="U178671" i="1"/>
  <c r="U178670" i="1"/>
  <c r="U178669" i="1"/>
  <c r="U178668" i="1"/>
  <c r="U178667" i="1"/>
  <c r="U178666" i="1"/>
  <c r="U178665" i="1"/>
  <c r="U178664" i="1"/>
  <c r="U178663" i="1"/>
  <c r="U178662" i="1"/>
  <c r="U178661" i="1"/>
  <c r="U178660" i="1"/>
  <c r="U178659" i="1"/>
  <c r="U178658" i="1"/>
  <c r="U178657" i="1"/>
  <c r="U178656" i="1"/>
  <c r="U178655" i="1"/>
  <c r="U178654" i="1"/>
  <c r="U178653" i="1"/>
  <c r="U178652" i="1"/>
  <c r="U178651" i="1"/>
  <c r="U178650" i="1"/>
  <c r="U178649" i="1"/>
  <c r="U178648" i="1"/>
  <c r="U178647" i="1"/>
  <c r="U178646" i="1"/>
  <c r="U178645" i="1"/>
  <c r="U178644" i="1"/>
  <c r="U178643" i="1"/>
  <c r="U178642" i="1"/>
  <c r="U178641" i="1"/>
  <c r="U178640" i="1"/>
  <c r="U178639" i="1"/>
  <c r="U178638" i="1"/>
  <c r="U178637" i="1"/>
  <c r="U178636" i="1"/>
  <c r="U178635" i="1"/>
  <c r="U178634" i="1"/>
  <c r="U178633" i="1"/>
  <c r="U178632" i="1"/>
  <c r="U178631" i="1"/>
  <c r="U178630" i="1"/>
  <c r="U178629" i="1"/>
  <c r="U178628" i="1"/>
  <c r="U178627" i="1"/>
  <c r="U178626" i="1"/>
  <c r="U178625" i="1"/>
  <c r="U178624" i="1"/>
  <c r="U178623" i="1"/>
  <c r="U178622" i="1"/>
  <c r="U178621" i="1"/>
  <c r="U178620" i="1"/>
  <c r="U178619" i="1"/>
  <c r="U178618" i="1"/>
  <c r="U178617" i="1"/>
  <c r="U178616" i="1"/>
  <c r="U178615" i="1"/>
  <c r="U178614" i="1"/>
  <c r="U178613" i="1"/>
  <c r="U178612" i="1"/>
  <c r="U178611" i="1"/>
  <c r="U178610" i="1"/>
  <c r="U178609" i="1"/>
  <c r="U178608" i="1"/>
  <c r="U178607" i="1"/>
  <c r="U178606" i="1"/>
  <c r="U178605" i="1"/>
  <c r="U178604" i="1"/>
  <c r="U178603" i="1"/>
  <c r="U178602" i="1"/>
  <c r="U178601" i="1"/>
  <c r="U178600" i="1"/>
  <c r="U178599" i="1"/>
  <c r="U178598" i="1"/>
  <c r="U178597" i="1"/>
  <c r="U178596" i="1"/>
  <c r="U178595" i="1"/>
  <c r="U178594" i="1"/>
  <c r="U178593" i="1"/>
  <c r="U178592" i="1"/>
  <c r="U178591" i="1"/>
  <c r="U178590" i="1"/>
  <c r="U178589" i="1"/>
  <c r="U178588" i="1"/>
  <c r="U178587" i="1"/>
  <c r="U178586" i="1"/>
  <c r="U178585" i="1"/>
  <c r="U178584" i="1"/>
  <c r="U178583" i="1"/>
  <c r="U178582" i="1"/>
  <c r="U178581" i="1"/>
  <c r="U178580" i="1"/>
  <c r="U178579" i="1"/>
  <c r="U178578" i="1"/>
  <c r="U178577" i="1"/>
  <c r="U178576" i="1"/>
  <c r="U178575" i="1"/>
  <c r="U178574" i="1"/>
  <c r="U178573" i="1"/>
  <c r="U178572" i="1"/>
  <c r="U178571" i="1"/>
  <c r="U178570" i="1"/>
  <c r="U178569" i="1"/>
  <c r="U178568" i="1"/>
  <c r="U178567" i="1"/>
  <c r="U178566" i="1"/>
  <c r="U178565" i="1"/>
  <c r="U178564" i="1"/>
  <c r="U178563" i="1"/>
  <c r="U178562" i="1"/>
  <c r="U178561" i="1"/>
  <c r="U178560" i="1"/>
  <c r="U178559" i="1"/>
  <c r="U178558" i="1"/>
  <c r="U178557" i="1"/>
  <c r="U178556" i="1"/>
  <c r="U178555" i="1"/>
  <c r="U178554" i="1"/>
  <c r="U178553" i="1"/>
  <c r="U178552" i="1"/>
  <c r="U178551" i="1"/>
  <c r="U178550" i="1"/>
  <c r="U178549" i="1"/>
  <c r="U178548" i="1"/>
  <c r="U178547" i="1"/>
  <c r="U178546" i="1"/>
  <c r="U178545" i="1"/>
  <c r="U178544" i="1"/>
  <c r="U178543" i="1"/>
  <c r="U178542" i="1"/>
  <c r="U178541" i="1"/>
  <c r="U178540" i="1"/>
  <c r="U178539" i="1"/>
  <c r="U178538" i="1"/>
  <c r="U178537" i="1"/>
  <c r="U178536" i="1"/>
  <c r="U178535" i="1"/>
  <c r="U178534" i="1"/>
  <c r="U178533" i="1"/>
  <c r="U178532" i="1"/>
  <c r="U178531" i="1"/>
  <c r="U178530" i="1"/>
  <c r="U178529" i="1"/>
  <c r="U178528" i="1"/>
  <c r="U178527" i="1"/>
  <c r="U178526" i="1"/>
  <c r="U178525" i="1"/>
  <c r="U178524" i="1"/>
  <c r="U178523" i="1"/>
  <c r="U178522" i="1"/>
  <c r="U178521" i="1"/>
  <c r="U178520" i="1"/>
  <c r="U178519" i="1"/>
  <c r="U178518" i="1"/>
  <c r="U178517" i="1"/>
  <c r="U178516" i="1"/>
  <c r="U178515" i="1"/>
  <c r="U178514" i="1"/>
  <c r="U178513" i="1"/>
  <c r="U178512" i="1"/>
  <c r="U178511" i="1"/>
  <c r="U178510" i="1"/>
  <c r="U178509" i="1"/>
  <c r="U178508" i="1"/>
  <c r="U178507" i="1"/>
  <c r="U178506" i="1"/>
  <c r="U178505" i="1"/>
  <c r="U178504" i="1"/>
  <c r="U178503" i="1"/>
  <c r="U178502" i="1"/>
  <c r="U178501" i="1"/>
  <c r="U178500" i="1"/>
  <c r="U178499" i="1"/>
  <c r="U178498" i="1"/>
  <c r="U178497" i="1"/>
  <c r="U178496" i="1"/>
  <c r="U178495" i="1"/>
  <c r="U178494" i="1"/>
  <c r="U178493" i="1"/>
  <c r="U178492" i="1"/>
  <c r="U178491" i="1"/>
  <c r="U178490" i="1"/>
  <c r="U178489" i="1"/>
  <c r="U178488" i="1"/>
  <c r="U178487" i="1"/>
  <c r="U178486" i="1"/>
  <c r="U178485" i="1"/>
  <c r="U178484" i="1"/>
  <c r="U178483" i="1"/>
  <c r="U178482" i="1"/>
  <c r="U178481" i="1"/>
  <c r="U178480" i="1"/>
  <c r="U178479" i="1"/>
  <c r="U178478" i="1"/>
  <c r="U178477" i="1"/>
  <c r="U178476" i="1"/>
  <c r="U178475" i="1"/>
  <c r="U178474" i="1"/>
  <c r="U178473" i="1"/>
  <c r="U178472" i="1"/>
  <c r="U178471" i="1"/>
  <c r="U178470" i="1"/>
  <c r="U178469" i="1"/>
  <c r="U178468" i="1"/>
  <c r="U178467" i="1"/>
  <c r="U178466" i="1"/>
  <c r="U178465" i="1"/>
  <c r="U178464" i="1"/>
  <c r="U178463" i="1"/>
  <c r="U178462" i="1"/>
  <c r="U178461" i="1"/>
  <c r="U178460" i="1"/>
  <c r="U178459" i="1"/>
  <c r="U178458" i="1"/>
  <c r="U178457" i="1"/>
  <c r="U178456" i="1"/>
  <c r="U178455" i="1"/>
  <c r="U178454" i="1"/>
  <c r="U178453" i="1"/>
  <c r="U178452" i="1"/>
  <c r="U178451" i="1"/>
  <c r="U178450" i="1"/>
  <c r="U178449" i="1"/>
  <c r="U178448" i="1"/>
  <c r="U178447" i="1"/>
  <c r="U178446" i="1"/>
  <c r="U178445" i="1"/>
  <c r="U178444" i="1"/>
  <c r="U178443" i="1"/>
  <c r="U178442" i="1"/>
  <c r="U178441" i="1"/>
  <c r="U178440" i="1"/>
  <c r="U178439" i="1"/>
  <c r="U178438" i="1"/>
  <c r="U178437" i="1"/>
  <c r="U178436" i="1"/>
  <c r="U178435" i="1"/>
  <c r="U178434" i="1"/>
  <c r="U178433" i="1"/>
  <c r="U178432" i="1"/>
  <c r="U178431" i="1"/>
  <c r="U178430" i="1"/>
  <c r="U178429" i="1"/>
  <c r="U178428" i="1"/>
  <c r="U178427" i="1"/>
  <c r="U178426" i="1"/>
  <c r="U178425" i="1"/>
  <c r="U178424" i="1"/>
  <c r="U178423" i="1"/>
  <c r="U178422" i="1"/>
  <c r="U178421" i="1"/>
  <c r="U178420" i="1"/>
  <c r="U178419" i="1"/>
  <c r="U178418" i="1"/>
  <c r="U178417" i="1"/>
  <c r="U178416" i="1"/>
  <c r="U178415" i="1"/>
  <c r="U178414" i="1"/>
  <c r="U178413" i="1"/>
  <c r="U178412" i="1"/>
  <c r="U178411" i="1"/>
  <c r="U178410" i="1"/>
  <c r="U178409" i="1"/>
  <c r="U178408" i="1"/>
  <c r="U178407" i="1"/>
  <c r="U178406" i="1"/>
  <c r="U178405" i="1"/>
  <c r="U178404" i="1"/>
  <c r="U178403" i="1"/>
  <c r="U178402" i="1"/>
  <c r="U178401" i="1"/>
  <c r="U178400" i="1"/>
  <c r="U178399" i="1"/>
  <c r="U178398" i="1"/>
  <c r="U178397" i="1"/>
  <c r="U178396" i="1"/>
  <c r="U178395" i="1"/>
  <c r="U178394" i="1"/>
  <c r="U178393" i="1"/>
  <c r="U178392" i="1"/>
  <c r="U178391" i="1"/>
  <c r="U178390" i="1"/>
  <c r="U178389" i="1"/>
  <c r="U178388" i="1"/>
  <c r="U178387" i="1"/>
  <c r="U178386" i="1"/>
  <c r="U178385" i="1"/>
  <c r="U178384" i="1"/>
  <c r="U178383" i="1"/>
  <c r="U178382" i="1"/>
  <c r="U178381" i="1"/>
  <c r="U178380" i="1"/>
  <c r="U178379" i="1"/>
  <c r="U178378" i="1"/>
  <c r="U178377" i="1"/>
  <c r="U178376" i="1"/>
  <c r="U178375" i="1"/>
  <c r="U178374" i="1"/>
  <c r="U178373" i="1"/>
  <c r="U178372" i="1"/>
  <c r="U178371" i="1"/>
  <c r="U178370" i="1"/>
  <c r="U178369" i="1"/>
  <c r="U178368" i="1"/>
  <c r="U178367" i="1"/>
  <c r="U178366" i="1"/>
  <c r="U178365" i="1"/>
  <c r="U178364" i="1"/>
  <c r="U178363" i="1"/>
  <c r="U178362" i="1"/>
  <c r="U178361" i="1"/>
  <c r="U178360" i="1"/>
  <c r="U178359" i="1"/>
  <c r="U178358" i="1"/>
  <c r="U178357" i="1"/>
  <c r="U178356" i="1"/>
  <c r="U178355" i="1"/>
  <c r="U178354" i="1"/>
  <c r="U178353" i="1"/>
  <c r="U178352" i="1"/>
  <c r="U178351" i="1"/>
  <c r="U178350" i="1"/>
  <c r="U178349" i="1"/>
  <c r="U178348" i="1"/>
  <c r="U178347" i="1"/>
  <c r="U178346" i="1"/>
  <c r="U178345" i="1"/>
  <c r="U178344" i="1"/>
  <c r="U178343" i="1"/>
  <c r="U178342" i="1"/>
  <c r="U178341" i="1"/>
  <c r="U178340" i="1"/>
  <c r="U178339" i="1"/>
  <c r="U178338" i="1"/>
  <c r="U178337" i="1"/>
  <c r="U178336" i="1"/>
  <c r="U178335" i="1"/>
  <c r="U178334" i="1"/>
  <c r="U178333" i="1"/>
  <c r="U178332" i="1"/>
  <c r="U178331" i="1"/>
  <c r="U178330" i="1"/>
  <c r="U178329" i="1"/>
  <c r="U178328" i="1"/>
  <c r="U178327" i="1"/>
  <c r="U178326" i="1"/>
  <c r="U178325" i="1"/>
  <c r="U178324" i="1"/>
  <c r="U178323" i="1"/>
  <c r="U178322" i="1"/>
  <c r="U178321" i="1"/>
  <c r="U178320" i="1"/>
  <c r="U178319" i="1"/>
  <c r="U178318" i="1"/>
  <c r="U178317" i="1"/>
  <c r="U178316" i="1"/>
  <c r="U178315" i="1"/>
  <c r="U178314" i="1"/>
  <c r="U178313" i="1"/>
  <c r="U178312" i="1"/>
  <c r="U178311" i="1"/>
  <c r="U178310" i="1"/>
  <c r="U178309" i="1"/>
  <c r="U178308" i="1"/>
  <c r="U178307" i="1"/>
  <c r="U178306" i="1"/>
  <c r="U178305" i="1"/>
  <c r="U178304" i="1"/>
  <c r="U178303" i="1"/>
  <c r="U178302" i="1"/>
  <c r="U178301" i="1"/>
  <c r="U178300" i="1"/>
  <c r="U178299" i="1"/>
  <c r="U178298" i="1"/>
  <c r="U178297" i="1"/>
  <c r="U178296" i="1"/>
  <c r="U178295" i="1"/>
  <c r="U178294" i="1"/>
  <c r="U178293" i="1"/>
  <c r="U178292" i="1"/>
  <c r="U178291" i="1"/>
  <c r="U178290" i="1"/>
  <c r="U178289" i="1"/>
  <c r="U178288" i="1"/>
  <c r="U178287" i="1"/>
  <c r="U178286" i="1"/>
  <c r="U178285" i="1"/>
  <c r="U178284" i="1"/>
  <c r="U178283" i="1"/>
  <c r="U178282" i="1"/>
  <c r="U178281" i="1"/>
  <c r="U178280" i="1"/>
  <c r="U178279" i="1"/>
  <c r="U178278" i="1"/>
  <c r="U178277" i="1"/>
  <c r="U178276" i="1"/>
  <c r="U178275" i="1"/>
  <c r="U178274" i="1"/>
  <c r="U178273" i="1"/>
  <c r="U178272" i="1"/>
  <c r="U178271" i="1"/>
  <c r="U178270" i="1"/>
  <c r="U178269" i="1"/>
  <c r="U178268" i="1"/>
  <c r="U178267" i="1"/>
  <c r="U178266" i="1"/>
  <c r="U178265" i="1"/>
  <c r="U178264" i="1"/>
  <c r="U178263" i="1"/>
  <c r="U178262" i="1"/>
  <c r="U178261" i="1"/>
  <c r="U178260" i="1"/>
  <c r="U178259" i="1"/>
  <c r="U178258" i="1"/>
  <c r="U178257" i="1"/>
  <c r="U178256" i="1"/>
  <c r="U178255" i="1"/>
  <c r="U178254" i="1"/>
  <c r="U178253" i="1"/>
  <c r="U178252" i="1"/>
  <c r="U178251" i="1"/>
  <c r="U178250" i="1"/>
  <c r="U178249" i="1"/>
  <c r="U178248" i="1"/>
  <c r="U178247" i="1"/>
  <c r="U178246" i="1"/>
  <c r="U178245" i="1"/>
  <c r="U178244" i="1"/>
  <c r="U178243" i="1"/>
  <c r="U178242" i="1"/>
  <c r="U178241" i="1"/>
  <c r="U178240" i="1"/>
  <c r="U178239" i="1"/>
  <c r="U178238" i="1"/>
  <c r="U178237" i="1"/>
  <c r="U178236" i="1"/>
  <c r="U178235" i="1"/>
  <c r="U178234" i="1"/>
  <c r="U178233" i="1"/>
  <c r="U178232" i="1"/>
  <c r="U178231" i="1"/>
  <c r="U178230" i="1"/>
  <c r="U178229" i="1"/>
  <c r="U178228" i="1"/>
  <c r="U178227" i="1"/>
  <c r="U178226" i="1"/>
  <c r="U178225" i="1"/>
  <c r="U178224" i="1"/>
  <c r="U178223" i="1"/>
  <c r="U178222" i="1"/>
  <c r="U178221" i="1"/>
  <c r="U178220" i="1"/>
  <c r="U178219" i="1"/>
  <c r="U178218" i="1"/>
  <c r="U178217" i="1"/>
  <c r="U178216" i="1"/>
  <c r="U178215" i="1"/>
  <c r="U178214" i="1"/>
  <c r="U178213" i="1"/>
  <c r="U178212" i="1"/>
  <c r="U178211" i="1"/>
  <c r="U178210" i="1"/>
  <c r="U178209" i="1"/>
  <c r="U178208" i="1"/>
  <c r="U178207" i="1"/>
  <c r="U178206" i="1"/>
  <c r="U178205" i="1"/>
  <c r="U178204" i="1"/>
  <c r="U178203" i="1"/>
  <c r="U178202" i="1"/>
  <c r="U178201" i="1"/>
  <c r="U178200" i="1"/>
  <c r="U178199" i="1"/>
  <c r="U178198" i="1"/>
  <c r="U178197" i="1"/>
  <c r="U178196" i="1"/>
  <c r="U178195" i="1"/>
  <c r="U178194" i="1"/>
  <c r="U178193" i="1"/>
  <c r="U178192" i="1"/>
  <c r="U178191" i="1"/>
  <c r="U178190" i="1"/>
  <c r="U178189" i="1"/>
  <c r="U178188" i="1"/>
  <c r="U178187" i="1"/>
  <c r="U178186" i="1"/>
  <c r="U178185" i="1"/>
  <c r="U178184" i="1"/>
  <c r="U178183" i="1"/>
  <c r="U178182" i="1"/>
  <c r="U178181" i="1"/>
  <c r="U178180" i="1"/>
  <c r="U178179" i="1"/>
  <c r="U178178" i="1"/>
  <c r="U178177" i="1"/>
  <c r="U178176" i="1"/>
  <c r="U178175" i="1"/>
  <c r="U178174" i="1"/>
  <c r="U178173" i="1"/>
  <c r="U178172" i="1"/>
  <c r="U178171" i="1"/>
  <c r="U178170" i="1"/>
  <c r="U178169" i="1"/>
  <c r="U178168" i="1"/>
  <c r="U178167" i="1"/>
  <c r="U178166" i="1"/>
  <c r="U178165" i="1"/>
  <c r="U178164" i="1"/>
  <c r="U178163" i="1"/>
  <c r="U178162" i="1"/>
  <c r="U178161" i="1"/>
  <c r="U178160" i="1"/>
  <c r="U178159" i="1"/>
  <c r="U178158" i="1"/>
  <c r="U178157" i="1"/>
  <c r="U178156" i="1"/>
  <c r="U178155" i="1"/>
  <c r="U178154" i="1"/>
  <c r="U178153" i="1"/>
  <c r="U178152" i="1"/>
  <c r="U178151" i="1"/>
  <c r="U178150" i="1"/>
  <c r="U178149" i="1"/>
  <c r="U178148" i="1"/>
  <c r="U178147" i="1"/>
  <c r="U178146" i="1"/>
  <c r="U178145" i="1"/>
  <c r="U178144" i="1"/>
  <c r="U178143" i="1"/>
  <c r="U178142" i="1"/>
  <c r="U178141" i="1"/>
  <c r="U178140" i="1"/>
  <c r="U178139" i="1"/>
  <c r="U178138" i="1"/>
  <c r="U178137" i="1"/>
  <c r="U178136" i="1"/>
  <c r="U178135" i="1"/>
  <c r="U178134" i="1"/>
  <c r="U178133" i="1"/>
  <c r="U178132" i="1"/>
  <c r="U178131" i="1"/>
  <c r="U178130" i="1"/>
  <c r="U178129" i="1"/>
  <c r="U178128" i="1"/>
  <c r="U178127" i="1"/>
  <c r="U178126" i="1"/>
  <c r="U178125" i="1"/>
  <c r="U178124" i="1"/>
  <c r="U178123" i="1"/>
  <c r="U178122" i="1"/>
  <c r="U178121" i="1"/>
  <c r="U178120" i="1"/>
  <c r="U178119" i="1"/>
  <c r="U178118" i="1"/>
  <c r="U178117" i="1"/>
  <c r="U178116" i="1"/>
  <c r="U178115" i="1"/>
  <c r="U178114" i="1"/>
  <c r="U178113" i="1"/>
  <c r="U178112" i="1"/>
  <c r="U178111" i="1"/>
  <c r="U178110" i="1"/>
  <c r="U178109" i="1"/>
  <c r="U178108" i="1"/>
  <c r="U178107" i="1"/>
  <c r="U178106" i="1"/>
  <c r="U178105" i="1"/>
  <c r="U178104" i="1"/>
  <c r="U178103" i="1"/>
  <c r="U178102" i="1"/>
  <c r="U178101" i="1"/>
  <c r="U178100" i="1"/>
  <c r="U178099" i="1"/>
  <c r="U178098" i="1"/>
  <c r="U178097" i="1"/>
  <c r="U178096" i="1"/>
  <c r="U178095" i="1"/>
  <c r="U178094" i="1"/>
  <c r="U178093" i="1"/>
  <c r="U178092" i="1"/>
  <c r="U178091" i="1"/>
  <c r="U178090" i="1"/>
  <c r="U178089" i="1"/>
  <c r="U178088" i="1"/>
  <c r="U178087" i="1"/>
  <c r="U178086" i="1"/>
  <c r="U178085" i="1"/>
  <c r="U178084" i="1"/>
  <c r="U178083" i="1"/>
  <c r="U178082" i="1"/>
  <c r="U178081" i="1"/>
  <c r="U178080" i="1"/>
  <c r="U178079" i="1"/>
  <c r="U178078" i="1"/>
  <c r="U178077" i="1"/>
  <c r="U178076" i="1"/>
  <c r="U178075" i="1"/>
  <c r="U178074" i="1"/>
  <c r="U178073" i="1"/>
  <c r="U178072" i="1"/>
  <c r="U178071" i="1"/>
  <c r="U178070" i="1"/>
  <c r="U178069" i="1"/>
  <c r="U178068" i="1"/>
  <c r="U178067" i="1"/>
  <c r="U178066" i="1"/>
  <c r="U178065" i="1"/>
  <c r="U178064" i="1"/>
  <c r="U178063" i="1"/>
  <c r="U178062" i="1"/>
  <c r="U178061" i="1"/>
  <c r="U178060" i="1"/>
  <c r="U178059" i="1"/>
  <c r="U178058" i="1"/>
  <c r="U178057" i="1"/>
  <c r="U178056" i="1"/>
  <c r="U178055" i="1"/>
  <c r="U178054" i="1"/>
  <c r="U178053" i="1"/>
  <c r="U178052" i="1"/>
  <c r="U178051" i="1"/>
  <c r="U178050" i="1"/>
  <c r="U178049" i="1"/>
  <c r="U178048" i="1"/>
  <c r="U178047" i="1"/>
  <c r="U178046" i="1"/>
  <c r="U178045" i="1"/>
  <c r="U178044" i="1"/>
  <c r="U178043" i="1"/>
  <c r="U178042" i="1"/>
  <c r="U178041" i="1"/>
  <c r="U178040" i="1"/>
  <c r="U178039" i="1"/>
  <c r="U178038" i="1"/>
  <c r="U178037" i="1"/>
  <c r="U178036" i="1"/>
  <c r="U178035" i="1"/>
  <c r="U178034" i="1"/>
  <c r="U178033" i="1"/>
  <c r="U178032" i="1"/>
  <c r="U178031" i="1"/>
  <c r="U178030" i="1"/>
  <c r="U178029" i="1"/>
  <c r="U178028" i="1"/>
  <c r="U178027" i="1"/>
  <c r="U178026" i="1"/>
  <c r="U178025" i="1"/>
  <c r="U178024" i="1"/>
  <c r="U178023" i="1"/>
  <c r="U178022" i="1"/>
  <c r="U178021" i="1"/>
  <c r="U178020" i="1"/>
  <c r="U178019" i="1"/>
  <c r="U178018" i="1"/>
  <c r="U178017" i="1"/>
  <c r="U178016" i="1"/>
  <c r="U178015" i="1"/>
  <c r="U178014" i="1"/>
  <c r="U178013" i="1"/>
  <c r="U178012" i="1"/>
  <c r="U178011" i="1"/>
  <c r="U178010" i="1"/>
  <c r="U178009" i="1"/>
  <c r="U178008" i="1"/>
  <c r="U178007" i="1"/>
  <c r="U178006" i="1"/>
  <c r="U178005" i="1"/>
  <c r="U178004" i="1"/>
  <c r="U178003" i="1"/>
  <c r="U178002" i="1"/>
  <c r="U178001" i="1"/>
  <c r="U178000" i="1"/>
  <c r="U177999" i="1"/>
  <c r="U177998" i="1"/>
  <c r="U177997" i="1"/>
  <c r="U177996" i="1"/>
  <c r="U177995" i="1"/>
  <c r="U177994" i="1"/>
  <c r="U177993" i="1"/>
  <c r="U177992" i="1"/>
  <c r="U177991" i="1"/>
  <c r="U177990" i="1"/>
  <c r="U177989" i="1"/>
  <c r="U177988" i="1"/>
  <c r="U177987" i="1"/>
  <c r="U177986" i="1"/>
  <c r="U177985" i="1"/>
  <c r="U177984" i="1"/>
  <c r="U177983" i="1"/>
  <c r="U177982" i="1"/>
  <c r="U177981" i="1"/>
  <c r="U177980" i="1"/>
  <c r="U177979" i="1"/>
  <c r="U177978" i="1"/>
  <c r="U177977" i="1"/>
  <c r="U177976" i="1"/>
  <c r="U177975" i="1"/>
  <c r="U177974" i="1"/>
  <c r="U177973" i="1"/>
  <c r="U177972" i="1"/>
  <c r="U177971" i="1"/>
  <c r="U177970" i="1"/>
  <c r="U177969" i="1"/>
  <c r="U177968" i="1"/>
  <c r="U177967" i="1"/>
  <c r="U177966" i="1"/>
  <c r="U177965" i="1"/>
  <c r="U177964" i="1"/>
  <c r="U177963" i="1"/>
  <c r="U177962" i="1"/>
  <c r="U177961" i="1"/>
  <c r="U177960" i="1"/>
  <c r="U177959" i="1"/>
  <c r="U177958" i="1"/>
  <c r="U177957" i="1"/>
  <c r="U177956" i="1"/>
  <c r="U177955" i="1"/>
  <c r="U177954" i="1"/>
  <c r="U177953" i="1"/>
  <c r="U177952" i="1"/>
  <c r="U177951" i="1"/>
  <c r="U177950" i="1"/>
  <c r="U177949" i="1"/>
  <c r="U177948" i="1"/>
  <c r="U177947" i="1"/>
  <c r="U177946" i="1"/>
  <c r="U177945" i="1"/>
  <c r="U177944" i="1"/>
  <c r="U177943" i="1"/>
  <c r="U177942" i="1"/>
  <c r="U177941" i="1"/>
  <c r="U177940" i="1"/>
  <c r="U177939" i="1"/>
  <c r="U177938" i="1"/>
  <c r="U177937" i="1"/>
  <c r="U177936" i="1"/>
  <c r="U177935" i="1"/>
  <c r="U177934" i="1"/>
  <c r="U177933" i="1"/>
  <c r="U177932" i="1"/>
  <c r="U177931" i="1"/>
  <c r="U177930" i="1"/>
  <c r="U177929" i="1"/>
  <c r="U177928" i="1"/>
  <c r="U177927" i="1"/>
  <c r="U177926" i="1"/>
  <c r="U177925" i="1"/>
  <c r="U177924" i="1"/>
  <c r="U177923" i="1"/>
  <c r="U177922" i="1"/>
  <c r="U177921" i="1"/>
  <c r="U177920" i="1"/>
  <c r="U177919" i="1"/>
  <c r="U177918" i="1"/>
  <c r="U177917" i="1"/>
  <c r="U177916" i="1"/>
  <c r="U177915" i="1"/>
  <c r="U177914" i="1"/>
  <c r="U177913" i="1"/>
  <c r="U177912" i="1"/>
  <c r="U177911" i="1"/>
  <c r="U177910" i="1"/>
  <c r="U177909" i="1"/>
  <c r="U177908" i="1"/>
  <c r="U177907" i="1"/>
  <c r="U177906" i="1"/>
  <c r="U177905" i="1"/>
  <c r="U177904" i="1"/>
  <c r="U177903" i="1"/>
  <c r="U177902" i="1"/>
  <c r="U177901" i="1"/>
  <c r="U177900" i="1"/>
  <c r="U177899" i="1"/>
  <c r="U177898" i="1"/>
  <c r="U177897" i="1"/>
  <c r="U177896" i="1"/>
  <c r="U177895" i="1"/>
  <c r="U177894" i="1"/>
  <c r="U177893" i="1"/>
  <c r="U177892" i="1"/>
  <c r="U177891" i="1"/>
  <c r="U177890" i="1"/>
  <c r="U177889" i="1"/>
  <c r="U177888" i="1"/>
  <c r="U177887" i="1"/>
  <c r="U177886" i="1"/>
  <c r="U177885" i="1"/>
  <c r="U177884" i="1"/>
  <c r="U177883" i="1"/>
  <c r="U177882" i="1"/>
  <c r="U177881" i="1"/>
  <c r="U177880" i="1"/>
  <c r="U177879" i="1"/>
  <c r="U177878" i="1"/>
  <c r="U177877" i="1"/>
  <c r="U177876" i="1"/>
  <c r="U177875" i="1"/>
  <c r="U177874" i="1"/>
  <c r="U177873" i="1"/>
  <c r="U177872" i="1"/>
  <c r="U177871" i="1"/>
  <c r="U177870" i="1"/>
  <c r="U177869" i="1"/>
  <c r="U177868" i="1"/>
  <c r="U177867" i="1"/>
  <c r="U177866" i="1"/>
  <c r="U177865" i="1"/>
  <c r="U177864" i="1"/>
  <c r="U177863" i="1"/>
  <c r="U177862" i="1"/>
  <c r="U177861" i="1"/>
  <c r="U177860" i="1"/>
  <c r="U177859" i="1"/>
  <c r="U177858" i="1"/>
  <c r="U177857" i="1"/>
  <c r="U177856" i="1"/>
  <c r="U177855" i="1"/>
  <c r="U177854" i="1"/>
  <c r="U177853" i="1"/>
  <c r="U177852" i="1"/>
  <c r="U177851" i="1"/>
  <c r="U177850" i="1"/>
  <c r="U177849" i="1"/>
  <c r="U177848" i="1"/>
  <c r="U177847" i="1"/>
  <c r="U177846" i="1"/>
  <c r="U177845" i="1"/>
  <c r="U177844" i="1"/>
  <c r="U177843" i="1"/>
  <c r="U177842" i="1"/>
  <c r="U177841" i="1"/>
  <c r="U177840" i="1"/>
  <c r="U177839" i="1"/>
  <c r="U177838" i="1"/>
  <c r="U177837" i="1"/>
  <c r="U177836" i="1"/>
  <c r="U177835" i="1"/>
  <c r="U177834" i="1"/>
  <c r="U177833" i="1"/>
  <c r="U177832" i="1"/>
  <c r="U177831" i="1"/>
  <c r="U177830" i="1"/>
  <c r="U177829" i="1"/>
  <c r="U177828" i="1"/>
  <c r="U177827" i="1"/>
  <c r="U177826" i="1"/>
  <c r="U177825" i="1"/>
  <c r="U177824" i="1"/>
  <c r="U177823" i="1"/>
  <c r="U177822" i="1"/>
  <c r="U177821" i="1"/>
  <c r="U177820" i="1"/>
  <c r="U177819" i="1"/>
  <c r="U177818" i="1"/>
  <c r="U177817" i="1"/>
  <c r="U177816" i="1"/>
  <c r="U177815" i="1"/>
  <c r="U177814" i="1"/>
  <c r="U177813" i="1"/>
  <c r="U177812" i="1"/>
  <c r="U177811" i="1"/>
  <c r="U177810" i="1"/>
  <c r="U177809" i="1"/>
  <c r="U177808" i="1"/>
  <c r="U177807" i="1"/>
  <c r="U177806" i="1"/>
  <c r="U177805" i="1"/>
  <c r="U177804" i="1"/>
  <c r="U177803" i="1"/>
  <c r="U177802" i="1"/>
  <c r="U177801" i="1"/>
  <c r="U177800" i="1"/>
  <c r="U177799" i="1"/>
  <c r="U177798" i="1"/>
  <c r="U177797" i="1"/>
  <c r="U177796" i="1"/>
  <c r="U177795" i="1"/>
  <c r="U177794" i="1"/>
  <c r="U177793" i="1"/>
  <c r="U177792" i="1"/>
  <c r="U177791" i="1"/>
  <c r="U177790" i="1"/>
  <c r="U177789" i="1"/>
  <c r="U177788" i="1"/>
  <c r="U177787" i="1"/>
  <c r="U177786" i="1"/>
  <c r="U177785" i="1"/>
  <c r="U177784" i="1"/>
  <c r="U177783" i="1"/>
  <c r="U177782" i="1"/>
  <c r="U177781" i="1"/>
  <c r="U177780" i="1"/>
  <c r="U177779" i="1"/>
  <c r="U177778" i="1"/>
  <c r="U177777" i="1"/>
  <c r="U177776" i="1"/>
  <c r="U177775" i="1"/>
  <c r="U177774" i="1"/>
  <c r="U177773" i="1"/>
  <c r="U177772" i="1"/>
  <c r="U177771" i="1"/>
  <c r="U177770" i="1"/>
  <c r="U177769" i="1"/>
  <c r="U177768" i="1"/>
  <c r="U177767" i="1"/>
  <c r="U177766" i="1"/>
  <c r="U177765" i="1"/>
  <c r="U177764" i="1"/>
  <c r="U177763" i="1"/>
  <c r="U177762" i="1"/>
  <c r="U177761" i="1"/>
  <c r="U177760" i="1"/>
  <c r="U177759" i="1"/>
  <c r="U177758" i="1"/>
  <c r="U177757" i="1"/>
  <c r="U177756" i="1"/>
  <c r="U177755" i="1"/>
  <c r="U177754" i="1"/>
  <c r="U177753" i="1"/>
  <c r="U177752" i="1"/>
  <c r="U177751" i="1"/>
  <c r="U177750" i="1"/>
  <c r="U177749" i="1"/>
  <c r="U177748" i="1"/>
  <c r="U177747" i="1"/>
  <c r="U177746" i="1"/>
  <c r="U177745" i="1"/>
  <c r="U177744" i="1"/>
  <c r="U177743" i="1"/>
  <c r="U177742" i="1"/>
  <c r="U177741" i="1"/>
  <c r="U177740" i="1"/>
  <c r="U177739" i="1"/>
  <c r="U177738" i="1"/>
  <c r="U177737" i="1"/>
  <c r="U177736" i="1"/>
  <c r="U177735" i="1"/>
  <c r="U177734" i="1"/>
  <c r="U177733" i="1"/>
  <c r="U177732" i="1"/>
  <c r="U177731" i="1"/>
  <c r="U177730" i="1"/>
  <c r="U177729" i="1"/>
  <c r="U177728" i="1"/>
  <c r="U177727" i="1"/>
  <c r="U177726" i="1"/>
  <c r="U177725" i="1"/>
  <c r="U177724" i="1"/>
  <c r="U177723" i="1"/>
  <c r="U177722" i="1"/>
  <c r="U177721" i="1"/>
  <c r="U177720" i="1"/>
  <c r="U177719" i="1"/>
  <c r="U177718" i="1"/>
  <c r="U177717" i="1"/>
  <c r="U177716" i="1"/>
  <c r="U177715" i="1"/>
  <c r="U177714" i="1"/>
  <c r="U177713" i="1"/>
  <c r="U177712" i="1"/>
  <c r="U177711" i="1"/>
  <c r="U177710" i="1"/>
  <c r="U177709" i="1"/>
  <c r="U177708" i="1"/>
  <c r="U177707" i="1"/>
  <c r="U177706" i="1"/>
  <c r="U177705" i="1"/>
  <c r="U177704" i="1"/>
  <c r="U177703" i="1"/>
  <c r="U177702" i="1"/>
  <c r="U177701" i="1"/>
  <c r="U177700" i="1"/>
  <c r="U177699" i="1"/>
  <c r="U177698" i="1"/>
  <c r="U177697" i="1"/>
  <c r="U177696" i="1"/>
  <c r="U177695" i="1"/>
  <c r="U177694" i="1"/>
  <c r="U177693" i="1"/>
  <c r="U177692" i="1"/>
  <c r="U177691" i="1"/>
  <c r="U177690" i="1"/>
  <c r="U177689" i="1"/>
  <c r="U177688" i="1"/>
  <c r="U177687" i="1"/>
  <c r="U177686" i="1"/>
  <c r="U177685" i="1"/>
  <c r="U177684" i="1"/>
  <c r="U177683" i="1"/>
  <c r="U177682" i="1"/>
  <c r="U177681" i="1"/>
  <c r="U177680" i="1"/>
  <c r="U177679" i="1"/>
  <c r="U177678" i="1"/>
  <c r="U177677" i="1"/>
  <c r="U177676" i="1"/>
  <c r="U177675" i="1"/>
  <c r="U177674" i="1"/>
  <c r="U177673" i="1"/>
  <c r="U177672" i="1"/>
  <c r="U177671" i="1"/>
  <c r="U177670" i="1"/>
  <c r="U177669" i="1"/>
  <c r="U177668" i="1"/>
  <c r="U177667" i="1"/>
  <c r="U177666" i="1"/>
  <c r="U177665" i="1"/>
  <c r="U177664" i="1"/>
  <c r="U177663" i="1"/>
  <c r="U177662" i="1"/>
  <c r="U177661" i="1"/>
  <c r="U177660" i="1"/>
  <c r="U177659" i="1"/>
  <c r="U177658" i="1"/>
  <c r="U177657" i="1"/>
  <c r="U177656" i="1"/>
  <c r="U177655" i="1"/>
  <c r="U177654" i="1"/>
  <c r="U177653" i="1"/>
  <c r="U177652" i="1"/>
  <c r="U177651" i="1"/>
  <c r="U177650" i="1"/>
  <c r="U177649" i="1"/>
  <c r="U177648" i="1"/>
  <c r="U177647" i="1"/>
  <c r="U177646" i="1"/>
  <c r="U177645" i="1"/>
  <c r="U177644" i="1"/>
  <c r="U177643" i="1"/>
  <c r="U177642" i="1"/>
  <c r="U177641" i="1"/>
  <c r="U177640" i="1"/>
  <c r="U177639" i="1"/>
  <c r="U177638" i="1"/>
  <c r="U177637" i="1"/>
  <c r="U177636" i="1"/>
  <c r="U177635" i="1"/>
  <c r="U177634" i="1"/>
  <c r="U177633" i="1"/>
  <c r="U177632" i="1"/>
  <c r="U177631" i="1"/>
  <c r="U177630" i="1"/>
  <c r="U177629" i="1"/>
  <c r="U177628" i="1"/>
  <c r="U177627" i="1"/>
  <c r="U177626" i="1"/>
  <c r="U177625" i="1"/>
  <c r="U177624" i="1"/>
  <c r="U177623" i="1"/>
  <c r="U177622" i="1"/>
  <c r="U177621" i="1"/>
  <c r="U177620" i="1"/>
  <c r="U177619" i="1"/>
  <c r="U177618" i="1"/>
  <c r="U177617" i="1"/>
  <c r="U177616" i="1"/>
  <c r="U177615" i="1"/>
  <c r="U177614" i="1"/>
  <c r="U177613" i="1"/>
  <c r="U177612" i="1"/>
  <c r="U177611" i="1"/>
  <c r="U177610" i="1"/>
  <c r="U177609" i="1"/>
  <c r="U177608" i="1"/>
  <c r="U177607" i="1"/>
  <c r="U177606" i="1"/>
  <c r="U177605" i="1"/>
  <c r="U177604" i="1"/>
  <c r="U177603" i="1"/>
  <c r="U177602" i="1"/>
  <c r="U177601" i="1"/>
  <c r="U177600" i="1"/>
  <c r="U177599" i="1"/>
  <c r="U177598" i="1"/>
  <c r="U177597" i="1"/>
  <c r="U177596" i="1"/>
  <c r="U177595" i="1"/>
  <c r="U177594" i="1"/>
  <c r="U177593" i="1"/>
  <c r="U177592" i="1"/>
  <c r="U177591" i="1"/>
  <c r="U177590" i="1"/>
  <c r="U177589" i="1"/>
  <c r="U177588" i="1"/>
  <c r="U177587" i="1"/>
  <c r="U177586" i="1"/>
  <c r="U177585" i="1"/>
  <c r="U177584" i="1"/>
  <c r="U177583" i="1"/>
  <c r="U177582" i="1"/>
  <c r="U177581" i="1"/>
  <c r="U177580" i="1"/>
  <c r="U177579" i="1"/>
  <c r="U177578" i="1"/>
  <c r="U177577" i="1"/>
  <c r="U177576" i="1"/>
  <c r="U177575" i="1"/>
  <c r="U177574" i="1"/>
  <c r="U177573" i="1"/>
  <c r="U177572" i="1"/>
  <c r="U177571" i="1"/>
  <c r="U177570" i="1"/>
  <c r="U177569" i="1"/>
  <c r="U177568" i="1"/>
  <c r="U177567" i="1"/>
  <c r="U177566" i="1"/>
  <c r="U177565" i="1"/>
  <c r="U177564" i="1"/>
  <c r="U177563" i="1"/>
  <c r="U177562" i="1"/>
  <c r="U177561" i="1"/>
  <c r="U177560" i="1"/>
  <c r="U177559" i="1"/>
  <c r="U177558" i="1"/>
  <c r="U177557" i="1"/>
  <c r="U177556" i="1"/>
  <c r="U177555" i="1"/>
  <c r="U177554" i="1"/>
  <c r="U177553" i="1"/>
  <c r="U177552" i="1"/>
  <c r="U177551" i="1"/>
  <c r="U177550" i="1"/>
  <c r="U177549" i="1"/>
  <c r="U177548" i="1"/>
  <c r="U177547" i="1"/>
  <c r="U177546" i="1"/>
  <c r="U177545" i="1"/>
  <c r="U177544" i="1"/>
  <c r="U177543" i="1"/>
  <c r="U177542" i="1"/>
  <c r="U177541" i="1"/>
  <c r="U177540" i="1"/>
  <c r="U177539" i="1"/>
  <c r="U177538" i="1"/>
  <c r="U177537" i="1"/>
  <c r="U177536" i="1"/>
  <c r="U177535" i="1"/>
  <c r="U177534" i="1"/>
  <c r="U177533" i="1"/>
  <c r="U177532" i="1"/>
  <c r="U177531" i="1"/>
  <c r="U177530" i="1"/>
  <c r="U177529" i="1"/>
  <c r="U177528" i="1"/>
  <c r="U177527" i="1"/>
  <c r="U177526" i="1"/>
  <c r="U177525" i="1"/>
  <c r="U177524" i="1"/>
  <c r="U177523" i="1"/>
  <c r="U177522" i="1"/>
  <c r="U177521" i="1"/>
  <c r="U177520" i="1"/>
  <c r="U177519" i="1"/>
  <c r="U177518" i="1"/>
  <c r="U177517" i="1"/>
  <c r="U177516" i="1"/>
  <c r="U177515" i="1"/>
  <c r="U177514" i="1"/>
  <c r="U177513" i="1"/>
  <c r="U177512" i="1"/>
  <c r="U177511" i="1"/>
  <c r="U177510" i="1"/>
  <c r="U177509" i="1"/>
  <c r="U177508" i="1"/>
  <c r="U177507" i="1"/>
  <c r="U177506" i="1"/>
  <c r="U177505" i="1"/>
  <c r="U177504" i="1"/>
  <c r="U177503" i="1"/>
  <c r="U177502" i="1"/>
  <c r="U177501" i="1"/>
  <c r="U177500" i="1"/>
  <c r="U177499" i="1"/>
  <c r="U177498" i="1"/>
  <c r="U177497" i="1"/>
  <c r="U177496" i="1"/>
  <c r="U177495" i="1"/>
  <c r="U177494" i="1"/>
  <c r="U177493" i="1"/>
  <c r="U177492" i="1"/>
  <c r="U177491" i="1"/>
  <c r="U177490" i="1"/>
  <c r="U177489" i="1"/>
  <c r="U177488" i="1"/>
  <c r="U177487" i="1"/>
  <c r="U177486" i="1"/>
  <c r="U177485" i="1"/>
  <c r="U177484" i="1"/>
  <c r="U177483" i="1"/>
  <c r="U177482" i="1"/>
  <c r="U177481" i="1"/>
  <c r="U177480" i="1"/>
  <c r="U177479" i="1"/>
  <c r="U177478" i="1"/>
  <c r="U177477" i="1"/>
  <c r="U177476" i="1"/>
  <c r="U177475" i="1"/>
  <c r="U177474" i="1"/>
  <c r="U177473" i="1"/>
  <c r="U177472" i="1"/>
  <c r="U177471" i="1"/>
  <c r="U177470" i="1"/>
  <c r="U177469" i="1"/>
  <c r="U177468" i="1"/>
  <c r="U177467" i="1"/>
  <c r="U177466" i="1"/>
  <c r="U177465" i="1"/>
  <c r="U177464" i="1"/>
  <c r="U177463" i="1"/>
  <c r="U177462" i="1"/>
  <c r="U177461" i="1"/>
  <c r="U177460" i="1"/>
  <c r="U177459" i="1"/>
  <c r="U177458" i="1"/>
  <c r="U177457" i="1"/>
  <c r="U177456" i="1"/>
  <c r="U177455" i="1"/>
  <c r="U177454" i="1"/>
  <c r="U177453" i="1"/>
  <c r="U177452" i="1"/>
  <c r="U177451" i="1"/>
  <c r="U177450" i="1"/>
  <c r="U177449" i="1"/>
  <c r="U177448" i="1"/>
  <c r="U177447" i="1"/>
  <c r="U177446" i="1"/>
  <c r="U177445" i="1"/>
  <c r="U177444" i="1"/>
  <c r="U177443" i="1"/>
  <c r="U177442" i="1"/>
  <c r="U177441" i="1"/>
  <c r="U177440" i="1"/>
  <c r="U177439" i="1"/>
  <c r="U177438" i="1"/>
  <c r="U177437" i="1"/>
  <c r="U177436" i="1"/>
  <c r="U177435" i="1"/>
  <c r="U177434" i="1"/>
  <c r="U177433" i="1"/>
  <c r="U177432" i="1"/>
  <c r="U177431" i="1"/>
  <c r="U177430" i="1"/>
  <c r="U177429" i="1"/>
  <c r="U177428" i="1"/>
  <c r="U177427" i="1"/>
  <c r="U177426" i="1"/>
  <c r="U177425" i="1"/>
  <c r="U177424" i="1"/>
  <c r="U177423" i="1"/>
  <c r="U177422" i="1"/>
  <c r="U177421" i="1"/>
  <c r="U177420" i="1"/>
  <c r="U177419" i="1"/>
  <c r="U177418" i="1"/>
  <c r="U177417" i="1"/>
  <c r="U177416" i="1"/>
  <c r="U177415" i="1"/>
  <c r="U177414" i="1"/>
  <c r="U177413" i="1"/>
  <c r="U177412" i="1"/>
  <c r="U177411" i="1"/>
  <c r="U177410" i="1"/>
  <c r="U177409" i="1"/>
  <c r="U177408" i="1"/>
  <c r="U177407" i="1"/>
  <c r="U177406" i="1"/>
  <c r="U177405" i="1"/>
  <c r="U177404" i="1"/>
  <c r="U177403" i="1"/>
  <c r="U177402" i="1"/>
  <c r="U177401" i="1"/>
  <c r="U177400" i="1"/>
  <c r="U177399" i="1"/>
  <c r="U177398" i="1"/>
  <c r="U177397" i="1"/>
  <c r="U177396" i="1"/>
  <c r="U177395" i="1"/>
  <c r="U177394" i="1"/>
  <c r="U177393" i="1"/>
  <c r="U177392" i="1"/>
  <c r="U177391" i="1"/>
  <c r="U177390" i="1"/>
  <c r="U177389" i="1"/>
  <c r="U177388" i="1"/>
  <c r="U177387" i="1"/>
  <c r="U177386" i="1"/>
  <c r="U177385" i="1"/>
  <c r="U177384" i="1"/>
  <c r="U177383" i="1"/>
  <c r="U177382" i="1"/>
  <c r="U177381" i="1"/>
  <c r="U177380" i="1"/>
  <c r="U177379" i="1"/>
  <c r="U177378" i="1"/>
  <c r="U177377" i="1"/>
  <c r="U177376" i="1"/>
  <c r="U177375" i="1"/>
  <c r="U177374" i="1"/>
  <c r="U177373" i="1"/>
  <c r="U177372" i="1"/>
  <c r="U177371" i="1"/>
  <c r="U177370" i="1"/>
  <c r="U177369" i="1"/>
  <c r="U177368" i="1"/>
  <c r="U177367" i="1"/>
  <c r="U177366" i="1"/>
  <c r="U177365" i="1"/>
  <c r="U177364" i="1"/>
  <c r="U177363" i="1"/>
  <c r="U177362" i="1"/>
  <c r="U177361" i="1"/>
  <c r="U177360" i="1"/>
  <c r="U177359" i="1"/>
  <c r="U177358" i="1"/>
  <c r="U177357" i="1"/>
  <c r="U177356" i="1"/>
  <c r="U177355" i="1"/>
  <c r="U177354" i="1"/>
  <c r="U177353" i="1"/>
  <c r="U177352" i="1"/>
  <c r="U177351" i="1"/>
  <c r="U177350" i="1"/>
  <c r="U177349" i="1"/>
  <c r="U177348" i="1"/>
  <c r="U177347" i="1"/>
  <c r="U177346" i="1"/>
  <c r="U177345" i="1"/>
  <c r="U177344" i="1"/>
  <c r="U177343" i="1"/>
  <c r="U177342" i="1"/>
  <c r="U177341" i="1"/>
  <c r="U177340" i="1"/>
  <c r="U177339" i="1"/>
  <c r="U177338" i="1"/>
  <c r="U177337" i="1"/>
  <c r="U177336" i="1"/>
  <c r="U177335" i="1"/>
  <c r="U177334" i="1"/>
  <c r="U177333" i="1"/>
  <c r="U177332" i="1"/>
  <c r="U177331" i="1"/>
  <c r="U177330" i="1"/>
  <c r="U177329" i="1"/>
  <c r="U177328" i="1"/>
  <c r="U177327" i="1"/>
  <c r="U177326" i="1"/>
  <c r="U177325" i="1"/>
  <c r="U177324" i="1"/>
  <c r="U177323" i="1"/>
  <c r="U177322" i="1"/>
  <c r="U177321" i="1"/>
  <c r="U177320" i="1"/>
  <c r="U177319" i="1"/>
  <c r="U177318" i="1"/>
  <c r="U177317" i="1"/>
  <c r="U177316" i="1"/>
  <c r="U177315" i="1"/>
  <c r="U177314" i="1"/>
  <c r="U177313" i="1"/>
  <c r="U177312" i="1"/>
  <c r="U177311" i="1"/>
  <c r="U177310" i="1"/>
  <c r="U177309" i="1"/>
  <c r="U177308" i="1"/>
  <c r="U177307" i="1"/>
  <c r="U177306" i="1"/>
  <c r="U177305" i="1"/>
  <c r="U177304" i="1"/>
  <c r="U177303" i="1"/>
  <c r="U177302" i="1"/>
  <c r="U177301" i="1"/>
  <c r="U177300" i="1"/>
  <c r="U177299" i="1"/>
  <c r="U177298" i="1"/>
  <c r="U177297" i="1"/>
  <c r="U177296" i="1"/>
  <c r="U177295" i="1"/>
  <c r="U177294" i="1"/>
  <c r="U177293" i="1"/>
  <c r="U177292" i="1"/>
  <c r="U177291" i="1"/>
  <c r="U177290" i="1"/>
  <c r="U177289" i="1"/>
  <c r="U177288" i="1"/>
  <c r="U177287" i="1"/>
  <c r="U177286" i="1"/>
  <c r="U177285" i="1"/>
  <c r="U177284" i="1"/>
  <c r="U177283" i="1"/>
  <c r="U177282" i="1"/>
  <c r="U177281" i="1"/>
  <c r="U177280" i="1"/>
  <c r="U177279" i="1"/>
  <c r="U177278" i="1"/>
  <c r="U177277" i="1"/>
  <c r="U177276" i="1"/>
  <c r="U177275" i="1"/>
  <c r="U177274" i="1"/>
  <c r="U177273" i="1"/>
  <c r="U177272" i="1"/>
  <c r="U177271" i="1"/>
  <c r="U177270" i="1"/>
  <c r="U177269" i="1"/>
  <c r="U177268" i="1"/>
  <c r="U177267" i="1"/>
  <c r="U177266" i="1"/>
  <c r="U177265" i="1"/>
  <c r="U177264" i="1"/>
  <c r="U177263" i="1"/>
  <c r="U177262" i="1"/>
  <c r="U177261" i="1"/>
  <c r="U177260" i="1"/>
  <c r="U177259" i="1"/>
  <c r="U177258" i="1"/>
  <c r="U177257" i="1"/>
  <c r="U177256" i="1"/>
  <c r="U177255" i="1"/>
  <c r="U177254" i="1"/>
  <c r="U177253" i="1"/>
  <c r="U177252" i="1"/>
  <c r="U177251" i="1"/>
  <c r="U177250" i="1"/>
  <c r="U177249" i="1"/>
  <c r="U177248" i="1"/>
  <c r="U177247" i="1"/>
  <c r="U177246" i="1"/>
  <c r="U177245" i="1"/>
  <c r="U177244" i="1"/>
  <c r="U177243" i="1"/>
  <c r="U177242" i="1"/>
  <c r="U177241" i="1"/>
  <c r="U177240" i="1"/>
  <c r="U177239" i="1"/>
  <c r="U177238" i="1"/>
  <c r="U177237" i="1"/>
  <c r="U177236" i="1"/>
  <c r="U177235" i="1"/>
  <c r="U177234" i="1"/>
  <c r="U177233" i="1"/>
  <c r="U177232" i="1"/>
  <c r="U177231" i="1"/>
  <c r="U177230" i="1"/>
  <c r="U177229" i="1"/>
  <c r="U177228" i="1"/>
  <c r="U177227" i="1"/>
  <c r="U177226" i="1"/>
  <c r="U177225" i="1"/>
  <c r="U177224" i="1"/>
  <c r="U177223" i="1"/>
  <c r="U177222" i="1"/>
  <c r="U177221" i="1"/>
  <c r="U177220" i="1"/>
  <c r="U177219" i="1"/>
  <c r="U177218" i="1"/>
  <c r="U177217" i="1"/>
  <c r="U177216" i="1"/>
  <c r="U177215" i="1"/>
  <c r="U177214" i="1"/>
  <c r="U177213" i="1"/>
  <c r="U177212" i="1"/>
  <c r="U177211" i="1"/>
  <c r="U177210" i="1"/>
  <c r="U177209" i="1"/>
  <c r="U177208" i="1"/>
  <c r="U177207" i="1"/>
  <c r="U177206" i="1"/>
  <c r="U177205" i="1"/>
  <c r="U177204" i="1"/>
  <c r="U177203" i="1"/>
  <c r="U177202" i="1"/>
  <c r="U177201" i="1"/>
  <c r="U177200" i="1"/>
  <c r="U177199" i="1"/>
  <c r="U177198" i="1"/>
  <c r="U177197" i="1"/>
  <c r="U177196" i="1"/>
  <c r="U177195" i="1"/>
  <c r="U177194" i="1"/>
  <c r="U177193" i="1"/>
  <c r="U177192" i="1"/>
  <c r="U177191" i="1"/>
  <c r="U177190" i="1"/>
  <c r="U177189" i="1"/>
  <c r="U177188" i="1"/>
  <c r="U177187" i="1"/>
  <c r="U177186" i="1"/>
  <c r="U177185" i="1"/>
  <c r="U177184" i="1"/>
  <c r="U177183" i="1"/>
  <c r="U177182" i="1"/>
  <c r="U177181" i="1"/>
  <c r="U177180" i="1"/>
  <c r="U177179" i="1"/>
  <c r="U177178" i="1"/>
  <c r="U177177" i="1"/>
  <c r="U177176" i="1"/>
  <c r="U177175" i="1"/>
  <c r="U177174" i="1"/>
  <c r="U177173" i="1"/>
  <c r="U177172" i="1"/>
  <c r="U177171" i="1"/>
  <c r="U177170" i="1"/>
  <c r="U177169" i="1"/>
  <c r="U177168" i="1"/>
  <c r="U177167" i="1"/>
  <c r="U177166" i="1"/>
  <c r="U177165" i="1"/>
  <c r="U177164" i="1"/>
  <c r="U177163" i="1"/>
  <c r="U177162" i="1"/>
  <c r="U177161" i="1"/>
  <c r="U177160" i="1"/>
  <c r="U177159" i="1"/>
  <c r="U177158" i="1"/>
  <c r="U177157" i="1"/>
  <c r="U177156" i="1"/>
  <c r="U177155" i="1"/>
  <c r="U177154" i="1"/>
  <c r="U177153" i="1"/>
  <c r="U177152" i="1"/>
  <c r="U177151" i="1"/>
  <c r="U177150" i="1"/>
  <c r="U177149" i="1"/>
  <c r="U177148" i="1"/>
  <c r="U177147" i="1"/>
  <c r="U177146" i="1"/>
  <c r="U177145" i="1"/>
  <c r="U177144" i="1"/>
  <c r="U177143" i="1"/>
  <c r="U177142" i="1"/>
  <c r="U177141" i="1"/>
  <c r="U177140" i="1"/>
  <c r="U177139" i="1"/>
  <c r="U177138" i="1"/>
  <c r="U177137" i="1"/>
  <c r="U177136" i="1"/>
  <c r="U177135" i="1"/>
  <c r="U177134" i="1"/>
  <c r="U177133" i="1"/>
  <c r="U177132" i="1"/>
  <c r="U177131" i="1"/>
  <c r="U177130" i="1"/>
  <c r="U177129" i="1"/>
  <c r="U177128" i="1"/>
  <c r="U177127" i="1"/>
  <c r="U177126" i="1"/>
  <c r="U177125" i="1"/>
  <c r="U177124" i="1"/>
  <c r="U177123" i="1"/>
  <c r="U177122" i="1"/>
  <c r="U177121" i="1"/>
  <c r="U177120" i="1"/>
  <c r="U177119" i="1"/>
  <c r="U177118" i="1"/>
  <c r="U177117" i="1"/>
  <c r="U177116" i="1"/>
  <c r="U177115" i="1"/>
  <c r="U177114" i="1"/>
  <c r="U177113" i="1"/>
  <c r="U177112" i="1"/>
  <c r="U177111" i="1"/>
  <c r="U177110" i="1"/>
  <c r="U177109" i="1"/>
  <c r="U177108" i="1"/>
  <c r="U177107" i="1"/>
  <c r="U177106" i="1"/>
  <c r="U177105" i="1"/>
  <c r="U177104" i="1"/>
  <c r="U177103" i="1"/>
  <c r="U177102" i="1"/>
  <c r="U177101" i="1"/>
  <c r="U177100" i="1"/>
  <c r="U177099" i="1"/>
  <c r="U177098" i="1"/>
  <c r="U177097" i="1"/>
  <c r="U177096" i="1"/>
  <c r="U177095" i="1"/>
  <c r="U177094" i="1"/>
  <c r="U177093" i="1"/>
  <c r="U177092" i="1"/>
  <c r="U177091" i="1"/>
  <c r="U177090" i="1"/>
  <c r="U177089" i="1"/>
  <c r="U177088" i="1"/>
  <c r="U177087" i="1"/>
  <c r="U177086" i="1"/>
  <c r="U177085" i="1"/>
  <c r="U177084" i="1"/>
  <c r="U177083" i="1"/>
  <c r="U177082" i="1"/>
  <c r="U177081" i="1"/>
  <c r="U177080" i="1"/>
  <c r="U177079" i="1"/>
  <c r="U177078" i="1"/>
  <c r="U177077" i="1"/>
  <c r="U177076" i="1"/>
  <c r="U177075" i="1"/>
  <c r="U177074" i="1"/>
  <c r="U177073" i="1"/>
  <c r="U177072" i="1"/>
  <c r="U177071" i="1"/>
  <c r="U177070" i="1"/>
  <c r="U177069" i="1"/>
  <c r="U177068" i="1"/>
  <c r="U177067" i="1"/>
  <c r="U177066" i="1"/>
  <c r="U177065" i="1"/>
  <c r="U177064" i="1"/>
  <c r="U177063" i="1"/>
  <c r="U177062" i="1"/>
  <c r="U177061" i="1"/>
  <c r="U177060" i="1"/>
  <c r="U177059" i="1"/>
  <c r="U177058" i="1"/>
  <c r="U177057" i="1"/>
  <c r="U177056" i="1"/>
  <c r="U177055" i="1"/>
  <c r="U177054" i="1"/>
  <c r="U177053" i="1"/>
  <c r="U177052" i="1"/>
  <c r="U177051" i="1"/>
  <c r="U177050" i="1"/>
  <c r="U177049" i="1"/>
  <c r="U177048" i="1"/>
  <c r="U177047" i="1"/>
  <c r="U177046" i="1"/>
  <c r="U177045" i="1"/>
  <c r="U177044" i="1"/>
  <c r="U177043" i="1"/>
  <c r="U177042" i="1"/>
  <c r="U177041" i="1"/>
  <c r="U177040" i="1"/>
  <c r="U177039" i="1"/>
  <c r="U177038" i="1"/>
  <c r="U177037" i="1"/>
  <c r="U177036" i="1"/>
  <c r="U177035" i="1"/>
  <c r="U177034" i="1"/>
  <c r="U177033" i="1"/>
  <c r="U177032" i="1"/>
  <c r="U177031" i="1"/>
  <c r="U177030" i="1"/>
  <c r="U177029" i="1"/>
  <c r="U177028" i="1"/>
  <c r="U177027" i="1"/>
  <c r="U177026" i="1"/>
  <c r="U177025" i="1"/>
  <c r="U177024" i="1"/>
  <c r="U177023" i="1"/>
  <c r="U177022" i="1"/>
  <c r="U177021" i="1"/>
  <c r="U177020" i="1"/>
  <c r="U177019" i="1"/>
  <c r="U177018" i="1"/>
  <c r="U177017" i="1"/>
  <c r="U177016" i="1"/>
  <c r="U177015" i="1"/>
  <c r="U177014" i="1"/>
  <c r="U177013" i="1"/>
  <c r="U177012" i="1"/>
  <c r="U177011" i="1"/>
  <c r="U177010" i="1"/>
  <c r="U177009" i="1"/>
  <c r="U177008" i="1"/>
  <c r="U177007" i="1"/>
  <c r="U177006" i="1"/>
  <c r="U177005" i="1"/>
  <c r="U177004" i="1"/>
  <c r="U177003" i="1"/>
  <c r="U177002" i="1"/>
  <c r="U177001" i="1"/>
  <c r="U177000" i="1"/>
  <c r="U176999" i="1"/>
  <c r="U176998" i="1"/>
  <c r="U176997" i="1"/>
  <c r="U176996" i="1"/>
  <c r="U176995" i="1"/>
  <c r="U176994" i="1"/>
  <c r="U176993" i="1"/>
  <c r="U176992" i="1"/>
  <c r="U176991" i="1"/>
  <c r="U176990" i="1"/>
  <c r="U176989" i="1"/>
  <c r="U176988" i="1"/>
  <c r="U176987" i="1"/>
  <c r="U176986" i="1"/>
  <c r="U176985" i="1"/>
  <c r="U176984" i="1"/>
  <c r="U176983" i="1"/>
  <c r="U176982" i="1"/>
  <c r="U176981" i="1"/>
  <c r="U176980" i="1"/>
  <c r="U176979" i="1"/>
  <c r="U176978" i="1"/>
  <c r="U176977" i="1"/>
  <c r="U176976" i="1"/>
  <c r="U176975" i="1"/>
  <c r="U176974" i="1"/>
  <c r="U176973" i="1"/>
  <c r="U176972" i="1"/>
  <c r="U176971" i="1"/>
  <c r="U176970" i="1"/>
  <c r="U176969" i="1"/>
  <c r="U176968" i="1"/>
  <c r="U176967" i="1"/>
  <c r="U176966" i="1"/>
  <c r="U176965" i="1"/>
  <c r="U176964" i="1"/>
  <c r="U176963" i="1"/>
  <c r="U176962" i="1"/>
  <c r="U176961" i="1"/>
  <c r="U176960" i="1"/>
  <c r="U176959" i="1"/>
  <c r="U176958" i="1"/>
  <c r="U176957" i="1"/>
  <c r="U176956" i="1"/>
  <c r="U176955" i="1"/>
  <c r="U176954" i="1"/>
  <c r="U176953" i="1"/>
  <c r="U176952" i="1"/>
  <c r="U176951" i="1"/>
  <c r="U176950" i="1"/>
  <c r="U176949" i="1"/>
  <c r="U176948" i="1"/>
  <c r="U176947" i="1"/>
  <c r="U176946" i="1"/>
  <c r="U176945" i="1"/>
  <c r="U176944" i="1"/>
  <c r="U176943" i="1"/>
  <c r="U176942" i="1"/>
  <c r="U176941" i="1"/>
  <c r="U176940" i="1"/>
  <c r="U176939" i="1"/>
  <c r="U176938" i="1"/>
  <c r="U176937" i="1"/>
  <c r="U176936" i="1"/>
  <c r="U176935" i="1"/>
  <c r="U176934" i="1"/>
  <c r="U176933" i="1"/>
  <c r="U176932" i="1"/>
  <c r="U176931" i="1"/>
  <c r="U176930" i="1"/>
  <c r="U176929" i="1"/>
  <c r="U176928" i="1"/>
  <c r="U176927" i="1"/>
  <c r="U176926" i="1"/>
  <c r="U176925" i="1"/>
  <c r="U176924" i="1"/>
  <c r="U176923" i="1"/>
  <c r="U176922" i="1"/>
  <c r="U176921" i="1"/>
  <c r="U176920" i="1"/>
  <c r="U176919" i="1"/>
  <c r="U176918" i="1"/>
  <c r="U176917" i="1"/>
  <c r="U176916" i="1"/>
  <c r="U176915" i="1"/>
  <c r="U176914" i="1"/>
  <c r="U176913" i="1"/>
  <c r="U176912" i="1"/>
  <c r="U176911" i="1"/>
  <c r="U176910" i="1"/>
  <c r="U176909" i="1"/>
  <c r="U176908" i="1"/>
  <c r="U176907" i="1"/>
  <c r="U176906" i="1"/>
  <c r="U176905" i="1"/>
  <c r="U176904" i="1"/>
  <c r="U176903" i="1"/>
  <c r="U176902" i="1"/>
  <c r="U176901" i="1"/>
  <c r="U176900" i="1"/>
  <c r="U176899" i="1"/>
  <c r="U176898" i="1"/>
  <c r="U176897" i="1"/>
  <c r="U176896" i="1"/>
  <c r="U176895" i="1"/>
  <c r="U176894" i="1"/>
  <c r="U176893" i="1"/>
  <c r="U176892" i="1"/>
  <c r="U176891" i="1"/>
  <c r="U176890" i="1"/>
  <c r="U176889" i="1"/>
  <c r="U176888" i="1"/>
  <c r="U176887" i="1"/>
  <c r="U176886" i="1"/>
  <c r="U176885" i="1"/>
  <c r="U176884" i="1"/>
  <c r="U176883" i="1"/>
  <c r="U176882" i="1"/>
  <c r="U176881" i="1"/>
  <c r="U176880" i="1"/>
  <c r="U176879" i="1"/>
  <c r="U176878" i="1"/>
  <c r="U176877" i="1"/>
  <c r="U176876" i="1"/>
  <c r="U176875" i="1"/>
  <c r="U176874" i="1"/>
  <c r="U176873" i="1"/>
  <c r="U176872" i="1"/>
  <c r="U176871" i="1"/>
  <c r="U176870" i="1"/>
  <c r="U176869" i="1"/>
  <c r="U176868" i="1"/>
  <c r="U176867" i="1"/>
  <c r="U176866" i="1"/>
  <c r="U176865" i="1"/>
  <c r="U176864" i="1"/>
  <c r="U176863" i="1"/>
  <c r="U176862" i="1"/>
  <c r="U176861" i="1"/>
  <c r="U176860" i="1"/>
  <c r="U176859" i="1"/>
  <c r="U176858" i="1"/>
  <c r="U176857" i="1"/>
  <c r="U176856" i="1"/>
  <c r="U176855" i="1"/>
  <c r="U176854" i="1"/>
  <c r="U176853" i="1"/>
  <c r="U176852" i="1"/>
  <c r="U176851" i="1"/>
  <c r="U176850" i="1"/>
  <c r="U176849" i="1"/>
  <c r="U176848" i="1"/>
  <c r="U176847" i="1"/>
  <c r="U176846" i="1"/>
  <c r="U176845" i="1"/>
  <c r="U176844" i="1"/>
  <c r="U176843" i="1"/>
  <c r="U176842" i="1"/>
  <c r="U176841" i="1"/>
  <c r="U176840" i="1"/>
  <c r="U176839" i="1"/>
  <c r="U176838" i="1"/>
  <c r="U176837" i="1"/>
  <c r="U176836" i="1"/>
  <c r="U176835" i="1"/>
  <c r="U176834" i="1"/>
  <c r="U176833" i="1"/>
  <c r="U176832" i="1"/>
  <c r="U176831" i="1"/>
  <c r="U176830" i="1"/>
  <c r="U176829" i="1"/>
  <c r="U176828" i="1"/>
  <c r="U176827" i="1"/>
  <c r="U176826" i="1"/>
  <c r="U176825" i="1"/>
  <c r="U176824" i="1"/>
  <c r="U176823" i="1"/>
  <c r="U176822" i="1"/>
  <c r="U176821" i="1"/>
  <c r="U176820" i="1"/>
  <c r="U176819" i="1"/>
  <c r="U176818" i="1"/>
  <c r="U176817" i="1"/>
  <c r="U176816" i="1"/>
  <c r="U176815" i="1"/>
  <c r="U176814" i="1"/>
  <c r="U176813" i="1"/>
  <c r="U176812" i="1"/>
  <c r="U176811" i="1"/>
  <c r="U176810" i="1"/>
  <c r="U176809" i="1"/>
  <c r="U176808" i="1"/>
  <c r="U176807" i="1"/>
  <c r="U176806" i="1"/>
  <c r="U176805" i="1"/>
  <c r="U176804" i="1"/>
  <c r="U176803" i="1"/>
  <c r="U176802" i="1"/>
  <c r="U176801" i="1"/>
  <c r="U176800" i="1"/>
  <c r="U176799" i="1"/>
  <c r="U176798" i="1"/>
  <c r="U176797" i="1"/>
  <c r="U176796" i="1"/>
  <c r="U176795" i="1"/>
  <c r="U176794" i="1"/>
  <c r="U176793" i="1"/>
  <c r="U176792" i="1"/>
  <c r="U176791" i="1"/>
  <c r="U176790" i="1"/>
  <c r="U176789" i="1"/>
  <c r="U176788" i="1"/>
  <c r="U176787" i="1"/>
  <c r="U176786" i="1"/>
  <c r="U176785" i="1"/>
  <c r="U176784" i="1"/>
  <c r="U176783" i="1"/>
  <c r="U176782" i="1"/>
  <c r="U176781" i="1"/>
  <c r="U176780" i="1"/>
  <c r="U176779" i="1"/>
  <c r="U176778" i="1"/>
  <c r="U176777" i="1"/>
  <c r="U176776" i="1"/>
  <c r="U176775" i="1"/>
  <c r="U176774" i="1"/>
  <c r="U176773" i="1"/>
  <c r="U176772" i="1"/>
  <c r="U176771" i="1"/>
  <c r="U176770" i="1"/>
  <c r="U176769" i="1"/>
  <c r="U176768" i="1"/>
  <c r="U176767" i="1"/>
  <c r="U176766" i="1"/>
  <c r="U176765" i="1"/>
  <c r="U176764" i="1"/>
  <c r="U176763" i="1"/>
  <c r="U176762" i="1"/>
  <c r="U176761" i="1"/>
  <c r="U176760" i="1"/>
  <c r="U176759" i="1"/>
  <c r="U176758" i="1"/>
  <c r="U176757" i="1"/>
  <c r="U176756" i="1"/>
  <c r="U176755" i="1"/>
  <c r="U176754" i="1"/>
  <c r="U176753" i="1"/>
  <c r="U176752" i="1"/>
  <c r="U176751" i="1"/>
  <c r="U176750" i="1"/>
  <c r="U176749" i="1"/>
  <c r="U176748" i="1"/>
  <c r="U176747" i="1"/>
  <c r="U176746" i="1"/>
  <c r="U176745" i="1"/>
  <c r="U176744" i="1"/>
  <c r="U176743" i="1"/>
  <c r="U176742" i="1"/>
  <c r="U176741" i="1"/>
  <c r="U176740" i="1"/>
  <c r="U176739" i="1"/>
  <c r="U176738" i="1"/>
  <c r="U176737" i="1"/>
  <c r="U176736" i="1"/>
  <c r="U176735" i="1"/>
  <c r="U176734" i="1"/>
  <c r="U176733" i="1"/>
  <c r="U176732" i="1"/>
  <c r="U176731" i="1"/>
  <c r="U176730" i="1"/>
  <c r="U176729" i="1"/>
  <c r="U176728" i="1"/>
  <c r="U176727" i="1"/>
  <c r="U176726" i="1"/>
  <c r="U176725" i="1"/>
  <c r="U176724" i="1"/>
  <c r="U176723" i="1"/>
  <c r="U176722" i="1"/>
  <c r="U176721" i="1"/>
  <c r="U176720" i="1"/>
  <c r="U176719" i="1"/>
  <c r="U176718" i="1"/>
  <c r="U176717" i="1"/>
  <c r="U176716" i="1"/>
  <c r="U176715" i="1"/>
  <c r="U176714" i="1"/>
  <c r="U176713" i="1"/>
  <c r="U176712" i="1"/>
  <c r="U176711" i="1"/>
  <c r="U176710" i="1"/>
  <c r="U176709" i="1"/>
  <c r="U176708" i="1"/>
  <c r="U176707" i="1"/>
  <c r="U176706" i="1"/>
  <c r="U176705" i="1"/>
  <c r="U176704" i="1"/>
  <c r="U176703" i="1"/>
  <c r="U176702" i="1"/>
  <c r="U176701" i="1"/>
  <c r="U176700" i="1"/>
  <c r="U176699" i="1"/>
  <c r="U176698" i="1"/>
  <c r="U176697" i="1"/>
  <c r="U176696" i="1"/>
  <c r="U176695" i="1"/>
  <c r="U176694" i="1"/>
  <c r="U176693" i="1"/>
  <c r="U176692" i="1"/>
  <c r="U176691" i="1"/>
  <c r="U176690" i="1"/>
  <c r="U176689" i="1"/>
  <c r="U176688" i="1"/>
  <c r="U176687" i="1"/>
  <c r="U176686" i="1"/>
  <c r="U176685" i="1"/>
  <c r="U176684" i="1"/>
  <c r="U176683" i="1"/>
  <c r="U176682" i="1"/>
  <c r="U176681" i="1"/>
  <c r="U176680" i="1"/>
  <c r="U176679" i="1"/>
  <c r="U176678" i="1"/>
  <c r="U176677" i="1"/>
  <c r="U176676" i="1"/>
  <c r="U176675" i="1"/>
  <c r="U176674" i="1"/>
  <c r="U176673" i="1"/>
  <c r="U176672" i="1"/>
  <c r="U176671" i="1"/>
  <c r="U176670" i="1"/>
  <c r="U176669" i="1"/>
  <c r="U176668" i="1"/>
  <c r="U176667" i="1"/>
  <c r="U176666" i="1"/>
  <c r="U176665" i="1"/>
  <c r="U176664" i="1"/>
  <c r="U176663" i="1"/>
  <c r="U176662" i="1"/>
  <c r="U176661" i="1"/>
  <c r="U176660" i="1"/>
  <c r="U176659" i="1"/>
  <c r="U176658" i="1"/>
  <c r="U176657" i="1"/>
  <c r="U176656" i="1"/>
  <c r="U176655" i="1"/>
  <c r="U176654" i="1"/>
  <c r="U176653" i="1"/>
  <c r="U176652" i="1"/>
  <c r="U176651" i="1"/>
  <c r="U176650" i="1"/>
  <c r="U176649" i="1"/>
  <c r="U176648" i="1"/>
  <c r="U176647" i="1"/>
  <c r="U176646" i="1"/>
  <c r="U176645" i="1"/>
  <c r="U176644" i="1"/>
  <c r="U176643" i="1"/>
  <c r="U176642" i="1"/>
  <c r="U176641" i="1"/>
  <c r="U176640" i="1"/>
  <c r="U176639" i="1"/>
  <c r="U176638" i="1"/>
  <c r="U176637" i="1"/>
  <c r="U176636" i="1"/>
  <c r="U176635" i="1"/>
  <c r="U176634" i="1"/>
  <c r="U176633" i="1"/>
  <c r="U176632" i="1"/>
  <c r="U176631" i="1"/>
  <c r="U176630" i="1"/>
  <c r="U176629" i="1"/>
  <c r="U176628" i="1"/>
  <c r="U176627" i="1"/>
  <c r="U176626" i="1"/>
  <c r="U176625" i="1"/>
  <c r="U176624" i="1"/>
  <c r="U176623" i="1"/>
  <c r="U176622" i="1"/>
  <c r="U176621" i="1"/>
  <c r="U176620" i="1"/>
  <c r="U176619" i="1"/>
  <c r="U176618" i="1"/>
  <c r="U176617" i="1"/>
  <c r="U176616" i="1"/>
  <c r="U176615" i="1"/>
  <c r="U176614" i="1"/>
  <c r="U176613" i="1"/>
  <c r="U176612" i="1"/>
  <c r="U176611" i="1"/>
  <c r="U176610" i="1"/>
  <c r="U176609" i="1"/>
  <c r="U176608" i="1"/>
  <c r="U176607" i="1"/>
  <c r="U176606" i="1"/>
  <c r="U176605" i="1"/>
  <c r="U176604" i="1"/>
  <c r="U176603" i="1"/>
  <c r="U176602" i="1"/>
  <c r="U176601" i="1"/>
  <c r="U176600" i="1"/>
  <c r="U176599" i="1"/>
  <c r="U176598" i="1"/>
  <c r="U176597" i="1"/>
  <c r="U176596" i="1"/>
  <c r="U176595" i="1"/>
  <c r="U176594" i="1"/>
  <c r="U176593" i="1"/>
  <c r="U176592" i="1"/>
  <c r="U176591" i="1"/>
  <c r="U176590" i="1"/>
  <c r="U176589" i="1"/>
  <c r="U176588" i="1"/>
  <c r="U176587" i="1"/>
  <c r="U176586" i="1"/>
  <c r="U176585" i="1"/>
  <c r="U176584" i="1"/>
  <c r="U176583" i="1"/>
  <c r="U176582" i="1"/>
  <c r="U176581" i="1"/>
  <c r="U176580" i="1"/>
  <c r="U176579" i="1"/>
  <c r="U176578" i="1"/>
  <c r="U176577" i="1"/>
  <c r="U176576" i="1"/>
  <c r="U176575" i="1"/>
  <c r="U176574" i="1"/>
  <c r="U176573" i="1"/>
  <c r="U176572" i="1"/>
  <c r="U176571" i="1"/>
  <c r="U176570" i="1"/>
  <c r="U176569" i="1"/>
  <c r="U176568" i="1"/>
  <c r="U176567" i="1"/>
  <c r="U176566" i="1"/>
  <c r="U176565" i="1"/>
  <c r="U176564" i="1"/>
  <c r="U176563" i="1"/>
  <c r="U176562" i="1"/>
  <c r="U176561" i="1"/>
  <c r="U176560" i="1"/>
  <c r="U176559" i="1"/>
  <c r="U176558" i="1"/>
  <c r="U176557" i="1"/>
  <c r="U176556" i="1"/>
  <c r="U176555" i="1"/>
  <c r="U176554" i="1"/>
  <c r="U176553" i="1"/>
  <c r="U176552" i="1"/>
  <c r="U176551" i="1"/>
  <c r="U176550" i="1"/>
  <c r="U176549" i="1"/>
  <c r="U176548" i="1"/>
  <c r="U176547" i="1"/>
  <c r="U176546" i="1"/>
  <c r="U176545" i="1"/>
  <c r="U176544" i="1"/>
  <c r="U176543" i="1"/>
  <c r="U176542" i="1"/>
  <c r="U176541" i="1"/>
  <c r="U176540" i="1"/>
  <c r="U176539" i="1"/>
  <c r="U176538" i="1"/>
  <c r="U176537" i="1"/>
  <c r="U176536" i="1"/>
  <c r="U176535" i="1"/>
  <c r="U176534" i="1"/>
  <c r="U176533" i="1"/>
  <c r="U176532" i="1"/>
  <c r="U176531" i="1"/>
  <c r="U176530" i="1"/>
  <c r="U176529" i="1"/>
  <c r="U176528" i="1"/>
  <c r="U176527" i="1"/>
  <c r="U176526" i="1"/>
  <c r="U176525" i="1"/>
  <c r="U176524" i="1"/>
  <c r="U176523" i="1"/>
  <c r="U176522" i="1"/>
  <c r="U176521" i="1"/>
  <c r="U176520" i="1"/>
  <c r="U176519" i="1"/>
  <c r="U176518" i="1"/>
  <c r="U176517" i="1"/>
  <c r="U176516" i="1"/>
  <c r="U176515" i="1"/>
  <c r="U176514" i="1"/>
  <c r="U176513" i="1"/>
  <c r="U176512" i="1"/>
  <c r="U176511" i="1"/>
  <c r="U176510" i="1"/>
  <c r="U176509" i="1"/>
  <c r="U176508" i="1"/>
  <c r="U176507" i="1"/>
  <c r="U176506" i="1"/>
  <c r="U176505" i="1"/>
  <c r="U176504" i="1"/>
  <c r="U176503" i="1"/>
  <c r="U176502" i="1"/>
  <c r="U176501" i="1"/>
  <c r="U176500" i="1"/>
  <c r="U176499" i="1"/>
  <c r="U176498" i="1"/>
  <c r="U176497" i="1"/>
  <c r="U176496" i="1"/>
  <c r="U176495" i="1"/>
  <c r="U176494" i="1"/>
  <c r="U176493" i="1"/>
  <c r="U176492" i="1"/>
  <c r="U176491" i="1"/>
  <c r="U176490" i="1"/>
  <c r="U176489" i="1"/>
  <c r="U176488" i="1"/>
  <c r="U176487" i="1"/>
  <c r="U176486" i="1"/>
  <c r="U176485" i="1"/>
  <c r="U176484" i="1"/>
  <c r="U176483" i="1"/>
  <c r="U176482" i="1"/>
  <c r="U176481" i="1"/>
  <c r="U176480" i="1"/>
  <c r="U176479" i="1"/>
  <c r="U176478" i="1"/>
  <c r="U176477" i="1"/>
  <c r="U176476" i="1"/>
  <c r="U176475" i="1"/>
  <c r="U176474" i="1"/>
  <c r="U176473" i="1"/>
  <c r="U176472" i="1"/>
  <c r="U176471" i="1"/>
  <c r="U176470" i="1"/>
  <c r="U176469" i="1"/>
  <c r="U176468" i="1"/>
  <c r="U176467" i="1"/>
  <c r="U176466" i="1"/>
  <c r="U176465" i="1"/>
  <c r="U176464" i="1"/>
  <c r="U176463" i="1"/>
  <c r="U176462" i="1"/>
  <c r="U176461" i="1"/>
  <c r="U176460" i="1"/>
  <c r="U176459" i="1"/>
  <c r="U176458" i="1"/>
  <c r="U176457" i="1"/>
  <c r="U176456" i="1"/>
  <c r="U176455" i="1"/>
  <c r="U176454" i="1"/>
  <c r="U176453" i="1"/>
  <c r="U176452" i="1"/>
  <c r="U176451" i="1"/>
  <c r="U176450" i="1"/>
  <c r="U176449" i="1"/>
  <c r="U176448" i="1"/>
  <c r="U176447" i="1"/>
  <c r="U176446" i="1"/>
  <c r="U176445" i="1"/>
  <c r="U176444" i="1"/>
  <c r="U176443" i="1"/>
  <c r="U176442" i="1"/>
  <c r="U176441" i="1"/>
  <c r="U176440" i="1"/>
  <c r="U176439" i="1"/>
  <c r="U176438" i="1"/>
  <c r="U176437" i="1"/>
  <c r="U176436" i="1"/>
  <c r="U176435" i="1"/>
  <c r="U176434" i="1"/>
  <c r="U176433" i="1"/>
  <c r="U176432" i="1"/>
  <c r="U176431" i="1"/>
  <c r="U176430" i="1"/>
  <c r="U176429" i="1"/>
  <c r="U176428" i="1"/>
  <c r="U176427" i="1"/>
  <c r="U176426" i="1"/>
  <c r="U176425" i="1"/>
  <c r="U176424" i="1"/>
  <c r="U176423" i="1"/>
  <c r="U176422" i="1"/>
  <c r="U176421" i="1"/>
  <c r="U176420" i="1"/>
  <c r="U176419" i="1"/>
  <c r="U176418" i="1"/>
  <c r="U176417" i="1"/>
  <c r="U176416" i="1"/>
  <c r="U176415" i="1"/>
  <c r="U176414" i="1"/>
  <c r="U176413" i="1"/>
  <c r="U176412" i="1"/>
  <c r="U176411" i="1"/>
  <c r="U176410" i="1"/>
  <c r="U176409" i="1"/>
  <c r="U176408" i="1"/>
  <c r="U176407" i="1"/>
  <c r="U176406" i="1"/>
  <c r="U176405" i="1"/>
  <c r="U176404" i="1"/>
  <c r="U176403" i="1"/>
  <c r="U176402" i="1"/>
  <c r="U176401" i="1"/>
  <c r="U176400" i="1"/>
  <c r="U176399" i="1"/>
  <c r="U176398" i="1"/>
  <c r="U176397" i="1"/>
  <c r="U176396" i="1"/>
  <c r="U176395" i="1"/>
  <c r="U176394" i="1"/>
  <c r="U176393" i="1"/>
  <c r="U176392" i="1"/>
  <c r="U176391" i="1"/>
  <c r="U176390" i="1"/>
  <c r="U176389" i="1"/>
  <c r="U176388" i="1"/>
  <c r="U176387" i="1"/>
  <c r="U176386" i="1"/>
  <c r="U176385" i="1"/>
  <c r="U176384" i="1"/>
  <c r="U176383" i="1"/>
  <c r="U176382" i="1"/>
  <c r="U176381" i="1"/>
  <c r="U176380" i="1"/>
  <c r="U176379" i="1"/>
  <c r="U176378" i="1"/>
  <c r="U176377" i="1"/>
  <c r="U176376" i="1"/>
  <c r="U176375" i="1"/>
  <c r="U176374" i="1"/>
  <c r="U176373" i="1"/>
  <c r="U176372" i="1"/>
  <c r="U176371" i="1"/>
  <c r="U176370" i="1"/>
  <c r="U176369" i="1"/>
  <c r="U176368" i="1"/>
  <c r="U176367" i="1"/>
  <c r="U176366" i="1"/>
  <c r="U176365" i="1"/>
  <c r="U176364" i="1"/>
  <c r="U176363" i="1"/>
  <c r="U176362" i="1"/>
  <c r="U176361" i="1"/>
  <c r="U176360" i="1"/>
  <c r="U176359" i="1"/>
  <c r="U176358" i="1"/>
  <c r="U176357" i="1"/>
  <c r="U176356" i="1"/>
  <c r="U176355" i="1"/>
  <c r="U176354" i="1"/>
  <c r="U176353" i="1"/>
  <c r="U176352" i="1"/>
  <c r="U176351" i="1"/>
  <c r="U176350" i="1"/>
  <c r="U176349" i="1"/>
  <c r="U176348" i="1"/>
  <c r="U176347" i="1"/>
  <c r="U176346" i="1"/>
  <c r="U176345" i="1"/>
  <c r="U176344" i="1"/>
  <c r="U176343" i="1"/>
  <c r="U176342" i="1"/>
  <c r="U176341" i="1"/>
  <c r="U176340" i="1"/>
  <c r="U176339" i="1"/>
  <c r="U176338" i="1"/>
  <c r="U176337" i="1"/>
  <c r="U176336" i="1"/>
  <c r="U176335" i="1"/>
  <c r="U176334" i="1"/>
  <c r="U176333" i="1"/>
  <c r="U176332" i="1"/>
  <c r="U176331" i="1"/>
  <c r="U176330" i="1"/>
  <c r="U176329" i="1"/>
  <c r="U176328" i="1"/>
  <c r="U176327" i="1"/>
  <c r="U176326" i="1"/>
  <c r="U176325" i="1"/>
  <c r="U176324" i="1"/>
  <c r="U176323" i="1"/>
  <c r="U176322" i="1"/>
  <c r="U176321" i="1"/>
  <c r="U176320" i="1"/>
  <c r="U176319" i="1"/>
  <c r="U176318" i="1"/>
  <c r="U176317" i="1"/>
  <c r="U176316" i="1"/>
  <c r="U176315" i="1"/>
  <c r="U176314" i="1"/>
  <c r="U176313" i="1"/>
  <c r="U176312" i="1"/>
  <c r="U176311" i="1"/>
  <c r="U176310" i="1"/>
  <c r="U176309" i="1"/>
  <c r="U176308" i="1"/>
  <c r="U176307" i="1"/>
  <c r="U176306" i="1"/>
  <c r="U176305" i="1"/>
  <c r="U176304" i="1"/>
  <c r="U176303" i="1"/>
  <c r="U176302" i="1"/>
  <c r="U176301" i="1"/>
  <c r="U176300" i="1"/>
  <c r="U176299" i="1"/>
  <c r="U176298" i="1"/>
  <c r="U176297" i="1"/>
  <c r="U176296" i="1"/>
  <c r="U176295" i="1"/>
  <c r="U176294" i="1"/>
  <c r="U176293" i="1"/>
  <c r="U176292" i="1"/>
  <c r="U176291" i="1"/>
  <c r="U176290" i="1"/>
  <c r="U176289" i="1"/>
  <c r="U176288" i="1"/>
  <c r="U176287" i="1"/>
  <c r="U176286" i="1"/>
  <c r="U176285" i="1"/>
  <c r="U176284" i="1"/>
  <c r="U176283" i="1"/>
  <c r="U176282" i="1"/>
  <c r="U176281" i="1"/>
  <c r="U176280" i="1"/>
  <c r="U176279" i="1"/>
  <c r="U176278" i="1"/>
  <c r="U176277" i="1"/>
  <c r="U176276" i="1"/>
  <c r="U176275" i="1"/>
  <c r="U176274" i="1"/>
  <c r="U176273" i="1"/>
  <c r="U176272" i="1"/>
  <c r="U176271" i="1"/>
  <c r="U176270" i="1"/>
  <c r="U176269" i="1"/>
  <c r="U176268" i="1"/>
  <c r="U176267" i="1"/>
  <c r="U176266" i="1"/>
  <c r="U176265" i="1"/>
  <c r="U176264" i="1"/>
  <c r="U176263" i="1"/>
  <c r="U176262" i="1"/>
  <c r="U176261" i="1"/>
  <c r="U176260" i="1"/>
  <c r="U176259" i="1"/>
  <c r="U176258" i="1"/>
  <c r="U176257" i="1"/>
  <c r="U176256" i="1"/>
  <c r="U176255" i="1"/>
  <c r="U176254" i="1"/>
  <c r="U176253" i="1"/>
  <c r="U176252" i="1"/>
  <c r="U176251" i="1"/>
  <c r="U176250" i="1"/>
  <c r="U176249" i="1"/>
  <c r="U176248" i="1"/>
  <c r="U176247" i="1"/>
  <c r="U176246" i="1"/>
  <c r="U176245" i="1"/>
  <c r="U176244" i="1"/>
  <c r="U176243" i="1"/>
  <c r="U176242" i="1"/>
  <c r="U176241" i="1"/>
  <c r="U176240" i="1"/>
  <c r="U176239" i="1"/>
  <c r="U176238" i="1"/>
  <c r="U176237" i="1"/>
  <c r="U176236" i="1"/>
  <c r="U176235" i="1"/>
  <c r="U176234" i="1"/>
  <c r="U176233" i="1"/>
  <c r="U176232" i="1"/>
  <c r="U176231" i="1"/>
  <c r="U176230" i="1"/>
  <c r="U176229" i="1"/>
  <c r="U176228" i="1"/>
  <c r="U176227" i="1"/>
  <c r="U176226" i="1"/>
  <c r="U176225" i="1"/>
  <c r="U176224" i="1"/>
  <c r="U176223" i="1"/>
  <c r="U176222" i="1"/>
  <c r="U176221" i="1"/>
  <c r="U176220" i="1"/>
  <c r="U176219" i="1"/>
  <c r="U176218" i="1"/>
  <c r="U176217" i="1"/>
  <c r="U176216" i="1"/>
  <c r="U176215" i="1"/>
  <c r="U176214" i="1"/>
  <c r="U176213" i="1"/>
  <c r="U176212" i="1"/>
  <c r="U176211" i="1"/>
  <c r="U176210" i="1"/>
  <c r="U176209" i="1"/>
  <c r="U176208" i="1"/>
  <c r="U176207" i="1"/>
  <c r="U176206" i="1"/>
  <c r="U176205" i="1"/>
  <c r="U176204" i="1"/>
  <c r="U176203" i="1"/>
  <c r="U176202" i="1"/>
  <c r="U176201" i="1"/>
  <c r="U176200" i="1"/>
  <c r="U176199" i="1"/>
  <c r="U176198" i="1"/>
  <c r="U176197" i="1"/>
  <c r="U176196" i="1"/>
  <c r="U176195" i="1"/>
  <c r="U176194" i="1"/>
  <c r="U176193" i="1"/>
  <c r="U176192" i="1"/>
  <c r="U176191" i="1"/>
  <c r="U176190" i="1"/>
  <c r="U176189" i="1"/>
  <c r="U176188" i="1"/>
  <c r="U176187" i="1"/>
  <c r="U176186" i="1"/>
  <c r="U176185" i="1"/>
  <c r="U176184" i="1"/>
  <c r="U176183" i="1"/>
  <c r="U176182" i="1"/>
  <c r="U176181" i="1"/>
  <c r="U176180" i="1"/>
  <c r="U176179" i="1"/>
  <c r="U176178" i="1"/>
  <c r="U176177" i="1"/>
  <c r="U176176" i="1"/>
  <c r="U176175" i="1"/>
  <c r="U176174" i="1"/>
  <c r="U176173" i="1"/>
  <c r="U176172" i="1"/>
  <c r="U176171" i="1"/>
  <c r="U176170" i="1"/>
  <c r="U176169" i="1"/>
  <c r="U176168" i="1"/>
  <c r="U176167" i="1"/>
  <c r="U176166" i="1"/>
  <c r="U176165" i="1"/>
  <c r="U176164" i="1"/>
  <c r="U176163" i="1"/>
  <c r="U176162" i="1"/>
  <c r="U176161" i="1"/>
  <c r="U176160" i="1"/>
  <c r="U176159" i="1"/>
  <c r="U176158" i="1"/>
  <c r="U176157" i="1"/>
  <c r="U176156" i="1"/>
  <c r="U176155" i="1"/>
  <c r="U176154" i="1"/>
  <c r="U176153" i="1"/>
  <c r="U176152" i="1"/>
  <c r="U176151" i="1"/>
  <c r="U176150" i="1"/>
  <c r="U176149" i="1"/>
  <c r="U176148" i="1"/>
  <c r="U176147" i="1"/>
  <c r="U176146" i="1"/>
  <c r="U176145" i="1"/>
  <c r="U176144" i="1"/>
  <c r="U176143" i="1"/>
  <c r="U176142" i="1"/>
  <c r="U176141" i="1"/>
  <c r="U176140" i="1"/>
  <c r="U176139" i="1"/>
  <c r="U176138" i="1"/>
  <c r="U176137" i="1"/>
  <c r="U176136" i="1"/>
  <c r="U176135" i="1"/>
  <c r="U176134" i="1"/>
  <c r="U176133" i="1"/>
  <c r="U176132" i="1"/>
  <c r="U176131" i="1"/>
  <c r="U176130" i="1"/>
  <c r="U176129" i="1"/>
  <c r="U176128" i="1"/>
  <c r="U176127" i="1"/>
  <c r="U176126" i="1"/>
  <c r="U176125" i="1"/>
  <c r="U176124" i="1"/>
  <c r="U176123" i="1"/>
  <c r="U176122" i="1"/>
  <c r="U176121" i="1"/>
  <c r="U176120" i="1"/>
  <c r="U176119" i="1"/>
  <c r="U176118" i="1"/>
  <c r="U176117" i="1"/>
  <c r="U176116" i="1"/>
  <c r="U176115" i="1"/>
  <c r="U176114" i="1"/>
  <c r="U176113" i="1"/>
  <c r="U176112" i="1"/>
  <c r="U176111" i="1"/>
  <c r="U176110" i="1"/>
  <c r="U176109" i="1"/>
  <c r="U176108" i="1"/>
  <c r="U176107" i="1"/>
  <c r="U176106" i="1"/>
  <c r="U176105" i="1"/>
  <c r="U176104" i="1"/>
  <c r="U176103" i="1"/>
  <c r="U176102" i="1"/>
  <c r="U176101" i="1"/>
  <c r="U176100" i="1"/>
  <c r="U176099" i="1"/>
  <c r="U176098" i="1"/>
  <c r="U176097" i="1"/>
  <c r="U176096" i="1"/>
  <c r="U176095" i="1"/>
  <c r="U176094" i="1"/>
  <c r="U176093" i="1"/>
  <c r="U176092" i="1"/>
  <c r="U176091" i="1"/>
  <c r="U176090" i="1"/>
  <c r="U176089" i="1"/>
  <c r="U176088" i="1"/>
  <c r="U176087" i="1"/>
  <c r="U176086" i="1"/>
  <c r="U176085" i="1"/>
  <c r="U176084" i="1"/>
  <c r="U176083" i="1"/>
  <c r="U176082" i="1"/>
  <c r="U176081" i="1"/>
  <c r="U176080" i="1"/>
  <c r="U176079" i="1"/>
  <c r="U176078" i="1"/>
  <c r="U176077" i="1"/>
  <c r="U176076" i="1"/>
  <c r="U176075" i="1"/>
  <c r="U176074" i="1"/>
  <c r="U176073" i="1"/>
  <c r="U176072" i="1"/>
  <c r="U176071" i="1"/>
  <c r="U176070" i="1"/>
  <c r="U176069" i="1"/>
  <c r="U176068" i="1"/>
  <c r="U176067" i="1"/>
  <c r="U176066" i="1"/>
  <c r="U176065" i="1"/>
  <c r="U176064" i="1"/>
  <c r="U176063" i="1"/>
  <c r="U176062" i="1"/>
  <c r="U176061" i="1"/>
  <c r="U176060" i="1"/>
  <c r="U176059" i="1"/>
  <c r="U176058" i="1"/>
  <c r="U176057" i="1"/>
  <c r="U176056" i="1"/>
  <c r="U176055" i="1"/>
  <c r="U176054" i="1"/>
  <c r="U176053" i="1"/>
  <c r="U176052" i="1"/>
  <c r="U176051" i="1"/>
  <c r="U176050" i="1"/>
  <c r="U176049" i="1"/>
  <c r="U176048" i="1"/>
  <c r="U176047" i="1"/>
  <c r="U176046" i="1"/>
  <c r="U176045" i="1"/>
  <c r="U176044" i="1"/>
  <c r="U176043" i="1"/>
  <c r="U176042" i="1"/>
  <c r="U176041" i="1"/>
  <c r="U176040" i="1"/>
  <c r="U176039" i="1"/>
  <c r="U176038" i="1"/>
  <c r="U176037" i="1"/>
  <c r="U176036" i="1"/>
  <c r="U176035" i="1"/>
  <c r="U176034" i="1"/>
  <c r="U176033" i="1"/>
  <c r="U176032" i="1"/>
  <c r="U176031" i="1"/>
  <c r="U176030" i="1"/>
  <c r="U176029" i="1"/>
  <c r="U176028" i="1"/>
  <c r="U176027" i="1"/>
  <c r="U176026" i="1"/>
  <c r="U176025" i="1"/>
  <c r="U176024" i="1"/>
  <c r="U176023" i="1"/>
  <c r="U176022" i="1"/>
  <c r="U176021" i="1"/>
  <c r="U176020" i="1"/>
  <c r="U176019" i="1"/>
  <c r="U176018" i="1"/>
  <c r="U176017" i="1"/>
  <c r="U176016" i="1"/>
  <c r="U176015" i="1"/>
  <c r="U176014" i="1"/>
  <c r="U176013" i="1"/>
  <c r="U176012" i="1"/>
  <c r="U176011" i="1"/>
  <c r="U176010" i="1"/>
  <c r="U176009" i="1"/>
  <c r="U176008" i="1"/>
  <c r="U176007" i="1"/>
  <c r="U176006" i="1"/>
  <c r="U176005" i="1"/>
  <c r="U176004" i="1"/>
  <c r="U176003" i="1"/>
  <c r="U176002" i="1"/>
  <c r="U176001" i="1"/>
  <c r="U176000" i="1"/>
  <c r="U175999" i="1"/>
  <c r="U175998" i="1"/>
  <c r="U175997" i="1"/>
  <c r="U175996" i="1"/>
  <c r="U175995" i="1"/>
  <c r="U175994" i="1"/>
  <c r="U175993" i="1"/>
  <c r="U175992" i="1"/>
  <c r="U175991" i="1"/>
  <c r="U175990" i="1"/>
  <c r="U175989" i="1"/>
  <c r="U175988" i="1"/>
  <c r="U175987" i="1"/>
  <c r="U175986" i="1"/>
  <c r="U175985" i="1"/>
  <c r="U175984" i="1"/>
  <c r="U175983" i="1"/>
  <c r="U175982" i="1"/>
  <c r="U175981" i="1"/>
  <c r="U175980" i="1"/>
  <c r="U175979" i="1"/>
  <c r="U175978" i="1"/>
  <c r="U175977" i="1"/>
  <c r="U175976" i="1"/>
  <c r="U175975" i="1"/>
  <c r="U175974" i="1"/>
  <c r="U175973" i="1"/>
  <c r="U175972" i="1"/>
  <c r="U175971" i="1"/>
  <c r="U175970" i="1"/>
  <c r="U175969" i="1"/>
  <c r="U175968" i="1"/>
  <c r="U175967" i="1"/>
  <c r="U175966" i="1"/>
  <c r="U175965" i="1"/>
  <c r="U175964" i="1"/>
  <c r="U175963" i="1"/>
  <c r="U175962" i="1"/>
  <c r="U175961" i="1"/>
  <c r="U175960" i="1"/>
  <c r="U175959" i="1"/>
  <c r="U175958" i="1"/>
  <c r="U175957" i="1"/>
  <c r="U175956" i="1"/>
  <c r="U175955" i="1"/>
  <c r="U175954" i="1"/>
  <c r="U175953" i="1"/>
  <c r="U175952" i="1"/>
  <c r="U175951" i="1"/>
  <c r="U175950" i="1"/>
  <c r="U175949" i="1"/>
  <c r="U175948" i="1"/>
  <c r="U175947" i="1"/>
  <c r="U175946" i="1"/>
  <c r="U175945" i="1"/>
  <c r="U175944" i="1"/>
  <c r="U175943" i="1"/>
  <c r="U175942" i="1"/>
  <c r="U175941" i="1"/>
  <c r="U175940" i="1"/>
  <c r="U175939" i="1"/>
  <c r="U175938" i="1"/>
  <c r="U175937" i="1"/>
  <c r="U175936" i="1"/>
  <c r="U175935" i="1"/>
  <c r="U175934" i="1"/>
  <c r="U175933" i="1"/>
  <c r="U175932" i="1"/>
  <c r="U175931" i="1"/>
  <c r="U175930" i="1"/>
  <c r="U175929" i="1"/>
  <c r="U175928" i="1"/>
  <c r="U175927" i="1"/>
  <c r="U175926" i="1"/>
  <c r="U175925" i="1"/>
  <c r="U175924" i="1"/>
  <c r="U175923" i="1"/>
  <c r="U175922" i="1"/>
  <c r="U175921" i="1"/>
  <c r="U175920" i="1"/>
  <c r="U175919" i="1"/>
  <c r="U175918" i="1"/>
  <c r="U175917" i="1"/>
  <c r="U175916" i="1"/>
  <c r="U175915" i="1"/>
  <c r="U175914" i="1"/>
  <c r="U175913" i="1"/>
  <c r="U175912" i="1"/>
  <c r="U175911" i="1"/>
  <c r="U175910" i="1"/>
  <c r="U175909" i="1"/>
  <c r="U175908" i="1"/>
  <c r="U175907" i="1"/>
  <c r="U175906" i="1"/>
  <c r="U175905" i="1"/>
  <c r="U175904" i="1"/>
  <c r="U175903" i="1"/>
  <c r="U175902" i="1"/>
  <c r="U175901" i="1"/>
  <c r="U175900" i="1"/>
  <c r="U175899" i="1"/>
  <c r="U175898" i="1"/>
  <c r="U175897" i="1"/>
  <c r="U175896" i="1"/>
  <c r="U175895" i="1"/>
  <c r="U175894" i="1"/>
  <c r="U175893" i="1"/>
  <c r="U175892" i="1"/>
  <c r="U175891" i="1"/>
  <c r="U175890" i="1"/>
  <c r="U175889" i="1"/>
  <c r="U175888" i="1"/>
  <c r="U175887" i="1"/>
  <c r="U175886" i="1"/>
  <c r="U175885" i="1"/>
  <c r="U175884" i="1"/>
  <c r="U175883" i="1"/>
  <c r="U175882" i="1"/>
  <c r="U175881" i="1"/>
  <c r="U175880" i="1"/>
  <c r="U175879" i="1"/>
  <c r="U175878" i="1"/>
  <c r="U175877" i="1"/>
  <c r="U175876" i="1"/>
  <c r="U175875" i="1"/>
  <c r="U175874" i="1"/>
  <c r="U175873" i="1"/>
  <c r="U175872" i="1"/>
  <c r="U175871" i="1"/>
  <c r="U175870" i="1"/>
  <c r="U175869" i="1"/>
  <c r="U175868" i="1"/>
  <c r="U175867" i="1"/>
  <c r="U175866" i="1"/>
  <c r="U175865" i="1"/>
  <c r="U175864" i="1"/>
  <c r="U175863" i="1"/>
  <c r="U175862" i="1"/>
  <c r="U175861" i="1"/>
  <c r="U175860" i="1"/>
  <c r="U175859" i="1"/>
  <c r="U175858" i="1"/>
  <c r="U175857" i="1"/>
  <c r="U175856" i="1"/>
  <c r="U175855" i="1"/>
  <c r="U175854" i="1"/>
  <c r="U175853" i="1"/>
  <c r="U175852" i="1"/>
  <c r="U175851" i="1"/>
  <c r="U175850" i="1"/>
  <c r="U175849" i="1"/>
  <c r="U175848" i="1"/>
  <c r="U175847" i="1"/>
  <c r="U175846" i="1"/>
  <c r="U175845" i="1"/>
  <c r="U175844" i="1"/>
  <c r="U175843" i="1"/>
  <c r="U175842" i="1"/>
  <c r="U175841" i="1"/>
  <c r="U175840" i="1"/>
  <c r="U175839" i="1"/>
  <c r="U175838" i="1"/>
  <c r="U175837" i="1"/>
  <c r="U175836" i="1"/>
  <c r="U175835" i="1"/>
  <c r="U175834" i="1"/>
  <c r="U175833" i="1"/>
  <c r="U175832" i="1"/>
  <c r="U175831" i="1"/>
  <c r="U175830" i="1"/>
  <c r="U175829" i="1"/>
  <c r="U175828" i="1"/>
  <c r="U175827" i="1"/>
  <c r="U175826" i="1"/>
  <c r="U175825" i="1"/>
  <c r="U175824" i="1"/>
  <c r="U175823" i="1"/>
  <c r="U175822" i="1"/>
  <c r="U175821" i="1"/>
  <c r="U175820" i="1"/>
  <c r="U175819" i="1"/>
  <c r="U175818" i="1"/>
  <c r="U175817" i="1"/>
  <c r="U175816" i="1"/>
  <c r="U175815" i="1"/>
  <c r="U175814" i="1"/>
  <c r="U175813" i="1"/>
  <c r="U175812" i="1"/>
  <c r="U175811" i="1"/>
  <c r="U175810" i="1"/>
  <c r="U175809" i="1"/>
  <c r="U175808" i="1"/>
  <c r="U175807" i="1"/>
  <c r="U175806" i="1"/>
  <c r="U175805" i="1"/>
  <c r="U175804" i="1"/>
  <c r="U175803" i="1"/>
  <c r="U175802" i="1"/>
  <c r="U175801" i="1"/>
  <c r="U175800" i="1"/>
  <c r="U175799" i="1"/>
  <c r="U175798" i="1"/>
  <c r="U175797" i="1"/>
  <c r="U175796" i="1"/>
  <c r="U175795" i="1"/>
  <c r="U175794" i="1"/>
  <c r="U175793" i="1"/>
  <c r="U175792" i="1"/>
  <c r="U175791" i="1"/>
  <c r="U175790" i="1"/>
  <c r="U175789" i="1"/>
  <c r="U175788" i="1"/>
  <c r="U175787" i="1"/>
  <c r="U175786" i="1"/>
  <c r="U175785" i="1"/>
  <c r="U175784" i="1"/>
  <c r="U175783" i="1"/>
  <c r="U175782" i="1"/>
  <c r="U175781" i="1"/>
  <c r="U175780" i="1"/>
  <c r="U175779" i="1"/>
  <c r="U175778" i="1"/>
  <c r="U175777" i="1"/>
  <c r="U175776" i="1"/>
  <c r="U175775" i="1"/>
  <c r="U175774" i="1"/>
  <c r="U175773" i="1"/>
  <c r="U175772" i="1"/>
  <c r="U175771" i="1"/>
  <c r="U175770" i="1"/>
  <c r="U175769" i="1"/>
  <c r="U175768" i="1"/>
  <c r="U175767" i="1"/>
  <c r="U175766" i="1"/>
  <c r="U175765" i="1"/>
  <c r="U175764" i="1"/>
  <c r="U175763" i="1"/>
  <c r="U175762" i="1"/>
  <c r="U175761" i="1"/>
  <c r="U175760" i="1"/>
  <c r="U175759" i="1"/>
  <c r="U175758" i="1"/>
  <c r="U175757" i="1"/>
  <c r="U175756" i="1"/>
  <c r="U175755" i="1"/>
  <c r="U175754" i="1"/>
  <c r="U175753" i="1"/>
  <c r="U175752" i="1"/>
  <c r="U175751" i="1"/>
  <c r="U175750" i="1"/>
  <c r="U175749" i="1"/>
  <c r="U175748" i="1"/>
  <c r="U175747" i="1"/>
  <c r="U175746" i="1"/>
  <c r="U175745" i="1"/>
  <c r="U175744" i="1"/>
  <c r="U175743" i="1"/>
  <c r="U175742" i="1"/>
  <c r="U175741" i="1"/>
  <c r="U175740" i="1"/>
  <c r="U175739" i="1"/>
  <c r="U175738" i="1"/>
  <c r="U175737" i="1"/>
  <c r="U175736" i="1"/>
  <c r="U175735" i="1"/>
  <c r="U175734" i="1"/>
  <c r="U175733" i="1"/>
  <c r="U175732" i="1"/>
  <c r="U175731" i="1"/>
  <c r="U175730" i="1"/>
  <c r="U175729" i="1"/>
  <c r="U175728" i="1"/>
  <c r="U175727" i="1"/>
  <c r="U175726" i="1"/>
  <c r="U175725" i="1"/>
  <c r="U175724" i="1"/>
  <c r="U175723" i="1"/>
  <c r="U175722" i="1"/>
  <c r="U175721" i="1"/>
  <c r="U175720" i="1"/>
  <c r="U175719" i="1"/>
  <c r="U175718" i="1"/>
  <c r="U175717" i="1"/>
  <c r="U175716" i="1"/>
  <c r="U175715" i="1"/>
  <c r="U175714" i="1"/>
  <c r="U175713" i="1"/>
  <c r="U175712" i="1"/>
  <c r="U175711" i="1"/>
  <c r="U175710" i="1"/>
  <c r="U175709" i="1"/>
  <c r="U175708" i="1"/>
  <c r="U175707" i="1"/>
  <c r="U175706" i="1"/>
  <c r="U175705" i="1"/>
  <c r="U175704" i="1"/>
  <c r="U175703" i="1"/>
  <c r="U175702" i="1"/>
  <c r="U175701" i="1"/>
  <c r="U175700" i="1"/>
  <c r="U175699" i="1"/>
  <c r="U175698" i="1"/>
  <c r="U175697" i="1"/>
  <c r="U175696" i="1"/>
  <c r="U175695" i="1"/>
  <c r="U175694" i="1"/>
  <c r="U175693" i="1"/>
  <c r="U175692" i="1"/>
  <c r="U175691" i="1"/>
  <c r="U175690" i="1"/>
  <c r="U175689" i="1"/>
  <c r="U175688" i="1"/>
  <c r="U175687" i="1"/>
  <c r="U175686" i="1"/>
  <c r="U175685" i="1"/>
  <c r="U175684" i="1"/>
  <c r="U175683" i="1"/>
  <c r="U175682" i="1"/>
  <c r="U175681" i="1"/>
  <c r="U175680" i="1"/>
  <c r="U175679" i="1"/>
  <c r="U175678" i="1"/>
  <c r="U175677" i="1"/>
  <c r="U175676" i="1"/>
  <c r="U175675" i="1"/>
  <c r="U175674" i="1"/>
  <c r="U175673" i="1"/>
  <c r="U175672" i="1"/>
  <c r="U175671" i="1"/>
  <c r="U175670" i="1"/>
  <c r="U175669" i="1"/>
  <c r="U175668" i="1"/>
  <c r="U175667" i="1"/>
  <c r="U175666" i="1"/>
  <c r="U175665" i="1"/>
  <c r="U175664" i="1"/>
  <c r="U175663" i="1"/>
  <c r="U175662" i="1"/>
  <c r="U175661" i="1"/>
  <c r="U175660" i="1"/>
  <c r="U175659" i="1"/>
  <c r="U175658" i="1"/>
  <c r="U175657" i="1"/>
  <c r="U175656" i="1"/>
  <c r="U175655" i="1"/>
  <c r="U175654" i="1"/>
  <c r="U175653" i="1"/>
  <c r="U175652" i="1"/>
  <c r="U175651" i="1"/>
  <c r="U175650" i="1"/>
  <c r="U175649" i="1"/>
  <c r="U175648" i="1"/>
  <c r="U175647" i="1"/>
  <c r="U175646" i="1"/>
  <c r="U175645" i="1"/>
  <c r="U175644" i="1"/>
  <c r="U175643" i="1"/>
  <c r="U175642" i="1"/>
  <c r="U175641" i="1"/>
  <c r="U175640" i="1"/>
  <c r="U175639" i="1"/>
  <c r="U175638" i="1"/>
  <c r="U175637" i="1"/>
  <c r="U175636" i="1"/>
  <c r="U175635" i="1"/>
  <c r="U175634" i="1"/>
  <c r="U175633" i="1"/>
  <c r="U175632" i="1"/>
  <c r="U175631" i="1"/>
  <c r="U175630" i="1"/>
  <c r="U175629" i="1"/>
  <c r="U175628" i="1"/>
  <c r="U175627" i="1"/>
  <c r="U175626" i="1"/>
  <c r="U175625" i="1"/>
  <c r="U175624" i="1"/>
  <c r="U175623" i="1"/>
  <c r="U175622" i="1"/>
  <c r="U175621" i="1"/>
  <c r="U175620" i="1"/>
  <c r="U175619" i="1"/>
  <c r="U175618" i="1"/>
  <c r="U175617" i="1"/>
  <c r="U175616" i="1"/>
  <c r="U175615" i="1"/>
  <c r="U175614" i="1"/>
  <c r="U175613" i="1"/>
  <c r="U175612" i="1"/>
  <c r="U175611" i="1"/>
  <c r="U175610" i="1"/>
  <c r="U175609" i="1"/>
  <c r="U175608" i="1"/>
  <c r="U175607" i="1"/>
  <c r="U175606" i="1"/>
  <c r="U175605" i="1"/>
  <c r="U175604" i="1"/>
  <c r="U175603" i="1"/>
  <c r="U175602" i="1"/>
  <c r="U175601" i="1"/>
  <c r="U175600" i="1"/>
  <c r="U175599" i="1"/>
  <c r="U175598" i="1"/>
  <c r="U175597" i="1"/>
  <c r="U175596" i="1"/>
  <c r="U175595" i="1"/>
  <c r="U175594" i="1"/>
  <c r="U175593" i="1"/>
  <c r="U175592" i="1"/>
  <c r="U175591" i="1"/>
  <c r="U175590" i="1"/>
  <c r="U175589" i="1"/>
  <c r="U175588" i="1"/>
  <c r="U175587" i="1"/>
  <c r="U175586" i="1"/>
  <c r="U175585" i="1"/>
  <c r="U175584" i="1"/>
  <c r="U175583" i="1"/>
  <c r="U175582" i="1"/>
  <c r="U175581" i="1"/>
  <c r="U175580" i="1"/>
  <c r="U175579" i="1"/>
  <c r="U175578" i="1"/>
  <c r="U175577" i="1"/>
  <c r="U175576" i="1"/>
  <c r="U175575" i="1"/>
  <c r="U175574" i="1"/>
  <c r="U175573" i="1"/>
  <c r="U175572" i="1"/>
  <c r="U175571" i="1"/>
  <c r="U175570" i="1"/>
  <c r="U175569" i="1"/>
  <c r="U175568" i="1"/>
  <c r="U175567" i="1"/>
  <c r="U175566" i="1"/>
  <c r="U175565" i="1"/>
  <c r="U175564" i="1"/>
  <c r="U175563" i="1"/>
  <c r="U175562" i="1"/>
  <c r="U175561" i="1"/>
  <c r="U175560" i="1"/>
  <c r="U175559" i="1"/>
  <c r="U175558" i="1"/>
  <c r="U175557" i="1"/>
  <c r="U175556" i="1"/>
  <c r="U175555" i="1"/>
  <c r="U175554" i="1"/>
  <c r="U175553" i="1"/>
  <c r="U175552" i="1"/>
  <c r="U175551" i="1"/>
  <c r="U175550" i="1"/>
  <c r="U175549" i="1"/>
  <c r="U175548" i="1"/>
  <c r="U175547" i="1"/>
  <c r="U175546" i="1"/>
  <c r="U175545" i="1"/>
  <c r="U175544" i="1"/>
  <c r="U175543" i="1"/>
  <c r="U175542" i="1"/>
  <c r="U175541" i="1"/>
  <c r="U175540" i="1"/>
  <c r="U175539" i="1"/>
  <c r="U175538" i="1"/>
  <c r="U175537" i="1"/>
  <c r="U175536" i="1"/>
  <c r="U175535" i="1"/>
  <c r="U175534" i="1"/>
  <c r="U175533" i="1"/>
  <c r="U175532" i="1"/>
  <c r="U175531" i="1"/>
  <c r="U175530" i="1"/>
  <c r="U175529" i="1"/>
  <c r="U175528" i="1"/>
  <c r="U175527" i="1"/>
  <c r="U175526" i="1"/>
  <c r="U175525" i="1"/>
  <c r="U175524" i="1"/>
  <c r="U175523" i="1"/>
  <c r="U175522" i="1"/>
  <c r="U175521" i="1"/>
  <c r="U175520" i="1"/>
  <c r="U175519" i="1"/>
  <c r="U175518" i="1"/>
  <c r="U175517" i="1"/>
  <c r="U175516" i="1"/>
  <c r="U175515" i="1"/>
  <c r="U175514" i="1"/>
  <c r="U175513" i="1"/>
  <c r="U175512" i="1"/>
  <c r="U175511" i="1"/>
  <c r="U175510" i="1"/>
  <c r="U175509" i="1"/>
  <c r="U175508" i="1"/>
  <c r="U175507" i="1"/>
  <c r="U175506" i="1"/>
  <c r="U175505" i="1"/>
  <c r="U175504" i="1"/>
  <c r="U175503" i="1"/>
  <c r="U175502" i="1"/>
  <c r="U175501" i="1"/>
  <c r="U175500" i="1"/>
  <c r="U175499" i="1"/>
  <c r="U175498" i="1"/>
  <c r="U175497" i="1"/>
  <c r="U175496" i="1"/>
  <c r="U175495" i="1"/>
  <c r="U175494" i="1"/>
  <c r="U175493" i="1"/>
  <c r="U175492" i="1"/>
  <c r="U175491" i="1"/>
  <c r="U175490" i="1"/>
  <c r="U175489" i="1"/>
  <c r="U175488" i="1"/>
  <c r="U175487" i="1"/>
  <c r="U175486" i="1"/>
  <c r="U175485" i="1"/>
  <c r="U175484" i="1"/>
  <c r="U175483" i="1"/>
  <c r="U175482" i="1"/>
  <c r="U175481" i="1"/>
  <c r="U175480" i="1"/>
  <c r="U175479" i="1"/>
  <c r="U175478" i="1"/>
  <c r="U175477" i="1"/>
  <c r="U175476" i="1"/>
  <c r="U175475" i="1"/>
  <c r="U175474" i="1"/>
  <c r="U175473" i="1"/>
  <c r="U175472" i="1"/>
  <c r="U175471" i="1"/>
  <c r="U175470" i="1"/>
  <c r="U175469" i="1"/>
  <c r="U175468" i="1"/>
  <c r="U175467" i="1"/>
  <c r="U175466" i="1"/>
  <c r="U175465" i="1"/>
  <c r="U175464" i="1"/>
  <c r="U175463" i="1"/>
  <c r="U175462" i="1"/>
  <c r="U175461" i="1"/>
  <c r="U175460" i="1"/>
  <c r="U175459" i="1"/>
  <c r="U175458" i="1"/>
  <c r="U175457" i="1"/>
  <c r="U175456" i="1"/>
  <c r="U175455" i="1"/>
  <c r="U175454" i="1"/>
  <c r="U175453" i="1"/>
  <c r="U175452" i="1"/>
  <c r="U175451" i="1"/>
  <c r="U175450" i="1"/>
  <c r="U175449" i="1"/>
  <c r="U175448" i="1"/>
  <c r="U175447" i="1"/>
  <c r="U175446" i="1"/>
  <c r="U175445" i="1"/>
  <c r="U175444" i="1"/>
  <c r="U175443" i="1"/>
  <c r="U175442" i="1"/>
  <c r="U175441" i="1"/>
  <c r="U175440" i="1"/>
  <c r="U175439" i="1"/>
  <c r="U175438" i="1"/>
  <c r="U175437" i="1"/>
  <c r="U175436" i="1"/>
  <c r="U175435" i="1"/>
  <c r="U175434" i="1"/>
  <c r="U175433" i="1"/>
  <c r="U175432" i="1"/>
  <c r="U175431" i="1"/>
  <c r="U175430" i="1"/>
  <c r="U175429" i="1"/>
  <c r="U175428" i="1"/>
  <c r="U175427" i="1"/>
  <c r="U175426" i="1"/>
  <c r="U175425" i="1"/>
  <c r="U175424" i="1"/>
  <c r="U175423" i="1"/>
  <c r="U175422" i="1"/>
  <c r="U175421" i="1"/>
  <c r="U175420" i="1"/>
  <c r="U175419" i="1"/>
  <c r="U175418" i="1"/>
  <c r="U175417" i="1"/>
  <c r="U175416" i="1"/>
  <c r="U175415" i="1"/>
  <c r="U175414" i="1"/>
  <c r="U175413" i="1"/>
  <c r="U175412" i="1"/>
  <c r="U175411" i="1"/>
  <c r="U175410" i="1"/>
  <c r="U175409" i="1"/>
  <c r="U175408" i="1"/>
  <c r="U175407" i="1"/>
  <c r="U175406" i="1"/>
  <c r="U175405" i="1"/>
  <c r="U175404" i="1"/>
  <c r="U175403" i="1"/>
  <c r="U175402" i="1"/>
  <c r="U175401" i="1"/>
  <c r="U175400" i="1"/>
  <c r="U175399" i="1"/>
  <c r="U175398" i="1"/>
  <c r="U175397" i="1"/>
  <c r="U175396" i="1"/>
  <c r="U175395" i="1"/>
  <c r="U175394" i="1"/>
  <c r="U175393" i="1"/>
  <c r="U175392" i="1"/>
  <c r="U175391" i="1"/>
  <c r="U175390" i="1"/>
  <c r="U175389" i="1"/>
  <c r="U175388" i="1"/>
  <c r="U175387" i="1"/>
  <c r="U175386" i="1"/>
  <c r="U175385" i="1"/>
  <c r="U175384" i="1"/>
  <c r="U175383" i="1"/>
  <c r="U175382" i="1"/>
  <c r="U175381" i="1"/>
  <c r="U175380" i="1"/>
  <c r="U175379" i="1"/>
  <c r="U175378" i="1"/>
  <c r="U175377" i="1"/>
  <c r="U175376" i="1"/>
  <c r="U175375" i="1"/>
  <c r="U175374" i="1"/>
  <c r="U175373" i="1"/>
  <c r="U175372" i="1"/>
  <c r="U175371" i="1"/>
  <c r="U175370" i="1"/>
  <c r="U175369" i="1"/>
  <c r="U175368" i="1"/>
  <c r="U175367" i="1"/>
  <c r="U175366" i="1"/>
  <c r="U175365" i="1"/>
  <c r="U175364" i="1"/>
  <c r="U175363" i="1"/>
  <c r="U175362" i="1"/>
  <c r="U175361" i="1"/>
  <c r="U175360" i="1"/>
  <c r="U175359" i="1"/>
  <c r="U175358" i="1"/>
  <c r="U175357" i="1"/>
  <c r="U175356" i="1"/>
  <c r="U175355" i="1"/>
  <c r="U175354" i="1"/>
  <c r="U175353" i="1"/>
  <c r="U175352" i="1"/>
  <c r="U175351" i="1"/>
  <c r="U175350" i="1"/>
  <c r="U175349" i="1"/>
  <c r="U175348" i="1"/>
  <c r="U175347" i="1"/>
  <c r="U175346" i="1"/>
  <c r="U175345" i="1"/>
  <c r="U175344" i="1"/>
  <c r="U175343" i="1"/>
  <c r="U175342" i="1"/>
  <c r="U175341" i="1"/>
  <c r="U175340" i="1"/>
  <c r="U175339" i="1"/>
  <c r="U175338" i="1"/>
  <c r="U175337" i="1"/>
  <c r="U175336" i="1"/>
  <c r="U175335" i="1"/>
  <c r="U175334" i="1"/>
  <c r="U175333" i="1"/>
  <c r="U175332" i="1"/>
  <c r="U175331" i="1"/>
  <c r="U175330" i="1"/>
  <c r="U175329" i="1"/>
  <c r="U175328" i="1"/>
  <c r="U175327" i="1"/>
  <c r="U175326" i="1"/>
  <c r="U175325" i="1"/>
  <c r="U175324" i="1"/>
  <c r="U175323" i="1"/>
  <c r="U175322" i="1"/>
  <c r="U175321" i="1"/>
  <c r="U175320" i="1"/>
  <c r="U175319" i="1"/>
  <c r="U175318" i="1"/>
  <c r="U175317" i="1"/>
  <c r="U175316" i="1"/>
  <c r="U175315" i="1"/>
  <c r="U175314" i="1"/>
  <c r="U175313" i="1"/>
  <c r="U175312" i="1"/>
  <c r="U175311" i="1"/>
  <c r="U175310" i="1"/>
  <c r="U175309" i="1"/>
  <c r="U175308" i="1"/>
  <c r="U175307" i="1"/>
  <c r="U175306" i="1"/>
  <c r="U175305" i="1"/>
  <c r="U175304" i="1"/>
  <c r="U175303" i="1"/>
  <c r="U175302" i="1"/>
  <c r="U175301" i="1"/>
  <c r="U175300" i="1"/>
  <c r="U175299" i="1"/>
  <c r="U175298" i="1"/>
  <c r="U175297" i="1"/>
  <c r="U175296" i="1"/>
  <c r="U175295" i="1"/>
  <c r="U175294" i="1"/>
  <c r="U175293" i="1"/>
  <c r="U175292" i="1"/>
  <c r="U175291" i="1"/>
  <c r="U175290" i="1"/>
  <c r="U175289" i="1"/>
  <c r="U175288" i="1"/>
  <c r="U175287" i="1"/>
  <c r="U175286" i="1"/>
  <c r="U175285" i="1"/>
  <c r="U175284" i="1"/>
  <c r="U175283" i="1"/>
  <c r="U175282" i="1"/>
  <c r="U175281" i="1"/>
  <c r="U175280" i="1"/>
  <c r="U175279" i="1"/>
  <c r="U175278" i="1"/>
  <c r="U175277" i="1"/>
  <c r="U175276" i="1"/>
  <c r="U175275" i="1"/>
  <c r="U175274" i="1"/>
  <c r="U175273" i="1"/>
  <c r="U175272" i="1"/>
  <c r="U175271" i="1"/>
  <c r="U175270" i="1"/>
  <c r="U175269" i="1"/>
  <c r="U175268" i="1"/>
  <c r="U175267" i="1"/>
  <c r="U175266" i="1"/>
  <c r="U175265" i="1"/>
  <c r="U175264" i="1"/>
  <c r="U175263" i="1"/>
  <c r="U175262" i="1"/>
  <c r="U175261" i="1"/>
  <c r="U175260" i="1"/>
  <c r="U175259" i="1"/>
  <c r="U175258" i="1"/>
  <c r="U175257" i="1"/>
  <c r="U175256" i="1"/>
  <c r="U175255" i="1"/>
  <c r="U175254" i="1"/>
  <c r="U175253" i="1"/>
  <c r="U175252" i="1"/>
  <c r="U175251" i="1"/>
  <c r="U175250" i="1"/>
  <c r="U175249" i="1"/>
  <c r="U175248" i="1"/>
  <c r="U175247" i="1"/>
  <c r="U175246" i="1"/>
  <c r="U175245" i="1"/>
  <c r="U175244" i="1"/>
  <c r="U175243" i="1"/>
  <c r="U175242" i="1"/>
  <c r="U175241" i="1"/>
  <c r="U175240" i="1"/>
  <c r="U175239" i="1"/>
  <c r="U175238" i="1"/>
  <c r="U175237" i="1"/>
  <c r="U175236" i="1"/>
  <c r="U175235" i="1"/>
  <c r="U175234" i="1"/>
  <c r="U175233" i="1"/>
  <c r="U175232" i="1"/>
  <c r="U175231" i="1"/>
  <c r="U175230" i="1"/>
  <c r="U175229" i="1"/>
  <c r="U175228" i="1"/>
  <c r="U175227" i="1"/>
  <c r="U175226" i="1"/>
  <c r="U175225" i="1"/>
  <c r="U175224" i="1"/>
  <c r="U175223" i="1"/>
  <c r="U175222" i="1"/>
  <c r="U175221" i="1"/>
  <c r="U175220" i="1"/>
  <c r="U175219" i="1"/>
  <c r="U175218" i="1"/>
  <c r="U175217" i="1"/>
  <c r="U175216" i="1"/>
  <c r="U175215" i="1"/>
  <c r="U175214" i="1"/>
  <c r="U175213" i="1"/>
  <c r="U175212" i="1"/>
  <c r="U175211" i="1"/>
  <c r="U175210" i="1"/>
  <c r="U175209" i="1"/>
  <c r="U175208" i="1"/>
  <c r="U175207" i="1"/>
  <c r="U175206" i="1"/>
  <c r="U175205" i="1"/>
  <c r="U175204" i="1"/>
  <c r="U175203" i="1"/>
  <c r="U175202" i="1"/>
  <c r="U175201" i="1"/>
  <c r="U175200" i="1"/>
  <c r="U175199" i="1"/>
  <c r="U175198" i="1"/>
  <c r="U175197" i="1"/>
  <c r="U175196" i="1"/>
  <c r="U175195" i="1"/>
  <c r="U175194" i="1"/>
  <c r="U175193" i="1"/>
  <c r="U175192" i="1"/>
  <c r="U175191" i="1"/>
  <c r="U175190" i="1"/>
  <c r="U175189" i="1"/>
  <c r="U175188" i="1"/>
  <c r="U175187" i="1"/>
  <c r="U175186" i="1"/>
  <c r="U175185" i="1"/>
  <c r="U175184" i="1"/>
  <c r="U175183" i="1"/>
  <c r="U175182" i="1"/>
  <c r="U175181" i="1"/>
  <c r="U175180" i="1"/>
  <c r="U175179" i="1"/>
  <c r="U175178" i="1"/>
  <c r="U175177" i="1"/>
  <c r="U175176" i="1"/>
  <c r="U175175" i="1"/>
  <c r="U175174" i="1"/>
  <c r="U175173" i="1"/>
  <c r="U175172" i="1"/>
  <c r="U175171" i="1"/>
  <c r="U175170" i="1"/>
  <c r="U175169" i="1"/>
  <c r="U175168" i="1"/>
  <c r="U175167" i="1"/>
  <c r="U175166" i="1"/>
  <c r="U175165" i="1"/>
  <c r="U175164" i="1"/>
  <c r="U175163" i="1"/>
  <c r="U175162" i="1"/>
  <c r="U175161" i="1"/>
  <c r="U175160" i="1"/>
  <c r="U175159" i="1"/>
  <c r="U175158" i="1"/>
  <c r="U175157" i="1"/>
  <c r="U175156" i="1"/>
  <c r="U175155" i="1"/>
  <c r="U175154" i="1"/>
  <c r="U175153" i="1"/>
  <c r="U175152" i="1"/>
  <c r="U175151" i="1"/>
  <c r="U175150" i="1"/>
  <c r="U175149" i="1"/>
  <c r="U175148" i="1"/>
  <c r="U175147" i="1"/>
  <c r="U175146" i="1"/>
  <c r="U175145" i="1"/>
  <c r="U175144" i="1"/>
  <c r="U175143" i="1"/>
  <c r="U175142" i="1"/>
  <c r="U175141" i="1"/>
  <c r="U175140" i="1"/>
  <c r="U175139" i="1"/>
  <c r="U175138" i="1"/>
  <c r="U175137" i="1"/>
  <c r="U175136" i="1"/>
  <c r="U175135" i="1"/>
  <c r="U175134" i="1"/>
  <c r="U175133" i="1"/>
  <c r="U175132" i="1"/>
  <c r="U175131" i="1"/>
  <c r="U175130" i="1"/>
  <c r="U175129" i="1"/>
  <c r="U175128" i="1"/>
  <c r="U175127" i="1"/>
  <c r="U175126" i="1"/>
  <c r="U175125" i="1"/>
  <c r="U175124" i="1"/>
  <c r="U175123" i="1"/>
  <c r="U175122" i="1"/>
  <c r="U175121" i="1"/>
  <c r="U175120" i="1"/>
  <c r="U175119" i="1"/>
  <c r="U175118" i="1"/>
  <c r="U175117" i="1"/>
  <c r="U175116" i="1"/>
  <c r="U175115" i="1"/>
  <c r="U175114" i="1"/>
  <c r="U175113" i="1"/>
  <c r="U175112" i="1"/>
  <c r="U175111" i="1"/>
  <c r="U175110" i="1"/>
  <c r="U175109" i="1"/>
  <c r="U175108" i="1"/>
  <c r="U175107" i="1"/>
  <c r="U175106" i="1"/>
  <c r="U175105" i="1"/>
  <c r="U175104" i="1"/>
  <c r="U175103" i="1"/>
  <c r="U175102" i="1"/>
  <c r="U175101" i="1"/>
  <c r="U175100" i="1"/>
  <c r="U175099" i="1"/>
  <c r="U175098" i="1"/>
  <c r="U175097" i="1"/>
  <c r="U175096" i="1"/>
  <c r="U175095" i="1"/>
  <c r="U175094" i="1"/>
  <c r="U175093" i="1"/>
  <c r="U175092" i="1"/>
  <c r="U175091" i="1"/>
  <c r="U175090" i="1"/>
  <c r="U175089" i="1"/>
  <c r="U175088" i="1"/>
  <c r="U175087" i="1"/>
  <c r="U175086" i="1"/>
  <c r="U175085" i="1"/>
  <c r="U175084" i="1"/>
  <c r="U175083" i="1"/>
  <c r="U175082" i="1"/>
  <c r="U175081" i="1"/>
  <c r="U175080" i="1"/>
  <c r="U175079" i="1"/>
  <c r="U175078" i="1"/>
  <c r="U175077" i="1"/>
  <c r="U175076" i="1"/>
  <c r="U175075" i="1"/>
  <c r="U175074" i="1"/>
  <c r="U175073" i="1"/>
  <c r="U175072" i="1"/>
  <c r="U175071" i="1"/>
  <c r="U175070" i="1"/>
  <c r="U175069" i="1"/>
  <c r="U175068" i="1"/>
  <c r="U175067" i="1"/>
  <c r="U175066" i="1"/>
  <c r="U175065" i="1"/>
  <c r="U175064" i="1"/>
  <c r="U175063" i="1"/>
  <c r="U175062" i="1"/>
  <c r="U175061" i="1"/>
  <c r="U175060" i="1"/>
  <c r="U175059" i="1"/>
  <c r="U175058" i="1"/>
  <c r="U175057" i="1"/>
  <c r="U175056" i="1"/>
  <c r="U175055" i="1"/>
  <c r="U175054" i="1"/>
  <c r="U175053" i="1"/>
  <c r="U175052" i="1"/>
  <c r="U175051" i="1"/>
  <c r="U175050" i="1"/>
  <c r="U175049" i="1"/>
  <c r="U175048" i="1"/>
  <c r="U175047" i="1"/>
  <c r="U175046" i="1"/>
  <c r="U175045" i="1"/>
  <c r="U175044" i="1"/>
  <c r="U175043" i="1"/>
  <c r="U175042" i="1"/>
  <c r="U175041" i="1"/>
  <c r="U175040" i="1"/>
  <c r="U175039" i="1"/>
  <c r="U175038" i="1"/>
  <c r="U175037" i="1"/>
  <c r="U175036" i="1"/>
  <c r="U175035" i="1"/>
  <c r="U175034" i="1"/>
  <c r="U175033" i="1"/>
  <c r="U175032" i="1"/>
  <c r="U175031" i="1"/>
  <c r="U175030" i="1"/>
  <c r="U175029" i="1"/>
  <c r="U175028" i="1"/>
  <c r="U175027" i="1"/>
  <c r="U175026" i="1"/>
  <c r="U175025" i="1"/>
  <c r="U175024" i="1"/>
  <c r="U175023" i="1"/>
  <c r="U175022" i="1"/>
  <c r="U175021" i="1"/>
  <c r="U175020" i="1"/>
  <c r="U175019" i="1"/>
  <c r="U175018" i="1"/>
  <c r="U175017" i="1"/>
  <c r="U175016" i="1"/>
  <c r="U175015" i="1"/>
  <c r="U175014" i="1"/>
  <c r="U175013" i="1"/>
  <c r="U175012" i="1"/>
  <c r="U175011" i="1"/>
  <c r="U175010" i="1"/>
  <c r="U175009" i="1"/>
  <c r="U175008" i="1"/>
  <c r="U175007" i="1"/>
  <c r="U175006" i="1"/>
  <c r="U175005" i="1"/>
  <c r="U175004" i="1"/>
  <c r="U175003" i="1"/>
  <c r="U175002" i="1"/>
  <c r="U175001" i="1"/>
  <c r="U175000" i="1"/>
  <c r="U174999" i="1"/>
  <c r="U174998" i="1"/>
  <c r="U174997" i="1"/>
  <c r="U174996" i="1"/>
  <c r="U174995" i="1"/>
  <c r="U174994" i="1"/>
  <c r="U174993" i="1"/>
  <c r="U174992" i="1"/>
  <c r="U174991" i="1"/>
  <c r="U174990" i="1"/>
  <c r="U174989" i="1"/>
  <c r="U174988" i="1"/>
  <c r="U174987" i="1"/>
  <c r="U174986" i="1"/>
  <c r="U174985" i="1"/>
  <c r="U174984" i="1"/>
  <c r="U174983" i="1"/>
  <c r="U174982" i="1"/>
  <c r="U174981" i="1"/>
  <c r="U174980" i="1"/>
  <c r="U174979" i="1"/>
  <c r="U174978" i="1"/>
  <c r="U174977" i="1"/>
  <c r="U174976" i="1"/>
  <c r="U174975" i="1"/>
  <c r="U174974" i="1"/>
  <c r="U174973" i="1"/>
  <c r="U174972" i="1"/>
  <c r="U174971" i="1"/>
  <c r="U174970" i="1"/>
  <c r="U174969" i="1"/>
  <c r="U174968" i="1"/>
  <c r="U174967" i="1"/>
  <c r="U174966" i="1"/>
  <c r="U174965" i="1"/>
  <c r="U174964" i="1"/>
  <c r="U174963" i="1"/>
  <c r="U174962" i="1"/>
  <c r="U174961" i="1"/>
  <c r="U174960" i="1"/>
  <c r="U174959" i="1"/>
  <c r="U174958" i="1"/>
  <c r="U174957" i="1"/>
  <c r="U174956" i="1"/>
  <c r="U174955" i="1"/>
  <c r="U174954" i="1"/>
  <c r="U174953" i="1"/>
  <c r="U174952" i="1"/>
  <c r="U174951" i="1"/>
  <c r="U174950" i="1"/>
  <c r="U174949" i="1"/>
  <c r="U174948" i="1"/>
  <c r="U174947" i="1"/>
  <c r="U174946" i="1"/>
  <c r="U174945" i="1"/>
  <c r="U174944" i="1"/>
  <c r="U174943" i="1"/>
  <c r="U174942" i="1"/>
  <c r="U174941" i="1"/>
  <c r="U174940" i="1"/>
  <c r="U174939" i="1"/>
  <c r="U174938" i="1"/>
  <c r="U174937" i="1"/>
  <c r="U174936" i="1"/>
  <c r="U174935" i="1"/>
  <c r="U174934" i="1"/>
  <c r="U174933" i="1"/>
  <c r="U174932" i="1"/>
  <c r="U174931" i="1"/>
  <c r="U174930" i="1"/>
  <c r="U174929" i="1"/>
  <c r="U174928" i="1"/>
  <c r="U174927" i="1"/>
  <c r="U174926" i="1"/>
  <c r="U174925" i="1"/>
  <c r="U174924" i="1"/>
  <c r="U174923" i="1"/>
  <c r="U174922" i="1"/>
  <c r="U174921" i="1"/>
  <c r="U174920" i="1"/>
  <c r="U174919" i="1"/>
  <c r="U174918" i="1"/>
  <c r="U174917" i="1"/>
  <c r="U174916" i="1"/>
  <c r="U174915" i="1"/>
  <c r="U174914" i="1"/>
  <c r="U174913" i="1"/>
  <c r="U174912" i="1"/>
  <c r="U174911" i="1"/>
  <c r="U174910" i="1"/>
  <c r="U174909" i="1"/>
  <c r="U174908" i="1"/>
  <c r="U174907" i="1"/>
  <c r="U174906" i="1"/>
  <c r="U174905" i="1"/>
  <c r="U174904" i="1"/>
  <c r="U174903" i="1"/>
  <c r="U174902" i="1"/>
  <c r="U174901" i="1"/>
  <c r="U174900" i="1"/>
  <c r="U174899" i="1"/>
  <c r="U174898" i="1"/>
  <c r="U174897" i="1"/>
  <c r="U174896" i="1"/>
  <c r="U174895" i="1"/>
  <c r="U174894" i="1"/>
  <c r="U174893" i="1"/>
  <c r="U174892" i="1"/>
  <c r="U174891" i="1"/>
  <c r="U174890" i="1"/>
  <c r="U174889" i="1"/>
  <c r="U174888" i="1"/>
  <c r="U174887" i="1"/>
  <c r="U174886" i="1"/>
  <c r="U174885" i="1"/>
  <c r="U174884" i="1"/>
  <c r="U174883" i="1"/>
  <c r="U174882" i="1"/>
  <c r="U174881" i="1"/>
  <c r="U174880" i="1"/>
  <c r="U174879" i="1"/>
  <c r="U174878" i="1"/>
  <c r="U174877" i="1"/>
  <c r="U174876" i="1"/>
  <c r="U174875" i="1"/>
  <c r="U174874" i="1"/>
  <c r="U174873" i="1"/>
  <c r="U174872" i="1"/>
  <c r="U174871" i="1"/>
  <c r="U174870" i="1"/>
  <c r="U174869" i="1"/>
  <c r="U174868" i="1"/>
  <c r="U174867" i="1"/>
  <c r="U174866" i="1"/>
  <c r="U174865" i="1"/>
  <c r="U174864" i="1"/>
  <c r="U174863" i="1"/>
  <c r="U174862" i="1"/>
  <c r="U174861" i="1"/>
  <c r="U174860" i="1"/>
  <c r="U174859" i="1"/>
  <c r="U174858" i="1"/>
  <c r="U174857" i="1"/>
  <c r="U174856" i="1"/>
  <c r="U174855" i="1"/>
  <c r="U174854" i="1"/>
  <c r="U174853" i="1"/>
  <c r="U174852" i="1"/>
  <c r="U174851" i="1"/>
  <c r="U174850" i="1"/>
  <c r="U174849" i="1"/>
  <c r="U174848" i="1"/>
  <c r="U174847" i="1"/>
  <c r="U174846" i="1"/>
  <c r="U174845" i="1"/>
  <c r="U174844" i="1"/>
  <c r="U174843" i="1"/>
  <c r="U174842" i="1"/>
  <c r="U174841" i="1"/>
  <c r="U174840" i="1"/>
  <c r="U174839" i="1"/>
  <c r="U174838" i="1"/>
  <c r="U174837" i="1"/>
  <c r="U174836" i="1"/>
  <c r="U174835" i="1"/>
  <c r="U174834" i="1"/>
  <c r="U174833" i="1"/>
  <c r="U174832" i="1"/>
  <c r="U174831" i="1"/>
  <c r="U174830" i="1"/>
  <c r="U174829" i="1"/>
  <c r="U174828" i="1"/>
  <c r="U174827" i="1"/>
  <c r="U174826" i="1"/>
  <c r="U174825" i="1"/>
  <c r="U174824" i="1"/>
  <c r="U174823" i="1"/>
  <c r="U174822" i="1"/>
  <c r="U174821" i="1"/>
  <c r="U174820" i="1"/>
  <c r="U174819" i="1"/>
  <c r="U174818" i="1"/>
  <c r="U174817" i="1"/>
  <c r="U174816" i="1"/>
  <c r="U174815" i="1"/>
  <c r="U174814" i="1"/>
  <c r="U174813" i="1"/>
  <c r="U174812" i="1"/>
  <c r="U174811" i="1"/>
  <c r="U174810" i="1"/>
  <c r="U174809" i="1"/>
  <c r="U174808" i="1"/>
  <c r="U174807" i="1"/>
  <c r="U174806" i="1"/>
  <c r="U174805" i="1"/>
  <c r="U174804" i="1"/>
  <c r="U174803" i="1"/>
  <c r="U174802" i="1"/>
  <c r="U174801" i="1"/>
  <c r="U174800" i="1"/>
  <c r="U174799" i="1"/>
  <c r="U174798" i="1"/>
  <c r="U174797" i="1"/>
  <c r="U174796" i="1"/>
  <c r="U174795" i="1"/>
  <c r="U174794" i="1"/>
  <c r="U174793" i="1"/>
  <c r="U174792" i="1"/>
  <c r="U174791" i="1"/>
  <c r="U174790" i="1"/>
  <c r="U174789" i="1"/>
  <c r="U174788" i="1"/>
  <c r="U174787" i="1"/>
  <c r="U174786" i="1"/>
  <c r="U174785" i="1"/>
  <c r="U174784" i="1"/>
  <c r="U174783" i="1"/>
  <c r="U174782" i="1"/>
  <c r="U174781" i="1"/>
  <c r="U174780" i="1"/>
  <c r="U174779" i="1"/>
  <c r="U174778" i="1"/>
  <c r="U174777" i="1"/>
  <c r="U174776" i="1"/>
  <c r="U174775" i="1"/>
  <c r="U174774" i="1"/>
  <c r="U174773" i="1"/>
  <c r="U174772" i="1"/>
  <c r="U174771" i="1"/>
  <c r="U174770" i="1"/>
  <c r="U174769" i="1"/>
  <c r="U174768" i="1"/>
  <c r="U174767" i="1"/>
  <c r="U174766" i="1"/>
  <c r="U174765" i="1"/>
  <c r="U174764" i="1"/>
  <c r="U174763" i="1"/>
  <c r="U174762" i="1"/>
  <c r="U174761" i="1"/>
  <c r="U174760" i="1"/>
  <c r="U174759" i="1"/>
  <c r="U174758" i="1"/>
  <c r="U174757" i="1"/>
  <c r="U174756" i="1"/>
  <c r="U174755" i="1"/>
  <c r="U174754" i="1"/>
  <c r="U174753" i="1"/>
  <c r="U174752" i="1"/>
  <c r="U174751" i="1"/>
  <c r="U174750" i="1"/>
  <c r="U174749" i="1"/>
  <c r="U174748" i="1"/>
  <c r="U174747" i="1"/>
  <c r="U174746" i="1"/>
  <c r="U174745" i="1"/>
  <c r="U174744" i="1"/>
  <c r="U174743" i="1"/>
  <c r="U174742" i="1"/>
  <c r="U174741" i="1"/>
  <c r="U174740" i="1"/>
  <c r="U174739" i="1"/>
  <c r="U174738" i="1"/>
  <c r="U174737" i="1"/>
  <c r="U174736" i="1"/>
  <c r="U174735" i="1"/>
  <c r="U174734" i="1"/>
  <c r="U174733" i="1"/>
  <c r="U174732" i="1"/>
  <c r="U174731" i="1"/>
  <c r="U174730" i="1"/>
  <c r="U174729" i="1"/>
  <c r="U174728" i="1"/>
  <c r="U174727" i="1"/>
  <c r="U174726" i="1"/>
  <c r="U174725" i="1"/>
  <c r="U174724" i="1"/>
  <c r="U174723" i="1"/>
  <c r="U174722" i="1"/>
  <c r="U174721" i="1"/>
  <c r="U174720" i="1"/>
  <c r="U174719" i="1"/>
  <c r="U174718" i="1"/>
  <c r="U174717" i="1"/>
  <c r="U174716" i="1"/>
  <c r="U174715" i="1"/>
  <c r="U174714" i="1"/>
  <c r="U174713" i="1"/>
  <c r="U174712" i="1"/>
  <c r="U174711" i="1"/>
  <c r="U174710" i="1"/>
  <c r="U174709" i="1"/>
  <c r="U174708" i="1"/>
  <c r="U174707" i="1"/>
  <c r="U174706" i="1"/>
  <c r="U174705" i="1"/>
  <c r="U174704" i="1"/>
  <c r="U174703" i="1"/>
  <c r="U174702" i="1"/>
  <c r="U174701" i="1"/>
  <c r="U174700" i="1"/>
  <c r="U174699" i="1"/>
  <c r="U174698" i="1"/>
  <c r="U174697" i="1"/>
  <c r="U174696" i="1"/>
  <c r="U174695" i="1"/>
  <c r="U174694" i="1"/>
  <c r="U174693" i="1"/>
  <c r="U174692" i="1"/>
  <c r="U174691" i="1"/>
  <c r="U174690" i="1"/>
  <c r="U174689" i="1"/>
  <c r="U174688" i="1"/>
  <c r="U174687" i="1"/>
  <c r="U174686" i="1"/>
  <c r="U174685" i="1"/>
  <c r="U174684" i="1"/>
  <c r="U174683" i="1"/>
  <c r="U174682" i="1"/>
  <c r="U174681" i="1"/>
  <c r="U174680" i="1"/>
  <c r="U174679" i="1"/>
  <c r="U174678" i="1"/>
  <c r="U174677" i="1"/>
  <c r="U174676" i="1"/>
  <c r="U174675" i="1"/>
  <c r="U174674" i="1"/>
  <c r="U174673" i="1"/>
  <c r="U174672" i="1"/>
  <c r="U174671" i="1"/>
  <c r="U174670" i="1"/>
  <c r="U174669" i="1"/>
  <c r="U174668" i="1"/>
  <c r="U174667" i="1"/>
  <c r="U174666" i="1"/>
  <c r="U174665" i="1"/>
  <c r="U174664" i="1"/>
  <c r="U174663" i="1"/>
  <c r="U174662" i="1"/>
  <c r="U174661" i="1"/>
  <c r="U174660" i="1"/>
  <c r="U174659" i="1"/>
  <c r="U174658" i="1"/>
  <c r="U174657" i="1"/>
  <c r="U174656" i="1"/>
  <c r="U174655" i="1"/>
  <c r="U174654" i="1"/>
  <c r="U174653" i="1"/>
  <c r="U174652" i="1"/>
  <c r="U174651" i="1"/>
  <c r="U174650" i="1"/>
  <c r="U174649" i="1"/>
  <c r="U174648" i="1"/>
  <c r="U174647" i="1"/>
  <c r="U174646" i="1"/>
  <c r="U174645" i="1"/>
  <c r="U174644" i="1"/>
  <c r="U174643" i="1"/>
  <c r="U174642" i="1"/>
  <c r="U174641" i="1"/>
  <c r="U174640" i="1"/>
  <c r="U174639" i="1"/>
  <c r="U174638" i="1"/>
  <c r="U174637" i="1"/>
  <c r="U174636" i="1"/>
  <c r="U174635" i="1"/>
  <c r="U174634" i="1"/>
  <c r="U174633" i="1"/>
  <c r="U174632" i="1"/>
  <c r="U174631" i="1"/>
  <c r="U174630" i="1"/>
  <c r="U174629" i="1"/>
  <c r="U174628" i="1"/>
  <c r="U174627" i="1"/>
  <c r="U174626" i="1"/>
  <c r="U174625" i="1"/>
  <c r="U174624" i="1"/>
  <c r="U174623" i="1"/>
  <c r="U174622" i="1"/>
  <c r="U174621" i="1"/>
  <c r="U174620" i="1"/>
  <c r="U174619" i="1"/>
  <c r="U174618" i="1"/>
  <c r="U174617" i="1"/>
  <c r="U174616" i="1"/>
  <c r="U174615" i="1"/>
  <c r="U174614" i="1"/>
  <c r="U174613" i="1"/>
  <c r="U174612" i="1"/>
  <c r="U174611" i="1"/>
  <c r="U174610" i="1"/>
  <c r="U174609" i="1"/>
  <c r="U174608" i="1"/>
  <c r="U174607" i="1"/>
  <c r="U174606" i="1"/>
  <c r="U174605" i="1"/>
  <c r="U174604" i="1"/>
  <c r="U174603" i="1"/>
  <c r="U174602" i="1"/>
  <c r="U174601" i="1"/>
  <c r="U174600" i="1"/>
  <c r="U174599" i="1"/>
  <c r="U174598" i="1"/>
  <c r="U174597" i="1"/>
  <c r="U174596" i="1"/>
  <c r="U174595" i="1"/>
  <c r="U174594" i="1"/>
  <c r="U174593" i="1"/>
  <c r="U174592" i="1"/>
  <c r="U174591" i="1"/>
  <c r="U174590" i="1"/>
  <c r="U174589" i="1"/>
  <c r="U174588" i="1"/>
  <c r="U174587" i="1"/>
  <c r="U174586" i="1"/>
  <c r="U174585" i="1"/>
  <c r="U174584" i="1"/>
  <c r="U174583" i="1"/>
  <c r="U174582" i="1"/>
  <c r="U174581" i="1"/>
  <c r="U174580" i="1"/>
  <c r="U174579" i="1"/>
  <c r="U174578" i="1"/>
  <c r="U174577" i="1"/>
  <c r="U174576" i="1"/>
  <c r="U174575" i="1"/>
  <c r="U174574" i="1"/>
  <c r="U174573" i="1"/>
  <c r="U174572" i="1"/>
  <c r="U174571" i="1"/>
  <c r="U174570" i="1"/>
  <c r="U174569" i="1"/>
  <c r="U174568" i="1"/>
  <c r="U174567" i="1"/>
  <c r="U174566" i="1"/>
  <c r="U174565" i="1"/>
  <c r="U174564" i="1"/>
  <c r="U174563" i="1"/>
  <c r="U174562" i="1"/>
  <c r="U174561" i="1"/>
  <c r="U174560" i="1"/>
  <c r="U174559" i="1"/>
  <c r="U174558" i="1"/>
  <c r="U174557" i="1"/>
  <c r="U174556" i="1"/>
  <c r="U174555" i="1"/>
  <c r="U174554" i="1"/>
  <c r="U174553" i="1"/>
  <c r="U174552" i="1"/>
  <c r="U174551" i="1"/>
  <c r="U174550" i="1"/>
  <c r="U174549" i="1"/>
  <c r="U174548" i="1"/>
  <c r="U174547" i="1"/>
  <c r="U174546" i="1"/>
  <c r="U174545" i="1"/>
  <c r="U174544" i="1"/>
  <c r="U174543" i="1"/>
  <c r="U174542" i="1"/>
  <c r="U174541" i="1"/>
  <c r="U174540" i="1"/>
  <c r="U174539" i="1"/>
  <c r="U174538" i="1"/>
  <c r="U174537" i="1"/>
  <c r="U174536" i="1"/>
  <c r="U174535" i="1"/>
  <c r="U174534" i="1"/>
  <c r="U174533" i="1"/>
  <c r="U174532" i="1"/>
  <c r="U174531" i="1"/>
  <c r="U174530" i="1"/>
  <c r="U174529" i="1"/>
  <c r="U174528" i="1"/>
  <c r="U174527" i="1"/>
  <c r="U174526" i="1"/>
  <c r="U174525" i="1"/>
  <c r="U174524" i="1"/>
  <c r="U174523" i="1"/>
  <c r="U174522" i="1"/>
  <c r="U174521" i="1"/>
  <c r="U174520" i="1"/>
  <c r="U174519" i="1"/>
  <c r="U174518" i="1"/>
  <c r="U174517" i="1"/>
  <c r="U174516" i="1"/>
  <c r="U174515" i="1"/>
  <c r="U174514" i="1"/>
  <c r="U174513" i="1"/>
  <c r="U174512" i="1"/>
  <c r="U174511" i="1"/>
  <c r="U174510" i="1"/>
  <c r="U174509" i="1"/>
  <c r="U174508" i="1"/>
  <c r="U174507" i="1"/>
  <c r="U174506" i="1"/>
  <c r="U174505" i="1"/>
  <c r="U174504" i="1"/>
  <c r="U174503" i="1"/>
  <c r="U174502" i="1"/>
  <c r="U174501" i="1"/>
  <c r="U174500" i="1"/>
  <c r="U174499" i="1"/>
  <c r="U174498" i="1"/>
  <c r="U174497" i="1"/>
  <c r="U174496" i="1"/>
  <c r="U174495" i="1"/>
  <c r="U174494" i="1"/>
  <c r="U174493" i="1"/>
  <c r="U174492" i="1"/>
  <c r="U174491" i="1"/>
  <c r="U174490" i="1"/>
  <c r="U174489" i="1"/>
  <c r="U174488" i="1"/>
  <c r="U174487" i="1"/>
  <c r="U174486" i="1"/>
  <c r="U174485" i="1"/>
  <c r="U174484" i="1"/>
  <c r="U174483" i="1"/>
  <c r="U174482" i="1"/>
  <c r="U174481" i="1"/>
  <c r="U174480" i="1"/>
  <c r="U174479" i="1"/>
  <c r="U174478" i="1"/>
  <c r="U174477" i="1"/>
  <c r="U174476" i="1"/>
  <c r="U174475" i="1"/>
  <c r="U174474" i="1"/>
  <c r="U174473" i="1"/>
  <c r="U174472" i="1"/>
  <c r="U174471" i="1"/>
  <c r="U174470" i="1"/>
  <c r="U174469" i="1"/>
  <c r="U174468" i="1"/>
  <c r="U174467" i="1"/>
  <c r="U174466" i="1"/>
  <c r="U174465" i="1"/>
  <c r="U174464" i="1"/>
  <c r="U174463" i="1"/>
  <c r="U174462" i="1"/>
  <c r="U174461" i="1"/>
  <c r="U174460" i="1"/>
  <c r="U174459" i="1"/>
  <c r="U174458" i="1"/>
  <c r="U174457" i="1"/>
  <c r="U174456" i="1"/>
  <c r="U174455" i="1"/>
  <c r="U174454" i="1"/>
  <c r="U174453" i="1"/>
  <c r="U174452" i="1"/>
  <c r="U174451" i="1"/>
  <c r="U174450" i="1"/>
  <c r="U174449" i="1"/>
  <c r="U174448" i="1"/>
  <c r="U174447" i="1"/>
  <c r="U174446" i="1"/>
  <c r="U174445" i="1"/>
  <c r="U174444" i="1"/>
  <c r="U174443" i="1"/>
  <c r="U174442" i="1"/>
  <c r="U174441" i="1"/>
  <c r="U174440" i="1"/>
  <c r="U174439" i="1"/>
  <c r="U174438" i="1"/>
  <c r="U174437" i="1"/>
  <c r="U174436" i="1"/>
  <c r="U174435" i="1"/>
  <c r="U174434" i="1"/>
  <c r="U174433" i="1"/>
  <c r="U174432" i="1"/>
  <c r="U174431" i="1"/>
  <c r="U174430" i="1"/>
  <c r="U174429" i="1"/>
  <c r="U174428" i="1"/>
  <c r="U174427" i="1"/>
  <c r="U174426" i="1"/>
  <c r="U174425" i="1"/>
  <c r="U174424" i="1"/>
  <c r="U174423" i="1"/>
  <c r="U174422" i="1"/>
  <c r="U174421" i="1"/>
  <c r="U174420" i="1"/>
  <c r="U174419" i="1"/>
  <c r="U174418" i="1"/>
  <c r="U174417" i="1"/>
  <c r="U174416" i="1"/>
  <c r="U174415" i="1"/>
  <c r="U174414" i="1"/>
  <c r="U174413" i="1"/>
  <c r="U174412" i="1"/>
  <c r="U174411" i="1"/>
  <c r="U174410" i="1"/>
  <c r="U174409" i="1"/>
  <c r="U174408" i="1"/>
  <c r="U174407" i="1"/>
  <c r="U174406" i="1"/>
  <c r="U174405" i="1"/>
  <c r="U174404" i="1"/>
  <c r="U174403" i="1"/>
  <c r="U174402" i="1"/>
  <c r="U174401" i="1"/>
  <c r="U174400" i="1"/>
  <c r="U174399" i="1"/>
  <c r="U174398" i="1"/>
  <c r="U174397" i="1"/>
  <c r="U174396" i="1"/>
  <c r="U174395" i="1"/>
  <c r="U174394" i="1"/>
  <c r="U174393" i="1"/>
  <c r="U174392" i="1"/>
  <c r="U174391" i="1"/>
  <c r="U174390" i="1"/>
  <c r="U174389" i="1"/>
  <c r="U174388" i="1"/>
  <c r="U174387" i="1"/>
  <c r="U174386" i="1"/>
  <c r="U174385" i="1"/>
  <c r="U174384" i="1"/>
  <c r="U174383" i="1"/>
  <c r="U174382" i="1"/>
  <c r="U174381" i="1"/>
  <c r="U174380" i="1"/>
  <c r="U174379" i="1"/>
  <c r="U174378" i="1"/>
  <c r="U174377" i="1"/>
  <c r="U174376" i="1"/>
  <c r="U174375" i="1"/>
  <c r="U174374" i="1"/>
  <c r="U174373" i="1"/>
  <c r="U174372" i="1"/>
  <c r="U174371" i="1"/>
  <c r="U174370" i="1"/>
  <c r="U174369" i="1"/>
  <c r="U174368" i="1"/>
  <c r="U174367" i="1"/>
  <c r="U174366" i="1"/>
  <c r="U174365" i="1"/>
  <c r="U174364" i="1"/>
  <c r="U174363" i="1"/>
  <c r="U174362" i="1"/>
  <c r="U174361" i="1"/>
  <c r="U174360" i="1"/>
  <c r="U174359" i="1"/>
  <c r="U174358" i="1"/>
  <c r="U174357" i="1"/>
  <c r="U174356" i="1"/>
  <c r="U174355" i="1"/>
  <c r="U174354" i="1"/>
  <c r="U174353" i="1"/>
  <c r="U174352" i="1"/>
  <c r="U174351" i="1"/>
  <c r="U174350" i="1"/>
  <c r="U174349" i="1"/>
  <c r="U174348" i="1"/>
  <c r="U174347" i="1"/>
  <c r="U174346" i="1"/>
  <c r="U174345" i="1"/>
  <c r="U174344" i="1"/>
  <c r="U174343" i="1"/>
  <c r="U174342" i="1"/>
  <c r="U174341" i="1"/>
  <c r="U174340" i="1"/>
  <c r="U174339" i="1"/>
  <c r="U174338" i="1"/>
  <c r="U174337" i="1"/>
  <c r="U174336" i="1"/>
  <c r="U174335" i="1"/>
  <c r="U174334" i="1"/>
  <c r="U174333" i="1"/>
  <c r="U174332" i="1"/>
  <c r="U174331" i="1"/>
  <c r="U174330" i="1"/>
  <c r="U174329" i="1"/>
  <c r="U174328" i="1"/>
  <c r="U174327" i="1"/>
  <c r="U174326" i="1"/>
  <c r="U174325" i="1"/>
  <c r="U174324" i="1"/>
  <c r="U174323" i="1"/>
  <c r="U174322" i="1"/>
  <c r="U174321" i="1"/>
  <c r="U174320" i="1"/>
  <c r="U174319" i="1"/>
  <c r="U174318" i="1"/>
  <c r="U174317" i="1"/>
  <c r="U174316" i="1"/>
  <c r="U174315" i="1"/>
  <c r="U174314" i="1"/>
  <c r="U174313" i="1"/>
  <c r="U174312" i="1"/>
  <c r="U174311" i="1"/>
  <c r="U174310" i="1"/>
  <c r="U174309" i="1"/>
  <c r="U174308" i="1"/>
  <c r="U174307" i="1"/>
  <c r="U174306" i="1"/>
  <c r="U174305" i="1"/>
  <c r="U174304" i="1"/>
  <c r="U174303" i="1"/>
  <c r="U174302" i="1"/>
  <c r="U174301" i="1"/>
  <c r="U174300" i="1"/>
  <c r="U174299" i="1"/>
  <c r="U174298" i="1"/>
  <c r="U174297" i="1"/>
  <c r="U174296" i="1"/>
  <c r="U174295" i="1"/>
  <c r="U174294" i="1"/>
  <c r="U174293" i="1"/>
  <c r="U174292" i="1"/>
  <c r="U174291" i="1"/>
  <c r="U174290" i="1"/>
  <c r="U174289" i="1"/>
  <c r="U174288" i="1"/>
  <c r="U174287" i="1"/>
  <c r="U174286" i="1"/>
  <c r="U174285" i="1"/>
  <c r="U174284" i="1"/>
  <c r="U174283" i="1"/>
  <c r="U174282" i="1"/>
  <c r="U174281" i="1"/>
  <c r="U174280" i="1"/>
  <c r="U174279" i="1"/>
  <c r="U174278" i="1"/>
  <c r="U174277" i="1"/>
  <c r="U174276" i="1"/>
  <c r="U174275" i="1"/>
  <c r="U174274" i="1"/>
  <c r="U174273" i="1"/>
  <c r="U174272" i="1"/>
  <c r="U174271" i="1"/>
  <c r="U174270" i="1"/>
  <c r="U174269" i="1"/>
  <c r="U174268" i="1"/>
  <c r="U174267" i="1"/>
  <c r="U174266" i="1"/>
  <c r="U174265" i="1"/>
  <c r="U174264" i="1"/>
  <c r="U174263" i="1"/>
  <c r="U174262" i="1"/>
  <c r="U174261" i="1"/>
  <c r="U174260" i="1"/>
  <c r="U174259" i="1"/>
  <c r="U174258" i="1"/>
  <c r="U174257" i="1"/>
  <c r="U174256" i="1"/>
  <c r="U174255" i="1"/>
  <c r="U174254" i="1"/>
  <c r="U174253" i="1"/>
  <c r="U174252" i="1"/>
  <c r="U174251" i="1"/>
  <c r="U174250" i="1"/>
  <c r="U174249" i="1"/>
  <c r="U174248" i="1"/>
  <c r="U174247" i="1"/>
  <c r="U174246" i="1"/>
  <c r="U174245" i="1"/>
  <c r="U174244" i="1"/>
  <c r="U174243" i="1"/>
  <c r="U174242" i="1"/>
  <c r="U174241" i="1"/>
  <c r="U174240" i="1"/>
  <c r="U174239" i="1"/>
  <c r="U174238" i="1"/>
  <c r="U174237" i="1"/>
  <c r="U174236" i="1"/>
  <c r="U174235" i="1"/>
  <c r="U174234" i="1"/>
  <c r="U174233" i="1"/>
  <c r="U174232" i="1"/>
  <c r="U174231" i="1"/>
  <c r="U174230" i="1"/>
  <c r="U174229" i="1"/>
  <c r="U174228" i="1"/>
  <c r="U174227" i="1"/>
  <c r="U174226" i="1"/>
  <c r="U174225" i="1"/>
  <c r="U174224" i="1"/>
  <c r="U174223" i="1"/>
  <c r="U174222" i="1"/>
  <c r="U174221" i="1"/>
  <c r="U174220" i="1"/>
  <c r="U174219" i="1"/>
  <c r="U174218" i="1"/>
  <c r="U174217" i="1"/>
  <c r="U174216" i="1"/>
  <c r="U174215" i="1"/>
  <c r="U174214" i="1"/>
  <c r="U174213" i="1"/>
  <c r="U174212" i="1"/>
  <c r="U174211" i="1"/>
  <c r="U174210" i="1"/>
  <c r="U174209" i="1"/>
  <c r="U174208" i="1"/>
  <c r="U174207" i="1"/>
  <c r="U174206" i="1"/>
  <c r="U174205" i="1"/>
  <c r="U174204" i="1"/>
  <c r="U174203" i="1"/>
  <c r="U174202" i="1"/>
  <c r="U174201" i="1"/>
  <c r="U174200" i="1"/>
  <c r="U174199" i="1"/>
  <c r="U174198" i="1"/>
  <c r="U174197" i="1"/>
  <c r="U174196" i="1"/>
  <c r="U174195" i="1"/>
  <c r="U174194" i="1"/>
  <c r="U174193" i="1"/>
  <c r="U174192" i="1"/>
  <c r="U174191" i="1"/>
  <c r="U174190" i="1"/>
  <c r="U174189" i="1"/>
  <c r="U174188" i="1"/>
  <c r="U174187" i="1"/>
  <c r="U174186" i="1"/>
  <c r="U174185" i="1"/>
  <c r="U174184" i="1"/>
  <c r="U174183" i="1"/>
  <c r="U174182" i="1"/>
  <c r="U174181" i="1"/>
  <c r="U174180" i="1"/>
  <c r="U174179" i="1"/>
  <c r="U174178" i="1"/>
  <c r="U174177" i="1"/>
  <c r="U174176" i="1"/>
  <c r="U174175" i="1"/>
  <c r="U174174" i="1"/>
  <c r="U174173" i="1"/>
  <c r="U174172" i="1"/>
  <c r="U174171" i="1"/>
  <c r="U174170" i="1"/>
  <c r="U174169" i="1"/>
  <c r="U174168" i="1"/>
  <c r="U174167" i="1"/>
  <c r="U174166" i="1"/>
  <c r="U174165" i="1"/>
  <c r="U174164" i="1"/>
  <c r="U174163" i="1"/>
  <c r="U174162" i="1"/>
  <c r="U174161" i="1"/>
  <c r="U174160" i="1"/>
  <c r="U174159" i="1"/>
  <c r="U174158" i="1"/>
  <c r="U174157" i="1"/>
  <c r="U174156" i="1"/>
  <c r="U174155" i="1"/>
  <c r="U174154" i="1"/>
  <c r="U174153" i="1"/>
  <c r="U174152" i="1"/>
  <c r="U174151" i="1"/>
  <c r="U174150" i="1"/>
  <c r="U174149" i="1"/>
  <c r="U174148" i="1"/>
  <c r="U174147" i="1"/>
  <c r="U174146" i="1"/>
  <c r="U174145" i="1"/>
  <c r="U174144" i="1"/>
  <c r="U174143" i="1"/>
  <c r="U174142" i="1"/>
  <c r="U174141" i="1"/>
  <c r="U174140" i="1"/>
  <c r="U174139" i="1"/>
  <c r="U174138" i="1"/>
  <c r="U174137" i="1"/>
  <c r="U174136" i="1"/>
  <c r="U174135" i="1"/>
  <c r="U174134" i="1"/>
  <c r="U174133" i="1"/>
  <c r="U174132" i="1"/>
  <c r="U174131" i="1"/>
  <c r="U174130" i="1"/>
  <c r="U174129" i="1"/>
  <c r="U174128" i="1"/>
  <c r="U174127" i="1"/>
  <c r="U174126" i="1"/>
  <c r="U174125" i="1"/>
  <c r="U174124" i="1"/>
  <c r="U174123" i="1"/>
  <c r="U174122" i="1"/>
  <c r="U174121" i="1"/>
  <c r="U174120" i="1"/>
  <c r="U174119" i="1"/>
  <c r="U174118" i="1"/>
  <c r="U174117" i="1"/>
  <c r="U174116" i="1"/>
  <c r="U174115" i="1"/>
  <c r="U174114" i="1"/>
  <c r="U174113" i="1"/>
  <c r="U174112" i="1"/>
  <c r="U174111" i="1"/>
  <c r="U174110" i="1"/>
  <c r="U174109" i="1"/>
  <c r="U174108" i="1"/>
  <c r="U174107" i="1"/>
  <c r="U174106" i="1"/>
  <c r="U174105" i="1"/>
  <c r="U174104" i="1"/>
  <c r="U174103" i="1"/>
  <c r="U174102" i="1"/>
  <c r="U174101" i="1"/>
  <c r="U174100" i="1"/>
  <c r="U174099" i="1"/>
  <c r="U174098" i="1"/>
  <c r="U174097" i="1"/>
  <c r="U174096" i="1"/>
  <c r="U174095" i="1"/>
  <c r="U174094" i="1"/>
  <c r="U174093" i="1"/>
  <c r="U174092" i="1"/>
  <c r="U174091" i="1"/>
  <c r="U174090" i="1"/>
  <c r="U174089" i="1"/>
  <c r="U174088" i="1"/>
  <c r="U174087" i="1"/>
  <c r="U174086" i="1"/>
  <c r="U174085" i="1"/>
  <c r="U174084" i="1"/>
  <c r="U174083" i="1"/>
  <c r="U174082" i="1"/>
  <c r="U174081" i="1"/>
  <c r="U174080" i="1"/>
  <c r="U174079" i="1"/>
  <c r="U174078" i="1"/>
  <c r="U174077" i="1"/>
  <c r="U174076" i="1"/>
  <c r="U174075" i="1"/>
  <c r="U174074" i="1"/>
  <c r="U174073" i="1"/>
  <c r="U174072" i="1"/>
  <c r="U174071" i="1"/>
  <c r="U174070" i="1"/>
  <c r="U174069" i="1"/>
  <c r="U174068" i="1"/>
  <c r="U174067" i="1"/>
  <c r="U174066" i="1"/>
  <c r="U174065" i="1"/>
  <c r="U174064" i="1"/>
  <c r="U174063" i="1"/>
  <c r="U174062" i="1"/>
  <c r="U174061" i="1"/>
  <c r="U174060" i="1"/>
  <c r="U174059" i="1"/>
  <c r="U174058" i="1"/>
  <c r="U174057" i="1"/>
  <c r="U174056" i="1"/>
  <c r="U174055" i="1"/>
  <c r="U174054" i="1"/>
  <c r="U174053" i="1"/>
  <c r="U174052" i="1"/>
  <c r="U174051" i="1"/>
  <c r="U174050" i="1"/>
  <c r="U174049" i="1"/>
  <c r="U174048" i="1"/>
  <c r="U174047" i="1"/>
  <c r="U174046" i="1"/>
  <c r="U174045" i="1"/>
  <c r="U174044" i="1"/>
  <c r="U174043" i="1"/>
  <c r="U174042" i="1"/>
  <c r="U174041" i="1"/>
  <c r="U174040" i="1"/>
  <c r="U174039" i="1"/>
  <c r="U174038" i="1"/>
  <c r="U174037" i="1"/>
  <c r="U174036" i="1"/>
  <c r="U174035" i="1"/>
  <c r="U174034" i="1"/>
  <c r="U174033" i="1"/>
  <c r="U174032" i="1"/>
  <c r="U174031" i="1"/>
  <c r="U174030" i="1"/>
  <c r="U174029" i="1"/>
  <c r="U174028" i="1"/>
  <c r="U174027" i="1"/>
  <c r="U174026" i="1"/>
  <c r="U174025" i="1"/>
  <c r="U174024" i="1"/>
  <c r="U174023" i="1"/>
  <c r="U174022" i="1"/>
  <c r="U174021" i="1"/>
  <c r="U174020" i="1"/>
  <c r="U174019" i="1"/>
  <c r="U174018" i="1"/>
  <c r="U174017" i="1"/>
  <c r="U174016" i="1"/>
  <c r="U174015" i="1"/>
  <c r="U174014" i="1"/>
  <c r="U174013" i="1"/>
  <c r="U174012" i="1"/>
  <c r="U174011" i="1"/>
  <c r="U174010" i="1"/>
  <c r="U174009" i="1"/>
  <c r="U174008" i="1"/>
  <c r="U174007" i="1"/>
  <c r="U174006" i="1"/>
  <c r="U174005" i="1"/>
  <c r="U174004" i="1"/>
  <c r="U174003" i="1"/>
  <c r="U174002" i="1"/>
  <c r="U174001" i="1"/>
  <c r="U174000" i="1"/>
  <c r="U173999" i="1"/>
  <c r="U173998" i="1"/>
  <c r="U173997" i="1"/>
  <c r="U173996" i="1"/>
  <c r="U173995" i="1"/>
  <c r="U173994" i="1"/>
  <c r="U173993" i="1"/>
  <c r="U173992" i="1"/>
  <c r="U173991" i="1"/>
  <c r="U173990" i="1"/>
  <c r="U173989" i="1"/>
  <c r="U173988" i="1"/>
  <c r="U173987" i="1"/>
  <c r="U173986" i="1"/>
  <c r="U173985" i="1"/>
  <c r="U173984" i="1"/>
  <c r="U173983" i="1"/>
  <c r="U173982" i="1"/>
  <c r="U173981" i="1"/>
  <c r="U173980" i="1"/>
  <c r="U173979" i="1"/>
  <c r="U173978" i="1"/>
  <c r="U173977" i="1"/>
  <c r="U173976" i="1"/>
  <c r="U173975" i="1"/>
  <c r="U173974" i="1"/>
  <c r="U173973" i="1"/>
  <c r="U173972" i="1"/>
  <c r="U173971" i="1"/>
  <c r="U173970" i="1"/>
  <c r="U173969" i="1"/>
  <c r="U173968" i="1"/>
  <c r="U173967" i="1"/>
  <c r="U173966" i="1"/>
  <c r="U173965" i="1"/>
  <c r="U173964" i="1"/>
  <c r="U173963" i="1"/>
  <c r="U173962" i="1"/>
  <c r="U173961" i="1"/>
  <c r="U173960" i="1"/>
  <c r="U173959" i="1"/>
  <c r="U173958" i="1"/>
  <c r="U173957" i="1"/>
  <c r="U173956" i="1"/>
  <c r="U173955" i="1"/>
  <c r="U173954" i="1"/>
  <c r="U173953" i="1"/>
  <c r="U173952" i="1"/>
  <c r="U173951" i="1"/>
  <c r="U173950" i="1"/>
  <c r="U173949" i="1"/>
  <c r="U173948" i="1"/>
  <c r="U173947" i="1"/>
  <c r="U173946" i="1"/>
  <c r="U173945" i="1"/>
  <c r="U173944" i="1"/>
  <c r="U173943" i="1"/>
  <c r="U173942" i="1"/>
  <c r="U173941" i="1"/>
  <c r="U173940" i="1"/>
  <c r="U173939" i="1"/>
  <c r="U173938" i="1"/>
  <c r="U173937" i="1"/>
  <c r="U173936" i="1"/>
  <c r="U173935" i="1"/>
  <c r="U173934" i="1"/>
  <c r="U173933" i="1"/>
  <c r="U173932" i="1"/>
  <c r="U173931" i="1"/>
  <c r="U173930" i="1"/>
  <c r="U173929" i="1"/>
  <c r="U173928" i="1"/>
  <c r="U173927" i="1"/>
  <c r="U173926" i="1"/>
  <c r="U173925" i="1"/>
  <c r="U173924" i="1"/>
  <c r="U173923" i="1"/>
  <c r="U173922" i="1"/>
  <c r="U173921" i="1"/>
  <c r="U173920" i="1"/>
  <c r="U173919" i="1"/>
  <c r="U173918" i="1"/>
  <c r="U173917" i="1"/>
  <c r="U173916" i="1"/>
  <c r="U173915" i="1"/>
  <c r="U173914" i="1"/>
  <c r="U173913" i="1"/>
  <c r="U173912" i="1"/>
  <c r="U173911" i="1"/>
  <c r="U173910" i="1"/>
  <c r="U173909" i="1"/>
  <c r="U173908" i="1"/>
  <c r="U173907" i="1"/>
  <c r="U173906" i="1"/>
  <c r="U173905" i="1"/>
  <c r="U173904" i="1"/>
  <c r="U173903" i="1"/>
  <c r="U173902" i="1"/>
  <c r="U173901" i="1"/>
  <c r="U173900" i="1"/>
  <c r="U173899" i="1"/>
  <c r="U173898" i="1"/>
  <c r="U173897" i="1"/>
  <c r="U173896" i="1"/>
  <c r="U173895" i="1"/>
  <c r="U173894" i="1"/>
  <c r="U173893" i="1"/>
  <c r="U173892" i="1"/>
  <c r="U173891" i="1"/>
  <c r="U173890" i="1"/>
  <c r="U173889" i="1"/>
  <c r="U173888" i="1"/>
  <c r="U173887" i="1"/>
  <c r="U173886" i="1"/>
  <c r="U173885" i="1"/>
  <c r="U173884" i="1"/>
  <c r="U173883" i="1"/>
  <c r="U173882" i="1"/>
  <c r="U173881" i="1"/>
  <c r="U173880" i="1"/>
  <c r="U173879" i="1"/>
  <c r="U173878" i="1"/>
  <c r="U173877" i="1"/>
  <c r="U173876" i="1"/>
  <c r="U173875" i="1"/>
  <c r="U173874" i="1"/>
  <c r="U173873" i="1"/>
  <c r="U173872" i="1"/>
  <c r="U173871" i="1"/>
  <c r="U173870" i="1"/>
  <c r="U173869" i="1"/>
  <c r="U173868" i="1"/>
  <c r="U173867" i="1"/>
  <c r="U173866" i="1"/>
  <c r="U173865" i="1"/>
  <c r="U173864" i="1"/>
  <c r="U173863" i="1"/>
  <c r="U173862" i="1"/>
  <c r="U173861" i="1"/>
  <c r="U173860" i="1"/>
  <c r="U173859" i="1"/>
  <c r="U173858" i="1"/>
  <c r="U173857" i="1"/>
  <c r="U173856" i="1"/>
  <c r="U173855" i="1"/>
  <c r="U173854" i="1"/>
  <c r="U173853" i="1"/>
  <c r="U173852" i="1"/>
  <c r="U173851" i="1"/>
  <c r="U173850" i="1"/>
  <c r="U173849" i="1"/>
  <c r="U173848" i="1"/>
  <c r="U173847" i="1"/>
  <c r="U173846" i="1"/>
  <c r="U173845" i="1"/>
  <c r="U173844" i="1"/>
  <c r="U173843" i="1"/>
  <c r="U173842" i="1"/>
  <c r="U173841" i="1"/>
  <c r="U173840" i="1"/>
  <c r="U173839" i="1"/>
  <c r="U173838" i="1"/>
  <c r="U173837" i="1"/>
  <c r="U173836" i="1"/>
  <c r="U173835" i="1"/>
  <c r="U173834" i="1"/>
  <c r="U173833" i="1"/>
  <c r="U173832" i="1"/>
  <c r="U173831" i="1"/>
  <c r="U173830" i="1"/>
  <c r="U173829" i="1"/>
  <c r="U173828" i="1"/>
  <c r="U173827" i="1"/>
  <c r="U173826" i="1"/>
  <c r="U173825" i="1"/>
  <c r="U173824" i="1"/>
  <c r="U173823" i="1"/>
  <c r="U173822" i="1"/>
  <c r="U173821" i="1"/>
  <c r="U173820" i="1"/>
  <c r="U173819" i="1"/>
  <c r="U173818" i="1"/>
  <c r="U173817" i="1"/>
  <c r="U173816" i="1"/>
  <c r="U173815" i="1"/>
  <c r="U173814" i="1"/>
  <c r="U173813" i="1"/>
  <c r="U173812" i="1"/>
  <c r="U173811" i="1"/>
  <c r="U173810" i="1"/>
  <c r="U173809" i="1"/>
  <c r="U173808" i="1"/>
  <c r="U173807" i="1"/>
  <c r="U173806" i="1"/>
  <c r="U173805" i="1"/>
  <c r="U173804" i="1"/>
  <c r="U173803" i="1"/>
  <c r="U173802" i="1"/>
  <c r="U173801" i="1"/>
  <c r="U173800" i="1"/>
  <c r="U173799" i="1"/>
  <c r="U173798" i="1"/>
  <c r="U173797" i="1"/>
  <c r="U173796" i="1"/>
  <c r="U173795" i="1"/>
  <c r="U173794" i="1"/>
  <c r="U173793" i="1"/>
  <c r="U173792" i="1"/>
  <c r="U173791" i="1"/>
  <c r="U173790" i="1"/>
  <c r="U173789" i="1"/>
  <c r="U173788" i="1"/>
  <c r="U173787" i="1"/>
  <c r="U173786" i="1"/>
  <c r="U173785" i="1"/>
  <c r="U173784" i="1"/>
  <c r="U173783" i="1"/>
  <c r="U173782" i="1"/>
  <c r="U173781" i="1"/>
  <c r="U173780" i="1"/>
  <c r="U173779" i="1"/>
  <c r="U173778" i="1"/>
  <c r="U173777" i="1"/>
  <c r="U173776" i="1"/>
  <c r="U173775" i="1"/>
  <c r="U173774" i="1"/>
  <c r="U173773" i="1"/>
  <c r="U173772" i="1"/>
  <c r="U173771" i="1"/>
  <c r="U173770" i="1"/>
  <c r="U173769" i="1"/>
  <c r="U173768" i="1"/>
  <c r="U173767" i="1"/>
  <c r="U173766" i="1"/>
  <c r="U173765" i="1"/>
  <c r="U173764" i="1"/>
  <c r="U173763" i="1"/>
  <c r="U173762" i="1"/>
  <c r="U173761" i="1"/>
  <c r="U173760" i="1"/>
  <c r="U173759" i="1"/>
  <c r="U173758" i="1"/>
  <c r="U173757" i="1"/>
  <c r="U173756" i="1"/>
  <c r="U173755" i="1"/>
  <c r="U173754" i="1"/>
  <c r="U173753" i="1"/>
  <c r="U173752" i="1"/>
  <c r="U173751" i="1"/>
  <c r="U173750" i="1"/>
  <c r="U173749" i="1"/>
  <c r="U173748" i="1"/>
  <c r="U173747" i="1"/>
  <c r="U173746" i="1"/>
  <c r="U173745" i="1"/>
  <c r="U173744" i="1"/>
  <c r="U173743" i="1"/>
  <c r="U173742" i="1"/>
  <c r="U173741" i="1"/>
  <c r="U173740" i="1"/>
  <c r="U173739" i="1"/>
  <c r="U173738" i="1"/>
  <c r="U173737" i="1"/>
  <c r="U173736" i="1"/>
  <c r="U173735" i="1"/>
  <c r="U173734" i="1"/>
  <c r="U173733" i="1"/>
  <c r="U173732" i="1"/>
  <c r="U173731" i="1"/>
  <c r="U173730" i="1"/>
  <c r="U173729" i="1"/>
  <c r="U173728" i="1"/>
  <c r="U173727" i="1"/>
  <c r="U173726" i="1"/>
  <c r="U173725" i="1"/>
  <c r="U173724" i="1"/>
  <c r="U173723" i="1"/>
  <c r="U173722" i="1"/>
  <c r="U173721" i="1"/>
  <c r="U173720" i="1"/>
  <c r="U173719" i="1"/>
  <c r="U173718" i="1"/>
  <c r="U173717" i="1"/>
  <c r="U173716" i="1"/>
  <c r="U173715" i="1"/>
  <c r="U173714" i="1"/>
  <c r="U173713" i="1"/>
  <c r="U173712" i="1"/>
  <c r="U173711" i="1"/>
  <c r="U173710" i="1"/>
  <c r="U173709" i="1"/>
  <c r="U173708" i="1"/>
  <c r="U173707" i="1"/>
  <c r="U173706" i="1"/>
  <c r="U173705" i="1"/>
  <c r="U173704" i="1"/>
  <c r="U173703" i="1"/>
  <c r="U173702" i="1"/>
  <c r="U173701" i="1"/>
  <c r="U173700" i="1"/>
  <c r="U173699" i="1"/>
  <c r="U173698" i="1"/>
  <c r="U173697" i="1"/>
  <c r="U173696" i="1"/>
  <c r="U173695" i="1"/>
  <c r="U173694" i="1"/>
  <c r="U173693" i="1"/>
  <c r="U173692" i="1"/>
  <c r="U173691" i="1"/>
  <c r="U173690" i="1"/>
  <c r="U173689" i="1"/>
  <c r="U173688" i="1"/>
  <c r="U173687" i="1"/>
  <c r="U173686" i="1"/>
  <c r="U173685" i="1"/>
  <c r="U173684" i="1"/>
  <c r="U173683" i="1"/>
  <c r="U173682" i="1"/>
  <c r="U173681" i="1"/>
  <c r="U173680" i="1"/>
  <c r="U173679" i="1"/>
  <c r="U173678" i="1"/>
  <c r="U173677" i="1"/>
  <c r="U173676" i="1"/>
  <c r="U173675" i="1"/>
  <c r="U173674" i="1"/>
  <c r="U173673" i="1"/>
  <c r="U173672" i="1"/>
  <c r="U173671" i="1"/>
  <c r="U173670" i="1"/>
  <c r="U173669" i="1"/>
  <c r="U173668" i="1"/>
  <c r="U173667" i="1"/>
  <c r="U173666" i="1"/>
  <c r="U173665" i="1"/>
  <c r="U173664" i="1"/>
  <c r="U173663" i="1"/>
  <c r="U173662" i="1"/>
  <c r="U173661" i="1"/>
  <c r="U173660" i="1"/>
  <c r="U173659" i="1"/>
  <c r="U173658" i="1"/>
  <c r="U173657" i="1"/>
  <c r="U173656" i="1"/>
  <c r="U173655" i="1"/>
  <c r="U173654" i="1"/>
  <c r="U173653" i="1"/>
  <c r="U173652" i="1"/>
  <c r="U173651" i="1"/>
  <c r="U173650" i="1"/>
  <c r="U173649" i="1"/>
  <c r="U173648" i="1"/>
  <c r="U173647" i="1"/>
  <c r="U173646" i="1"/>
  <c r="U173645" i="1"/>
  <c r="U173644" i="1"/>
  <c r="U173643" i="1"/>
  <c r="U173642" i="1"/>
  <c r="U173641" i="1"/>
  <c r="U173640" i="1"/>
  <c r="U173639" i="1"/>
  <c r="U173638" i="1"/>
  <c r="U173637" i="1"/>
  <c r="U173636" i="1"/>
  <c r="U173635" i="1"/>
  <c r="U173634" i="1"/>
  <c r="U173633" i="1"/>
  <c r="U173632" i="1"/>
  <c r="U173631" i="1"/>
  <c r="U173630" i="1"/>
  <c r="U173629" i="1"/>
  <c r="U173628" i="1"/>
  <c r="U173627" i="1"/>
  <c r="U173626" i="1"/>
  <c r="U173625" i="1"/>
  <c r="U173624" i="1"/>
  <c r="U173623" i="1"/>
  <c r="U173622" i="1"/>
  <c r="U173621" i="1"/>
  <c r="U173620" i="1"/>
  <c r="U173619" i="1"/>
  <c r="U173618" i="1"/>
  <c r="U173617" i="1"/>
  <c r="U173616" i="1"/>
  <c r="U173615" i="1"/>
  <c r="U173614" i="1"/>
  <c r="U173613" i="1"/>
  <c r="U173612" i="1"/>
  <c r="U173611" i="1"/>
  <c r="U173610" i="1"/>
  <c r="U173609" i="1"/>
  <c r="U173608" i="1"/>
  <c r="U173607" i="1"/>
  <c r="U173606" i="1"/>
  <c r="U173605" i="1"/>
  <c r="U173604" i="1"/>
  <c r="U173603" i="1"/>
  <c r="U173602" i="1"/>
  <c r="U173601" i="1"/>
  <c r="U173600" i="1"/>
  <c r="U173599" i="1"/>
  <c r="U173598" i="1"/>
  <c r="U173597" i="1"/>
  <c r="U173596" i="1"/>
  <c r="U173595" i="1"/>
  <c r="U173594" i="1"/>
  <c r="U173593" i="1"/>
  <c r="U173592" i="1"/>
  <c r="U173591" i="1"/>
  <c r="U173590" i="1"/>
  <c r="U173589" i="1"/>
  <c r="U173588" i="1"/>
  <c r="U173587" i="1"/>
  <c r="U173586" i="1"/>
  <c r="U173585" i="1"/>
  <c r="U173584" i="1"/>
  <c r="U173583" i="1"/>
  <c r="U173582" i="1"/>
  <c r="U173581" i="1"/>
  <c r="U173580" i="1"/>
  <c r="U173579" i="1"/>
  <c r="U173578" i="1"/>
  <c r="U173577" i="1"/>
  <c r="U173576" i="1"/>
  <c r="U173575" i="1"/>
  <c r="U173574" i="1"/>
  <c r="U173573" i="1"/>
  <c r="U173572" i="1"/>
  <c r="U173571" i="1"/>
  <c r="U173570" i="1"/>
  <c r="U173569" i="1"/>
  <c r="U173568" i="1"/>
  <c r="U173567" i="1"/>
  <c r="U173566" i="1"/>
  <c r="U173565" i="1"/>
  <c r="U173564" i="1"/>
  <c r="U173563" i="1"/>
  <c r="U173562" i="1"/>
  <c r="U173561" i="1"/>
  <c r="U173560" i="1"/>
  <c r="U173559" i="1"/>
  <c r="U173558" i="1"/>
  <c r="U173557" i="1"/>
  <c r="U173556" i="1"/>
  <c r="U173555" i="1"/>
  <c r="U173554" i="1"/>
  <c r="U173553" i="1"/>
  <c r="U173552" i="1"/>
  <c r="U173551" i="1"/>
  <c r="U173550" i="1"/>
  <c r="U173549" i="1"/>
  <c r="U173548" i="1"/>
  <c r="U173547" i="1"/>
  <c r="U173546" i="1"/>
  <c r="U173545" i="1"/>
  <c r="U173544" i="1"/>
  <c r="U173543" i="1"/>
  <c r="U173542" i="1"/>
  <c r="U173541" i="1"/>
  <c r="U173540" i="1"/>
  <c r="U173539" i="1"/>
  <c r="U173538" i="1"/>
  <c r="U173537" i="1"/>
  <c r="U173536" i="1"/>
  <c r="U173535" i="1"/>
  <c r="U173534" i="1"/>
  <c r="U173533" i="1"/>
  <c r="U173532" i="1"/>
  <c r="U173531" i="1"/>
  <c r="U173530" i="1"/>
  <c r="U173529" i="1"/>
  <c r="U173528" i="1"/>
  <c r="U173527" i="1"/>
  <c r="U173526" i="1"/>
  <c r="U173525" i="1"/>
  <c r="U173524" i="1"/>
  <c r="U173523" i="1"/>
  <c r="U173522" i="1"/>
  <c r="U173521" i="1"/>
  <c r="U173520" i="1"/>
  <c r="U173519" i="1"/>
  <c r="U173518" i="1"/>
  <c r="U173517" i="1"/>
  <c r="U173516" i="1"/>
  <c r="U173515" i="1"/>
  <c r="U173514" i="1"/>
  <c r="U173513" i="1"/>
  <c r="U173512" i="1"/>
  <c r="U173511" i="1"/>
  <c r="U173510" i="1"/>
  <c r="U173509" i="1"/>
  <c r="U173508" i="1"/>
  <c r="U173507" i="1"/>
  <c r="U173506" i="1"/>
  <c r="U173505" i="1"/>
  <c r="U173504" i="1"/>
  <c r="U173503" i="1"/>
  <c r="U173502" i="1"/>
  <c r="U173501" i="1"/>
  <c r="U173500" i="1"/>
  <c r="U173499" i="1"/>
  <c r="U173498" i="1"/>
  <c r="U173497" i="1"/>
  <c r="U173496" i="1"/>
  <c r="U173495" i="1"/>
  <c r="U173494" i="1"/>
  <c r="U173493" i="1"/>
  <c r="U173492" i="1"/>
  <c r="U173491" i="1"/>
  <c r="U173490" i="1"/>
  <c r="U173489" i="1"/>
  <c r="U173488" i="1"/>
  <c r="U173487" i="1"/>
  <c r="U173486" i="1"/>
  <c r="U173485" i="1"/>
  <c r="U173484" i="1"/>
  <c r="U173483" i="1"/>
  <c r="U173482" i="1"/>
  <c r="U173481" i="1"/>
  <c r="U173480" i="1"/>
  <c r="U173479" i="1"/>
  <c r="U173478" i="1"/>
  <c r="U173477" i="1"/>
  <c r="U173476" i="1"/>
  <c r="U173475" i="1"/>
  <c r="U173474" i="1"/>
  <c r="U173473" i="1"/>
  <c r="U173472" i="1"/>
  <c r="U173471" i="1"/>
  <c r="U173470" i="1"/>
  <c r="U173469" i="1"/>
  <c r="U173468" i="1"/>
  <c r="U173467" i="1"/>
  <c r="U173466" i="1"/>
  <c r="U173465" i="1"/>
  <c r="U173464" i="1"/>
  <c r="U173463" i="1"/>
  <c r="U173462" i="1"/>
  <c r="U173461" i="1"/>
  <c r="U173460" i="1"/>
  <c r="U173459" i="1"/>
  <c r="U173458" i="1"/>
  <c r="U173457" i="1"/>
  <c r="U173456" i="1"/>
  <c r="U173455" i="1"/>
  <c r="U173454" i="1"/>
  <c r="U173453" i="1"/>
  <c r="U173452" i="1"/>
  <c r="U173451" i="1"/>
  <c r="U173450" i="1"/>
  <c r="U173449" i="1"/>
  <c r="U173448" i="1"/>
  <c r="U173447" i="1"/>
  <c r="U173446" i="1"/>
  <c r="U173445" i="1"/>
  <c r="U173444" i="1"/>
  <c r="U173443" i="1"/>
  <c r="U173442" i="1"/>
  <c r="U173441" i="1"/>
  <c r="U173440" i="1"/>
  <c r="U173439" i="1"/>
  <c r="U173438" i="1"/>
  <c r="U173437" i="1"/>
  <c r="U173436" i="1"/>
  <c r="U173435" i="1"/>
  <c r="U173434" i="1"/>
  <c r="U173433" i="1"/>
  <c r="U173432" i="1"/>
  <c r="U173431" i="1"/>
  <c r="U173430" i="1"/>
  <c r="U173429" i="1"/>
  <c r="U173428" i="1"/>
  <c r="U173427" i="1"/>
  <c r="U173426" i="1"/>
  <c r="U173425" i="1"/>
  <c r="U173424" i="1"/>
  <c r="U173423" i="1"/>
  <c r="U173422" i="1"/>
  <c r="U173421" i="1"/>
  <c r="U173420" i="1"/>
  <c r="U173419" i="1"/>
  <c r="U173418" i="1"/>
  <c r="U173417" i="1"/>
  <c r="U173416" i="1"/>
  <c r="U173415" i="1"/>
  <c r="U173414" i="1"/>
  <c r="U173413" i="1"/>
  <c r="U173412" i="1"/>
  <c r="U173411" i="1"/>
  <c r="U173410" i="1"/>
  <c r="U173409" i="1"/>
  <c r="U173408" i="1"/>
  <c r="U173407" i="1"/>
  <c r="U173406" i="1"/>
  <c r="U173405" i="1"/>
  <c r="U173404" i="1"/>
  <c r="U173403" i="1"/>
  <c r="U173402" i="1"/>
  <c r="U173401" i="1"/>
  <c r="U173400" i="1"/>
  <c r="U173399" i="1"/>
  <c r="U173398" i="1"/>
  <c r="U173397" i="1"/>
  <c r="U173396" i="1"/>
  <c r="U173395" i="1"/>
  <c r="U173394" i="1"/>
  <c r="U173393" i="1"/>
  <c r="U173392" i="1"/>
  <c r="U173391" i="1"/>
  <c r="U173390" i="1"/>
  <c r="U173389" i="1"/>
  <c r="U173388" i="1"/>
  <c r="U173387" i="1"/>
  <c r="U173386" i="1"/>
  <c r="U173385" i="1"/>
  <c r="U173384" i="1"/>
  <c r="U173383" i="1"/>
  <c r="U173382" i="1"/>
  <c r="U173381" i="1"/>
  <c r="U173380" i="1"/>
  <c r="U173379" i="1"/>
  <c r="U173378" i="1"/>
  <c r="U173377" i="1"/>
  <c r="U173376" i="1"/>
  <c r="U173375" i="1"/>
  <c r="U173374" i="1"/>
  <c r="U173373" i="1"/>
  <c r="U173372" i="1"/>
  <c r="U173371" i="1"/>
  <c r="U173370" i="1"/>
  <c r="U173369" i="1"/>
  <c r="U173368" i="1"/>
  <c r="U173367" i="1"/>
  <c r="U173366" i="1"/>
  <c r="U173365" i="1"/>
  <c r="U173364" i="1"/>
  <c r="U173363" i="1"/>
  <c r="U173362" i="1"/>
  <c r="U173361" i="1"/>
  <c r="U173360" i="1"/>
  <c r="U173359" i="1"/>
  <c r="U173358" i="1"/>
  <c r="U173357" i="1"/>
  <c r="U173356" i="1"/>
  <c r="U173355" i="1"/>
  <c r="U173354" i="1"/>
  <c r="U173353" i="1"/>
  <c r="U173352" i="1"/>
  <c r="U173351" i="1"/>
  <c r="U173350" i="1"/>
  <c r="U173349" i="1"/>
  <c r="U173348" i="1"/>
  <c r="U173347" i="1"/>
  <c r="U173346" i="1"/>
  <c r="U173345" i="1"/>
  <c r="U173344" i="1"/>
  <c r="U173343" i="1"/>
  <c r="U173342" i="1"/>
  <c r="U173341" i="1"/>
  <c r="U173340" i="1"/>
  <c r="U173339" i="1"/>
  <c r="U173338" i="1"/>
  <c r="U173337" i="1"/>
  <c r="U173336" i="1"/>
  <c r="U173335" i="1"/>
  <c r="U173334" i="1"/>
  <c r="U173333" i="1"/>
  <c r="U173332" i="1"/>
  <c r="U173331" i="1"/>
  <c r="U173330" i="1"/>
  <c r="U173329" i="1"/>
  <c r="U173328" i="1"/>
  <c r="U173327" i="1"/>
  <c r="U173326" i="1"/>
  <c r="U173325" i="1"/>
  <c r="U173324" i="1"/>
  <c r="U173323" i="1"/>
  <c r="U173322" i="1"/>
  <c r="U173321" i="1"/>
  <c r="U173320" i="1"/>
  <c r="U173319" i="1"/>
  <c r="U173318" i="1"/>
  <c r="U173317" i="1"/>
  <c r="U173316" i="1"/>
  <c r="U173315" i="1"/>
  <c r="U173314" i="1"/>
  <c r="U173313" i="1"/>
  <c r="U173312" i="1"/>
  <c r="U173311" i="1"/>
  <c r="U173310" i="1"/>
  <c r="U173309" i="1"/>
  <c r="U173308" i="1"/>
  <c r="U173307" i="1"/>
  <c r="U173306" i="1"/>
  <c r="U173305" i="1"/>
  <c r="U173304" i="1"/>
  <c r="U173303" i="1"/>
  <c r="U173302" i="1"/>
  <c r="U173301" i="1"/>
  <c r="U173300" i="1"/>
  <c r="U173299" i="1"/>
  <c r="U173298" i="1"/>
  <c r="U173297" i="1"/>
  <c r="U173296" i="1"/>
  <c r="U173295" i="1"/>
  <c r="U173294" i="1"/>
  <c r="U173293" i="1"/>
  <c r="U173292" i="1"/>
  <c r="U173291" i="1"/>
  <c r="U173290" i="1"/>
  <c r="U173289" i="1"/>
  <c r="U173288" i="1"/>
  <c r="U173287" i="1"/>
  <c r="U173286" i="1"/>
  <c r="U173285" i="1"/>
  <c r="U173284" i="1"/>
  <c r="U173283" i="1"/>
  <c r="U173282" i="1"/>
  <c r="U173281" i="1"/>
  <c r="U173280" i="1"/>
  <c r="U173279" i="1"/>
  <c r="U173278" i="1"/>
  <c r="U173277" i="1"/>
  <c r="U173276" i="1"/>
  <c r="U173275" i="1"/>
  <c r="U173274" i="1"/>
  <c r="U173273" i="1"/>
  <c r="U173272" i="1"/>
  <c r="U173271" i="1"/>
  <c r="U173270" i="1"/>
  <c r="U173269" i="1"/>
  <c r="U173268" i="1"/>
  <c r="U173267" i="1"/>
  <c r="U173266" i="1"/>
  <c r="U173265" i="1"/>
  <c r="U173264" i="1"/>
  <c r="U173263" i="1"/>
  <c r="U173262" i="1"/>
  <c r="U173261" i="1"/>
  <c r="U173260" i="1"/>
  <c r="U173259" i="1"/>
  <c r="U173258" i="1"/>
  <c r="U173257" i="1"/>
  <c r="U173256" i="1"/>
  <c r="U173255" i="1"/>
  <c r="U173254" i="1"/>
  <c r="U173253" i="1"/>
  <c r="U173252" i="1"/>
  <c r="U173251" i="1"/>
  <c r="U173250" i="1"/>
  <c r="U173249" i="1"/>
  <c r="U173248" i="1"/>
  <c r="U173247" i="1"/>
  <c r="U173246" i="1"/>
  <c r="U173245" i="1"/>
  <c r="U173244" i="1"/>
  <c r="U173243" i="1"/>
  <c r="U173242" i="1"/>
  <c r="U173241" i="1"/>
  <c r="U173240" i="1"/>
  <c r="U173239" i="1"/>
  <c r="U173238" i="1"/>
  <c r="U173237" i="1"/>
  <c r="U173236" i="1"/>
  <c r="U173235" i="1"/>
  <c r="U173234" i="1"/>
  <c r="U173233" i="1"/>
  <c r="U173232" i="1"/>
  <c r="U173231" i="1"/>
  <c r="U173230" i="1"/>
  <c r="U173229" i="1"/>
  <c r="U173228" i="1"/>
  <c r="U173227" i="1"/>
  <c r="U173226" i="1"/>
  <c r="U173225" i="1"/>
  <c r="U173224" i="1"/>
  <c r="U173223" i="1"/>
  <c r="U173222" i="1"/>
  <c r="U173221" i="1"/>
  <c r="U173220" i="1"/>
  <c r="U173219" i="1"/>
  <c r="U173218" i="1"/>
  <c r="U173217" i="1"/>
  <c r="U173216" i="1"/>
  <c r="U173215" i="1"/>
  <c r="U173214" i="1"/>
  <c r="U173213" i="1"/>
  <c r="U173212" i="1"/>
  <c r="U173211" i="1"/>
  <c r="U173210" i="1"/>
  <c r="U173209" i="1"/>
  <c r="U173208" i="1"/>
  <c r="U173207" i="1"/>
  <c r="U173206" i="1"/>
  <c r="U173205" i="1"/>
  <c r="U173204" i="1"/>
  <c r="U173203" i="1"/>
  <c r="U173202" i="1"/>
  <c r="U173201" i="1"/>
  <c r="U173200" i="1"/>
  <c r="U173199" i="1"/>
  <c r="U173198" i="1"/>
  <c r="U173197" i="1"/>
  <c r="U173196" i="1"/>
  <c r="U173195" i="1"/>
  <c r="U173194" i="1"/>
  <c r="U173193" i="1"/>
  <c r="U173192" i="1"/>
  <c r="U173191" i="1"/>
  <c r="U173190" i="1"/>
  <c r="U173189" i="1"/>
  <c r="U173188" i="1"/>
  <c r="U173187" i="1"/>
  <c r="U173186" i="1"/>
  <c r="U173185" i="1"/>
  <c r="U173184" i="1"/>
  <c r="U173183" i="1"/>
  <c r="U173182" i="1"/>
  <c r="U173181" i="1"/>
  <c r="U173180" i="1"/>
  <c r="U173179" i="1"/>
  <c r="U173178" i="1"/>
  <c r="U173177" i="1"/>
  <c r="U173176" i="1"/>
  <c r="U173175" i="1"/>
  <c r="U173174" i="1"/>
  <c r="U173173" i="1"/>
  <c r="U173172" i="1"/>
  <c r="U173171" i="1"/>
  <c r="U173170" i="1"/>
  <c r="U173169" i="1"/>
  <c r="U173168" i="1"/>
  <c r="U173167" i="1"/>
  <c r="U173166" i="1"/>
  <c r="U173165" i="1"/>
  <c r="U173164" i="1"/>
  <c r="U173163" i="1"/>
  <c r="U173162" i="1"/>
  <c r="U173161" i="1"/>
  <c r="U173160" i="1"/>
  <c r="U173159" i="1"/>
  <c r="U173158" i="1"/>
  <c r="U173157" i="1"/>
  <c r="U173156" i="1"/>
  <c r="U173155" i="1"/>
  <c r="U173154" i="1"/>
  <c r="U173153" i="1"/>
  <c r="U173152" i="1"/>
  <c r="U173151" i="1"/>
  <c r="U173150" i="1"/>
  <c r="U173149" i="1"/>
  <c r="U173148" i="1"/>
  <c r="U173147" i="1"/>
  <c r="U173146" i="1"/>
  <c r="U173145" i="1"/>
  <c r="U173144" i="1"/>
  <c r="U173143" i="1"/>
  <c r="U173142" i="1"/>
  <c r="U173141" i="1"/>
  <c r="U173140" i="1"/>
  <c r="U173139" i="1"/>
  <c r="U173138" i="1"/>
  <c r="U173137" i="1"/>
  <c r="U173136" i="1"/>
  <c r="U173135" i="1"/>
  <c r="U173134" i="1"/>
  <c r="U173133" i="1"/>
  <c r="U173132" i="1"/>
  <c r="U173131" i="1"/>
  <c r="U173130" i="1"/>
  <c r="U173129" i="1"/>
  <c r="U173128" i="1"/>
  <c r="U173127" i="1"/>
  <c r="U173126" i="1"/>
  <c r="U173125" i="1"/>
  <c r="U173124" i="1"/>
  <c r="U173123" i="1"/>
  <c r="U173122" i="1"/>
  <c r="U173121" i="1"/>
  <c r="U173120" i="1"/>
  <c r="U173119" i="1"/>
  <c r="U173118" i="1"/>
  <c r="U173117" i="1"/>
  <c r="U173116" i="1"/>
  <c r="U173115" i="1"/>
  <c r="U173114" i="1"/>
  <c r="U173113" i="1"/>
  <c r="U173112" i="1"/>
  <c r="U173111" i="1"/>
  <c r="U173110" i="1"/>
  <c r="U173109" i="1"/>
  <c r="U173108" i="1"/>
  <c r="U173107" i="1"/>
  <c r="U173106" i="1"/>
  <c r="U173105" i="1"/>
  <c r="U173104" i="1"/>
  <c r="U173103" i="1"/>
  <c r="U173102" i="1"/>
  <c r="U173101" i="1"/>
  <c r="U173100" i="1"/>
  <c r="U173099" i="1"/>
  <c r="U173098" i="1"/>
  <c r="U173097" i="1"/>
  <c r="U173096" i="1"/>
  <c r="U173095" i="1"/>
  <c r="U173094" i="1"/>
  <c r="U173093" i="1"/>
  <c r="U173092" i="1"/>
  <c r="U173091" i="1"/>
  <c r="U173090" i="1"/>
  <c r="U173089" i="1"/>
  <c r="U173088" i="1"/>
  <c r="U173087" i="1"/>
  <c r="U173086" i="1"/>
  <c r="U173085" i="1"/>
  <c r="U173084" i="1"/>
  <c r="U173083" i="1"/>
  <c r="U173082" i="1"/>
  <c r="U173081" i="1"/>
  <c r="U173080" i="1"/>
  <c r="U173079" i="1"/>
  <c r="U173078" i="1"/>
  <c r="U173077" i="1"/>
  <c r="U173076" i="1"/>
  <c r="U173075" i="1"/>
  <c r="U173074" i="1"/>
  <c r="U173073" i="1"/>
  <c r="U173072" i="1"/>
  <c r="U173071" i="1"/>
  <c r="U173070" i="1"/>
  <c r="U173069" i="1"/>
  <c r="U173068" i="1"/>
  <c r="U173067" i="1"/>
  <c r="U173066" i="1"/>
  <c r="U173065" i="1"/>
  <c r="U173064" i="1"/>
  <c r="U173063" i="1"/>
  <c r="U173062" i="1"/>
  <c r="U173061" i="1"/>
  <c r="U173060" i="1"/>
  <c r="U173059" i="1"/>
  <c r="U173058" i="1"/>
  <c r="U173057" i="1"/>
  <c r="U173056" i="1"/>
  <c r="U173055" i="1"/>
  <c r="U173054" i="1"/>
  <c r="U173053" i="1"/>
  <c r="U173052" i="1"/>
  <c r="U173051" i="1"/>
  <c r="U173050" i="1"/>
  <c r="U173049" i="1"/>
  <c r="U173048" i="1"/>
  <c r="U173047" i="1"/>
  <c r="U173046" i="1"/>
  <c r="U173045" i="1"/>
  <c r="U173044" i="1"/>
  <c r="U173043" i="1"/>
  <c r="U173042" i="1"/>
  <c r="U173041" i="1"/>
  <c r="U173040" i="1"/>
  <c r="U173039" i="1"/>
  <c r="U173038" i="1"/>
  <c r="U173037" i="1"/>
  <c r="U173036" i="1"/>
  <c r="U173035" i="1"/>
  <c r="U173034" i="1"/>
  <c r="U173033" i="1"/>
  <c r="U173032" i="1"/>
  <c r="U173031" i="1"/>
  <c r="U173030" i="1"/>
  <c r="U173029" i="1"/>
  <c r="U173028" i="1"/>
  <c r="U173027" i="1"/>
  <c r="U173026" i="1"/>
  <c r="U173025" i="1"/>
  <c r="U173024" i="1"/>
  <c r="U173023" i="1"/>
  <c r="U173022" i="1"/>
  <c r="U173021" i="1"/>
  <c r="U173020" i="1"/>
  <c r="U173019" i="1"/>
  <c r="U173018" i="1"/>
  <c r="U173017" i="1"/>
  <c r="U173016" i="1"/>
  <c r="U173015" i="1"/>
  <c r="U173014" i="1"/>
  <c r="U173013" i="1"/>
  <c r="U173012" i="1"/>
  <c r="U173011" i="1"/>
  <c r="U173010" i="1"/>
  <c r="U173009" i="1"/>
  <c r="U173008" i="1"/>
  <c r="U173007" i="1"/>
  <c r="U173006" i="1"/>
  <c r="U173005" i="1"/>
  <c r="U173004" i="1"/>
  <c r="U173003" i="1"/>
  <c r="U173002" i="1"/>
  <c r="U173001" i="1"/>
  <c r="U173000" i="1"/>
  <c r="U172999" i="1"/>
  <c r="U172998" i="1"/>
  <c r="U172997" i="1"/>
  <c r="U172996" i="1"/>
  <c r="U172995" i="1"/>
  <c r="U172994" i="1"/>
  <c r="U172993" i="1"/>
  <c r="U172992" i="1"/>
  <c r="U172991" i="1"/>
  <c r="U172990" i="1"/>
  <c r="U172989" i="1"/>
  <c r="U172988" i="1"/>
  <c r="U172987" i="1"/>
  <c r="U172986" i="1"/>
  <c r="U172985" i="1"/>
  <c r="U172984" i="1"/>
  <c r="U172983" i="1"/>
  <c r="U172982" i="1"/>
  <c r="U172981" i="1"/>
  <c r="U172980" i="1"/>
  <c r="U172979" i="1"/>
  <c r="U172978" i="1"/>
  <c r="U172977" i="1"/>
  <c r="U172976" i="1"/>
  <c r="U172975" i="1"/>
  <c r="U172974" i="1"/>
  <c r="U172973" i="1"/>
  <c r="U172972" i="1"/>
  <c r="U172971" i="1"/>
  <c r="U172970" i="1"/>
  <c r="U172969" i="1"/>
  <c r="U172968" i="1"/>
  <c r="U172967" i="1"/>
  <c r="U172966" i="1"/>
  <c r="U172965" i="1"/>
  <c r="U172964" i="1"/>
  <c r="U172963" i="1"/>
  <c r="U172962" i="1"/>
  <c r="U172961" i="1"/>
  <c r="U172960" i="1"/>
  <c r="U172959" i="1"/>
  <c r="U172958" i="1"/>
  <c r="U172957" i="1"/>
  <c r="U172956" i="1"/>
  <c r="U172955" i="1"/>
  <c r="U172954" i="1"/>
  <c r="U172953" i="1"/>
  <c r="U172952" i="1"/>
  <c r="U172951" i="1"/>
  <c r="U172950" i="1"/>
  <c r="U172949" i="1"/>
  <c r="U172948" i="1"/>
  <c r="U172947" i="1"/>
  <c r="U172946" i="1"/>
  <c r="U172945" i="1"/>
  <c r="U172944" i="1"/>
  <c r="U172943" i="1"/>
  <c r="U172942" i="1"/>
  <c r="U172941" i="1"/>
  <c r="U172940" i="1"/>
  <c r="U172939" i="1"/>
  <c r="U172938" i="1"/>
  <c r="U172937" i="1"/>
  <c r="U172936" i="1"/>
  <c r="U172935" i="1"/>
  <c r="U172934" i="1"/>
  <c r="U172933" i="1"/>
  <c r="U172932" i="1"/>
  <c r="U172931" i="1"/>
  <c r="U172930" i="1"/>
  <c r="U172929" i="1"/>
  <c r="U172928" i="1"/>
  <c r="U172927" i="1"/>
  <c r="U172926" i="1"/>
  <c r="U172925" i="1"/>
  <c r="U172924" i="1"/>
  <c r="U172923" i="1"/>
  <c r="U172922" i="1"/>
  <c r="U172921" i="1"/>
  <c r="U172920" i="1"/>
  <c r="U172919" i="1"/>
  <c r="U172918" i="1"/>
  <c r="U172917" i="1"/>
  <c r="U172916" i="1"/>
  <c r="U172915" i="1"/>
  <c r="U172914" i="1"/>
  <c r="U172913" i="1"/>
  <c r="U172912" i="1"/>
  <c r="U172911" i="1"/>
  <c r="U172910" i="1"/>
  <c r="U172909" i="1"/>
  <c r="U172908" i="1"/>
  <c r="U172907" i="1"/>
  <c r="U172906" i="1"/>
  <c r="U172905" i="1"/>
  <c r="U172904" i="1"/>
  <c r="U172903" i="1"/>
  <c r="U172902" i="1"/>
  <c r="U172901" i="1"/>
  <c r="U172900" i="1"/>
  <c r="U172899" i="1"/>
  <c r="U172898" i="1"/>
  <c r="U172897" i="1"/>
  <c r="U172896" i="1"/>
  <c r="U172895" i="1"/>
  <c r="U172894" i="1"/>
  <c r="U172893" i="1"/>
  <c r="U172892" i="1"/>
  <c r="U172891" i="1"/>
  <c r="U172890" i="1"/>
  <c r="U172889" i="1"/>
  <c r="U172888" i="1"/>
  <c r="U172887" i="1"/>
  <c r="U172886" i="1"/>
  <c r="U172885" i="1"/>
  <c r="U172884" i="1"/>
  <c r="U172883" i="1"/>
  <c r="U172882" i="1"/>
  <c r="U172881" i="1"/>
  <c r="U172880" i="1"/>
  <c r="U172879" i="1"/>
  <c r="U172878" i="1"/>
  <c r="U172877" i="1"/>
  <c r="U172876" i="1"/>
  <c r="U172875" i="1"/>
  <c r="U172874" i="1"/>
  <c r="U172873" i="1"/>
  <c r="U172872" i="1"/>
  <c r="U172871" i="1"/>
  <c r="U172870" i="1"/>
  <c r="U172869" i="1"/>
  <c r="U172868" i="1"/>
  <c r="U172867" i="1"/>
  <c r="U172866" i="1"/>
  <c r="U172865" i="1"/>
  <c r="U172864" i="1"/>
  <c r="U172863" i="1"/>
  <c r="U172862" i="1"/>
  <c r="U172861" i="1"/>
  <c r="U172860" i="1"/>
  <c r="U172859" i="1"/>
  <c r="U172858" i="1"/>
  <c r="U172857" i="1"/>
  <c r="U172856" i="1"/>
  <c r="U172855" i="1"/>
  <c r="U172854" i="1"/>
  <c r="U172853" i="1"/>
  <c r="U172852" i="1"/>
  <c r="U172851" i="1"/>
  <c r="U172850" i="1"/>
  <c r="U172849" i="1"/>
  <c r="U172848" i="1"/>
  <c r="U172847" i="1"/>
  <c r="U172846" i="1"/>
  <c r="U172845" i="1"/>
  <c r="U172844" i="1"/>
  <c r="U172843" i="1"/>
  <c r="U172842" i="1"/>
  <c r="U172841" i="1"/>
  <c r="U172840" i="1"/>
  <c r="U172839" i="1"/>
  <c r="U172838" i="1"/>
  <c r="U172837" i="1"/>
  <c r="U172836" i="1"/>
  <c r="U172835" i="1"/>
  <c r="U172834" i="1"/>
  <c r="U172833" i="1"/>
  <c r="U172832" i="1"/>
  <c r="U172831" i="1"/>
  <c r="U172830" i="1"/>
  <c r="U172829" i="1"/>
  <c r="U172828" i="1"/>
  <c r="U172827" i="1"/>
  <c r="U172826" i="1"/>
  <c r="U172825" i="1"/>
  <c r="U172824" i="1"/>
  <c r="U172823" i="1"/>
  <c r="U172822" i="1"/>
  <c r="U172821" i="1"/>
  <c r="U172820" i="1"/>
  <c r="U172819" i="1"/>
  <c r="U172818" i="1"/>
  <c r="U172817" i="1"/>
  <c r="U172816" i="1"/>
  <c r="U172815" i="1"/>
  <c r="U172814" i="1"/>
  <c r="U172813" i="1"/>
  <c r="U172812" i="1"/>
  <c r="U172811" i="1"/>
  <c r="U172810" i="1"/>
  <c r="U172809" i="1"/>
  <c r="U172808" i="1"/>
  <c r="U172807" i="1"/>
  <c r="U172806" i="1"/>
  <c r="U172805" i="1"/>
  <c r="U172804" i="1"/>
  <c r="U172803" i="1"/>
  <c r="U172802" i="1"/>
  <c r="U172801" i="1"/>
  <c r="U172800" i="1"/>
  <c r="U172799" i="1"/>
  <c r="U172798" i="1"/>
  <c r="U172797" i="1"/>
  <c r="U172796" i="1"/>
  <c r="U172795" i="1"/>
  <c r="U172794" i="1"/>
  <c r="U172793" i="1"/>
  <c r="U172792" i="1"/>
  <c r="U172791" i="1"/>
  <c r="U172790" i="1"/>
  <c r="U172789" i="1"/>
  <c r="U172788" i="1"/>
  <c r="U172787" i="1"/>
  <c r="U172786" i="1"/>
  <c r="U172785" i="1"/>
  <c r="U172784" i="1"/>
  <c r="U172783" i="1"/>
  <c r="U172782" i="1"/>
  <c r="U172781" i="1"/>
  <c r="U172780" i="1"/>
  <c r="U172779" i="1"/>
  <c r="U172778" i="1"/>
  <c r="U172777" i="1"/>
  <c r="U172776" i="1"/>
  <c r="U172775" i="1"/>
  <c r="U172774" i="1"/>
  <c r="U172773" i="1"/>
  <c r="U172772" i="1"/>
  <c r="U172771" i="1"/>
  <c r="U172770" i="1"/>
  <c r="U172769" i="1"/>
  <c r="U172768" i="1"/>
  <c r="U172767" i="1"/>
  <c r="U172766" i="1"/>
  <c r="U172765" i="1"/>
  <c r="U172764" i="1"/>
  <c r="U172763" i="1"/>
  <c r="U172762" i="1"/>
  <c r="U172761" i="1"/>
  <c r="U172760" i="1"/>
  <c r="U172759" i="1"/>
  <c r="U172758" i="1"/>
  <c r="U172757" i="1"/>
  <c r="U172756" i="1"/>
  <c r="U172755" i="1"/>
  <c r="U172754" i="1"/>
  <c r="U172753" i="1"/>
  <c r="U172752" i="1"/>
  <c r="U172751" i="1"/>
  <c r="U172750" i="1"/>
  <c r="U172749" i="1"/>
  <c r="U172748" i="1"/>
  <c r="U172747" i="1"/>
  <c r="U172746" i="1"/>
  <c r="U172745" i="1"/>
  <c r="U172744" i="1"/>
  <c r="U172743" i="1"/>
  <c r="U172742" i="1"/>
  <c r="U172741" i="1"/>
  <c r="U172740" i="1"/>
  <c r="U172739" i="1"/>
  <c r="U172738" i="1"/>
  <c r="U172737" i="1"/>
  <c r="U172736" i="1"/>
  <c r="U172735" i="1"/>
  <c r="U172734" i="1"/>
  <c r="U172733" i="1"/>
  <c r="U172732" i="1"/>
  <c r="U172731" i="1"/>
  <c r="U172730" i="1"/>
  <c r="U172729" i="1"/>
  <c r="U172728" i="1"/>
  <c r="U172727" i="1"/>
  <c r="U172726" i="1"/>
  <c r="U172725" i="1"/>
  <c r="U172724" i="1"/>
  <c r="U172723" i="1"/>
  <c r="U172722" i="1"/>
  <c r="U172721" i="1"/>
  <c r="U172720" i="1"/>
  <c r="U172719" i="1"/>
  <c r="U172718" i="1"/>
  <c r="U172717" i="1"/>
  <c r="U172716" i="1"/>
  <c r="U172715" i="1"/>
  <c r="U172714" i="1"/>
  <c r="U172713" i="1"/>
  <c r="U172712" i="1"/>
  <c r="U172711" i="1"/>
  <c r="U172710" i="1"/>
  <c r="U172709" i="1"/>
  <c r="U172708" i="1"/>
  <c r="U172707" i="1"/>
  <c r="U172706" i="1"/>
  <c r="U172705" i="1"/>
  <c r="U172704" i="1"/>
  <c r="U172703" i="1"/>
  <c r="U172702" i="1"/>
  <c r="U172701" i="1"/>
  <c r="U172700" i="1"/>
  <c r="U172699" i="1"/>
  <c r="U172698" i="1"/>
  <c r="U172697" i="1"/>
  <c r="U172696" i="1"/>
  <c r="U172695" i="1"/>
  <c r="U172694" i="1"/>
  <c r="U172693" i="1"/>
  <c r="U172692" i="1"/>
  <c r="U172691" i="1"/>
  <c r="U172690" i="1"/>
  <c r="U172689" i="1"/>
  <c r="U172688" i="1"/>
  <c r="U172687" i="1"/>
  <c r="U172686" i="1"/>
  <c r="U172685" i="1"/>
  <c r="U172684" i="1"/>
  <c r="U172683" i="1"/>
  <c r="U172682" i="1"/>
  <c r="U172681" i="1"/>
  <c r="U172680" i="1"/>
  <c r="U172679" i="1"/>
  <c r="U172678" i="1"/>
  <c r="U172677" i="1"/>
  <c r="U172676" i="1"/>
  <c r="U172675" i="1"/>
  <c r="U172674" i="1"/>
  <c r="U172673" i="1"/>
  <c r="U172672" i="1"/>
  <c r="U172671" i="1"/>
  <c r="U172670" i="1"/>
  <c r="U172669" i="1"/>
  <c r="U172668" i="1"/>
  <c r="U172667" i="1"/>
  <c r="U172666" i="1"/>
  <c r="U172665" i="1"/>
  <c r="U172664" i="1"/>
  <c r="U172663" i="1"/>
  <c r="U172662" i="1"/>
  <c r="U172661" i="1"/>
  <c r="U172660" i="1"/>
  <c r="U172659" i="1"/>
  <c r="U172658" i="1"/>
  <c r="U172657" i="1"/>
  <c r="U172656" i="1"/>
  <c r="U172655" i="1"/>
  <c r="U172654" i="1"/>
  <c r="U172653" i="1"/>
  <c r="U172652" i="1"/>
  <c r="U172651" i="1"/>
  <c r="U172650" i="1"/>
  <c r="U172649" i="1"/>
  <c r="U172648" i="1"/>
  <c r="U172647" i="1"/>
  <c r="U172646" i="1"/>
  <c r="U172645" i="1"/>
  <c r="U172644" i="1"/>
  <c r="U172643" i="1"/>
  <c r="U172642" i="1"/>
  <c r="U172641" i="1"/>
  <c r="U172640" i="1"/>
  <c r="U172639" i="1"/>
  <c r="U172638" i="1"/>
  <c r="U172637" i="1"/>
  <c r="U172636" i="1"/>
  <c r="U172635" i="1"/>
  <c r="U172634" i="1"/>
  <c r="U172633" i="1"/>
  <c r="U172632" i="1"/>
  <c r="U172631" i="1"/>
  <c r="U172630" i="1"/>
  <c r="U172629" i="1"/>
  <c r="U172628" i="1"/>
  <c r="U172627" i="1"/>
  <c r="U172626" i="1"/>
  <c r="U172625" i="1"/>
  <c r="U172624" i="1"/>
  <c r="U172623" i="1"/>
  <c r="U172622" i="1"/>
  <c r="U172621" i="1"/>
  <c r="U172620" i="1"/>
  <c r="U172619" i="1"/>
  <c r="U172618" i="1"/>
  <c r="U172617" i="1"/>
  <c r="U172616" i="1"/>
  <c r="U172615" i="1"/>
  <c r="U172614" i="1"/>
  <c r="U172613" i="1"/>
  <c r="U172612" i="1"/>
  <c r="U172611" i="1"/>
  <c r="U172610" i="1"/>
  <c r="U172609" i="1"/>
  <c r="U172608" i="1"/>
  <c r="U172607" i="1"/>
  <c r="U172606" i="1"/>
  <c r="U172605" i="1"/>
  <c r="U172604" i="1"/>
  <c r="U172603" i="1"/>
  <c r="U172602" i="1"/>
  <c r="U172601" i="1"/>
  <c r="U172600" i="1"/>
  <c r="U172599" i="1"/>
  <c r="U172598" i="1"/>
  <c r="U172597" i="1"/>
  <c r="U172596" i="1"/>
  <c r="U172595" i="1"/>
  <c r="U172594" i="1"/>
  <c r="U172593" i="1"/>
  <c r="U172592" i="1"/>
  <c r="U172591" i="1"/>
  <c r="U172590" i="1"/>
  <c r="U172589" i="1"/>
  <c r="U172588" i="1"/>
  <c r="U172587" i="1"/>
  <c r="U172586" i="1"/>
  <c r="U172585" i="1"/>
  <c r="U172584" i="1"/>
  <c r="U172583" i="1"/>
  <c r="U172582" i="1"/>
  <c r="U172581" i="1"/>
  <c r="U172580" i="1"/>
  <c r="U172579" i="1"/>
  <c r="U172578" i="1"/>
  <c r="U172577" i="1"/>
  <c r="U172576" i="1"/>
  <c r="U172575" i="1"/>
  <c r="U172574" i="1"/>
  <c r="U172573" i="1"/>
  <c r="U172572" i="1"/>
  <c r="U172571" i="1"/>
  <c r="U172570" i="1"/>
  <c r="U172569" i="1"/>
  <c r="U172568" i="1"/>
  <c r="U172567" i="1"/>
  <c r="U172566" i="1"/>
  <c r="U172565" i="1"/>
  <c r="U172564" i="1"/>
  <c r="U172563" i="1"/>
  <c r="U172562" i="1"/>
  <c r="U172561" i="1"/>
  <c r="U172560" i="1"/>
  <c r="U172559" i="1"/>
  <c r="U172558" i="1"/>
  <c r="U172557" i="1"/>
  <c r="U172556" i="1"/>
  <c r="U172555" i="1"/>
  <c r="U172554" i="1"/>
  <c r="U172553" i="1"/>
  <c r="U172552" i="1"/>
  <c r="U172551" i="1"/>
  <c r="U172550" i="1"/>
  <c r="U172549" i="1"/>
  <c r="U172548" i="1"/>
  <c r="U172547" i="1"/>
  <c r="U172546" i="1"/>
  <c r="U172545" i="1"/>
  <c r="U172544" i="1"/>
  <c r="U172543" i="1"/>
  <c r="U172542" i="1"/>
  <c r="U172541" i="1"/>
  <c r="U172540" i="1"/>
  <c r="U172539" i="1"/>
  <c r="U172538" i="1"/>
  <c r="U172537" i="1"/>
  <c r="U172536" i="1"/>
  <c r="U172535" i="1"/>
  <c r="U172534" i="1"/>
  <c r="U172533" i="1"/>
  <c r="U172532" i="1"/>
  <c r="U172531" i="1"/>
  <c r="U172530" i="1"/>
  <c r="U172529" i="1"/>
  <c r="U172528" i="1"/>
  <c r="U172527" i="1"/>
  <c r="U172526" i="1"/>
  <c r="U172525" i="1"/>
  <c r="U172524" i="1"/>
  <c r="U172523" i="1"/>
  <c r="U172522" i="1"/>
  <c r="U172521" i="1"/>
  <c r="U172520" i="1"/>
  <c r="U172519" i="1"/>
  <c r="U172518" i="1"/>
  <c r="U172517" i="1"/>
  <c r="U172516" i="1"/>
  <c r="U172515" i="1"/>
  <c r="U172514" i="1"/>
  <c r="U172513" i="1"/>
  <c r="U172512" i="1"/>
  <c r="U172511" i="1"/>
  <c r="U172510" i="1"/>
  <c r="U172509" i="1"/>
  <c r="U172508" i="1"/>
  <c r="U172507" i="1"/>
  <c r="U172506" i="1"/>
  <c r="U172505" i="1"/>
  <c r="U172504" i="1"/>
  <c r="U172503" i="1"/>
  <c r="U172502" i="1"/>
  <c r="U172501" i="1"/>
  <c r="U172500" i="1"/>
  <c r="U172499" i="1"/>
  <c r="U172498" i="1"/>
  <c r="U172497" i="1"/>
  <c r="U172496" i="1"/>
  <c r="U172495" i="1"/>
  <c r="U172494" i="1"/>
  <c r="U172493" i="1"/>
  <c r="U172492" i="1"/>
  <c r="U172491" i="1"/>
  <c r="U172490" i="1"/>
  <c r="U172489" i="1"/>
  <c r="U172488" i="1"/>
  <c r="U172487" i="1"/>
  <c r="U172486" i="1"/>
  <c r="U172485" i="1"/>
  <c r="U172484" i="1"/>
  <c r="U172483" i="1"/>
  <c r="U172482" i="1"/>
  <c r="U172481" i="1"/>
  <c r="U172480" i="1"/>
  <c r="U172479" i="1"/>
  <c r="U172478" i="1"/>
  <c r="U172477" i="1"/>
  <c r="U172476" i="1"/>
  <c r="U172475" i="1"/>
  <c r="U172474" i="1"/>
  <c r="U172473" i="1"/>
  <c r="U172472" i="1"/>
  <c r="U172471" i="1"/>
  <c r="U172470" i="1"/>
  <c r="U172469" i="1"/>
  <c r="U172468" i="1"/>
  <c r="U172467" i="1"/>
  <c r="U172466" i="1"/>
  <c r="U172465" i="1"/>
  <c r="U172464" i="1"/>
  <c r="U172463" i="1"/>
  <c r="U172462" i="1"/>
  <c r="U172461" i="1"/>
  <c r="U172460" i="1"/>
  <c r="U172459" i="1"/>
  <c r="U172458" i="1"/>
  <c r="U172457" i="1"/>
  <c r="U172456" i="1"/>
  <c r="U172455" i="1"/>
  <c r="U172454" i="1"/>
  <c r="U172453" i="1"/>
  <c r="U172452" i="1"/>
  <c r="U172451" i="1"/>
  <c r="U172450" i="1"/>
  <c r="U172449" i="1"/>
  <c r="U172448" i="1"/>
  <c r="U172447" i="1"/>
  <c r="U172446" i="1"/>
  <c r="U172445" i="1"/>
  <c r="U172444" i="1"/>
  <c r="U172443" i="1"/>
  <c r="U172442" i="1"/>
  <c r="U172441" i="1"/>
  <c r="U172440" i="1"/>
  <c r="U172439" i="1"/>
  <c r="U172438" i="1"/>
  <c r="U172437" i="1"/>
  <c r="U172436" i="1"/>
  <c r="U172435" i="1"/>
  <c r="U172434" i="1"/>
  <c r="U172433" i="1"/>
  <c r="U172432" i="1"/>
  <c r="U172431" i="1"/>
  <c r="U172430" i="1"/>
  <c r="U172429" i="1"/>
  <c r="U172428" i="1"/>
  <c r="U172427" i="1"/>
  <c r="U172426" i="1"/>
  <c r="U172425" i="1"/>
  <c r="U172424" i="1"/>
  <c r="U172423" i="1"/>
  <c r="U172422" i="1"/>
  <c r="U172421" i="1"/>
  <c r="U172420" i="1"/>
  <c r="U172419" i="1"/>
  <c r="U172418" i="1"/>
  <c r="U172417" i="1"/>
  <c r="U172416" i="1"/>
  <c r="U172415" i="1"/>
  <c r="U172414" i="1"/>
  <c r="U172413" i="1"/>
  <c r="U172412" i="1"/>
  <c r="U172411" i="1"/>
  <c r="U172410" i="1"/>
  <c r="U172409" i="1"/>
  <c r="U172408" i="1"/>
  <c r="U172407" i="1"/>
  <c r="U172406" i="1"/>
  <c r="U172405" i="1"/>
  <c r="U172404" i="1"/>
  <c r="U172403" i="1"/>
  <c r="U172402" i="1"/>
  <c r="U172401" i="1"/>
  <c r="U172400" i="1"/>
  <c r="U172399" i="1"/>
  <c r="U172398" i="1"/>
  <c r="U172397" i="1"/>
  <c r="U172396" i="1"/>
  <c r="U172395" i="1"/>
  <c r="U172394" i="1"/>
  <c r="U172393" i="1"/>
  <c r="U172392" i="1"/>
  <c r="U172391" i="1"/>
  <c r="U172390" i="1"/>
  <c r="U172389" i="1"/>
  <c r="U172388" i="1"/>
  <c r="U172387" i="1"/>
  <c r="U172386" i="1"/>
  <c r="U172385" i="1"/>
  <c r="U172384" i="1"/>
  <c r="U172383" i="1"/>
  <c r="U172382" i="1"/>
  <c r="U172381" i="1"/>
  <c r="U172380" i="1"/>
  <c r="U172379" i="1"/>
  <c r="U172378" i="1"/>
  <c r="U172377" i="1"/>
  <c r="U172376" i="1"/>
  <c r="U172375" i="1"/>
  <c r="U172374" i="1"/>
  <c r="U172373" i="1"/>
  <c r="U172372" i="1"/>
  <c r="U172371" i="1"/>
  <c r="U172370" i="1"/>
  <c r="U172369" i="1"/>
  <c r="U172368" i="1"/>
  <c r="U172367" i="1"/>
  <c r="U172366" i="1"/>
  <c r="U172365" i="1"/>
  <c r="U172364" i="1"/>
  <c r="U172363" i="1"/>
  <c r="U172362" i="1"/>
  <c r="U172361" i="1"/>
  <c r="U172360" i="1"/>
  <c r="U172359" i="1"/>
  <c r="U172358" i="1"/>
  <c r="U172357" i="1"/>
  <c r="U172356" i="1"/>
  <c r="U172355" i="1"/>
  <c r="U172354" i="1"/>
  <c r="U172353" i="1"/>
  <c r="U172352" i="1"/>
  <c r="U172351" i="1"/>
  <c r="U172350" i="1"/>
  <c r="U172349" i="1"/>
  <c r="U172348" i="1"/>
  <c r="U172347" i="1"/>
  <c r="U172346" i="1"/>
  <c r="U172345" i="1"/>
  <c r="U172344" i="1"/>
  <c r="U172343" i="1"/>
  <c r="U172342" i="1"/>
  <c r="U172341" i="1"/>
  <c r="U172340" i="1"/>
  <c r="U172339" i="1"/>
  <c r="U172338" i="1"/>
  <c r="U172337" i="1"/>
  <c r="U172336" i="1"/>
  <c r="U172335" i="1"/>
  <c r="U172334" i="1"/>
  <c r="U172333" i="1"/>
  <c r="U172332" i="1"/>
  <c r="U172331" i="1"/>
  <c r="U172330" i="1"/>
  <c r="U172329" i="1"/>
  <c r="U172328" i="1"/>
  <c r="U172327" i="1"/>
  <c r="U172326" i="1"/>
  <c r="U172325" i="1"/>
  <c r="U172324" i="1"/>
  <c r="U172323" i="1"/>
  <c r="U172322" i="1"/>
  <c r="U172321" i="1"/>
  <c r="U172320" i="1"/>
  <c r="U172319" i="1"/>
  <c r="U172318" i="1"/>
  <c r="U172317" i="1"/>
  <c r="U172316" i="1"/>
  <c r="U172315" i="1"/>
  <c r="U172314" i="1"/>
  <c r="U172313" i="1"/>
  <c r="U172312" i="1"/>
  <c r="U172311" i="1"/>
  <c r="U172310" i="1"/>
  <c r="U172309" i="1"/>
  <c r="U172308" i="1"/>
  <c r="U172307" i="1"/>
  <c r="U172306" i="1"/>
  <c r="U172305" i="1"/>
  <c r="U172304" i="1"/>
  <c r="U172303" i="1"/>
  <c r="U172302" i="1"/>
  <c r="U172301" i="1"/>
  <c r="U172300" i="1"/>
  <c r="U172299" i="1"/>
  <c r="U172298" i="1"/>
  <c r="U172297" i="1"/>
  <c r="U172296" i="1"/>
  <c r="U172295" i="1"/>
  <c r="U172294" i="1"/>
  <c r="U172293" i="1"/>
  <c r="U172292" i="1"/>
  <c r="U172291" i="1"/>
  <c r="U172290" i="1"/>
  <c r="U172289" i="1"/>
  <c r="U172288" i="1"/>
  <c r="U172287" i="1"/>
  <c r="U172286" i="1"/>
  <c r="U172285" i="1"/>
  <c r="U172284" i="1"/>
  <c r="U172283" i="1"/>
  <c r="U172282" i="1"/>
  <c r="U172281" i="1"/>
  <c r="U172280" i="1"/>
  <c r="U172279" i="1"/>
  <c r="U172278" i="1"/>
  <c r="U172277" i="1"/>
  <c r="U172276" i="1"/>
  <c r="U172275" i="1"/>
  <c r="U172274" i="1"/>
  <c r="U172273" i="1"/>
  <c r="U172272" i="1"/>
  <c r="U172271" i="1"/>
  <c r="U172270" i="1"/>
  <c r="U172269" i="1"/>
  <c r="U172268" i="1"/>
  <c r="U172267" i="1"/>
  <c r="U172266" i="1"/>
  <c r="U172265" i="1"/>
  <c r="U172264" i="1"/>
  <c r="U172263" i="1"/>
  <c r="U172262" i="1"/>
  <c r="U172261" i="1"/>
  <c r="U172260" i="1"/>
  <c r="U172259" i="1"/>
  <c r="U172258" i="1"/>
  <c r="U172257" i="1"/>
  <c r="U172256" i="1"/>
  <c r="U172255" i="1"/>
  <c r="U172254" i="1"/>
  <c r="U172253" i="1"/>
  <c r="U172252" i="1"/>
  <c r="U172251" i="1"/>
  <c r="U172250" i="1"/>
  <c r="U172249" i="1"/>
  <c r="U172248" i="1"/>
  <c r="U172247" i="1"/>
  <c r="U172246" i="1"/>
  <c r="U172245" i="1"/>
  <c r="U172244" i="1"/>
  <c r="U172243" i="1"/>
  <c r="U172242" i="1"/>
  <c r="U172241" i="1"/>
  <c r="U172240" i="1"/>
  <c r="U172239" i="1"/>
  <c r="U172238" i="1"/>
  <c r="U172237" i="1"/>
  <c r="U172236" i="1"/>
  <c r="U172235" i="1"/>
  <c r="U172234" i="1"/>
  <c r="U172233" i="1"/>
  <c r="U172232" i="1"/>
  <c r="U172231" i="1"/>
  <c r="U172230" i="1"/>
  <c r="U172229" i="1"/>
  <c r="U172228" i="1"/>
  <c r="U172227" i="1"/>
  <c r="U172226" i="1"/>
  <c r="U172225" i="1"/>
  <c r="U172224" i="1"/>
  <c r="U172223" i="1"/>
  <c r="U172222" i="1"/>
  <c r="U172221" i="1"/>
  <c r="U172220" i="1"/>
  <c r="U172219" i="1"/>
  <c r="U172218" i="1"/>
  <c r="U172217" i="1"/>
  <c r="U172216" i="1"/>
  <c r="U172215" i="1"/>
  <c r="U172214" i="1"/>
  <c r="U172213" i="1"/>
  <c r="U172212" i="1"/>
  <c r="U172211" i="1"/>
  <c r="U172210" i="1"/>
  <c r="U172209" i="1"/>
  <c r="U172208" i="1"/>
  <c r="U172207" i="1"/>
  <c r="U172206" i="1"/>
  <c r="U172205" i="1"/>
  <c r="U172204" i="1"/>
  <c r="U172203" i="1"/>
  <c r="U172202" i="1"/>
  <c r="U172201" i="1"/>
  <c r="U172200" i="1"/>
  <c r="U172199" i="1"/>
  <c r="U172198" i="1"/>
  <c r="U172197" i="1"/>
  <c r="U172196" i="1"/>
  <c r="U172195" i="1"/>
  <c r="U172194" i="1"/>
  <c r="U172193" i="1"/>
  <c r="U172192" i="1"/>
  <c r="U172191" i="1"/>
  <c r="U172190" i="1"/>
  <c r="U172189" i="1"/>
  <c r="U172188" i="1"/>
  <c r="U172187" i="1"/>
  <c r="U172186" i="1"/>
  <c r="U172185" i="1"/>
  <c r="U172184" i="1"/>
  <c r="U172183" i="1"/>
  <c r="U172182" i="1"/>
  <c r="U172181" i="1"/>
  <c r="U172180" i="1"/>
  <c r="U172179" i="1"/>
  <c r="U172178" i="1"/>
  <c r="U172177" i="1"/>
  <c r="U172176" i="1"/>
  <c r="U172175" i="1"/>
  <c r="U172174" i="1"/>
  <c r="U172173" i="1"/>
  <c r="U172172" i="1"/>
  <c r="U172171" i="1"/>
  <c r="U172170" i="1"/>
  <c r="U172169" i="1"/>
  <c r="U172168" i="1"/>
  <c r="U172167" i="1"/>
  <c r="U172166" i="1"/>
  <c r="U172165" i="1"/>
  <c r="U172164" i="1"/>
  <c r="U172163" i="1"/>
  <c r="U172162" i="1"/>
  <c r="U172161" i="1"/>
  <c r="U172160" i="1"/>
  <c r="U172159" i="1"/>
  <c r="U172158" i="1"/>
  <c r="U172157" i="1"/>
  <c r="U172156" i="1"/>
  <c r="U172155" i="1"/>
  <c r="U172154" i="1"/>
  <c r="U172153" i="1"/>
  <c r="U172152" i="1"/>
  <c r="U172151" i="1"/>
  <c r="U172150" i="1"/>
  <c r="U172149" i="1"/>
  <c r="U172148" i="1"/>
  <c r="U172147" i="1"/>
  <c r="U172146" i="1"/>
  <c r="U172145" i="1"/>
  <c r="U172144" i="1"/>
  <c r="U172143" i="1"/>
  <c r="U172142" i="1"/>
  <c r="U172141" i="1"/>
  <c r="U172140" i="1"/>
  <c r="U172139" i="1"/>
  <c r="U172138" i="1"/>
  <c r="U172137" i="1"/>
  <c r="U172136" i="1"/>
  <c r="U172135" i="1"/>
  <c r="U172134" i="1"/>
  <c r="U172133" i="1"/>
  <c r="U172132" i="1"/>
  <c r="U172131" i="1"/>
  <c r="U172130" i="1"/>
  <c r="U172129" i="1"/>
  <c r="U172128" i="1"/>
  <c r="U172127" i="1"/>
  <c r="U172126" i="1"/>
  <c r="U172125" i="1"/>
  <c r="U172124" i="1"/>
  <c r="U172123" i="1"/>
  <c r="U172122" i="1"/>
  <c r="U172121" i="1"/>
  <c r="U172120" i="1"/>
  <c r="U172119" i="1"/>
  <c r="U172118" i="1"/>
  <c r="U172117" i="1"/>
  <c r="U172116" i="1"/>
  <c r="U172115" i="1"/>
  <c r="U172114" i="1"/>
  <c r="U172113" i="1"/>
  <c r="U172112" i="1"/>
  <c r="U172111" i="1"/>
  <c r="U172110" i="1"/>
  <c r="U172109" i="1"/>
  <c r="U172108" i="1"/>
  <c r="U172107" i="1"/>
  <c r="U172106" i="1"/>
  <c r="U172105" i="1"/>
  <c r="U172104" i="1"/>
  <c r="U172103" i="1"/>
  <c r="U172102" i="1"/>
  <c r="U172101" i="1"/>
  <c r="U172100" i="1"/>
  <c r="U172099" i="1"/>
  <c r="U172098" i="1"/>
  <c r="U172097" i="1"/>
  <c r="U172096" i="1"/>
  <c r="U172095" i="1"/>
  <c r="U172094" i="1"/>
  <c r="U172093" i="1"/>
  <c r="U172092" i="1"/>
  <c r="U172091" i="1"/>
  <c r="U172090" i="1"/>
  <c r="U172089" i="1"/>
  <c r="U172088" i="1"/>
  <c r="U172087" i="1"/>
  <c r="U172086" i="1"/>
  <c r="U172085" i="1"/>
  <c r="U172084" i="1"/>
  <c r="U172083" i="1"/>
  <c r="U172082" i="1"/>
  <c r="U172081" i="1"/>
  <c r="U172080" i="1"/>
  <c r="U172079" i="1"/>
  <c r="U172078" i="1"/>
  <c r="U172077" i="1"/>
  <c r="U172076" i="1"/>
  <c r="U172075" i="1"/>
  <c r="U172074" i="1"/>
  <c r="U172073" i="1"/>
  <c r="U172072" i="1"/>
  <c r="U172071" i="1"/>
  <c r="U172070" i="1"/>
  <c r="U172069" i="1"/>
  <c r="U172068" i="1"/>
  <c r="U172067" i="1"/>
  <c r="U172066" i="1"/>
  <c r="U172065" i="1"/>
  <c r="U172064" i="1"/>
  <c r="U172063" i="1"/>
  <c r="U172062" i="1"/>
  <c r="U172061" i="1"/>
  <c r="U172060" i="1"/>
  <c r="U172059" i="1"/>
  <c r="U172058" i="1"/>
  <c r="U172057" i="1"/>
  <c r="U172056" i="1"/>
  <c r="U172055" i="1"/>
  <c r="U172054" i="1"/>
  <c r="U172053" i="1"/>
  <c r="U172052" i="1"/>
  <c r="U172051" i="1"/>
  <c r="U172050" i="1"/>
  <c r="U172049" i="1"/>
  <c r="U172048" i="1"/>
  <c r="U172047" i="1"/>
  <c r="U172046" i="1"/>
  <c r="U172045" i="1"/>
  <c r="U172044" i="1"/>
  <c r="U172043" i="1"/>
  <c r="U172042" i="1"/>
  <c r="U172041" i="1"/>
  <c r="U172040" i="1"/>
  <c r="U172039" i="1"/>
  <c r="U172038" i="1"/>
  <c r="U172037" i="1"/>
  <c r="U172036" i="1"/>
  <c r="U172035" i="1"/>
  <c r="U172034" i="1"/>
  <c r="U172033" i="1"/>
  <c r="U172032" i="1"/>
  <c r="U172031" i="1"/>
  <c r="U172030" i="1"/>
  <c r="U172029" i="1"/>
  <c r="U172028" i="1"/>
  <c r="U172027" i="1"/>
  <c r="U172026" i="1"/>
  <c r="U172025" i="1"/>
  <c r="U172024" i="1"/>
  <c r="U172023" i="1"/>
  <c r="U172022" i="1"/>
  <c r="U172021" i="1"/>
  <c r="U172020" i="1"/>
  <c r="U172019" i="1"/>
  <c r="U172018" i="1"/>
  <c r="U172017" i="1"/>
  <c r="U172016" i="1"/>
  <c r="U172015" i="1"/>
  <c r="U172014" i="1"/>
  <c r="U172013" i="1"/>
  <c r="U172012" i="1"/>
  <c r="U172011" i="1"/>
  <c r="U172010" i="1"/>
  <c r="U172009" i="1"/>
  <c r="U172008" i="1"/>
  <c r="U172007" i="1"/>
  <c r="U172006" i="1"/>
  <c r="U172005" i="1"/>
  <c r="U172004" i="1"/>
  <c r="U172003" i="1"/>
  <c r="U172002" i="1"/>
  <c r="U172001" i="1"/>
  <c r="U172000" i="1"/>
  <c r="U171999" i="1"/>
  <c r="U171998" i="1"/>
  <c r="U171997" i="1"/>
  <c r="U171996" i="1"/>
  <c r="U171995" i="1"/>
  <c r="U171994" i="1"/>
  <c r="U171993" i="1"/>
  <c r="U171992" i="1"/>
  <c r="U171991" i="1"/>
  <c r="U171990" i="1"/>
  <c r="U171989" i="1"/>
  <c r="U171988" i="1"/>
  <c r="U171987" i="1"/>
  <c r="U171986" i="1"/>
  <c r="U171985" i="1"/>
  <c r="U171984" i="1"/>
  <c r="U171983" i="1"/>
  <c r="U171982" i="1"/>
  <c r="U171981" i="1"/>
  <c r="U171980" i="1"/>
  <c r="U171979" i="1"/>
  <c r="U171978" i="1"/>
  <c r="U171977" i="1"/>
  <c r="U171976" i="1"/>
  <c r="U171975" i="1"/>
  <c r="U171974" i="1"/>
  <c r="U171973" i="1"/>
  <c r="U171972" i="1"/>
  <c r="U171971" i="1"/>
  <c r="U171970" i="1"/>
  <c r="U171969" i="1"/>
  <c r="U171968" i="1"/>
  <c r="U171967" i="1"/>
  <c r="U171966" i="1"/>
  <c r="U171965" i="1"/>
  <c r="U171964" i="1"/>
  <c r="U171963" i="1"/>
  <c r="U171962" i="1"/>
  <c r="U171961" i="1"/>
  <c r="U171960" i="1"/>
  <c r="U171959" i="1"/>
  <c r="U171958" i="1"/>
  <c r="U171957" i="1"/>
  <c r="U171956" i="1"/>
  <c r="U171955" i="1"/>
  <c r="U171954" i="1"/>
  <c r="U171953" i="1"/>
  <c r="U171952" i="1"/>
  <c r="U171951" i="1"/>
  <c r="U171950" i="1"/>
  <c r="U171949" i="1"/>
  <c r="U171948" i="1"/>
  <c r="U171947" i="1"/>
  <c r="U171946" i="1"/>
  <c r="U171945" i="1"/>
  <c r="U171944" i="1"/>
  <c r="U171943" i="1"/>
  <c r="U171942" i="1"/>
  <c r="U171941" i="1"/>
  <c r="U171940" i="1"/>
  <c r="U171939" i="1"/>
  <c r="U171938" i="1"/>
  <c r="U171937" i="1"/>
  <c r="U171936" i="1"/>
  <c r="U171935" i="1"/>
  <c r="U171934" i="1"/>
  <c r="U171933" i="1"/>
  <c r="U171932" i="1"/>
  <c r="U171931" i="1"/>
  <c r="U171930" i="1"/>
  <c r="U171929" i="1"/>
  <c r="U171928" i="1"/>
  <c r="U171927" i="1"/>
  <c r="U171926" i="1"/>
  <c r="U171925" i="1"/>
  <c r="U171924" i="1"/>
  <c r="U171923" i="1"/>
  <c r="U171922" i="1"/>
  <c r="U171921" i="1"/>
  <c r="U171920" i="1"/>
  <c r="U171919" i="1"/>
  <c r="U171918" i="1"/>
  <c r="U171917" i="1"/>
  <c r="U171916" i="1"/>
  <c r="U171915" i="1"/>
  <c r="U171914" i="1"/>
  <c r="U171913" i="1"/>
  <c r="U171912" i="1"/>
  <c r="U171911" i="1"/>
  <c r="U171910" i="1"/>
  <c r="U171909" i="1"/>
  <c r="U171908" i="1"/>
  <c r="U171907" i="1"/>
  <c r="U171906" i="1"/>
  <c r="U171905" i="1"/>
  <c r="U171904" i="1"/>
  <c r="U171903" i="1"/>
  <c r="U171902" i="1"/>
  <c r="U171901" i="1"/>
  <c r="U171900" i="1"/>
  <c r="U171899" i="1"/>
  <c r="U171898" i="1"/>
  <c r="U171897" i="1"/>
  <c r="U171896" i="1"/>
  <c r="U171895" i="1"/>
  <c r="U171894" i="1"/>
  <c r="U171893" i="1"/>
  <c r="U171892" i="1"/>
  <c r="U171891" i="1"/>
  <c r="U171890" i="1"/>
  <c r="U171889" i="1"/>
  <c r="U171888" i="1"/>
  <c r="U171887" i="1"/>
  <c r="U171886" i="1"/>
  <c r="U171885" i="1"/>
  <c r="U171884" i="1"/>
  <c r="U171883" i="1"/>
  <c r="U171882" i="1"/>
  <c r="U171881" i="1"/>
  <c r="U171880" i="1"/>
  <c r="U171879" i="1"/>
  <c r="U171878" i="1"/>
  <c r="U171877" i="1"/>
  <c r="U171876" i="1"/>
  <c r="U171875" i="1"/>
  <c r="U171874" i="1"/>
  <c r="U171873" i="1"/>
  <c r="U171872" i="1"/>
  <c r="U171871" i="1"/>
  <c r="U171870" i="1"/>
  <c r="U171869" i="1"/>
  <c r="U171868" i="1"/>
  <c r="U171867" i="1"/>
  <c r="U171866" i="1"/>
  <c r="U171865" i="1"/>
  <c r="U171864" i="1"/>
  <c r="U171863" i="1"/>
  <c r="U171862" i="1"/>
  <c r="U171861" i="1"/>
  <c r="U171860" i="1"/>
  <c r="U171859" i="1"/>
  <c r="U171858" i="1"/>
  <c r="U171857" i="1"/>
  <c r="U171856" i="1"/>
  <c r="U171855" i="1"/>
  <c r="U171854" i="1"/>
  <c r="U171853" i="1"/>
  <c r="U171852" i="1"/>
  <c r="U171851" i="1"/>
  <c r="U171850" i="1"/>
  <c r="U171849" i="1"/>
  <c r="U171848" i="1"/>
  <c r="U171847" i="1"/>
  <c r="U171846" i="1"/>
  <c r="U171845" i="1"/>
  <c r="U171844" i="1"/>
  <c r="U171843" i="1"/>
  <c r="U171842" i="1"/>
  <c r="U171841" i="1"/>
  <c r="U171840" i="1"/>
  <c r="U171839" i="1"/>
  <c r="U171838" i="1"/>
  <c r="U171837" i="1"/>
  <c r="U171836" i="1"/>
  <c r="U171835" i="1"/>
  <c r="U171834" i="1"/>
  <c r="U171833" i="1"/>
  <c r="U171832" i="1"/>
  <c r="U171831" i="1"/>
  <c r="U171830" i="1"/>
  <c r="U171829" i="1"/>
  <c r="U171828" i="1"/>
  <c r="U171827" i="1"/>
  <c r="U171826" i="1"/>
  <c r="U171825" i="1"/>
  <c r="U171824" i="1"/>
  <c r="U171823" i="1"/>
  <c r="U171822" i="1"/>
  <c r="U171821" i="1"/>
  <c r="U171820" i="1"/>
  <c r="U171819" i="1"/>
  <c r="U171818" i="1"/>
  <c r="U171817" i="1"/>
  <c r="U171816" i="1"/>
  <c r="U171815" i="1"/>
  <c r="U171814" i="1"/>
  <c r="U171813" i="1"/>
  <c r="U171812" i="1"/>
  <c r="U171811" i="1"/>
  <c r="U171810" i="1"/>
  <c r="U171809" i="1"/>
  <c r="U171808" i="1"/>
  <c r="U171807" i="1"/>
  <c r="U171806" i="1"/>
  <c r="U171805" i="1"/>
  <c r="U171804" i="1"/>
  <c r="U171803" i="1"/>
  <c r="U171802" i="1"/>
  <c r="U171801" i="1"/>
  <c r="U171800" i="1"/>
  <c r="U171799" i="1"/>
  <c r="U171798" i="1"/>
  <c r="U171797" i="1"/>
  <c r="U171796" i="1"/>
  <c r="U171795" i="1"/>
  <c r="U171794" i="1"/>
  <c r="U171793" i="1"/>
  <c r="U171792" i="1"/>
  <c r="U171791" i="1"/>
  <c r="U171790" i="1"/>
  <c r="U171789" i="1"/>
  <c r="U171788" i="1"/>
  <c r="U171787" i="1"/>
  <c r="U171786" i="1"/>
  <c r="U171785" i="1"/>
  <c r="U171784" i="1"/>
  <c r="U171783" i="1"/>
  <c r="U171782" i="1"/>
  <c r="U171781" i="1"/>
  <c r="U171780" i="1"/>
  <c r="U171779" i="1"/>
  <c r="U171778" i="1"/>
  <c r="U171777" i="1"/>
  <c r="U171776" i="1"/>
  <c r="U171775" i="1"/>
  <c r="U171774" i="1"/>
  <c r="U171773" i="1"/>
  <c r="U171772" i="1"/>
  <c r="U171771" i="1"/>
  <c r="U171770" i="1"/>
  <c r="U171769" i="1"/>
  <c r="U171768" i="1"/>
  <c r="U171767" i="1"/>
  <c r="U171766" i="1"/>
  <c r="U171765" i="1"/>
  <c r="U171764" i="1"/>
  <c r="U171763" i="1"/>
  <c r="U171762" i="1"/>
  <c r="U171761" i="1"/>
  <c r="U171760" i="1"/>
  <c r="U171759" i="1"/>
  <c r="U171758" i="1"/>
  <c r="U171757" i="1"/>
  <c r="U171756" i="1"/>
  <c r="U171755" i="1"/>
  <c r="U171754" i="1"/>
  <c r="U171753" i="1"/>
  <c r="U171752" i="1"/>
  <c r="U171751" i="1"/>
  <c r="U171750" i="1"/>
  <c r="U171749" i="1"/>
  <c r="U171748" i="1"/>
  <c r="U171747" i="1"/>
  <c r="U171746" i="1"/>
  <c r="U171745" i="1"/>
  <c r="U171744" i="1"/>
  <c r="U171743" i="1"/>
  <c r="U171742" i="1"/>
  <c r="U171741" i="1"/>
  <c r="U171740" i="1"/>
  <c r="U171739" i="1"/>
  <c r="U171738" i="1"/>
  <c r="U171737" i="1"/>
  <c r="U171736" i="1"/>
  <c r="U171735" i="1"/>
  <c r="U171734" i="1"/>
  <c r="U171733" i="1"/>
  <c r="U171732" i="1"/>
  <c r="U171731" i="1"/>
  <c r="U171730" i="1"/>
  <c r="U171729" i="1"/>
  <c r="U171728" i="1"/>
  <c r="U171727" i="1"/>
  <c r="U171726" i="1"/>
  <c r="U171725" i="1"/>
  <c r="U171724" i="1"/>
  <c r="U171723" i="1"/>
  <c r="U171722" i="1"/>
  <c r="U171721" i="1"/>
  <c r="U171720" i="1"/>
  <c r="U171719" i="1"/>
  <c r="U171718" i="1"/>
  <c r="U171717" i="1"/>
  <c r="U171716" i="1"/>
  <c r="U171715" i="1"/>
  <c r="U171714" i="1"/>
  <c r="U171713" i="1"/>
  <c r="U171712" i="1"/>
  <c r="U171711" i="1"/>
  <c r="U171710" i="1"/>
  <c r="U171709" i="1"/>
  <c r="U171708" i="1"/>
  <c r="U171707" i="1"/>
  <c r="U171706" i="1"/>
  <c r="U171705" i="1"/>
  <c r="U171704" i="1"/>
  <c r="U171703" i="1"/>
  <c r="U171702" i="1"/>
  <c r="U171701" i="1"/>
  <c r="U171700" i="1"/>
  <c r="U171699" i="1"/>
  <c r="U171698" i="1"/>
  <c r="U171697" i="1"/>
  <c r="U171696" i="1"/>
  <c r="U171695" i="1"/>
  <c r="U171694" i="1"/>
  <c r="U171693" i="1"/>
  <c r="U171692" i="1"/>
  <c r="U171691" i="1"/>
  <c r="U171690" i="1"/>
  <c r="U171689" i="1"/>
  <c r="U171688" i="1"/>
  <c r="U171687" i="1"/>
  <c r="U171686" i="1"/>
  <c r="U171685" i="1"/>
  <c r="U171684" i="1"/>
  <c r="U171683" i="1"/>
  <c r="U171682" i="1"/>
  <c r="U171681" i="1"/>
  <c r="U171680" i="1"/>
  <c r="U171679" i="1"/>
  <c r="U171678" i="1"/>
  <c r="U171677" i="1"/>
  <c r="U171676" i="1"/>
  <c r="U171675" i="1"/>
  <c r="U171674" i="1"/>
  <c r="U171673" i="1"/>
  <c r="U171672" i="1"/>
  <c r="U171671" i="1"/>
  <c r="U171670" i="1"/>
  <c r="U171669" i="1"/>
  <c r="U171668" i="1"/>
  <c r="U171667" i="1"/>
  <c r="U171666" i="1"/>
  <c r="U171665" i="1"/>
  <c r="U171664" i="1"/>
  <c r="U171663" i="1"/>
  <c r="U171662" i="1"/>
  <c r="U171661" i="1"/>
  <c r="U171660" i="1"/>
  <c r="U171659" i="1"/>
  <c r="U171658" i="1"/>
  <c r="U171657" i="1"/>
  <c r="U171656" i="1"/>
  <c r="U171655" i="1"/>
  <c r="U171654" i="1"/>
  <c r="U171653" i="1"/>
  <c r="U171652" i="1"/>
  <c r="U171651" i="1"/>
  <c r="U171650" i="1"/>
  <c r="U171649" i="1"/>
  <c r="U171648" i="1"/>
  <c r="U171647" i="1"/>
  <c r="U171646" i="1"/>
  <c r="U171645" i="1"/>
  <c r="U171644" i="1"/>
  <c r="U171643" i="1"/>
  <c r="U171642" i="1"/>
  <c r="U171641" i="1"/>
  <c r="U171640" i="1"/>
  <c r="U171639" i="1"/>
  <c r="U171638" i="1"/>
  <c r="U171637" i="1"/>
  <c r="U171636" i="1"/>
  <c r="U171635" i="1"/>
  <c r="U171634" i="1"/>
  <c r="U171633" i="1"/>
  <c r="U171632" i="1"/>
  <c r="U171631" i="1"/>
  <c r="U171630" i="1"/>
  <c r="U171629" i="1"/>
  <c r="U171628" i="1"/>
  <c r="U171627" i="1"/>
  <c r="U171626" i="1"/>
  <c r="U171625" i="1"/>
  <c r="U171624" i="1"/>
  <c r="U171623" i="1"/>
  <c r="U171622" i="1"/>
  <c r="U171621" i="1"/>
  <c r="U171620" i="1"/>
  <c r="U171619" i="1"/>
  <c r="U171618" i="1"/>
  <c r="U171617" i="1"/>
  <c r="U171616" i="1"/>
  <c r="U171615" i="1"/>
  <c r="U171614" i="1"/>
  <c r="U171613" i="1"/>
  <c r="U171612" i="1"/>
  <c r="U171611" i="1"/>
  <c r="U171610" i="1"/>
  <c r="U171609" i="1"/>
  <c r="U171608" i="1"/>
  <c r="U171607" i="1"/>
  <c r="U171606" i="1"/>
  <c r="U171605" i="1"/>
  <c r="U171604" i="1"/>
  <c r="U171603" i="1"/>
  <c r="U171602" i="1"/>
  <c r="U171601" i="1"/>
  <c r="U171600" i="1"/>
  <c r="U171599" i="1"/>
  <c r="U171598" i="1"/>
  <c r="U171597" i="1"/>
  <c r="U171596" i="1"/>
  <c r="U171595" i="1"/>
  <c r="U171594" i="1"/>
  <c r="U171593" i="1"/>
  <c r="U171592" i="1"/>
  <c r="U171591" i="1"/>
  <c r="U171590" i="1"/>
  <c r="U171589" i="1"/>
  <c r="U171588" i="1"/>
  <c r="U171587" i="1"/>
  <c r="U171586" i="1"/>
  <c r="U171585" i="1"/>
  <c r="U171584" i="1"/>
  <c r="U171583" i="1"/>
  <c r="U171582" i="1"/>
  <c r="U171581" i="1"/>
  <c r="U171580" i="1"/>
  <c r="U171579" i="1"/>
  <c r="U171578" i="1"/>
  <c r="U171577" i="1"/>
  <c r="U171576" i="1"/>
  <c r="U171575" i="1"/>
  <c r="U171574" i="1"/>
  <c r="U171573" i="1"/>
  <c r="U171572" i="1"/>
  <c r="U171571" i="1"/>
  <c r="U171570" i="1"/>
  <c r="U171569" i="1"/>
  <c r="U171568" i="1"/>
  <c r="U171567" i="1"/>
  <c r="U171566" i="1"/>
  <c r="U171565" i="1"/>
  <c r="U171564" i="1"/>
  <c r="U171563" i="1"/>
  <c r="U171562" i="1"/>
  <c r="U171561" i="1"/>
  <c r="U171560" i="1"/>
  <c r="U171559" i="1"/>
  <c r="U171558" i="1"/>
  <c r="U171557" i="1"/>
  <c r="U171556" i="1"/>
  <c r="U171555" i="1"/>
  <c r="U171554" i="1"/>
  <c r="U171553" i="1"/>
  <c r="U171552" i="1"/>
  <c r="U171551" i="1"/>
  <c r="U171550" i="1"/>
  <c r="U171549" i="1"/>
  <c r="U171548" i="1"/>
  <c r="U171547" i="1"/>
  <c r="U171546" i="1"/>
  <c r="U171545" i="1"/>
  <c r="U171544" i="1"/>
  <c r="U171543" i="1"/>
  <c r="U171542" i="1"/>
  <c r="U171541" i="1"/>
  <c r="U171540" i="1"/>
  <c r="U171539" i="1"/>
  <c r="U171538" i="1"/>
  <c r="U171537" i="1"/>
  <c r="U171536" i="1"/>
  <c r="U171535" i="1"/>
  <c r="U171534" i="1"/>
  <c r="U171533" i="1"/>
  <c r="U171532" i="1"/>
  <c r="U171531" i="1"/>
  <c r="U171530" i="1"/>
  <c r="U171529" i="1"/>
  <c r="U171528" i="1"/>
  <c r="U171527" i="1"/>
  <c r="U171526" i="1"/>
  <c r="U171525" i="1"/>
  <c r="U171524" i="1"/>
  <c r="U171523" i="1"/>
  <c r="U171522" i="1"/>
  <c r="U171521" i="1"/>
  <c r="U171520" i="1"/>
  <c r="U171519" i="1"/>
  <c r="U171518" i="1"/>
  <c r="U171517" i="1"/>
  <c r="U171516" i="1"/>
  <c r="U171515" i="1"/>
  <c r="U171514" i="1"/>
  <c r="U171513" i="1"/>
  <c r="U171512" i="1"/>
  <c r="U171511" i="1"/>
  <c r="U171510" i="1"/>
  <c r="U171509" i="1"/>
  <c r="U171508" i="1"/>
  <c r="U171507" i="1"/>
  <c r="U171506" i="1"/>
  <c r="U171505" i="1"/>
  <c r="U171504" i="1"/>
  <c r="U171503" i="1"/>
  <c r="U171502" i="1"/>
  <c r="U171501" i="1"/>
  <c r="U171500" i="1"/>
  <c r="U171499" i="1"/>
  <c r="U171498" i="1"/>
  <c r="U171497" i="1"/>
  <c r="U171496" i="1"/>
  <c r="U171495" i="1"/>
  <c r="U171494" i="1"/>
  <c r="U171493" i="1"/>
  <c r="U171492" i="1"/>
  <c r="U171491" i="1"/>
  <c r="U171490" i="1"/>
  <c r="U171489" i="1"/>
  <c r="U171488" i="1"/>
  <c r="U171487" i="1"/>
  <c r="U171486" i="1"/>
  <c r="U171485" i="1"/>
  <c r="U171484" i="1"/>
  <c r="U171483" i="1"/>
  <c r="U171482" i="1"/>
  <c r="U171481" i="1"/>
  <c r="U171480" i="1"/>
  <c r="U171479" i="1"/>
  <c r="U171478" i="1"/>
  <c r="U171477" i="1"/>
  <c r="U171476" i="1"/>
  <c r="U171475" i="1"/>
  <c r="U171474" i="1"/>
  <c r="U171473" i="1"/>
  <c r="U171472" i="1"/>
  <c r="U171471" i="1"/>
  <c r="U171470" i="1"/>
  <c r="U171469" i="1"/>
  <c r="U171468" i="1"/>
  <c r="U171467" i="1"/>
  <c r="U171466" i="1"/>
  <c r="U171465" i="1"/>
  <c r="U171464" i="1"/>
  <c r="U171463" i="1"/>
  <c r="U171462" i="1"/>
  <c r="U171461" i="1"/>
  <c r="U171460" i="1"/>
  <c r="U171459" i="1"/>
  <c r="U171458" i="1"/>
  <c r="U171457" i="1"/>
  <c r="U171456" i="1"/>
  <c r="U171455" i="1"/>
  <c r="U171454" i="1"/>
  <c r="U171453" i="1"/>
  <c r="U171452" i="1"/>
  <c r="U171451" i="1"/>
  <c r="U171450" i="1"/>
  <c r="U171449" i="1"/>
  <c r="U171448" i="1"/>
  <c r="U171447" i="1"/>
  <c r="U171446" i="1"/>
  <c r="U171445" i="1"/>
  <c r="U171444" i="1"/>
  <c r="U171443" i="1"/>
  <c r="U171442" i="1"/>
  <c r="U171441" i="1"/>
  <c r="U171440" i="1"/>
  <c r="U171439" i="1"/>
  <c r="U171438" i="1"/>
  <c r="U171437" i="1"/>
  <c r="U171436" i="1"/>
  <c r="U171435" i="1"/>
  <c r="U171434" i="1"/>
  <c r="U171433" i="1"/>
  <c r="U171432" i="1"/>
  <c r="U171431" i="1"/>
  <c r="U171430" i="1"/>
  <c r="U171429" i="1"/>
  <c r="U171428" i="1"/>
  <c r="U171427" i="1"/>
  <c r="U171426" i="1"/>
  <c r="U171425" i="1"/>
  <c r="U171424" i="1"/>
  <c r="U171423" i="1"/>
  <c r="U171422" i="1"/>
  <c r="U171421" i="1"/>
  <c r="U171420" i="1"/>
  <c r="U171419" i="1"/>
  <c r="U171418" i="1"/>
  <c r="U171417" i="1"/>
  <c r="U171416" i="1"/>
  <c r="U171415" i="1"/>
  <c r="U171414" i="1"/>
  <c r="U171413" i="1"/>
  <c r="U171412" i="1"/>
  <c r="U171411" i="1"/>
  <c r="U171410" i="1"/>
  <c r="U171409" i="1"/>
  <c r="U171408" i="1"/>
  <c r="U171407" i="1"/>
  <c r="U171406" i="1"/>
  <c r="U171405" i="1"/>
  <c r="U171404" i="1"/>
  <c r="U171403" i="1"/>
  <c r="U171402" i="1"/>
  <c r="U171401" i="1"/>
  <c r="U171400" i="1"/>
  <c r="U171399" i="1"/>
  <c r="U171398" i="1"/>
  <c r="U171397" i="1"/>
  <c r="U171396" i="1"/>
  <c r="U171395" i="1"/>
  <c r="U171394" i="1"/>
  <c r="U171393" i="1"/>
  <c r="U171392" i="1"/>
  <c r="U171391" i="1"/>
  <c r="U171390" i="1"/>
  <c r="U171389" i="1"/>
  <c r="U171388" i="1"/>
  <c r="U171387" i="1"/>
  <c r="U171386" i="1"/>
  <c r="U171385" i="1"/>
  <c r="U171384" i="1"/>
  <c r="U171383" i="1"/>
  <c r="U171382" i="1"/>
  <c r="U171381" i="1"/>
  <c r="U171380" i="1"/>
  <c r="U171379" i="1"/>
  <c r="U171378" i="1"/>
  <c r="U171377" i="1"/>
  <c r="U171376" i="1"/>
  <c r="U171375" i="1"/>
  <c r="U171374" i="1"/>
  <c r="U171373" i="1"/>
  <c r="U171372" i="1"/>
  <c r="U171371" i="1"/>
  <c r="U171370" i="1"/>
  <c r="U171369" i="1"/>
  <c r="U171368" i="1"/>
  <c r="U171367" i="1"/>
  <c r="U171366" i="1"/>
  <c r="U171365" i="1"/>
  <c r="U171364" i="1"/>
  <c r="U171363" i="1"/>
  <c r="U171362" i="1"/>
  <c r="U171361" i="1"/>
  <c r="U171360" i="1"/>
  <c r="U171359" i="1"/>
  <c r="U171358" i="1"/>
  <c r="U171357" i="1"/>
  <c r="U171356" i="1"/>
  <c r="U171355" i="1"/>
  <c r="U171354" i="1"/>
  <c r="U171353" i="1"/>
  <c r="U171352" i="1"/>
  <c r="U171351" i="1"/>
  <c r="U171350" i="1"/>
  <c r="U171349" i="1"/>
  <c r="U171348" i="1"/>
  <c r="U171347" i="1"/>
  <c r="U171346" i="1"/>
  <c r="U171345" i="1"/>
  <c r="U171344" i="1"/>
  <c r="U171343" i="1"/>
  <c r="U171342" i="1"/>
  <c r="U171341" i="1"/>
  <c r="U171340" i="1"/>
  <c r="U171339" i="1"/>
  <c r="U171338" i="1"/>
  <c r="U171337" i="1"/>
  <c r="U171336" i="1"/>
  <c r="U171335" i="1"/>
  <c r="U171334" i="1"/>
  <c r="U171333" i="1"/>
  <c r="U171332" i="1"/>
  <c r="U171331" i="1"/>
  <c r="U171330" i="1"/>
  <c r="U171329" i="1"/>
  <c r="U171328" i="1"/>
  <c r="U171327" i="1"/>
  <c r="U171326" i="1"/>
  <c r="U171325" i="1"/>
  <c r="U171324" i="1"/>
  <c r="U171323" i="1"/>
  <c r="U171322" i="1"/>
  <c r="U171321" i="1"/>
  <c r="U171320" i="1"/>
  <c r="U171319" i="1"/>
  <c r="U171318" i="1"/>
  <c r="U171317" i="1"/>
  <c r="U171316" i="1"/>
  <c r="U171315" i="1"/>
  <c r="U171314" i="1"/>
  <c r="U171313" i="1"/>
  <c r="U171312" i="1"/>
  <c r="U171311" i="1"/>
  <c r="U171310" i="1"/>
  <c r="U171309" i="1"/>
  <c r="U171308" i="1"/>
  <c r="U171307" i="1"/>
  <c r="U171306" i="1"/>
  <c r="U171305" i="1"/>
  <c r="U171304" i="1"/>
  <c r="U171303" i="1"/>
  <c r="U171302" i="1"/>
  <c r="U171301" i="1"/>
  <c r="U171300" i="1"/>
  <c r="U171299" i="1"/>
  <c r="U171298" i="1"/>
  <c r="U171297" i="1"/>
  <c r="U171296" i="1"/>
  <c r="U171295" i="1"/>
  <c r="U171294" i="1"/>
  <c r="U171293" i="1"/>
  <c r="U171292" i="1"/>
  <c r="U171291" i="1"/>
  <c r="U171290" i="1"/>
  <c r="U171289" i="1"/>
  <c r="U171288" i="1"/>
  <c r="U171287" i="1"/>
  <c r="U171286" i="1"/>
  <c r="U171285" i="1"/>
  <c r="U171284" i="1"/>
  <c r="U171283" i="1"/>
  <c r="U171282" i="1"/>
  <c r="U171281" i="1"/>
  <c r="U171280" i="1"/>
  <c r="U171279" i="1"/>
  <c r="U171278" i="1"/>
  <c r="U171277" i="1"/>
  <c r="U171276" i="1"/>
  <c r="U171275" i="1"/>
  <c r="U171274" i="1"/>
  <c r="U171273" i="1"/>
  <c r="U171272" i="1"/>
  <c r="U171271" i="1"/>
  <c r="U171270" i="1"/>
  <c r="U171269" i="1"/>
  <c r="U171268" i="1"/>
  <c r="U171267" i="1"/>
  <c r="U171266" i="1"/>
  <c r="U171265" i="1"/>
  <c r="U171264" i="1"/>
  <c r="U171263" i="1"/>
  <c r="U171262" i="1"/>
  <c r="U171261" i="1"/>
  <c r="U171260" i="1"/>
  <c r="U171259" i="1"/>
  <c r="U171258" i="1"/>
  <c r="U171257" i="1"/>
  <c r="U171256" i="1"/>
  <c r="U171255" i="1"/>
  <c r="U171254" i="1"/>
  <c r="U171253" i="1"/>
  <c r="U171252" i="1"/>
  <c r="U171251" i="1"/>
  <c r="U171250" i="1"/>
  <c r="U171249" i="1"/>
  <c r="U171248" i="1"/>
  <c r="U171247" i="1"/>
  <c r="U171246" i="1"/>
  <c r="U171245" i="1"/>
  <c r="U171244" i="1"/>
  <c r="U171243" i="1"/>
  <c r="U171242" i="1"/>
  <c r="U171241" i="1"/>
  <c r="U171240" i="1"/>
  <c r="U171239" i="1"/>
  <c r="U171238" i="1"/>
  <c r="U171237" i="1"/>
  <c r="U171236" i="1"/>
  <c r="U171235" i="1"/>
  <c r="U171234" i="1"/>
  <c r="U171233" i="1"/>
  <c r="U171232" i="1"/>
  <c r="U171231" i="1"/>
  <c r="U171230" i="1"/>
  <c r="U171229" i="1"/>
  <c r="U171228" i="1"/>
  <c r="U171227" i="1"/>
  <c r="U171226" i="1"/>
  <c r="U171225" i="1"/>
  <c r="U171224" i="1"/>
  <c r="U171223" i="1"/>
  <c r="U171222" i="1"/>
  <c r="U171221" i="1"/>
  <c r="U171220" i="1"/>
  <c r="U171219" i="1"/>
  <c r="U171218" i="1"/>
  <c r="U171217" i="1"/>
  <c r="U171216" i="1"/>
  <c r="U171215" i="1"/>
  <c r="U171214" i="1"/>
  <c r="U171213" i="1"/>
  <c r="U171212" i="1"/>
  <c r="U171211" i="1"/>
  <c r="U171210" i="1"/>
  <c r="U171209" i="1"/>
  <c r="U171208" i="1"/>
  <c r="U171207" i="1"/>
  <c r="U171206" i="1"/>
  <c r="U171205" i="1"/>
  <c r="U171204" i="1"/>
  <c r="U171203" i="1"/>
  <c r="U171202" i="1"/>
  <c r="U171201" i="1"/>
  <c r="U171200" i="1"/>
  <c r="U171199" i="1"/>
  <c r="U171198" i="1"/>
  <c r="U171197" i="1"/>
  <c r="U171196" i="1"/>
  <c r="U171195" i="1"/>
  <c r="U171194" i="1"/>
  <c r="U171193" i="1"/>
  <c r="U171192" i="1"/>
  <c r="U171191" i="1"/>
  <c r="U171190" i="1"/>
  <c r="U171189" i="1"/>
  <c r="U171188" i="1"/>
  <c r="U171187" i="1"/>
  <c r="U171186" i="1"/>
  <c r="U171185" i="1"/>
  <c r="U171184" i="1"/>
  <c r="U171183" i="1"/>
  <c r="U171182" i="1"/>
  <c r="U171181" i="1"/>
  <c r="U171180" i="1"/>
  <c r="U171179" i="1"/>
  <c r="U171178" i="1"/>
  <c r="U171177" i="1"/>
  <c r="U171176" i="1"/>
  <c r="U171175" i="1"/>
  <c r="U171174" i="1"/>
  <c r="U171173" i="1"/>
  <c r="U171172" i="1"/>
  <c r="U171171" i="1"/>
  <c r="U171170" i="1"/>
  <c r="U171169" i="1"/>
  <c r="U171168" i="1"/>
  <c r="U171167" i="1"/>
  <c r="U171166" i="1"/>
  <c r="U171165" i="1"/>
  <c r="U171164" i="1"/>
  <c r="U171163" i="1"/>
  <c r="U171162" i="1"/>
  <c r="U171161" i="1"/>
  <c r="U171160" i="1"/>
  <c r="U171159" i="1"/>
  <c r="U171158" i="1"/>
  <c r="U171157" i="1"/>
  <c r="U171156" i="1"/>
  <c r="U171155" i="1"/>
  <c r="U171154" i="1"/>
  <c r="U171153" i="1"/>
  <c r="U171152" i="1"/>
  <c r="U171151" i="1"/>
  <c r="U171150" i="1"/>
  <c r="U171149" i="1"/>
  <c r="U171148" i="1"/>
  <c r="U171147" i="1"/>
  <c r="U171146" i="1"/>
  <c r="U171145" i="1"/>
  <c r="U171144" i="1"/>
  <c r="U171143" i="1"/>
  <c r="U171142" i="1"/>
  <c r="U171141" i="1"/>
  <c r="U171140" i="1"/>
  <c r="U171139" i="1"/>
  <c r="U171138" i="1"/>
  <c r="U171137" i="1"/>
  <c r="U171136" i="1"/>
  <c r="U171135" i="1"/>
  <c r="U171134" i="1"/>
  <c r="U171133" i="1"/>
  <c r="U171132" i="1"/>
  <c r="U171131" i="1"/>
  <c r="U171130" i="1"/>
  <c r="U171129" i="1"/>
  <c r="U171128" i="1"/>
  <c r="U171127" i="1"/>
  <c r="U171126" i="1"/>
  <c r="U171125" i="1"/>
  <c r="U171124" i="1"/>
  <c r="U171123" i="1"/>
  <c r="U171122" i="1"/>
  <c r="U171121" i="1"/>
  <c r="U171120" i="1"/>
  <c r="U171119" i="1"/>
  <c r="U171118" i="1"/>
  <c r="U171117" i="1"/>
  <c r="U171116" i="1"/>
  <c r="U171115" i="1"/>
  <c r="U171114" i="1"/>
  <c r="U171113" i="1"/>
  <c r="U171112" i="1"/>
  <c r="U171111" i="1"/>
  <c r="U171110" i="1"/>
  <c r="U171109" i="1"/>
  <c r="U171108" i="1"/>
  <c r="U171107" i="1"/>
  <c r="U171106" i="1"/>
  <c r="U171105" i="1"/>
  <c r="U171104" i="1"/>
  <c r="U171103" i="1"/>
  <c r="U171102" i="1"/>
  <c r="U171101" i="1"/>
  <c r="U171100" i="1"/>
  <c r="U171099" i="1"/>
  <c r="U171098" i="1"/>
  <c r="U171097" i="1"/>
  <c r="U171096" i="1"/>
  <c r="U171095" i="1"/>
  <c r="U171094" i="1"/>
  <c r="U171093" i="1"/>
  <c r="U171092" i="1"/>
  <c r="U171091" i="1"/>
  <c r="U171090" i="1"/>
  <c r="U171089" i="1"/>
  <c r="U171088" i="1"/>
  <c r="U171087" i="1"/>
  <c r="U171086" i="1"/>
  <c r="U171085" i="1"/>
  <c r="U171084" i="1"/>
  <c r="U171083" i="1"/>
  <c r="U171082" i="1"/>
  <c r="U171081" i="1"/>
  <c r="U171080" i="1"/>
  <c r="U171079" i="1"/>
  <c r="U171078" i="1"/>
  <c r="U171077" i="1"/>
  <c r="U171076" i="1"/>
  <c r="U171075" i="1"/>
  <c r="U171074" i="1"/>
  <c r="U171073" i="1"/>
  <c r="U171072" i="1"/>
  <c r="U171071" i="1"/>
  <c r="U171070" i="1"/>
  <c r="U171069" i="1"/>
  <c r="U171068" i="1"/>
  <c r="U171067" i="1"/>
  <c r="U171066" i="1"/>
  <c r="U171065" i="1"/>
  <c r="U171064" i="1"/>
  <c r="U171063" i="1"/>
  <c r="U171062" i="1"/>
  <c r="U171061" i="1"/>
  <c r="U171060" i="1"/>
  <c r="U171059" i="1"/>
  <c r="U171058" i="1"/>
  <c r="U171057" i="1"/>
  <c r="U171056" i="1"/>
  <c r="U171055" i="1"/>
  <c r="U171054" i="1"/>
  <c r="U171053" i="1"/>
  <c r="U171052" i="1"/>
  <c r="U171051" i="1"/>
  <c r="U171050" i="1"/>
  <c r="U171049" i="1"/>
  <c r="U171048" i="1"/>
  <c r="U171047" i="1"/>
  <c r="U171046" i="1"/>
  <c r="U171045" i="1"/>
  <c r="U171044" i="1"/>
  <c r="U171043" i="1"/>
  <c r="U171042" i="1"/>
  <c r="U171041" i="1"/>
  <c r="U171040" i="1"/>
  <c r="U171039" i="1"/>
  <c r="U171038" i="1"/>
  <c r="U171037" i="1"/>
  <c r="U171036" i="1"/>
  <c r="U171035" i="1"/>
  <c r="U171034" i="1"/>
  <c r="U171033" i="1"/>
  <c r="U171032" i="1"/>
  <c r="U171031" i="1"/>
  <c r="U171030" i="1"/>
  <c r="U171029" i="1"/>
  <c r="U171028" i="1"/>
  <c r="U171027" i="1"/>
  <c r="U171026" i="1"/>
  <c r="U171025" i="1"/>
  <c r="U171024" i="1"/>
  <c r="U171023" i="1"/>
  <c r="U171022" i="1"/>
  <c r="U171021" i="1"/>
  <c r="U171020" i="1"/>
  <c r="U171019" i="1"/>
  <c r="U171018" i="1"/>
  <c r="U171017" i="1"/>
  <c r="U171016" i="1"/>
  <c r="U171015" i="1"/>
  <c r="U171014" i="1"/>
  <c r="U171013" i="1"/>
  <c r="U171012" i="1"/>
  <c r="U171011" i="1"/>
  <c r="U171010" i="1"/>
  <c r="U171009" i="1"/>
  <c r="U171008" i="1"/>
  <c r="U171007" i="1"/>
  <c r="U171006" i="1"/>
  <c r="U171005" i="1"/>
  <c r="U171004" i="1"/>
  <c r="U171003" i="1"/>
  <c r="U171002" i="1"/>
  <c r="U171001" i="1"/>
  <c r="U171000" i="1"/>
  <c r="U170999" i="1"/>
  <c r="U170998" i="1"/>
  <c r="U170997" i="1"/>
  <c r="U170996" i="1"/>
  <c r="U170995" i="1"/>
  <c r="U170994" i="1"/>
  <c r="U170993" i="1"/>
  <c r="U170992" i="1"/>
  <c r="U170991" i="1"/>
  <c r="U170990" i="1"/>
  <c r="U170989" i="1"/>
  <c r="U170988" i="1"/>
  <c r="U170987" i="1"/>
  <c r="U170986" i="1"/>
  <c r="U170985" i="1"/>
  <c r="U170984" i="1"/>
  <c r="U170983" i="1"/>
  <c r="U170982" i="1"/>
  <c r="U170981" i="1"/>
  <c r="U170980" i="1"/>
  <c r="U170979" i="1"/>
  <c r="U170978" i="1"/>
  <c r="U170977" i="1"/>
  <c r="U170976" i="1"/>
  <c r="U170975" i="1"/>
  <c r="U170974" i="1"/>
  <c r="U170973" i="1"/>
  <c r="U170972" i="1"/>
  <c r="U170971" i="1"/>
  <c r="U170970" i="1"/>
  <c r="U170969" i="1"/>
  <c r="U170968" i="1"/>
  <c r="U170967" i="1"/>
  <c r="U170966" i="1"/>
  <c r="U170965" i="1"/>
  <c r="U170964" i="1"/>
  <c r="U170963" i="1"/>
  <c r="U170962" i="1"/>
  <c r="U170961" i="1"/>
  <c r="U170960" i="1"/>
  <c r="U170959" i="1"/>
  <c r="U170958" i="1"/>
  <c r="U170957" i="1"/>
  <c r="U170956" i="1"/>
  <c r="U170955" i="1"/>
  <c r="U170954" i="1"/>
  <c r="U170953" i="1"/>
  <c r="U170952" i="1"/>
  <c r="U170951" i="1"/>
  <c r="U170950" i="1"/>
  <c r="U170949" i="1"/>
  <c r="U170948" i="1"/>
  <c r="U170947" i="1"/>
  <c r="U170946" i="1"/>
  <c r="U170945" i="1"/>
  <c r="U170944" i="1"/>
  <c r="U170943" i="1"/>
  <c r="U170942" i="1"/>
  <c r="U170941" i="1"/>
  <c r="U170940" i="1"/>
  <c r="U170939" i="1"/>
  <c r="U170938" i="1"/>
  <c r="U170937" i="1"/>
  <c r="U170936" i="1"/>
  <c r="U170935" i="1"/>
  <c r="U170934" i="1"/>
  <c r="U170933" i="1"/>
  <c r="U170932" i="1"/>
  <c r="U170931" i="1"/>
  <c r="U170930" i="1"/>
  <c r="U170929" i="1"/>
  <c r="U170928" i="1"/>
  <c r="U170927" i="1"/>
  <c r="U170926" i="1"/>
  <c r="U170925" i="1"/>
  <c r="U170924" i="1"/>
  <c r="U170923" i="1"/>
  <c r="U170922" i="1"/>
  <c r="U170921" i="1"/>
  <c r="U170920" i="1"/>
  <c r="U170919" i="1"/>
  <c r="U170918" i="1"/>
  <c r="U170917" i="1"/>
  <c r="U170916" i="1"/>
  <c r="U170915" i="1"/>
  <c r="U170914" i="1"/>
  <c r="U170913" i="1"/>
  <c r="U170912" i="1"/>
  <c r="U170911" i="1"/>
  <c r="U170910" i="1"/>
  <c r="U170909" i="1"/>
  <c r="U170908" i="1"/>
  <c r="U170907" i="1"/>
  <c r="U170906" i="1"/>
  <c r="U170905" i="1"/>
  <c r="U170904" i="1"/>
  <c r="U170903" i="1"/>
  <c r="U170902" i="1"/>
  <c r="U170901" i="1"/>
  <c r="U170900" i="1"/>
  <c r="U170899" i="1"/>
  <c r="U170898" i="1"/>
  <c r="U170897" i="1"/>
  <c r="U170896" i="1"/>
  <c r="U170895" i="1"/>
  <c r="U170894" i="1"/>
  <c r="U170893" i="1"/>
  <c r="U170892" i="1"/>
  <c r="U170891" i="1"/>
  <c r="U170890" i="1"/>
  <c r="U170889" i="1"/>
  <c r="U170888" i="1"/>
  <c r="U170887" i="1"/>
  <c r="U170886" i="1"/>
  <c r="U170885" i="1"/>
  <c r="U170884" i="1"/>
  <c r="U170883" i="1"/>
  <c r="U170882" i="1"/>
  <c r="U170881" i="1"/>
  <c r="U170880" i="1"/>
  <c r="U170879" i="1"/>
  <c r="U170878" i="1"/>
  <c r="U170877" i="1"/>
  <c r="U170876" i="1"/>
  <c r="U170875" i="1"/>
  <c r="U170874" i="1"/>
  <c r="U170873" i="1"/>
  <c r="U170872" i="1"/>
  <c r="U170871" i="1"/>
  <c r="U170870" i="1"/>
  <c r="U170869" i="1"/>
  <c r="U170868" i="1"/>
  <c r="U170867" i="1"/>
  <c r="U170866" i="1"/>
  <c r="U170865" i="1"/>
  <c r="U170864" i="1"/>
  <c r="U170863" i="1"/>
  <c r="U170862" i="1"/>
  <c r="U170861" i="1"/>
  <c r="U170860" i="1"/>
  <c r="U170859" i="1"/>
  <c r="U170858" i="1"/>
  <c r="U170857" i="1"/>
  <c r="U170856" i="1"/>
  <c r="U170855" i="1"/>
  <c r="U170854" i="1"/>
  <c r="U170853" i="1"/>
  <c r="U170852" i="1"/>
  <c r="U170851" i="1"/>
  <c r="U170850" i="1"/>
  <c r="U170849" i="1"/>
  <c r="U170848" i="1"/>
  <c r="U170847" i="1"/>
  <c r="U170846" i="1"/>
  <c r="U170845" i="1"/>
  <c r="U170844" i="1"/>
  <c r="U170843" i="1"/>
  <c r="U170842" i="1"/>
  <c r="U170841" i="1"/>
  <c r="U170840" i="1"/>
  <c r="U170839" i="1"/>
  <c r="U170838" i="1"/>
  <c r="U170837" i="1"/>
  <c r="U170836" i="1"/>
  <c r="U170835" i="1"/>
  <c r="U170834" i="1"/>
  <c r="U170833" i="1"/>
  <c r="U170832" i="1"/>
  <c r="U170831" i="1"/>
  <c r="U170830" i="1"/>
  <c r="U170829" i="1"/>
  <c r="U170828" i="1"/>
  <c r="U170827" i="1"/>
  <c r="U170826" i="1"/>
  <c r="U170825" i="1"/>
  <c r="U170824" i="1"/>
  <c r="U170823" i="1"/>
  <c r="U170822" i="1"/>
  <c r="U170821" i="1"/>
  <c r="U170820" i="1"/>
  <c r="U170819" i="1"/>
  <c r="U170818" i="1"/>
  <c r="U170817" i="1"/>
  <c r="U170816" i="1"/>
  <c r="U170815" i="1"/>
  <c r="U170814" i="1"/>
  <c r="U170813" i="1"/>
  <c r="U170812" i="1"/>
  <c r="U170811" i="1"/>
  <c r="U170810" i="1"/>
  <c r="U170809" i="1"/>
  <c r="U170808" i="1"/>
  <c r="U170807" i="1"/>
  <c r="U170806" i="1"/>
  <c r="U170805" i="1"/>
  <c r="U170804" i="1"/>
  <c r="U170803" i="1"/>
  <c r="U170802" i="1"/>
  <c r="U170801" i="1"/>
  <c r="U170800" i="1"/>
  <c r="U170799" i="1"/>
  <c r="U170798" i="1"/>
  <c r="U170797" i="1"/>
  <c r="U170796" i="1"/>
  <c r="U170795" i="1"/>
  <c r="U170794" i="1"/>
  <c r="U170793" i="1"/>
  <c r="U170792" i="1"/>
  <c r="U170791" i="1"/>
  <c r="U170790" i="1"/>
  <c r="U170789" i="1"/>
  <c r="U170788" i="1"/>
  <c r="U170787" i="1"/>
  <c r="U170786" i="1"/>
  <c r="U170785" i="1"/>
  <c r="U170784" i="1"/>
  <c r="U170783" i="1"/>
  <c r="U170782" i="1"/>
  <c r="U170781" i="1"/>
  <c r="U170780" i="1"/>
  <c r="U170779" i="1"/>
  <c r="U170778" i="1"/>
  <c r="U170777" i="1"/>
  <c r="U170776" i="1"/>
  <c r="U170775" i="1"/>
  <c r="U170774" i="1"/>
  <c r="U170773" i="1"/>
  <c r="U170772" i="1"/>
  <c r="U170771" i="1"/>
  <c r="U170770" i="1"/>
  <c r="U170769" i="1"/>
  <c r="U170768" i="1"/>
  <c r="U170767" i="1"/>
  <c r="U170766" i="1"/>
  <c r="U170765" i="1"/>
  <c r="U170764" i="1"/>
  <c r="U170763" i="1"/>
  <c r="U170762" i="1"/>
  <c r="U170761" i="1"/>
  <c r="U170760" i="1"/>
  <c r="U170759" i="1"/>
  <c r="U170758" i="1"/>
  <c r="U170757" i="1"/>
  <c r="U170756" i="1"/>
  <c r="U170755" i="1"/>
  <c r="U170754" i="1"/>
  <c r="U170753" i="1"/>
  <c r="U170752" i="1"/>
  <c r="U170751" i="1"/>
  <c r="U170750" i="1"/>
  <c r="U170749" i="1"/>
  <c r="U170748" i="1"/>
  <c r="U170747" i="1"/>
  <c r="U170746" i="1"/>
  <c r="U170745" i="1"/>
  <c r="U170744" i="1"/>
  <c r="U170743" i="1"/>
  <c r="U170742" i="1"/>
  <c r="U170741" i="1"/>
  <c r="U170740" i="1"/>
  <c r="U170739" i="1"/>
  <c r="U170738" i="1"/>
  <c r="U170737" i="1"/>
  <c r="U170736" i="1"/>
  <c r="U170735" i="1"/>
  <c r="U170734" i="1"/>
  <c r="U170733" i="1"/>
  <c r="U170732" i="1"/>
  <c r="U170731" i="1"/>
  <c r="U170730" i="1"/>
  <c r="U170729" i="1"/>
  <c r="U170728" i="1"/>
  <c r="U170727" i="1"/>
  <c r="U170726" i="1"/>
  <c r="U170725" i="1"/>
  <c r="U170724" i="1"/>
  <c r="U170723" i="1"/>
  <c r="U170722" i="1"/>
  <c r="U170721" i="1"/>
  <c r="U170720" i="1"/>
  <c r="U170719" i="1"/>
  <c r="U170718" i="1"/>
  <c r="U170717" i="1"/>
  <c r="U170716" i="1"/>
  <c r="U170715" i="1"/>
  <c r="U170714" i="1"/>
  <c r="U170713" i="1"/>
  <c r="U170712" i="1"/>
  <c r="U170711" i="1"/>
  <c r="U170710" i="1"/>
  <c r="U170709" i="1"/>
  <c r="U170708" i="1"/>
  <c r="U170707" i="1"/>
  <c r="U170706" i="1"/>
  <c r="U170705" i="1"/>
  <c r="U170704" i="1"/>
  <c r="U170703" i="1"/>
  <c r="U170702" i="1"/>
  <c r="U170701" i="1"/>
  <c r="U170700" i="1"/>
  <c r="U170699" i="1"/>
  <c r="U170698" i="1"/>
  <c r="U170697" i="1"/>
  <c r="U170696" i="1"/>
  <c r="U170695" i="1"/>
  <c r="U170694" i="1"/>
  <c r="U170693" i="1"/>
  <c r="U170692" i="1"/>
  <c r="U170691" i="1"/>
  <c r="U170690" i="1"/>
  <c r="U170689" i="1"/>
  <c r="U170688" i="1"/>
  <c r="U170687" i="1"/>
  <c r="U170686" i="1"/>
  <c r="U170685" i="1"/>
  <c r="U170684" i="1"/>
  <c r="U170683" i="1"/>
  <c r="U170682" i="1"/>
  <c r="U170681" i="1"/>
  <c r="U170680" i="1"/>
  <c r="U170679" i="1"/>
  <c r="U170678" i="1"/>
  <c r="U170677" i="1"/>
  <c r="U170676" i="1"/>
  <c r="U170675" i="1"/>
  <c r="U170674" i="1"/>
  <c r="U170673" i="1"/>
  <c r="U170672" i="1"/>
  <c r="U170671" i="1"/>
  <c r="U170670" i="1"/>
  <c r="U170669" i="1"/>
  <c r="U170668" i="1"/>
  <c r="U170667" i="1"/>
  <c r="U170666" i="1"/>
  <c r="U170665" i="1"/>
  <c r="U170664" i="1"/>
  <c r="U170663" i="1"/>
  <c r="U170662" i="1"/>
  <c r="U170661" i="1"/>
  <c r="U170660" i="1"/>
  <c r="U170659" i="1"/>
  <c r="U170658" i="1"/>
  <c r="U170657" i="1"/>
  <c r="U170656" i="1"/>
  <c r="U170655" i="1"/>
  <c r="U170654" i="1"/>
  <c r="U170653" i="1"/>
  <c r="U170652" i="1"/>
  <c r="U170651" i="1"/>
  <c r="U170650" i="1"/>
  <c r="U170649" i="1"/>
  <c r="U170648" i="1"/>
  <c r="U170647" i="1"/>
  <c r="U170646" i="1"/>
  <c r="U170645" i="1"/>
  <c r="U170644" i="1"/>
  <c r="U170643" i="1"/>
  <c r="U170642" i="1"/>
  <c r="U170641" i="1"/>
  <c r="U170640" i="1"/>
  <c r="U170639" i="1"/>
  <c r="U170638" i="1"/>
  <c r="U170637" i="1"/>
  <c r="U170636" i="1"/>
  <c r="U170635" i="1"/>
  <c r="U170634" i="1"/>
  <c r="U170633" i="1"/>
  <c r="U170632" i="1"/>
  <c r="U170631" i="1"/>
  <c r="U170630" i="1"/>
  <c r="U170629" i="1"/>
  <c r="U170628" i="1"/>
  <c r="U170627" i="1"/>
  <c r="U170626" i="1"/>
  <c r="U170625" i="1"/>
  <c r="U170624" i="1"/>
  <c r="U170623" i="1"/>
  <c r="U170622" i="1"/>
  <c r="U170621" i="1"/>
  <c r="U170620" i="1"/>
  <c r="U170619" i="1"/>
  <c r="U170618" i="1"/>
  <c r="U170617" i="1"/>
  <c r="U170616" i="1"/>
  <c r="U170615" i="1"/>
  <c r="U170614" i="1"/>
  <c r="U170613" i="1"/>
  <c r="U170612" i="1"/>
  <c r="U170611" i="1"/>
  <c r="U170610" i="1"/>
  <c r="U170609" i="1"/>
  <c r="U170608" i="1"/>
  <c r="U170607" i="1"/>
  <c r="U170606" i="1"/>
  <c r="U170605" i="1"/>
  <c r="U170604" i="1"/>
  <c r="U170603" i="1"/>
  <c r="U170602" i="1"/>
  <c r="U170601" i="1"/>
  <c r="U170600" i="1"/>
  <c r="U170599" i="1"/>
  <c r="U170598" i="1"/>
  <c r="U170597" i="1"/>
  <c r="U170596" i="1"/>
  <c r="U170595" i="1"/>
  <c r="U170594" i="1"/>
  <c r="U170593" i="1"/>
  <c r="U170592" i="1"/>
  <c r="U170591" i="1"/>
  <c r="U170590" i="1"/>
  <c r="U170589" i="1"/>
  <c r="U170588" i="1"/>
  <c r="U170587" i="1"/>
  <c r="U170586" i="1"/>
  <c r="U170585" i="1"/>
  <c r="U170584" i="1"/>
  <c r="U170583" i="1"/>
  <c r="U170582" i="1"/>
  <c r="U170581" i="1"/>
  <c r="U170580" i="1"/>
  <c r="U170579" i="1"/>
  <c r="U170578" i="1"/>
  <c r="U170577" i="1"/>
  <c r="U170576" i="1"/>
  <c r="U170575" i="1"/>
  <c r="U170574" i="1"/>
  <c r="U170573" i="1"/>
  <c r="U170572" i="1"/>
  <c r="U170571" i="1"/>
  <c r="U170570" i="1"/>
  <c r="U170569" i="1"/>
  <c r="U170568" i="1"/>
  <c r="U170567" i="1"/>
  <c r="U170566" i="1"/>
  <c r="U170565" i="1"/>
  <c r="U170564" i="1"/>
  <c r="U170563" i="1"/>
  <c r="U170562" i="1"/>
  <c r="U170561" i="1"/>
  <c r="U170560" i="1"/>
  <c r="U170559" i="1"/>
  <c r="U170558" i="1"/>
  <c r="U170557" i="1"/>
  <c r="U170556" i="1"/>
  <c r="U170555" i="1"/>
  <c r="U170554" i="1"/>
  <c r="U170553" i="1"/>
  <c r="U170552" i="1"/>
  <c r="U170551" i="1"/>
  <c r="U170550" i="1"/>
  <c r="U170549" i="1"/>
  <c r="U170548" i="1"/>
  <c r="U170547" i="1"/>
  <c r="U170546" i="1"/>
  <c r="U170545" i="1"/>
  <c r="U170544" i="1"/>
  <c r="U170543" i="1"/>
  <c r="U170542" i="1"/>
  <c r="U170541" i="1"/>
  <c r="U170540" i="1"/>
  <c r="U170539" i="1"/>
  <c r="U170538" i="1"/>
  <c r="U170537" i="1"/>
  <c r="U170536" i="1"/>
  <c r="U170535" i="1"/>
  <c r="U170534" i="1"/>
  <c r="U170533" i="1"/>
  <c r="U170532" i="1"/>
  <c r="U170531" i="1"/>
  <c r="U170530" i="1"/>
  <c r="U170529" i="1"/>
  <c r="U170528" i="1"/>
  <c r="U170527" i="1"/>
  <c r="U170526" i="1"/>
  <c r="U170525" i="1"/>
  <c r="U170524" i="1"/>
  <c r="U170523" i="1"/>
  <c r="U170522" i="1"/>
  <c r="U170521" i="1"/>
  <c r="U170520" i="1"/>
  <c r="U170519" i="1"/>
  <c r="U170518" i="1"/>
  <c r="U170517" i="1"/>
  <c r="U170516" i="1"/>
  <c r="U170515" i="1"/>
  <c r="U170514" i="1"/>
  <c r="U170513" i="1"/>
  <c r="U170512" i="1"/>
  <c r="U170511" i="1"/>
  <c r="U170510" i="1"/>
  <c r="U170509" i="1"/>
  <c r="U170508" i="1"/>
  <c r="U170507" i="1"/>
  <c r="U170506" i="1"/>
  <c r="U170505" i="1"/>
  <c r="U170504" i="1"/>
  <c r="U170503" i="1"/>
  <c r="U170502" i="1"/>
  <c r="U170501" i="1"/>
  <c r="U170500" i="1"/>
  <c r="U170499" i="1"/>
  <c r="U170498" i="1"/>
  <c r="U170497" i="1"/>
  <c r="U170496" i="1"/>
  <c r="U170495" i="1"/>
  <c r="U170494" i="1"/>
  <c r="U170493" i="1"/>
  <c r="U170492" i="1"/>
  <c r="U170491" i="1"/>
  <c r="U170490" i="1"/>
  <c r="U170489" i="1"/>
  <c r="U170488" i="1"/>
  <c r="U170487" i="1"/>
  <c r="U170486" i="1"/>
  <c r="U170485" i="1"/>
  <c r="U170484" i="1"/>
  <c r="U170483" i="1"/>
  <c r="U170482" i="1"/>
  <c r="U170481" i="1"/>
  <c r="U170480" i="1"/>
  <c r="U170479" i="1"/>
  <c r="U170478" i="1"/>
  <c r="U170477" i="1"/>
  <c r="U170476" i="1"/>
  <c r="U170475" i="1"/>
  <c r="U170474" i="1"/>
  <c r="U170473" i="1"/>
  <c r="U170472" i="1"/>
  <c r="U170471" i="1"/>
  <c r="U170470" i="1"/>
  <c r="U170469" i="1"/>
  <c r="U170468" i="1"/>
  <c r="U170467" i="1"/>
  <c r="U170466" i="1"/>
  <c r="U170465" i="1"/>
  <c r="U170464" i="1"/>
  <c r="U170463" i="1"/>
  <c r="U170462" i="1"/>
  <c r="U170461" i="1"/>
  <c r="U170460" i="1"/>
  <c r="U170459" i="1"/>
  <c r="U170458" i="1"/>
  <c r="U170457" i="1"/>
  <c r="U170456" i="1"/>
  <c r="U170455" i="1"/>
  <c r="U170454" i="1"/>
  <c r="U170453" i="1"/>
  <c r="U170452" i="1"/>
  <c r="U170451" i="1"/>
  <c r="U170450" i="1"/>
  <c r="U170449" i="1"/>
  <c r="U170448" i="1"/>
  <c r="U170447" i="1"/>
  <c r="U170446" i="1"/>
  <c r="U170445" i="1"/>
  <c r="U170444" i="1"/>
  <c r="U170443" i="1"/>
  <c r="U170442" i="1"/>
  <c r="U170441" i="1"/>
  <c r="U170440" i="1"/>
  <c r="U170439" i="1"/>
  <c r="U170438" i="1"/>
  <c r="U170437" i="1"/>
  <c r="U170436" i="1"/>
  <c r="U170435" i="1"/>
  <c r="U170434" i="1"/>
  <c r="U170433" i="1"/>
  <c r="U170432" i="1"/>
  <c r="U170431" i="1"/>
  <c r="U170430" i="1"/>
  <c r="U170429" i="1"/>
  <c r="U170428" i="1"/>
  <c r="U170427" i="1"/>
  <c r="U170426" i="1"/>
  <c r="U170425" i="1"/>
  <c r="U170424" i="1"/>
  <c r="U170423" i="1"/>
  <c r="U170422" i="1"/>
  <c r="U170421" i="1"/>
  <c r="U170420" i="1"/>
  <c r="U170419" i="1"/>
  <c r="U170418" i="1"/>
  <c r="U170417" i="1"/>
  <c r="U170416" i="1"/>
  <c r="U170415" i="1"/>
  <c r="U170414" i="1"/>
  <c r="U170413" i="1"/>
  <c r="U170412" i="1"/>
  <c r="U170411" i="1"/>
  <c r="U170410" i="1"/>
  <c r="U170409" i="1"/>
  <c r="U170408" i="1"/>
  <c r="U170407" i="1"/>
  <c r="U170406" i="1"/>
  <c r="U170405" i="1"/>
  <c r="U170404" i="1"/>
  <c r="U170403" i="1"/>
  <c r="U170402" i="1"/>
  <c r="U170401" i="1"/>
  <c r="U170400" i="1"/>
  <c r="U170399" i="1"/>
  <c r="U170398" i="1"/>
  <c r="U170397" i="1"/>
  <c r="U170396" i="1"/>
  <c r="U170395" i="1"/>
  <c r="U170394" i="1"/>
  <c r="U170393" i="1"/>
  <c r="U170392" i="1"/>
  <c r="U170391" i="1"/>
  <c r="U170390" i="1"/>
  <c r="U170389" i="1"/>
  <c r="U170388" i="1"/>
  <c r="U170387" i="1"/>
  <c r="U170386" i="1"/>
  <c r="U170385" i="1"/>
  <c r="U170384" i="1"/>
  <c r="U170383" i="1"/>
  <c r="U170382" i="1"/>
  <c r="U170381" i="1"/>
  <c r="U170380" i="1"/>
  <c r="U170379" i="1"/>
  <c r="U170378" i="1"/>
  <c r="U170377" i="1"/>
  <c r="U170376" i="1"/>
  <c r="U170375" i="1"/>
  <c r="U170374" i="1"/>
  <c r="U170373" i="1"/>
  <c r="U170372" i="1"/>
  <c r="U170371" i="1"/>
  <c r="U170370" i="1"/>
  <c r="U170369" i="1"/>
  <c r="U170368" i="1"/>
  <c r="U170367" i="1"/>
  <c r="U170366" i="1"/>
  <c r="U170365" i="1"/>
  <c r="U170364" i="1"/>
  <c r="U170363" i="1"/>
  <c r="U170362" i="1"/>
  <c r="U170361" i="1"/>
  <c r="U170360" i="1"/>
  <c r="U170359" i="1"/>
  <c r="U170358" i="1"/>
  <c r="U170357" i="1"/>
  <c r="U170356" i="1"/>
  <c r="U170355" i="1"/>
  <c r="U170354" i="1"/>
  <c r="U170353" i="1"/>
  <c r="U170352" i="1"/>
  <c r="U170351" i="1"/>
  <c r="U170350" i="1"/>
  <c r="U170349" i="1"/>
  <c r="U170348" i="1"/>
  <c r="U170347" i="1"/>
  <c r="U170346" i="1"/>
  <c r="U170345" i="1"/>
  <c r="U170344" i="1"/>
  <c r="U170343" i="1"/>
  <c r="U170342" i="1"/>
  <c r="U170341" i="1"/>
  <c r="U170340" i="1"/>
  <c r="U170339" i="1"/>
  <c r="U170338" i="1"/>
  <c r="U170337" i="1"/>
  <c r="U170336" i="1"/>
  <c r="U170335" i="1"/>
  <c r="U170334" i="1"/>
  <c r="U170333" i="1"/>
  <c r="U170332" i="1"/>
  <c r="U170331" i="1"/>
  <c r="U170330" i="1"/>
  <c r="U170329" i="1"/>
  <c r="U170328" i="1"/>
  <c r="U170327" i="1"/>
  <c r="U170326" i="1"/>
  <c r="U170325" i="1"/>
  <c r="U170324" i="1"/>
  <c r="U170323" i="1"/>
  <c r="U170322" i="1"/>
  <c r="U170321" i="1"/>
  <c r="U170320" i="1"/>
  <c r="U170319" i="1"/>
  <c r="U170318" i="1"/>
  <c r="U170317" i="1"/>
  <c r="U170316" i="1"/>
  <c r="U170315" i="1"/>
  <c r="U170314" i="1"/>
  <c r="U170313" i="1"/>
  <c r="U170312" i="1"/>
  <c r="U170311" i="1"/>
  <c r="U170310" i="1"/>
  <c r="U170309" i="1"/>
  <c r="U170308" i="1"/>
  <c r="U170307" i="1"/>
  <c r="U170306" i="1"/>
  <c r="U170305" i="1"/>
  <c r="U170304" i="1"/>
  <c r="U170303" i="1"/>
  <c r="U170302" i="1"/>
  <c r="U170301" i="1"/>
  <c r="U170300" i="1"/>
  <c r="U170299" i="1"/>
  <c r="U170298" i="1"/>
  <c r="U170297" i="1"/>
  <c r="U170296" i="1"/>
  <c r="U170295" i="1"/>
  <c r="U170294" i="1"/>
  <c r="U170293" i="1"/>
  <c r="U170292" i="1"/>
  <c r="U170291" i="1"/>
  <c r="U170290" i="1"/>
  <c r="U170289" i="1"/>
  <c r="U170288" i="1"/>
  <c r="U170287" i="1"/>
  <c r="U170286" i="1"/>
  <c r="U170285" i="1"/>
  <c r="U170284" i="1"/>
  <c r="U170283" i="1"/>
  <c r="U170282" i="1"/>
  <c r="U170281" i="1"/>
  <c r="U170280" i="1"/>
  <c r="U170279" i="1"/>
  <c r="U170278" i="1"/>
  <c r="U170277" i="1"/>
  <c r="U170276" i="1"/>
  <c r="U170275" i="1"/>
  <c r="U170274" i="1"/>
  <c r="U170273" i="1"/>
  <c r="U170272" i="1"/>
  <c r="U170271" i="1"/>
  <c r="U170270" i="1"/>
  <c r="U170269" i="1"/>
  <c r="U170268" i="1"/>
  <c r="U170267" i="1"/>
  <c r="U170266" i="1"/>
  <c r="U170265" i="1"/>
  <c r="U170264" i="1"/>
  <c r="U170263" i="1"/>
  <c r="U170262" i="1"/>
  <c r="U170261" i="1"/>
  <c r="U170260" i="1"/>
  <c r="U170259" i="1"/>
  <c r="U170258" i="1"/>
  <c r="U170257" i="1"/>
  <c r="U170256" i="1"/>
  <c r="U170255" i="1"/>
  <c r="U170254" i="1"/>
  <c r="U170253" i="1"/>
  <c r="U170252" i="1"/>
  <c r="U170251" i="1"/>
  <c r="U170250" i="1"/>
  <c r="U170249" i="1"/>
  <c r="U170248" i="1"/>
  <c r="U170247" i="1"/>
  <c r="U170246" i="1"/>
  <c r="U170245" i="1"/>
  <c r="U170244" i="1"/>
  <c r="U170243" i="1"/>
  <c r="U170242" i="1"/>
  <c r="U170241" i="1"/>
  <c r="U170240" i="1"/>
  <c r="U170239" i="1"/>
  <c r="U170238" i="1"/>
  <c r="U170237" i="1"/>
  <c r="U170236" i="1"/>
  <c r="U170235" i="1"/>
  <c r="U170234" i="1"/>
  <c r="U170233" i="1"/>
  <c r="U170232" i="1"/>
  <c r="U170231" i="1"/>
  <c r="U170230" i="1"/>
  <c r="U170229" i="1"/>
  <c r="U170228" i="1"/>
  <c r="U170227" i="1"/>
  <c r="U170226" i="1"/>
  <c r="U170225" i="1"/>
  <c r="U170224" i="1"/>
  <c r="U170223" i="1"/>
  <c r="U170222" i="1"/>
  <c r="U170221" i="1"/>
  <c r="U170220" i="1"/>
  <c r="U170219" i="1"/>
  <c r="U170218" i="1"/>
  <c r="U170217" i="1"/>
  <c r="U170216" i="1"/>
  <c r="U170215" i="1"/>
  <c r="U170214" i="1"/>
  <c r="U170213" i="1"/>
  <c r="U170212" i="1"/>
  <c r="U170211" i="1"/>
  <c r="U170210" i="1"/>
  <c r="U170209" i="1"/>
  <c r="U170208" i="1"/>
  <c r="U170207" i="1"/>
  <c r="U170206" i="1"/>
  <c r="U170205" i="1"/>
  <c r="U170204" i="1"/>
  <c r="U170203" i="1"/>
  <c r="U170202" i="1"/>
  <c r="U170201" i="1"/>
  <c r="U170200" i="1"/>
  <c r="U170199" i="1"/>
  <c r="U170198" i="1"/>
  <c r="U170197" i="1"/>
  <c r="U170196" i="1"/>
  <c r="U170195" i="1"/>
  <c r="U170194" i="1"/>
  <c r="U170193" i="1"/>
  <c r="U170192" i="1"/>
  <c r="U170191" i="1"/>
  <c r="U170190" i="1"/>
  <c r="U170189" i="1"/>
  <c r="U170188" i="1"/>
  <c r="U170187" i="1"/>
  <c r="U170186" i="1"/>
  <c r="U170185" i="1"/>
  <c r="U170184" i="1"/>
  <c r="U170183" i="1"/>
  <c r="U170182" i="1"/>
  <c r="U170181" i="1"/>
  <c r="U170180" i="1"/>
  <c r="U170179" i="1"/>
  <c r="U170178" i="1"/>
  <c r="U170177" i="1"/>
  <c r="U170176" i="1"/>
  <c r="U170175" i="1"/>
  <c r="U170174" i="1"/>
  <c r="U170173" i="1"/>
  <c r="U170172" i="1"/>
  <c r="U170171" i="1"/>
  <c r="U170170" i="1"/>
  <c r="U170169" i="1"/>
  <c r="U170168" i="1"/>
  <c r="U170167" i="1"/>
  <c r="U170166" i="1"/>
  <c r="U170165" i="1"/>
  <c r="U170164" i="1"/>
  <c r="U170163" i="1"/>
  <c r="U170162" i="1"/>
  <c r="U170161" i="1"/>
  <c r="U170160" i="1"/>
  <c r="U170159" i="1"/>
  <c r="U170158" i="1"/>
  <c r="U170157" i="1"/>
  <c r="U170156" i="1"/>
  <c r="U170155" i="1"/>
  <c r="U170154" i="1"/>
  <c r="U170153" i="1"/>
  <c r="U170152" i="1"/>
  <c r="U170151" i="1"/>
  <c r="U170150" i="1"/>
  <c r="U170149" i="1"/>
  <c r="U170148" i="1"/>
  <c r="U170147" i="1"/>
  <c r="U170146" i="1"/>
  <c r="U170145" i="1"/>
  <c r="U170144" i="1"/>
  <c r="U170143" i="1"/>
  <c r="U170142" i="1"/>
  <c r="U170141" i="1"/>
  <c r="U170140" i="1"/>
  <c r="U170139" i="1"/>
  <c r="U170138" i="1"/>
  <c r="U170137" i="1"/>
  <c r="U170136" i="1"/>
  <c r="U170135" i="1"/>
  <c r="U170134" i="1"/>
  <c r="U170133" i="1"/>
  <c r="U170132" i="1"/>
  <c r="U170131" i="1"/>
  <c r="U170130" i="1"/>
  <c r="U170129" i="1"/>
  <c r="U170128" i="1"/>
  <c r="U170127" i="1"/>
  <c r="U170126" i="1"/>
  <c r="U170125" i="1"/>
  <c r="U170124" i="1"/>
  <c r="U170123" i="1"/>
  <c r="U170122" i="1"/>
  <c r="U170121" i="1"/>
  <c r="U170120" i="1"/>
  <c r="U170119" i="1"/>
  <c r="U170118" i="1"/>
  <c r="U170117" i="1"/>
  <c r="U170116" i="1"/>
  <c r="U170115" i="1"/>
  <c r="U170114" i="1"/>
  <c r="U170113" i="1"/>
  <c r="U170112" i="1"/>
  <c r="U170111" i="1"/>
  <c r="U170110" i="1"/>
  <c r="U170109" i="1"/>
  <c r="U170108" i="1"/>
  <c r="U170107" i="1"/>
  <c r="U170106" i="1"/>
  <c r="U170105" i="1"/>
  <c r="U170104" i="1"/>
  <c r="U170103" i="1"/>
  <c r="U170102" i="1"/>
  <c r="U170101" i="1"/>
  <c r="U170100" i="1"/>
  <c r="U170099" i="1"/>
  <c r="U170098" i="1"/>
  <c r="U170097" i="1"/>
  <c r="U170096" i="1"/>
  <c r="U170095" i="1"/>
  <c r="U170094" i="1"/>
  <c r="U170093" i="1"/>
  <c r="U170092" i="1"/>
  <c r="U170091" i="1"/>
  <c r="U170090" i="1"/>
  <c r="U170089" i="1"/>
  <c r="U170088" i="1"/>
  <c r="U170087" i="1"/>
  <c r="U170086" i="1"/>
  <c r="U170085" i="1"/>
  <c r="U170084" i="1"/>
  <c r="U170083" i="1"/>
  <c r="U170082" i="1"/>
  <c r="U170081" i="1"/>
  <c r="U170080" i="1"/>
  <c r="U170079" i="1"/>
  <c r="U170078" i="1"/>
  <c r="U170077" i="1"/>
  <c r="U170076" i="1"/>
  <c r="U170075" i="1"/>
  <c r="U170074" i="1"/>
  <c r="U170073" i="1"/>
  <c r="U170072" i="1"/>
  <c r="U170071" i="1"/>
  <c r="U170070" i="1"/>
  <c r="U170069" i="1"/>
  <c r="U170068" i="1"/>
  <c r="U170067" i="1"/>
  <c r="U170066" i="1"/>
  <c r="U170065" i="1"/>
  <c r="U170064" i="1"/>
  <c r="U170063" i="1"/>
  <c r="U170062" i="1"/>
  <c r="U170061" i="1"/>
  <c r="U170060" i="1"/>
  <c r="U170059" i="1"/>
  <c r="U170058" i="1"/>
  <c r="U170057" i="1"/>
  <c r="U170056" i="1"/>
  <c r="U170055" i="1"/>
  <c r="U170054" i="1"/>
  <c r="U170053" i="1"/>
  <c r="U170052" i="1"/>
  <c r="U170051" i="1"/>
  <c r="U170050" i="1"/>
  <c r="U170049" i="1"/>
  <c r="U170048" i="1"/>
  <c r="U170047" i="1"/>
  <c r="U170046" i="1"/>
  <c r="U170045" i="1"/>
  <c r="U170044" i="1"/>
  <c r="U170043" i="1"/>
  <c r="U170042" i="1"/>
  <c r="U170041" i="1"/>
  <c r="U170040" i="1"/>
  <c r="U170039" i="1"/>
  <c r="U170038" i="1"/>
  <c r="U170037" i="1"/>
  <c r="U170036" i="1"/>
  <c r="U170035" i="1"/>
  <c r="U170034" i="1"/>
  <c r="U170033" i="1"/>
  <c r="U170032" i="1"/>
  <c r="U170031" i="1"/>
  <c r="U170030" i="1"/>
  <c r="U170029" i="1"/>
  <c r="U170028" i="1"/>
  <c r="U170027" i="1"/>
  <c r="U170026" i="1"/>
  <c r="U170025" i="1"/>
  <c r="U170024" i="1"/>
  <c r="U170023" i="1"/>
  <c r="U170022" i="1"/>
  <c r="U170021" i="1"/>
  <c r="U170020" i="1"/>
  <c r="U170019" i="1"/>
  <c r="U170018" i="1"/>
  <c r="U170017" i="1"/>
  <c r="U170016" i="1"/>
  <c r="U170015" i="1"/>
  <c r="U170014" i="1"/>
  <c r="U170013" i="1"/>
  <c r="U170012" i="1"/>
  <c r="U170011" i="1"/>
  <c r="U170010" i="1"/>
  <c r="U170009" i="1"/>
  <c r="U170008" i="1"/>
  <c r="U170007" i="1"/>
  <c r="U170006" i="1"/>
  <c r="U170005" i="1"/>
  <c r="U170004" i="1"/>
  <c r="U170003" i="1"/>
  <c r="U170002" i="1"/>
  <c r="U170001" i="1"/>
  <c r="U170000" i="1"/>
  <c r="U169999" i="1"/>
  <c r="U169998" i="1"/>
  <c r="U169997" i="1"/>
  <c r="U169996" i="1"/>
  <c r="U169995" i="1"/>
  <c r="U169994" i="1"/>
  <c r="U169993" i="1"/>
  <c r="U169992" i="1"/>
  <c r="U169991" i="1"/>
  <c r="U169990" i="1"/>
  <c r="U169989" i="1"/>
  <c r="U169988" i="1"/>
  <c r="U169987" i="1"/>
  <c r="U169986" i="1"/>
  <c r="U169985" i="1"/>
  <c r="U169984" i="1"/>
  <c r="U169983" i="1"/>
  <c r="U169982" i="1"/>
  <c r="U169981" i="1"/>
  <c r="U169980" i="1"/>
  <c r="U169979" i="1"/>
  <c r="U169978" i="1"/>
  <c r="U169977" i="1"/>
  <c r="U169976" i="1"/>
  <c r="U169975" i="1"/>
  <c r="U169974" i="1"/>
  <c r="U169973" i="1"/>
  <c r="U169972" i="1"/>
  <c r="U169971" i="1"/>
  <c r="U169970" i="1"/>
  <c r="U169969" i="1"/>
  <c r="U169968" i="1"/>
  <c r="U169967" i="1"/>
  <c r="U169966" i="1"/>
  <c r="U169965" i="1"/>
  <c r="U169964" i="1"/>
  <c r="U169963" i="1"/>
  <c r="U169962" i="1"/>
  <c r="U169961" i="1"/>
  <c r="U169960" i="1"/>
  <c r="U169959" i="1"/>
  <c r="U169958" i="1"/>
  <c r="U169957" i="1"/>
  <c r="U169956" i="1"/>
  <c r="U169955" i="1"/>
  <c r="U169954" i="1"/>
  <c r="U169953" i="1"/>
  <c r="U169952" i="1"/>
  <c r="U169951" i="1"/>
  <c r="U169950" i="1"/>
  <c r="U169949" i="1"/>
  <c r="U169948" i="1"/>
  <c r="U169947" i="1"/>
  <c r="U169946" i="1"/>
  <c r="U169945" i="1"/>
  <c r="U169944" i="1"/>
  <c r="U169943" i="1"/>
  <c r="U169942" i="1"/>
  <c r="U169941" i="1"/>
  <c r="U169940" i="1"/>
  <c r="U169939" i="1"/>
  <c r="U169938" i="1"/>
  <c r="U169937" i="1"/>
  <c r="U169936" i="1"/>
  <c r="U169935" i="1"/>
  <c r="U169934" i="1"/>
  <c r="U169933" i="1"/>
  <c r="U169932" i="1"/>
  <c r="U169931" i="1"/>
  <c r="U169930" i="1"/>
  <c r="U169929" i="1"/>
  <c r="U169928" i="1"/>
  <c r="U169927" i="1"/>
  <c r="U169926" i="1"/>
  <c r="U169925" i="1"/>
  <c r="U169924" i="1"/>
  <c r="U169923" i="1"/>
  <c r="U169922" i="1"/>
  <c r="U169921" i="1"/>
  <c r="U169920" i="1"/>
  <c r="U169919" i="1"/>
  <c r="U169918" i="1"/>
  <c r="U169917" i="1"/>
  <c r="U169916" i="1"/>
  <c r="U169915" i="1"/>
  <c r="U169914" i="1"/>
  <c r="U169913" i="1"/>
  <c r="U169912" i="1"/>
  <c r="U169911" i="1"/>
  <c r="U169910" i="1"/>
  <c r="U169909" i="1"/>
  <c r="U169908" i="1"/>
  <c r="U169907" i="1"/>
  <c r="U169906" i="1"/>
  <c r="U169905" i="1"/>
  <c r="U169904" i="1"/>
  <c r="U169903" i="1"/>
  <c r="U169902" i="1"/>
  <c r="U169901" i="1"/>
  <c r="U169900" i="1"/>
  <c r="U169899" i="1"/>
  <c r="U169898" i="1"/>
  <c r="U169897" i="1"/>
  <c r="U169896" i="1"/>
  <c r="U169895" i="1"/>
  <c r="U169894" i="1"/>
  <c r="U169893" i="1"/>
  <c r="U169892" i="1"/>
  <c r="U169891" i="1"/>
  <c r="U169890" i="1"/>
  <c r="U169889" i="1"/>
  <c r="U169888" i="1"/>
  <c r="U169887" i="1"/>
  <c r="U169886" i="1"/>
  <c r="U169885" i="1"/>
  <c r="U169884" i="1"/>
  <c r="U169883" i="1"/>
  <c r="U169882" i="1"/>
  <c r="U169881" i="1"/>
  <c r="U169880" i="1"/>
  <c r="U169879" i="1"/>
  <c r="U169878" i="1"/>
  <c r="U169877" i="1"/>
  <c r="U169876" i="1"/>
  <c r="U169875" i="1"/>
  <c r="U169874" i="1"/>
  <c r="U169873" i="1"/>
  <c r="U169872" i="1"/>
  <c r="U169871" i="1"/>
  <c r="U169870" i="1"/>
  <c r="U169869" i="1"/>
  <c r="U169868" i="1"/>
  <c r="U169867" i="1"/>
  <c r="U169866" i="1"/>
  <c r="U169865" i="1"/>
  <c r="U169864" i="1"/>
  <c r="U169863" i="1"/>
  <c r="U169862" i="1"/>
  <c r="U169861" i="1"/>
  <c r="U169860" i="1"/>
  <c r="U169859" i="1"/>
  <c r="U169858" i="1"/>
  <c r="U169857" i="1"/>
  <c r="U169856" i="1"/>
  <c r="U169855" i="1"/>
  <c r="U169854" i="1"/>
  <c r="U169853" i="1"/>
  <c r="U169852" i="1"/>
  <c r="U169851" i="1"/>
  <c r="U169850" i="1"/>
  <c r="U169849" i="1"/>
  <c r="U169848" i="1"/>
  <c r="U169847" i="1"/>
  <c r="U169846" i="1"/>
  <c r="U169845" i="1"/>
  <c r="U169844" i="1"/>
  <c r="U169843" i="1"/>
  <c r="U169842" i="1"/>
  <c r="U169841" i="1"/>
  <c r="U169840" i="1"/>
  <c r="U169839" i="1"/>
  <c r="U169838" i="1"/>
  <c r="U169837" i="1"/>
  <c r="U169836" i="1"/>
  <c r="U169835" i="1"/>
  <c r="U169834" i="1"/>
  <c r="U169833" i="1"/>
  <c r="U169832" i="1"/>
  <c r="U169831" i="1"/>
  <c r="U169830" i="1"/>
  <c r="U169829" i="1"/>
  <c r="U169828" i="1"/>
  <c r="U169827" i="1"/>
  <c r="U169826" i="1"/>
  <c r="U169825" i="1"/>
  <c r="U169824" i="1"/>
  <c r="U169823" i="1"/>
  <c r="U169822" i="1"/>
  <c r="U169821" i="1"/>
  <c r="U169820" i="1"/>
  <c r="U169819" i="1"/>
  <c r="U169818" i="1"/>
  <c r="U169817" i="1"/>
  <c r="U169816" i="1"/>
  <c r="U169815" i="1"/>
  <c r="U169814" i="1"/>
  <c r="U169813" i="1"/>
  <c r="U169812" i="1"/>
  <c r="U169811" i="1"/>
  <c r="U169810" i="1"/>
  <c r="U169809" i="1"/>
  <c r="U169808" i="1"/>
  <c r="U169807" i="1"/>
  <c r="U169806" i="1"/>
  <c r="U169805" i="1"/>
  <c r="U169804" i="1"/>
  <c r="U169803" i="1"/>
  <c r="U169802" i="1"/>
  <c r="U169801" i="1"/>
  <c r="U169800" i="1"/>
  <c r="U169799" i="1"/>
  <c r="U169798" i="1"/>
  <c r="U169797" i="1"/>
  <c r="U169796" i="1"/>
  <c r="U169795" i="1"/>
  <c r="U169794" i="1"/>
  <c r="U169793" i="1"/>
  <c r="U169792" i="1"/>
  <c r="U169791" i="1"/>
  <c r="U169790" i="1"/>
  <c r="U169789" i="1"/>
  <c r="U169788" i="1"/>
  <c r="U169787" i="1"/>
  <c r="U169786" i="1"/>
  <c r="U169785" i="1"/>
  <c r="U169784" i="1"/>
  <c r="U169783" i="1"/>
  <c r="U169782" i="1"/>
  <c r="U169781" i="1"/>
  <c r="U169780" i="1"/>
  <c r="U169779" i="1"/>
  <c r="U169778" i="1"/>
  <c r="U169777" i="1"/>
  <c r="U169776" i="1"/>
  <c r="U169775" i="1"/>
  <c r="U169774" i="1"/>
  <c r="U169773" i="1"/>
  <c r="U169772" i="1"/>
  <c r="U169771" i="1"/>
  <c r="U169770" i="1"/>
  <c r="U169769" i="1"/>
  <c r="U169768" i="1"/>
  <c r="U169767" i="1"/>
  <c r="U169766" i="1"/>
  <c r="U169765" i="1"/>
  <c r="U169764" i="1"/>
  <c r="U169763" i="1"/>
  <c r="U169762" i="1"/>
  <c r="U169761" i="1"/>
  <c r="U169760" i="1"/>
  <c r="U169759" i="1"/>
  <c r="U169758" i="1"/>
  <c r="U169757" i="1"/>
  <c r="U169756" i="1"/>
  <c r="U169755" i="1"/>
  <c r="U169754" i="1"/>
  <c r="U169753" i="1"/>
  <c r="U169752" i="1"/>
  <c r="U169751" i="1"/>
  <c r="U169750" i="1"/>
  <c r="U169749" i="1"/>
  <c r="U169748" i="1"/>
  <c r="U169747" i="1"/>
  <c r="U169746" i="1"/>
  <c r="U169745" i="1"/>
  <c r="U169744" i="1"/>
  <c r="U169743" i="1"/>
  <c r="U169742" i="1"/>
  <c r="U169741" i="1"/>
  <c r="U169740" i="1"/>
  <c r="U169739" i="1"/>
  <c r="U169738" i="1"/>
  <c r="U169737" i="1"/>
  <c r="U169736" i="1"/>
  <c r="U169735" i="1"/>
  <c r="U169734" i="1"/>
  <c r="U169733" i="1"/>
  <c r="U169732" i="1"/>
  <c r="U169731" i="1"/>
  <c r="U169730" i="1"/>
  <c r="U169729" i="1"/>
  <c r="U169728" i="1"/>
  <c r="U169727" i="1"/>
  <c r="U169726" i="1"/>
  <c r="U169725" i="1"/>
  <c r="U169724" i="1"/>
  <c r="U169723" i="1"/>
  <c r="U169722" i="1"/>
  <c r="U169721" i="1"/>
  <c r="U169720" i="1"/>
  <c r="U169719" i="1"/>
  <c r="U169718" i="1"/>
  <c r="U169717" i="1"/>
  <c r="U169716" i="1"/>
  <c r="U169715" i="1"/>
  <c r="U169714" i="1"/>
  <c r="U169713" i="1"/>
  <c r="U169712" i="1"/>
  <c r="U169711" i="1"/>
  <c r="U169710" i="1"/>
  <c r="U169709" i="1"/>
  <c r="U169708" i="1"/>
  <c r="U169707" i="1"/>
  <c r="U169706" i="1"/>
  <c r="U169705" i="1"/>
  <c r="U169704" i="1"/>
  <c r="U169703" i="1"/>
  <c r="U169702" i="1"/>
  <c r="U169701" i="1"/>
  <c r="U169700" i="1"/>
  <c r="U169699" i="1"/>
  <c r="U169698" i="1"/>
  <c r="U169697" i="1"/>
  <c r="U169696" i="1"/>
  <c r="U169695" i="1"/>
  <c r="U169694" i="1"/>
  <c r="U169693" i="1"/>
  <c r="U169692" i="1"/>
  <c r="U169691" i="1"/>
  <c r="U169690" i="1"/>
  <c r="U169689" i="1"/>
  <c r="U169688" i="1"/>
  <c r="U169687" i="1"/>
  <c r="U169686" i="1"/>
  <c r="U169685" i="1"/>
  <c r="U169684" i="1"/>
  <c r="U169683" i="1"/>
  <c r="U169682" i="1"/>
  <c r="U169681" i="1"/>
  <c r="U169680" i="1"/>
  <c r="U169679" i="1"/>
  <c r="U169678" i="1"/>
  <c r="U169677" i="1"/>
  <c r="U169676" i="1"/>
  <c r="U169675" i="1"/>
  <c r="U169674" i="1"/>
  <c r="U169673" i="1"/>
  <c r="U169672" i="1"/>
  <c r="U169671" i="1"/>
  <c r="U169670" i="1"/>
  <c r="U169669" i="1"/>
  <c r="U169668" i="1"/>
  <c r="U169667" i="1"/>
  <c r="U169666" i="1"/>
  <c r="U169665" i="1"/>
  <c r="U169664" i="1"/>
  <c r="U169663" i="1"/>
  <c r="U169662" i="1"/>
  <c r="U169661" i="1"/>
  <c r="U169660" i="1"/>
  <c r="U169659" i="1"/>
  <c r="U169658" i="1"/>
  <c r="U169657" i="1"/>
  <c r="U169656" i="1"/>
  <c r="U169655" i="1"/>
  <c r="U169654" i="1"/>
  <c r="U169653" i="1"/>
  <c r="U169652" i="1"/>
  <c r="U169651" i="1"/>
  <c r="U169650" i="1"/>
  <c r="U169649" i="1"/>
  <c r="U169648" i="1"/>
  <c r="U169647" i="1"/>
  <c r="U169646" i="1"/>
  <c r="U169645" i="1"/>
  <c r="U169644" i="1"/>
  <c r="U169643" i="1"/>
  <c r="U169642" i="1"/>
  <c r="U169641" i="1"/>
  <c r="U169640" i="1"/>
  <c r="U169639" i="1"/>
  <c r="U169638" i="1"/>
  <c r="U169637" i="1"/>
  <c r="U169636" i="1"/>
  <c r="U169635" i="1"/>
  <c r="U169634" i="1"/>
  <c r="U169633" i="1"/>
  <c r="U169632" i="1"/>
  <c r="U169631" i="1"/>
  <c r="U169630" i="1"/>
  <c r="U169629" i="1"/>
  <c r="U169628" i="1"/>
  <c r="U169627" i="1"/>
  <c r="U169626" i="1"/>
  <c r="U169625" i="1"/>
  <c r="U169624" i="1"/>
  <c r="U169623" i="1"/>
  <c r="U169622" i="1"/>
  <c r="U169621" i="1"/>
  <c r="U169620" i="1"/>
  <c r="U169619" i="1"/>
  <c r="U169618" i="1"/>
  <c r="U169617" i="1"/>
  <c r="U169616" i="1"/>
  <c r="U169615" i="1"/>
  <c r="U169614" i="1"/>
  <c r="U169613" i="1"/>
  <c r="U169612" i="1"/>
  <c r="U169611" i="1"/>
  <c r="U169610" i="1"/>
  <c r="U169609" i="1"/>
  <c r="U169608" i="1"/>
  <c r="U169607" i="1"/>
  <c r="U169606" i="1"/>
  <c r="U169605" i="1"/>
  <c r="U169604" i="1"/>
  <c r="U169603" i="1"/>
  <c r="U169602" i="1"/>
  <c r="U169601" i="1"/>
  <c r="U169600" i="1"/>
  <c r="U169599" i="1"/>
  <c r="U169598" i="1"/>
  <c r="U169597" i="1"/>
  <c r="U169596" i="1"/>
  <c r="U169595" i="1"/>
  <c r="U169594" i="1"/>
  <c r="U169593" i="1"/>
  <c r="U169592" i="1"/>
  <c r="U169591" i="1"/>
  <c r="U169590" i="1"/>
  <c r="U169589" i="1"/>
  <c r="U169588" i="1"/>
  <c r="U169587" i="1"/>
  <c r="U169586" i="1"/>
  <c r="U169585" i="1"/>
  <c r="U169584" i="1"/>
  <c r="U169583" i="1"/>
  <c r="U169582" i="1"/>
  <c r="U169581" i="1"/>
  <c r="U169580" i="1"/>
  <c r="U169579" i="1"/>
  <c r="U169578" i="1"/>
  <c r="U169577" i="1"/>
  <c r="U169576" i="1"/>
  <c r="U169575" i="1"/>
  <c r="U169574" i="1"/>
  <c r="U169573" i="1"/>
  <c r="U169572" i="1"/>
  <c r="U169571" i="1"/>
  <c r="U169570" i="1"/>
  <c r="U169569" i="1"/>
  <c r="U169568" i="1"/>
  <c r="U169567" i="1"/>
  <c r="U169566" i="1"/>
  <c r="U169565" i="1"/>
  <c r="U169564" i="1"/>
  <c r="U169563" i="1"/>
  <c r="U169562" i="1"/>
  <c r="U169561" i="1"/>
  <c r="U169560" i="1"/>
  <c r="U169559" i="1"/>
  <c r="U169558" i="1"/>
  <c r="U169557" i="1"/>
  <c r="U169556" i="1"/>
  <c r="U169555" i="1"/>
  <c r="U169554" i="1"/>
  <c r="U169553" i="1"/>
  <c r="U169552" i="1"/>
  <c r="U169551" i="1"/>
  <c r="U169550" i="1"/>
  <c r="U169549" i="1"/>
  <c r="U169548" i="1"/>
  <c r="U169547" i="1"/>
  <c r="U169546" i="1"/>
  <c r="U169545" i="1"/>
  <c r="U169544" i="1"/>
  <c r="U169543" i="1"/>
  <c r="U169542" i="1"/>
  <c r="U169541" i="1"/>
  <c r="U169540" i="1"/>
  <c r="U169539" i="1"/>
  <c r="U169538" i="1"/>
  <c r="U169537" i="1"/>
  <c r="U169536" i="1"/>
  <c r="U169535" i="1"/>
  <c r="U169534" i="1"/>
  <c r="U169533" i="1"/>
  <c r="U169532" i="1"/>
  <c r="U169531" i="1"/>
  <c r="U169530" i="1"/>
  <c r="U169529" i="1"/>
  <c r="U169528" i="1"/>
  <c r="U169527" i="1"/>
  <c r="U169526" i="1"/>
  <c r="U169525" i="1"/>
  <c r="U169524" i="1"/>
  <c r="U169523" i="1"/>
  <c r="U169522" i="1"/>
  <c r="U169521" i="1"/>
  <c r="U169520" i="1"/>
  <c r="U169519" i="1"/>
  <c r="U169518" i="1"/>
  <c r="U169517" i="1"/>
  <c r="U169516" i="1"/>
  <c r="U169515" i="1"/>
  <c r="U169514" i="1"/>
  <c r="U169513" i="1"/>
  <c r="U169512" i="1"/>
  <c r="U169511" i="1"/>
  <c r="U169510" i="1"/>
  <c r="U169509" i="1"/>
  <c r="U169508" i="1"/>
  <c r="U169507" i="1"/>
  <c r="U169506" i="1"/>
  <c r="U169505" i="1"/>
  <c r="U169504" i="1"/>
  <c r="U169503" i="1"/>
  <c r="U169502" i="1"/>
  <c r="U169501" i="1"/>
  <c r="U169500" i="1"/>
  <c r="U169499" i="1"/>
  <c r="U169498" i="1"/>
  <c r="U169497" i="1"/>
  <c r="U169496" i="1"/>
  <c r="U169495" i="1"/>
  <c r="U169494" i="1"/>
  <c r="U169493" i="1"/>
  <c r="U169492" i="1"/>
  <c r="U169491" i="1"/>
  <c r="U169490" i="1"/>
  <c r="U169489" i="1"/>
  <c r="U169488" i="1"/>
  <c r="U169487" i="1"/>
  <c r="U169486" i="1"/>
  <c r="U169485" i="1"/>
  <c r="U169484" i="1"/>
  <c r="U169483" i="1"/>
  <c r="U169482" i="1"/>
  <c r="U169481" i="1"/>
  <c r="U169480" i="1"/>
  <c r="U169479" i="1"/>
  <c r="U169478" i="1"/>
  <c r="U169477" i="1"/>
  <c r="U169476" i="1"/>
  <c r="U169475" i="1"/>
  <c r="U169474" i="1"/>
  <c r="U169473" i="1"/>
  <c r="U169472" i="1"/>
  <c r="U169471" i="1"/>
  <c r="U169470" i="1"/>
  <c r="U169469" i="1"/>
  <c r="U169468" i="1"/>
  <c r="U169467" i="1"/>
  <c r="U169466" i="1"/>
  <c r="U169465" i="1"/>
  <c r="U169464" i="1"/>
  <c r="U169463" i="1"/>
  <c r="U169462" i="1"/>
  <c r="U169461" i="1"/>
  <c r="U169460" i="1"/>
  <c r="U169459" i="1"/>
  <c r="U169458" i="1"/>
  <c r="U169457" i="1"/>
  <c r="U169456" i="1"/>
  <c r="U169455" i="1"/>
  <c r="U169454" i="1"/>
  <c r="U169453" i="1"/>
  <c r="U169452" i="1"/>
  <c r="U169451" i="1"/>
  <c r="U169450" i="1"/>
  <c r="U169449" i="1"/>
  <c r="U169448" i="1"/>
  <c r="U169447" i="1"/>
  <c r="U169446" i="1"/>
  <c r="U169445" i="1"/>
  <c r="U169444" i="1"/>
  <c r="U169443" i="1"/>
  <c r="U169442" i="1"/>
  <c r="U169441" i="1"/>
  <c r="U169440" i="1"/>
  <c r="U169439" i="1"/>
  <c r="U169438" i="1"/>
  <c r="U169437" i="1"/>
  <c r="U169436" i="1"/>
  <c r="U169435" i="1"/>
  <c r="U169434" i="1"/>
  <c r="U169433" i="1"/>
  <c r="U169432" i="1"/>
  <c r="U169431" i="1"/>
  <c r="U169430" i="1"/>
  <c r="U169429" i="1"/>
  <c r="U169428" i="1"/>
  <c r="U169427" i="1"/>
  <c r="U169426" i="1"/>
  <c r="U169425" i="1"/>
  <c r="U169424" i="1"/>
  <c r="U169423" i="1"/>
  <c r="U169422" i="1"/>
  <c r="U169421" i="1"/>
  <c r="U169420" i="1"/>
  <c r="U169419" i="1"/>
  <c r="U169418" i="1"/>
  <c r="U169417" i="1"/>
  <c r="U169416" i="1"/>
  <c r="U169415" i="1"/>
  <c r="U169414" i="1"/>
  <c r="U169413" i="1"/>
  <c r="U169412" i="1"/>
  <c r="U169411" i="1"/>
  <c r="U169410" i="1"/>
  <c r="U169409" i="1"/>
  <c r="U169408" i="1"/>
  <c r="U169407" i="1"/>
  <c r="U169406" i="1"/>
  <c r="U169405" i="1"/>
  <c r="U169404" i="1"/>
  <c r="U169403" i="1"/>
  <c r="U169402" i="1"/>
  <c r="U169401" i="1"/>
  <c r="U169400" i="1"/>
  <c r="U169399" i="1"/>
  <c r="U169398" i="1"/>
  <c r="U169397" i="1"/>
  <c r="U169396" i="1"/>
  <c r="U169395" i="1"/>
  <c r="U169394" i="1"/>
  <c r="U169393" i="1"/>
  <c r="U169392" i="1"/>
  <c r="U169391" i="1"/>
  <c r="U169390" i="1"/>
  <c r="U169389" i="1"/>
  <c r="U169388" i="1"/>
  <c r="U169387" i="1"/>
  <c r="U169386" i="1"/>
  <c r="U169385" i="1"/>
  <c r="U169384" i="1"/>
  <c r="U169383" i="1"/>
  <c r="U169382" i="1"/>
  <c r="U169381" i="1"/>
  <c r="U169380" i="1"/>
  <c r="U169379" i="1"/>
  <c r="U169378" i="1"/>
  <c r="U169377" i="1"/>
  <c r="U169376" i="1"/>
  <c r="U169375" i="1"/>
  <c r="U169374" i="1"/>
  <c r="U169373" i="1"/>
  <c r="U169372" i="1"/>
  <c r="U169371" i="1"/>
  <c r="U169370" i="1"/>
  <c r="U169369" i="1"/>
  <c r="U169368" i="1"/>
  <c r="U169367" i="1"/>
  <c r="U169366" i="1"/>
  <c r="U169365" i="1"/>
  <c r="U169364" i="1"/>
  <c r="U169363" i="1"/>
  <c r="U169362" i="1"/>
  <c r="U169361" i="1"/>
  <c r="U169360" i="1"/>
  <c r="U169359" i="1"/>
  <c r="U169358" i="1"/>
  <c r="U169357" i="1"/>
  <c r="U169356" i="1"/>
  <c r="U169355" i="1"/>
  <c r="U169354" i="1"/>
  <c r="U169353" i="1"/>
  <c r="U169352" i="1"/>
  <c r="U169351" i="1"/>
  <c r="U169350" i="1"/>
  <c r="U169349" i="1"/>
  <c r="U169348" i="1"/>
  <c r="U169347" i="1"/>
  <c r="U169346" i="1"/>
  <c r="U169345" i="1"/>
  <c r="U169344" i="1"/>
  <c r="U169343" i="1"/>
  <c r="U169342" i="1"/>
  <c r="U169341" i="1"/>
  <c r="U169340" i="1"/>
  <c r="U169339" i="1"/>
  <c r="U169338" i="1"/>
  <c r="U169337" i="1"/>
  <c r="U169336" i="1"/>
  <c r="U169335" i="1"/>
  <c r="U169334" i="1"/>
  <c r="U169333" i="1"/>
  <c r="U169332" i="1"/>
  <c r="U169331" i="1"/>
  <c r="U169330" i="1"/>
  <c r="U169329" i="1"/>
  <c r="U169328" i="1"/>
  <c r="U169327" i="1"/>
  <c r="U169326" i="1"/>
  <c r="U169325" i="1"/>
  <c r="U169324" i="1"/>
  <c r="U169323" i="1"/>
  <c r="U169322" i="1"/>
  <c r="U169321" i="1"/>
  <c r="U169320" i="1"/>
  <c r="U169319" i="1"/>
  <c r="U169318" i="1"/>
  <c r="U169317" i="1"/>
  <c r="U169316" i="1"/>
  <c r="U169315" i="1"/>
  <c r="U169314" i="1"/>
  <c r="U169313" i="1"/>
  <c r="U169312" i="1"/>
  <c r="U169311" i="1"/>
  <c r="U169310" i="1"/>
  <c r="U169309" i="1"/>
  <c r="U169308" i="1"/>
  <c r="U169307" i="1"/>
  <c r="U169306" i="1"/>
  <c r="U169305" i="1"/>
  <c r="U169304" i="1"/>
  <c r="U169303" i="1"/>
  <c r="U169302" i="1"/>
  <c r="U169301" i="1"/>
  <c r="U169300" i="1"/>
  <c r="U169299" i="1"/>
  <c r="U169298" i="1"/>
  <c r="U169297" i="1"/>
  <c r="U169296" i="1"/>
  <c r="U169295" i="1"/>
  <c r="U169294" i="1"/>
  <c r="U169293" i="1"/>
  <c r="U169292" i="1"/>
  <c r="U169291" i="1"/>
  <c r="U169290" i="1"/>
  <c r="U169289" i="1"/>
  <c r="U169288" i="1"/>
  <c r="U169287" i="1"/>
  <c r="U169286" i="1"/>
  <c r="U169285" i="1"/>
  <c r="U169284" i="1"/>
  <c r="U169283" i="1"/>
  <c r="U169282" i="1"/>
  <c r="U169281" i="1"/>
  <c r="U169280" i="1"/>
  <c r="U169279" i="1"/>
  <c r="U169278" i="1"/>
  <c r="U169277" i="1"/>
  <c r="U169276" i="1"/>
  <c r="U169275" i="1"/>
  <c r="U169274" i="1"/>
  <c r="U169273" i="1"/>
  <c r="U169272" i="1"/>
  <c r="U169271" i="1"/>
  <c r="U169270" i="1"/>
  <c r="U169269" i="1"/>
  <c r="U169268" i="1"/>
  <c r="U169267" i="1"/>
  <c r="U169266" i="1"/>
  <c r="U169265" i="1"/>
  <c r="U169264" i="1"/>
  <c r="U169263" i="1"/>
  <c r="U169262" i="1"/>
  <c r="U169261" i="1"/>
  <c r="U169260" i="1"/>
  <c r="U169259" i="1"/>
  <c r="U169258" i="1"/>
  <c r="U169257" i="1"/>
  <c r="U169256" i="1"/>
  <c r="U169255" i="1"/>
  <c r="U169254" i="1"/>
  <c r="U169253" i="1"/>
  <c r="U169252" i="1"/>
  <c r="U169251" i="1"/>
  <c r="U169250" i="1"/>
  <c r="U169249" i="1"/>
  <c r="U169248" i="1"/>
  <c r="U169247" i="1"/>
  <c r="U169246" i="1"/>
  <c r="U169245" i="1"/>
  <c r="U169244" i="1"/>
  <c r="U169243" i="1"/>
  <c r="U169242" i="1"/>
  <c r="U169241" i="1"/>
  <c r="U169240" i="1"/>
  <c r="U169239" i="1"/>
  <c r="U169238" i="1"/>
  <c r="U169237" i="1"/>
  <c r="U169236" i="1"/>
  <c r="U169235" i="1"/>
  <c r="U169234" i="1"/>
  <c r="U169233" i="1"/>
  <c r="U169232" i="1"/>
  <c r="U169231" i="1"/>
  <c r="U169230" i="1"/>
  <c r="U169229" i="1"/>
  <c r="U169228" i="1"/>
  <c r="U169227" i="1"/>
  <c r="U169226" i="1"/>
  <c r="U169225" i="1"/>
  <c r="U169224" i="1"/>
  <c r="U169223" i="1"/>
  <c r="U169222" i="1"/>
  <c r="U169221" i="1"/>
  <c r="U169220" i="1"/>
  <c r="U169219" i="1"/>
  <c r="U169218" i="1"/>
  <c r="U169217" i="1"/>
  <c r="U169216" i="1"/>
  <c r="U169215" i="1"/>
  <c r="U169214" i="1"/>
  <c r="U169213" i="1"/>
  <c r="U169212" i="1"/>
  <c r="U169211" i="1"/>
  <c r="U169210" i="1"/>
  <c r="U169209" i="1"/>
  <c r="U169208" i="1"/>
  <c r="U169207" i="1"/>
  <c r="U169206" i="1"/>
  <c r="U169205" i="1"/>
  <c r="U169204" i="1"/>
  <c r="U169203" i="1"/>
  <c r="U169202" i="1"/>
  <c r="U169201" i="1"/>
  <c r="U169200" i="1"/>
  <c r="U169199" i="1"/>
  <c r="U169198" i="1"/>
  <c r="U169197" i="1"/>
  <c r="U169196" i="1"/>
  <c r="U169195" i="1"/>
  <c r="U169194" i="1"/>
  <c r="U169193" i="1"/>
  <c r="U169192" i="1"/>
  <c r="U169191" i="1"/>
  <c r="U169190" i="1"/>
  <c r="U169189" i="1"/>
  <c r="U169188" i="1"/>
  <c r="U169187" i="1"/>
  <c r="U169186" i="1"/>
  <c r="U169185" i="1"/>
  <c r="U169184" i="1"/>
  <c r="U169183" i="1"/>
  <c r="U169182" i="1"/>
  <c r="U169181" i="1"/>
  <c r="U169180" i="1"/>
  <c r="U169179" i="1"/>
  <c r="U169178" i="1"/>
  <c r="U169177" i="1"/>
  <c r="U169176" i="1"/>
  <c r="U169175" i="1"/>
  <c r="U169174" i="1"/>
  <c r="U169173" i="1"/>
  <c r="U169172" i="1"/>
  <c r="U169171" i="1"/>
  <c r="U169170" i="1"/>
  <c r="U169169" i="1"/>
  <c r="U169168" i="1"/>
  <c r="U169167" i="1"/>
  <c r="U169166" i="1"/>
  <c r="U169165" i="1"/>
  <c r="U169164" i="1"/>
  <c r="U169163" i="1"/>
  <c r="U169162" i="1"/>
  <c r="U169161" i="1"/>
  <c r="U169160" i="1"/>
  <c r="U169159" i="1"/>
  <c r="U169158" i="1"/>
  <c r="U169157" i="1"/>
  <c r="U169156" i="1"/>
  <c r="U169155" i="1"/>
  <c r="U169154" i="1"/>
  <c r="U169153" i="1"/>
  <c r="U169152" i="1"/>
  <c r="U169151" i="1"/>
  <c r="U169150" i="1"/>
  <c r="U169149" i="1"/>
  <c r="U169148" i="1"/>
  <c r="U169147" i="1"/>
  <c r="U169146" i="1"/>
  <c r="U169145" i="1"/>
  <c r="U169144" i="1"/>
  <c r="U169143" i="1"/>
  <c r="U169142" i="1"/>
  <c r="U169141" i="1"/>
  <c r="U169140" i="1"/>
  <c r="U169139" i="1"/>
  <c r="U169138" i="1"/>
  <c r="U169137" i="1"/>
  <c r="U169136" i="1"/>
  <c r="U169135" i="1"/>
  <c r="U169134" i="1"/>
  <c r="U169133" i="1"/>
  <c r="U169132" i="1"/>
  <c r="U169131" i="1"/>
  <c r="U169130" i="1"/>
  <c r="U169129" i="1"/>
  <c r="U169128" i="1"/>
  <c r="U169127" i="1"/>
  <c r="U169126" i="1"/>
  <c r="U169125" i="1"/>
  <c r="U169124" i="1"/>
  <c r="U169123" i="1"/>
  <c r="U169122" i="1"/>
  <c r="U169121" i="1"/>
  <c r="U169120" i="1"/>
  <c r="U169119" i="1"/>
  <c r="U169118" i="1"/>
  <c r="U169117" i="1"/>
  <c r="U169116" i="1"/>
  <c r="U169115" i="1"/>
  <c r="U169114" i="1"/>
  <c r="U169113" i="1"/>
  <c r="U169112" i="1"/>
  <c r="U169111" i="1"/>
  <c r="U169110" i="1"/>
  <c r="U169109" i="1"/>
  <c r="U169108" i="1"/>
  <c r="U169107" i="1"/>
  <c r="U169106" i="1"/>
  <c r="U169105" i="1"/>
  <c r="U169104" i="1"/>
  <c r="U169103" i="1"/>
  <c r="U169102" i="1"/>
  <c r="U169101" i="1"/>
  <c r="U169100" i="1"/>
  <c r="U169099" i="1"/>
  <c r="U169098" i="1"/>
  <c r="U169097" i="1"/>
  <c r="U169096" i="1"/>
  <c r="U169095" i="1"/>
  <c r="U169094" i="1"/>
  <c r="U169093" i="1"/>
  <c r="U169092" i="1"/>
  <c r="U169091" i="1"/>
  <c r="U169090" i="1"/>
  <c r="U169089" i="1"/>
  <c r="U169088" i="1"/>
  <c r="U169087" i="1"/>
  <c r="U169086" i="1"/>
  <c r="U169085" i="1"/>
  <c r="U169084" i="1"/>
  <c r="U169083" i="1"/>
  <c r="U169082" i="1"/>
  <c r="U169081" i="1"/>
  <c r="U169080" i="1"/>
  <c r="U169079" i="1"/>
  <c r="U169078" i="1"/>
  <c r="U169077" i="1"/>
  <c r="U169076" i="1"/>
  <c r="U169075" i="1"/>
  <c r="U169074" i="1"/>
  <c r="U169073" i="1"/>
  <c r="U169072" i="1"/>
  <c r="U169071" i="1"/>
  <c r="U169070" i="1"/>
  <c r="U169069" i="1"/>
  <c r="U169068" i="1"/>
  <c r="U169067" i="1"/>
  <c r="U169066" i="1"/>
  <c r="U169065" i="1"/>
  <c r="U169064" i="1"/>
  <c r="U169063" i="1"/>
  <c r="U169062" i="1"/>
  <c r="U169061" i="1"/>
  <c r="U169060" i="1"/>
  <c r="U169059" i="1"/>
  <c r="U169058" i="1"/>
  <c r="U169057" i="1"/>
  <c r="U169056" i="1"/>
  <c r="U169055" i="1"/>
  <c r="U169054" i="1"/>
  <c r="U169053" i="1"/>
  <c r="U169052" i="1"/>
  <c r="U169051" i="1"/>
  <c r="U169050" i="1"/>
  <c r="U169049" i="1"/>
  <c r="U169048" i="1"/>
  <c r="U169047" i="1"/>
  <c r="U169046" i="1"/>
  <c r="U169045" i="1"/>
  <c r="U169044" i="1"/>
  <c r="U169043" i="1"/>
  <c r="U169042" i="1"/>
  <c r="U169041" i="1"/>
  <c r="U169040" i="1"/>
  <c r="U169039" i="1"/>
  <c r="U169038" i="1"/>
  <c r="U169037" i="1"/>
  <c r="U169036" i="1"/>
  <c r="U169035" i="1"/>
  <c r="U169034" i="1"/>
  <c r="U169033" i="1"/>
  <c r="U169032" i="1"/>
  <c r="U169031" i="1"/>
  <c r="U169030" i="1"/>
  <c r="U169029" i="1"/>
  <c r="U169028" i="1"/>
  <c r="U169027" i="1"/>
  <c r="U169026" i="1"/>
  <c r="U169025" i="1"/>
  <c r="U169024" i="1"/>
  <c r="U169023" i="1"/>
  <c r="U169022" i="1"/>
  <c r="U169021" i="1"/>
  <c r="U169020" i="1"/>
  <c r="U169019" i="1"/>
  <c r="U169018" i="1"/>
  <c r="U169017" i="1"/>
  <c r="U169016" i="1"/>
  <c r="U169015" i="1"/>
  <c r="U169014" i="1"/>
  <c r="U169013" i="1"/>
  <c r="U169012" i="1"/>
  <c r="U169011" i="1"/>
  <c r="U169010" i="1"/>
  <c r="U169009" i="1"/>
  <c r="U169008" i="1"/>
  <c r="U169007" i="1"/>
  <c r="U169006" i="1"/>
  <c r="U169005" i="1"/>
  <c r="U169004" i="1"/>
  <c r="U169003" i="1"/>
  <c r="U169002" i="1"/>
  <c r="U169001" i="1"/>
  <c r="U169000" i="1"/>
  <c r="U168999" i="1"/>
  <c r="U168998" i="1"/>
  <c r="U168997" i="1"/>
  <c r="U168996" i="1"/>
  <c r="U168995" i="1"/>
  <c r="U168994" i="1"/>
  <c r="U168993" i="1"/>
  <c r="U168992" i="1"/>
  <c r="U168991" i="1"/>
  <c r="U168990" i="1"/>
  <c r="U168989" i="1"/>
  <c r="U168988" i="1"/>
  <c r="U168987" i="1"/>
  <c r="U168986" i="1"/>
  <c r="U168985" i="1"/>
  <c r="U168984" i="1"/>
  <c r="U168983" i="1"/>
  <c r="U168982" i="1"/>
  <c r="U168981" i="1"/>
  <c r="U168980" i="1"/>
  <c r="U168979" i="1"/>
  <c r="U168978" i="1"/>
  <c r="U168977" i="1"/>
  <c r="U168976" i="1"/>
  <c r="U168975" i="1"/>
  <c r="U168974" i="1"/>
  <c r="U168973" i="1"/>
  <c r="U168972" i="1"/>
  <c r="U168971" i="1"/>
  <c r="U168970" i="1"/>
  <c r="U168969" i="1"/>
  <c r="U168968" i="1"/>
  <c r="U168967" i="1"/>
  <c r="U168966" i="1"/>
  <c r="U168965" i="1"/>
  <c r="U168964" i="1"/>
  <c r="U168963" i="1"/>
  <c r="U168962" i="1"/>
  <c r="U168961" i="1"/>
  <c r="U168960" i="1"/>
  <c r="U168959" i="1"/>
  <c r="U168958" i="1"/>
  <c r="U168957" i="1"/>
  <c r="U168956" i="1"/>
  <c r="U168955" i="1"/>
  <c r="U168954" i="1"/>
  <c r="U168953" i="1"/>
  <c r="U168952" i="1"/>
  <c r="U168951" i="1"/>
  <c r="U168950" i="1"/>
  <c r="U168949" i="1"/>
  <c r="U168948" i="1"/>
  <c r="U168947" i="1"/>
  <c r="U168946" i="1"/>
  <c r="U168945" i="1"/>
  <c r="U168944" i="1"/>
  <c r="U168943" i="1"/>
  <c r="U168942" i="1"/>
  <c r="U168941" i="1"/>
  <c r="U168940" i="1"/>
  <c r="U168939" i="1"/>
  <c r="U168938" i="1"/>
  <c r="U168937" i="1"/>
  <c r="U168936" i="1"/>
  <c r="U168935" i="1"/>
  <c r="U168934" i="1"/>
  <c r="U168933" i="1"/>
  <c r="U168932" i="1"/>
  <c r="U168931" i="1"/>
  <c r="U168930" i="1"/>
  <c r="U168929" i="1"/>
  <c r="U168928" i="1"/>
  <c r="U168927" i="1"/>
  <c r="U168926" i="1"/>
  <c r="U168925" i="1"/>
  <c r="U168924" i="1"/>
  <c r="U168923" i="1"/>
  <c r="U168922" i="1"/>
  <c r="U168921" i="1"/>
  <c r="U168920" i="1"/>
  <c r="U168919" i="1"/>
  <c r="U168918" i="1"/>
  <c r="U168917" i="1"/>
  <c r="U168916" i="1"/>
  <c r="U168915" i="1"/>
  <c r="U168914" i="1"/>
  <c r="U168913" i="1"/>
  <c r="U168912" i="1"/>
  <c r="U168911" i="1"/>
  <c r="U168910" i="1"/>
  <c r="U168909" i="1"/>
  <c r="U168908" i="1"/>
  <c r="U168907" i="1"/>
  <c r="U168906" i="1"/>
  <c r="U168905" i="1"/>
  <c r="U168904" i="1"/>
  <c r="U168903" i="1"/>
  <c r="U168902" i="1"/>
  <c r="U168901" i="1"/>
  <c r="U168900" i="1"/>
  <c r="U168899" i="1"/>
  <c r="U168898" i="1"/>
  <c r="U168897" i="1"/>
  <c r="U168896" i="1"/>
  <c r="U168895" i="1"/>
  <c r="U168894" i="1"/>
  <c r="U168893" i="1"/>
  <c r="U168892" i="1"/>
  <c r="U168891" i="1"/>
  <c r="U168890" i="1"/>
  <c r="U168889" i="1"/>
  <c r="U168888" i="1"/>
  <c r="U168887" i="1"/>
  <c r="U168886" i="1"/>
  <c r="U168885" i="1"/>
  <c r="U168884" i="1"/>
  <c r="U168883" i="1"/>
  <c r="U168882" i="1"/>
  <c r="U168881" i="1"/>
  <c r="U168880" i="1"/>
  <c r="U168879" i="1"/>
  <c r="U168878" i="1"/>
  <c r="U168877" i="1"/>
  <c r="U168876" i="1"/>
  <c r="U168875" i="1"/>
  <c r="U168874" i="1"/>
  <c r="U168873" i="1"/>
  <c r="U168872" i="1"/>
  <c r="U168871" i="1"/>
  <c r="U168870" i="1"/>
  <c r="U168869" i="1"/>
  <c r="U168868" i="1"/>
  <c r="U168867" i="1"/>
  <c r="U168866" i="1"/>
  <c r="U168865" i="1"/>
  <c r="U168864" i="1"/>
  <c r="U168863" i="1"/>
  <c r="U168862" i="1"/>
  <c r="U168861" i="1"/>
  <c r="U168860" i="1"/>
  <c r="U168859" i="1"/>
  <c r="U168858" i="1"/>
  <c r="U168857" i="1"/>
  <c r="U168856" i="1"/>
  <c r="U168855" i="1"/>
  <c r="U168854" i="1"/>
  <c r="U168853" i="1"/>
  <c r="U168852" i="1"/>
  <c r="U168851" i="1"/>
  <c r="U168850" i="1"/>
  <c r="U168849" i="1"/>
  <c r="U168848" i="1"/>
  <c r="U168847" i="1"/>
  <c r="U168846" i="1"/>
  <c r="U168845" i="1"/>
  <c r="U168844" i="1"/>
  <c r="U168843" i="1"/>
  <c r="U168842" i="1"/>
  <c r="U168841" i="1"/>
  <c r="U168840" i="1"/>
  <c r="U168839" i="1"/>
  <c r="U168838" i="1"/>
  <c r="U168837" i="1"/>
  <c r="U168836" i="1"/>
  <c r="U168835" i="1"/>
  <c r="U168834" i="1"/>
  <c r="U168833" i="1"/>
  <c r="U168832" i="1"/>
  <c r="U168831" i="1"/>
  <c r="U168830" i="1"/>
  <c r="U168829" i="1"/>
  <c r="U168828" i="1"/>
  <c r="U168827" i="1"/>
  <c r="U168826" i="1"/>
  <c r="U168825" i="1"/>
  <c r="U168824" i="1"/>
  <c r="U168823" i="1"/>
  <c r="U168822" i="1"/>
  <c r="U168821" i="1"/>
  <c r="U168820" i="1"/>
  <c r="U168819" i="1"/>
  <c r="U168818" i="1"/>
  <c r="U168817" i="1"/>
  <c r="U168816" i="1"/>
  <c r="U168815" i="1"/>
  <c r="U168814" i="1"/>
  <c r="U168813" i="1"/>
  <c r="U168812" i="1"/>
  <c r="U168811" i="1"/>
  <c r="U168810" i="1"/>
  <c r="U168809" i="1"/>
  <c r="U168808" i="1"/>
  <c r="U168807" i="1"/>
  <c r="U168806" i="1"/>
  <c r="U168805" i="1"/>
  <c r="U168804" i="1"/>
  <c r="U168803" i="1"/>
  <c r="U168802" i="1"/>
  <c r="U168801" i="1"/>
  <c r="U168800" i="1"/>
  <c r="U168799" i="1"/>
  <c r="U168798" i="1"/>
  <c r="U168797" i="1"/>
  <c r="U168796" i="1"/>
  <c r="U168795" i="1"/>
  <c r="U168794" i="1"/>
  <c r="U168793" i="1"/>
  <c r="U168792" i="1"/>
  <c r="U168791" i="1"/>
  <c r="U168790" i="1"/>
  <c r="U168789" i="1"/>
  <c r="U168788" i="1"/>
  <c r="U168787" i="1"/>
  <c r="U168786" i="1"/>
  <c r="U168785" i="1"/>
  <c r="U168784" i="1"/>
  <c r="U168783" i="1"/>
  <c r="U168782" i="1"/>
  <c r="U168781" i="1"/>
  <c r="U168780" i="1"/>
  <c r="U168779" i="1"/>
  <c r="U168778" i="1"/>
  <c r="U168777" i="1"/>
  <c r="U168776" i="1"/>
  <c r="U168775" i="1"/>
  <c r="U168774" i="1"/>
  <c r="U168773" i="1"/>
  <c r="U168772" i="1"/>
  <c r="U168771" i="1"/>
  <c r="U168770" i="1"/>
  <c r="U168769" i="1"/>
  <c r="U168768" i="1"/>
  <c r="U168767" i="1"/>
  <c r="U168766" i="1"/>
  <c r="U168765" i="1"/>
  <c r="U168764" i="1"/>
  <c r="U168763" i="1"/>
  <c r="U168762" i="1"/>
  <c r="U168761" i="1"/>
  <c r="U168760" i="1"/>
  <c r="U168759" i="1"/>
  <c r="U168758" i="1"/>
  <c r="U168757" i="1"/>
  <c r="U168756" i="1"/>
  <c r="U168755" i="1"/>
  <c r="U168754" i="1"/>
  <c r="U168753" i="1"/>
  <c r="U168752" i="1"/>
  <c r="U168751" i="1"/>
  <c r="U168750" i="1"/>
  <c r="U168749" i="1"/>
  <c r="U168748" i="1"/>
  <c r="U168747" i="1"/>
  <c r="U168746" i="1"/>
  <c r="U168745" i="1"/>
  <c r="U168744" i="1"/>
  <c r="U168743" i="1"/>
  <c r="U168742" i="1"/>
  <c r="U168741" i="1"/>
  <c r="U168740" i="1"/>
  <c r="U168739" i="1"/>
  <c r="U168738" i="1"/>
  <c r="U168737" i="1"/>
  <c r="U168736" i="1"/>
  <c r="U168735" i="1"/>
  <c r="U168734" i="1"/>
  <c r="U168733" i="1"/>
  <c r="U168732" i="1"/>
  <c r="U168731" i="1"/>
  <c r="U168730" i="1"/>
  <c r="U168729" i="1"/>
  <c r="U168728" i="1"/>
  <c r="U168727" i="1"/>
  <c r="U168726" i="1"/>
  <c r="U168725" i="1"/>
  <c r="U168724" i="1"/>
  <c r="U168723" i="1"/>
  <c r="U168722" i="1"/>
  <c r="U168721" i="1"/>
  <c r="U168720" i="1"/>
  <c r="U168719" i="1"/>
  <c r="U168718" i="1"/>
  <c r="U168717" i="1"/>
  <c r="U168716" i="1"/>
  <c r="U168715" i="1"/>
  <c r="U168714" i="1"/>
  <c r="U168713" i="1"/>
  <c r="U168712" i="1"/>
  <c r="U168711" i="1"/>
  <c r="U168710" i="1"/>
  <c r="U168709" i="1"/>
  <c r="U168708" i="1"/>
  <c r="U168707" i="1"/>
  <c r="U168706" i="1"/>
  <c r="U168705" i="1"/>
  <c r="U168704" i="1"/>
  <c r="U168703" i="1"/>
  <c r="U168702" i="1"/>
  <c r="U168701" i="1"/>
  <c r="U168700" i="1"/>
  <c r="U168699" i="1"/>
  <c r="U168698" i="1"/>
  <c r="U168697" i="1"/>
  <c r="U168696" i="1"/>
  <c r="U168695" i="1"/>
  <c r="U168694" i="1"/>
  <c r="U168693" i="1"/>
  <c r="U168692" i="1"/>
  <c r="U168691" i="1"/>
  <c r="U168690" i="1"/>
  <c r="U168689" i="1"/>
  <c r="U168688" i="1"/>
  <c r="U168687" i="1"/>
  <c r="U168686" i="1"/>
  <c r="U168685" i="1"/>
  <c r="U168684" i="1"/>
  <c r="U168683" i="1"/>
  <c r="U168682" i="1"/>
  <c r="U168681" i="1"/>
  <c r="U168680" i="1"/>
  <c r="U168679" i="1"/>
  <c r="U168678" i="1"/>
  <c r="U168677" i="1"/>
  <c r="U168676" i="1"/>
  <c r="U168675" i="1"/>
  <c r="U168674" i="1"/>
  <c r="U168673" i="1"/>
  <c r="U168672" i="1"/>
  <c r="U168671" i="1"/>
  <c r="U168670" i="1"/>
  <c r="U168669" i="1"/>
  <c r="U168668" i="1"/>
  <c r="U168667" i="1"/>
  <c r="U168666" i="1"/>
  <c r="U168665" i="1"/>
  <c r="U168664" i="1"/>
  <c r="U168663" i="1"/>
  <c r="U168662" i="1"/>
  <c r="U168661" i="1"/>
  <c r="U168660" i="1"/>
  <c r="U168659" i="1"/>
  <c r="U168658" i="1"/>
  <c r="U168657" i="1"/>
  <c r="U168656" i="1"/>
  <c r="U168655" i="1"/>
  <c r="U168654" i="1"/>
  <c r="U168653" i="1"/>
  <c r="U168652" i="1"/>
  <c r="U168651" i="1"/>
  <c r="U168650" i="1"/>
  <c r="U168649" i="1"/>
  <c r="U168648" i="1"/>
  <c r="U168647" i="1"/>
  <c r="U168646" i="1"/>
  <c r="U168645" i="1"/>
  <c r="U168644" i="1"/>
  <c r="U168643" i="1"/>
  <c r="U168642" i="1"/>
  <c r="U168641" i="1"/>
  <c r="U168640" i="1"/>
  <c r="U168639" i="1"/>
  <c r="U168638" i="1"/>
  <c r="U168637" i="1"/>
  <c r="U168636" i="1"/>
  <c r="U168635" i="1"/>
  <c r="U168634" i="1"/>
  <c r="U168633" i="1"/>
  <c r="U168632" i="1"/>
  <c r="U168631" i="1"/>
  <c r="U168630" i="1"/>
  <c r="U168629" i="1"/>
  <c r="U168628" i="1"/>
  <c r="U168627" i="1"/>
  <c r="U168626" i="1"/>
  <c r="U168625" i="1"/>
  <c r="U168624" i="1"/>
  <c r="U168623" i="1"/>
  <c r="U168622" i="1"/>
  <c r="U168621" i="1"/>
  <c r="U168620" i="1"/>
  <c r="U168619" i="1"/>
  <c r="U168618" i="1"/>
  <c r="U168617" i="1"/>
  <c r="U168616" i="1"/>
  <c r="U168615" i="1"/>
  <c r="U168614" i="1"/>
  <c r="U168613" i="1"/>
  <c r="U168612" i="1"/>
  <c r="U168611" i="1"/>
  <c r="U168610" i="1"/>
  <c r="U168609" i="1"/>
  <c r="U168608" i="1"/>
  <c r="U168607" i="1"/>
  <c r="U168606" i="1"/>
  <c r="U168605" i="1"/>
  <c r="U168604" i="1"/>
  <c r="U168603" i="1"/>
  <c r="U168602" i="1"/>
  <c r="U168601" i="1"/>
  <c r="U168600" i="1"/>
  <c r="U168599" i="1"/>
  <c r="U168598" i="1"/>
  <c r="U168597" i="1"/>
  <c r="U168596" i="1"/>
  <c r="U168595" i="1"/>
  <c r="U168594" i="1"/>
  <c r="U168593" i="1"/>
  <c r="U168592" i="1"/>
  <c r="U168591" i="1"/>
  <c r="U168590" i="1"/>
  <c r="U168589" i="1"/>
  <c r="U168588" i="1"/>
  <c r="U168587" i="1"/>
  <c r="U168586" i="1"/>
  <c r="U168585" i="1"/>
  <c r="U168584" i="1"/>
  <c r="U168583" i="1"/>
  <c r="U168582" i="1"/>
  <c r="U168581" i="1"/>
  <c r="U168580" i="1"/>
  <c r="U168579" i="1"/>
  <c r="U168578" i="1"/>
  <c r="U168577" i="1"/>
  <c r="U168576" i="1"/>
  <c r="U168575" i="1"/>
  <c r="U168574" i="1"/>
  <c r="U168573" i="1"/>
  <c r="U168572" i="1"/>
  <c r="U168571" i="1"/>
  <c r="U168570" i="1"/>
  <c r="U168569" i="1"/>
  <c r="U168568" i="1"/>
  <c r="U168567" i="1"/>
  <c r="U168566" i="1"/>
  <c r="U168565" i="1"/>
  <c r="U168564" i="1"/>
  <c r="U168563" i="1"/>
  <c r="U168562" i="1"/>
  <c r="U168561" i="1"/>
  <c r="U168560" i="1"/>
  <c r="U168559" i="1"/>
  <c r="U168558" i="1"/>
  <c r="U168557" i="1"/>
  <c r="U168556" i="1"/>
  <c r="U168555" i="1"/>
  <c r="U168554" i="1"/>
  <c r="U168553" i="1"/>
  <c r="U168552" i="1"/>
  <c r="U168551" i="1"/>
  <c r="U168550" i="1"/>
  <c r="U168549" i="1"/>
  <c r="U168548" i="1"/>
  <c r="U168547" i="1"/>
  <c r="U168546" i="1"/>
  <c r="U168545" i="1"/>
  <c r="U168544" i="1"/>
  <c r="U168543" i="1"/>
  <c r="U168542" i="1"/>
  <c r="U168541" i="1"/>
  <c r="U168540" i="1"/>
  <c r="U168539" i="1"/>
  <c r="U168538" i="1"/>
  <c r="U168537" i="1"/>
  <c r="U168536" i="1"/>
  <c r="U168535" i="1"/>
  <c r="U168534" i="1"/>
  <c r="U168533" i="1"/>
  <c r="U168532" i="1"/>
  <c r="U168531" i="1"/>
  <c r="U168530" i="1"/>
  <c r="U168529" i="1"/>
  <c r="U168528" i="1"/>
  <c r="U168527" i="1"/>
  <c r="U168526" i="1"/>
  <c r="U168525" i="1"/>
  <c r="U168524" i="1"/>
  <c r="U168523" i="1"/>
  <c r="U168522" i="1"/>
  <c r="U168521" i="1"/>
  <c r="U168520" i="1"/>
  <c r="U168519" i="1"/>
  <c r="U168518" i="1"/>
  <c r="U168517" i="1"/>
  <c r="U168516" i="1"/>
  <c r="U168515" i="1"/>
  <c r="U168514" i="1"/>
  <c r="U168513" i="1"/>
  <c r="U168512" i="1"/>
  <c r="U168511" i="1"/>
  <c r="U168510" i="1"/>
  <c r="U168509" i="1"/>
  <c r="U168508" i="1"/>
  <c r="U168507" i="1"/>
  <c r="U168506" i="1"/>
  <c r="U168505" i="1"/>
  <c r="U168504" i="1"/>
  <c r="U168503" i="1"/>
  <c r="U168502" i="1"/>
  <c r="U168501" i="1"/>
  <c r="U168500" i="1"/>
  <c r="U168499" i="1"/>
  <c r="U168498" i="1"/>
  <c r="U168497" i="1"/>
  <c r="U168496" i="1"/>
  <c r="U168495" i="1"/>
  <c r="U168494" i="1"/>
  <c r="U168493" i="1"/>
  <c r="U168492" i="1"/>
  <c r="U168491" i="1"/>
  <c r="U168490" i="1"/>
  <c r="U168489" i="1"/>
  <c r="U168488" i="1"/>
  <c r="U168487" i="1"/>
  <c r="U168486" i="1"/>
  <c r="U168485" i="1"/>
  <c r="U168484" i="1"/>
  <c r="U168483" i="1"/>
  <c r="U168482" i="1"/>
  <c r="U168481" i="1"/>
  <c r="U168480" i="1"/>
  <c r="U168479" i="1"/>
  <c r="U168478" i="1"/>
  <c r="U168477" i="1"/>
  <c r="U168476" i="1"/>
  <c r="U168475" i="1"/>
  <c r="U168474" i="1"/>
  <c r="U168473" i="1"/>
  <c r="U168472" i="1"/>
  <c r="U168471" i="1"/>
  <c r="U168470" i="1"/>
  <c r="U168469" i="1"/>
  <c r="U168468" i="1"/>
  <c r="U168467" i="1"/>
  <c r="U168466" i="1"/>
  <c r="U168465" i="1"/>
  <c r="U168464" i="1"/>
  <c r="U168463" i="1"/>
  <c r="U168462" i="1"/>
  <c r="U168461" i="1"/>
  <c r="U168460" i="1"/>
  <c r="U168459" i="1"/>
  <c r="U168458" i="1"/>
  <c r="U168457" i="1"/>
  <c r="U168456" i="1"/>
  <c r="U168455" i="1"/>
  <c r="U168454" i="1"/>
  <c r="U168453" i="1"/>
  <c r="U168452" i="1"/>
  <c r="U168451" i="1"/>
  <c r="U168450" i="1"/>
  <c r="U168449" i="1"/>
  <c r="U168448" i="1"/>
  <c r="U168447" i="1"/>
  <c r="U168446" i="1"/>
  <c r="U168445" i="1"/>
  <c r="U168444" i="1"/>
  <c r="U168443" i="1"/>
  <c r="U168442" i="1"/>
  <c r="U168441" i="1"/>
  <c r="U168440" i="1"/>
  <c r="U168439" i="1"/>
  <c r="U168438" i="1"/>
  <c r="U168437" i="1"/>
  <c r="U168436" i="1"/>
  <c r="U168435" i="1"/>
  <c r="U168434" i="1"/>
  <c r="U168433" i="1"/>
  <c r="U168432" i="1"/>
  <c r="U168431" i="1"/>
  <c r="U168430" i="1"/>
  <c r="U168429" i="1"/>
  <c r="U168428" i="1"/>
  <c r="U168427" i="1"/>
  <c r="U168426" i="1"/>
  <c r="U168425" i="1"/>
  <c r="U168424" i="1"/>
  <c r="U168423" i="1"/>
  <c r="U168422" i="1"/>
  <c r="U168421" i="1"/>
  <c r="U168420" i="1"/>
  <c r="U168419" i="1"/>
  <c r="U168418" i="1"/>
  <c r="U168417" i="1"/>
  <c r="U168416" i="1"/>
  <c r="U168415" i="1"/>
  <c r="U168414" i="1"/>
  <c r="U168413" i="1"/>
  <c r="U168412" i="1"/>
  <c r="U168411" i="1"/>
  <c r="U168410" i="1"/>
  <c r="U168409" i="1"/>
  <c r="U168408" i="1"/>
  <c r="U168407" i="1"/>
  <c r="U168406" i="1"/>
  <c r="U168405" i="1"/>
  <c r="U168404" i="1"/>
  <c r="U168403" i="1"/>
  <c r="U168402" i="1"/>
  <c r="U168401" i="1"/>
  <c r="U168400" i="1"/>
  <c r="U168399" i="1"/>
  <c r="U168398" i="1"/>
  <c r="U168397" i="1"/>
  <c r="U168396" i="1"/>
  <c r="U168395" i="1"/>
  <c r="U168394" i="1"/>
  <c r="U168393" i="1"/>
  <c r="U168392" i="1"/>
  <c r="U168391" i="1"/>
  <c r="U168390" i="1"/>
  <c r="U168389" i="1"/>
  <c r="U168388" i="1"/>
  <c r="U168387" i="1"/>
  <c r="U168386" i="1"/>
  <c r="U168385" i="1"/>
  <c r="U168384" i="1"/>
  <c r="U168383" i="1"/>
  <c r="U168382" i="1"/>
  <c r="U168381" i="1"/>
  <c r="U168380" i="1"/>
  <c r="U168379" i="1"/>
  <c r="U168378" i="1"/>
  <c r="U168377" i="1"/>
  <c r="U168376" i="1"/>
  <c r="U168375" i="1"/>
  <c r="U168374" i="1"/>
  <c r="U168373" i="1"/>
  <c r="U168372" i="1"/>
  <c r="U168371" i="1"/>
  <c r="U168370" i="1"/>
  <c r="U168369" i="1"/>
  <c r="U168368" i="1"/>
  <c r="U168367" i="1"/>
  <c r="U168366" i="1"/>
  <c r="U168365" i="1"/>
  <c r="U168364" i="1"/>
  <c r="U168363" i="1"/>
  <c r="U168362" i="1"/>
  <c r="U168361" i="1"/>
  <c r="U168360" i="1"/>
  <c r="U168359" i="1"/>
  <c r="U168358" i="1"/>
  <c r="U168357" i="1"/>
  <c r="U168356" i="1"/>
  <c r="U168355" i="1"/>
  <c r="U168354" i="1"/>
  <c r="U168353" i="1"/>
  <c r="U168352" i="1"/>
  <c r="U168351" i="1"/>
  <c r="U168350" i="1"/>
  <c r="U168349" i="1"/>
  <c r="U168348" i="1"/>
  <c r="U168347" i="1"/>
  <c r="U168346" i="1"/>
  <c r="U168345" i="1"/>
  <c r="U168344" i="1"/>
  <c r="U168343" i="1"/>
  <c r="U168342" i="1"/>
  <c r="U168341" i="1"/>
  <c r="U168340" i="1"/>
  <c r="U168339" i="1"/>
  <c r="U168338" i="1"/>
  <c r="U168337" i="1"/>
  <c r="U168336" i="1"/>
  <c r="U168335" i="1"/>
  <c r="U168334" i="1"/>
  <c r="U168333" i="1"/>
  <c r="U168332" i="1"/>
  <c r="U168331" i="1"/>
  <c r="U168330" i="1"/>
  <c r="U168329" i="1"/>
  <c r="U168328" i="1"/>
  <c r="U168327" i="1"/>
  <c r="U168326" i="1"/>
  <c r="U168325" i="1"/>
  <c r="U168324" i="1"/>
  <c r="U168323" i="1"/>
  <c r="U168322" i="1"/>
  <c r="U168321" i="1"/>
  <c r="U168320" i="1"/>
  <c r="U168319" i="1"/>
  <c r="U168318" i="1"/>
  <c r="U168317" i="1"/>
  <c r="U168316" i="1"/>
  <c r="U168315" i="1"/>
  <c r="U168314" i="1"/>
  <c r="U168313" i="1"/>
  <c r="U168312" i="1"/>
  <c r="U168311" i="1"/>
  <c r="U168310" i="1"/>
  <c r="U168309" i="1"/>
  <c r="U168308" i="1"/>
  <c r="U168307" i="1"/>
  <c r="U168306" i="1"/>
  <c r="U168305" i="1"/>
  <c r="U168304" i="1"/>
  <c r="U168303" i="1"/>
  <c r="U168302" i="1"/>
  <c r="U168301" i="1"/>
  <c r="U168300" i="1"/>
  <c r="U168299" i="1"/>
  <c r="U168298" i="1"/>
  <c r="U168297" i="1"/>
  <c r="U168296" i="1"/>
  <c r="U168295" i="1"/>
  <c r="U168294" i="1"/>
  <c r="U168293" i="1"/>
  <c r="U168292" i="1"/>
  <c r="U168291" i="1"/>
  <c r="U168290" i="1"/>
  <c r="U168289" i="1"/>
  <c r="U168288" i="1"/>
  <c r="U168287" i="1"/>
  <c r="U168286" i="1"/>
  <c r="U168285" i="1"/>
  <c r="U168284" i="1"/>
  <c r="U168283" i="1"/>
  <c r="U168282" i="1"/>
  <c r="U168281" i="1"/>
  <c r="U168280" i="1"/>
  <c r="U168279" i="1"/>
  <c r="U168278" i="1"/>
  <c r="U168277" i="1"/>
  <c r="U168276" i="1"/>
  <c r="U168275" i="1"/>
  <c r="U168274" i="1"/>
  <c r="U168273" i="1"/>
  <c r="U168272" i="1"/>
  <c r="U168271" i="1"/>
  <c r="U168270" i="1"/>
  <c r="U168269" i="1"/>
  <c r="U168268" i="1"/>
  <c r="U168267" i="1"/>
  <c r="U168266" i="1"/>
  <c r="U168265" i="1"/>
  <c r="U168264" i="1"/>
  <c r="U168263" i="1"/>
  <c r="U168262" i="1"/>
  <c r="U168261" i="1"/>
  <c r="U168260" i="1"/>
  <c r="U168259" i="1"/>
  <c r="U168258" i="1"/>
  <c r="U168257" i="1"/>
  <c r="U168256" i="1"/>
  <c r="U168255" i="1"/>
  <c r="U168254" i="1"/>
  <c r="U168253" i="1"/>
  <c r="U168252" i="1"/>
  <c r="U168251" i="1"/>
  <c r="U168250" i="1"/>
  <c r="U168249" i="1"/>
  <c r="U168248" i="1"/>
  <c r="U168247" i="1"/>
  <c r="U168246" i="1"/>
  <c r="U168245" i="1"/>
  <c r="U168244" i="1"/>
  <c r="U168243" i="1"/>
  <c r="U168242" i="1"/>
  <c r="U168241" i="1"/>
  <c r="U168240" i="1"/>
  <c r="U168239" i="1"/>
  <c r="U168238" i="1"/>
  <c r="U168237" i="1"/>
  <c r="U168236" i="1"/>
  <c r="U168235" i="1"/>
  <c r="U168234" i="1"/>
  <c r="U168233" i="1"/>
  <c r="U168232" i="1"/>
  <c r="U168231" i="1"/>
  <c r="U168230" i="1"/>
  <c r="U168229" i="1"/>
  <c r="U168228" i="1"/>
  <c r="U168227" i="1"/>
  <c r="U168226" i="1"/>
  <c r="U168225" i="1"/>
  <c r="U168224" i="1"/>
  <c r="U168223" i="1"/>
  <c r="U168222" i="1"/>
  <c r="U168221" i="1"/>
  <c r="U168220" i="1"/>
  <c r="U168219" i="1"/>
  <c r="U168218" i="1"/>
  <c r="U168217" i="1"/>
  <c r="U168216" i="1"/>
  <c r="U168215" i="1"/>
  <c r="U168214" i="1"/>
  <c r="U168213" i="1"/>
  <c r="U168212" i="1"/>
  <c r="U168211" i="1"/>
  <c r="U168210" i="1"/>
  <c r="U168209" i="1"/>
  <c r="U168208" i="1"/>
  <c r="U168207" i="1"/>
  <c r="U168206" i="1"/>
  <c r="U168205" i="1"/>
  <c r="U168204" i="1"/>
  <c r="U168203" i="1"/>
  <c r="U168202" i="1"/>
  <c r="U168201" i="1"/>
  <c r="U168200" i="1"/>
  <c r="U168199" i="1"/>
  <c r="U168198" i="1"/>
  <c r="U168197" i="1"/>
  <c r="U168196" i="1"/>
  <c r="U168195" i="1"/>
  <c r="U168194" i="1"/>
  <c r="U168193" i="1"/>
  <c r="U168192" i="1"/>
  <c r="U168191" i="1"/>
  <c r="U168190" i="1"/>
  <c r="U168189" i="1"/>
  <c r="U168188" i="1"/>
  <c r="U168187" i="1"/>
  <c r="U168186" i="1"/>
  <c r="U168185" i="1"/>
  <c r="U168184" i="1"/>
  <c r="U168183" i="1"/>
  <c r="U168182" i="1"/>
  <c r="U168181" i="1"/>
  <c r="U168180" i="1"/>
  <c r="U168179" i="1"/>
  <c r="U168178" i="1"/>
  <c r="U168177" i="1"/>
  <c r="U168176" i="1"/>
  <c r="U168175" i="1"/>
  <c r="U168174" i="1"/>
  <c r="U168173" i="1"/>
  <c r="U168172" i="1"/>
  <c r="U168171" i="1"/>
  <c r="U168170" i="1"/>
  <c r="U168169" i="1"/>
  <c r="U168168" i="1"/>
  <c r="U168167" i="1"/>
  <c r="U168166" i="1"/>
  <c r="U168165" i="1"/>
  <c r="U168164" i="1"/>
  <c r="U168163" i="1"/>
  <c r="U168162" i="1"/>
  <c r="U168161" i="1"/>
  <c r="U168160" i="1"/>
  <c r="U168159" i="1"/>
  <c r="U168158" i="1"/>
  <c r="U168157" i="1"/>
  <c r="U168156" i="1"/>
  <c r="U168155" i="1"/>
  <c r="U168154" i="1"/>
  <c r="U168153" i="1"/>
  <c r="U168152" i="1"/>
  <c r="U168151" i="1"/>
  <c r="U168150" i="1"/>
  <c r="U168149" i="1"/>
  <c r="U168148" i="1"/>
  <c r="U168147" i="1"/>
  <c r="U168146" i="1"/>
  <c r="U168145" i="1"/>
  <c r="U168144" i="1"/>
  <c r="U168143" i="1"/>
  <c r="U168142" i="1"/>
  <c r="U168141" i="1"/>
  <c r="U168140" i="1"/>
  <c r="U168139" i="1"/>
  <c r="U168138" i="1"/>
  <c r="U168137" i="1"/>
  <c r="U168136" i="1"/>
  <c r="U168135" i="1"/>
  <c r="U168134" i="1"/>
  <c r="U168133" i="1"/>
  <c r="U168132" i="1"/>
  <c r="U168131" i="1"/>
  <c r="U168130" i="1"/>
  <c r="U168129" i="1"/>
  <c r="U168128" i="1"/>
  <c r="U168127" i="1"/>
  <c r="U168126" i="1"/>
  <c r="U168125" i="1"/>
  <c r="U168124" i="1"/>
  <c r="U168123" i="1"/>
  <c r="U168122" i="1"/>
  <c r="U168121" i="1"/>
  <c r="U168120" i="1"/>
  <c r="U168119" i="1"/>
  <c r="U168118" i="1"/>
  <c r="U168117" i="1"/>
  <c r="U168116" i="1"/>
  <c r="U168115" i="1"/>
  <c r="U168114" i="1"/>
  <c r="U168113" i="1"/>
  <c r="U168112" i="1"/>
  <c r="U168111" i="1"/>
  <c r="U168110" i="1"/>
  <c r="U168109" i="1"/>
  <c r="U168108" i="1"/>
  <c r="U168107" i="1"/>
  <c r="U168106" i="1"/>
  <c r="U168105" i="1"/>
  <c r="U168104" i="1"/>
  <c r="U168103" i="1"/>
  <c r="U168102" i="1"/>
  <c r="U168101" i="1"/>
  <c r="U168100" i="1"/>
  <c r="U168099" i="1"/>
  <c r="U168098" i="1"/>
  <c r="U168097" i="1"/>
  <c r="U168096" i="1"/>
  <c r="U168095" i="1"/>
  <c r="U168094" i="1"/>
  <c r="U168093" i="1"/>
  <c r="U168092" i="1"/>
  <c r="U168091" i="1"/>
  <c r="U168090" i="1"/>
  <c r="U168089" i="1"/>
  <c r="U168088" i="1"/>
  <c r="U168087" i="1"/>
  <c r="U168086" i="1"/>
  <c r="U168085" i="1"/>
  <c r="U168084" i="1"/>
  <c r="U168083" i="1"/>
  <c r="U168082" i="1"/>
  <c r="U168081" i="1"/>
  <c r="U168080" i="1"/>
  <c r="U168079" i="1"/>
  <c r="U168078" i="1"/>
  <c r="U168077" i="1"/>
  <c r="U168076" i="1"/>
  <c r="U168075" i="1"/>
  <c r="U168074" i="1"/>
  <c r="U168073" i="1"/>
  <c r="U168072" i="1"/>
  <c r="U168071" i="1"/>
  <c r="U168070" i="1"/>
  <c r="U168069" i="1"/>
  <c r="U168068" i="1"/>
  <c r="U168067" i="1"/>
  <c r="U168066" i="1"/>
  <c r="U168065" i="1"/>
  <c r="U168064" i="1"/>
  <c r="U168063" i="1"/>
  <c r="U168062" i="1"/>
  <c r="U168061" i="1"/>
  <c r="U168060" i="1"/>
  <c r="U168059" i="1"/>
  <c r="U168058" i="1"/>
  <c r="U168057" i="1"/>
  <c r="U168056" i="1"/>
  <c r="U168055" i="1"/>
  <c r="U168054" i="1"/>
  <c r="U168053" i="1"/>
  <c r="U168052" i="1"/>
  <c r="U168051" i="1"/>
  <c r="U168050" i="1"/>
  <c r="U168049" i="1"/>
  <c r="U168048" i="1"/>
  <c r="U168047" i="1"/>
  <c r="U168046" i="1"/>
  <c r="U168045" i="1"/>
  <c r="U168044" i="1"/>
  <c r="U168043" i="1"/>
  <c r="U168042" i="1"/>
  <c r="U168041" i="1"/>
  <c r="U168040" i="1"/>
  <c r="U168039" i="1"/>
  <c r="U168038" i="1"/>
  <c r="U168037" i="1"/>
  <c r="U168036" i="1"/>
  <c r="U168035" i="1"/>
  <c r="U168034" i="1"/>
  <c r="U168033" i="1"/>
  <c r="U168032" i="1"/>
  <c r="U168031" i="1"/>
  <c r="U168030" i="1"/>
  <c r="U168029" i="1"/>
  <c r="U168028" i="1"/>
  <c r="U168027" i="1"/>
  <c r="U168026" i="1"/>
  <c r="U168025" i="1"/>
  <c r="U168024" i="1"/>
  <c r="U168023" i="1"/>
  <c r="U168022" i="1"/>
  <c r="U168021" i="1"/>
  <c r="U168020" i="1"/>
  <c r="U168019" i="1"/>
  <c r="U168018" i="1"/>
  <c r="U168017" i="1"/>
  <c r="U168016" i="1"/>
  <c r="U168015" i="1"/>
  <c r="U168014" i="1"/>
  <c r="U168013" i="1"/>
  <c r="U168012" i="1"/>
  <c r="U168011" i="1"/>
  <c r="U168010" i="1"/>
  <c r="U168009" i="1"/>
  <c r="U168008" i="1"/>
  <c r="U168007" i="1"/>
  <c r="U168006" i="1"/>
  <c r="U168005" i="1"/>
  <c r="U168004" i="1"/>
  <c r="U168003" i="1"/>
  <c r="U168002" i="1"/>
  <c r="U168001" i="1"/>
  <c r="U168000" i="1"/>
  <c r="U167999" i="1"/>
  <c r="U167998" i="1"/>
  <c r="U167997" i="1"/>
  <c r="U167996" i="1"/>
  <c r="U167995" i="1"/>
  <c r="U167994" i="1"/>
  <c r="U167993" i="1"/>
  <c r="U167992" i="1"/>
  <c r="U167991" i="1"/>
  <c r="U167990" i="1"/>
  <c r="U167989" i="1"/>
  <c r="U167988" i="1"/>
  <c r="U167987" i="1"/>
  <c r="U167986" i="1"/>
  <c r="U167985" i="1"/>
  <c r="U167984" i="1"/>
  <c r="U167983" i="1"/>
  <c r="U167982" i="1"/>
  <c r="U167981" i="1"/>
  <c r="U167980" i="1"/>
  <c r="U167979" i="1"/>
  <c r="U167978" i="1"/>
  <c r="U167977" i="1"/>
  <c r="U167976" i="1"/>
  <c r="U167975" i="1"/>
  <c r="U167974" i="1"/>
  <c r="U167973" i="1"/>
  <c r="U167972" i="1"/>
  <c r="U167971" i="1"/>
  <c r="U167970" i="1"/>
  <c r="U167969" i="1"/>
  <c r="U167968" i="1"/>
  <c r="U167967" i="1"/>
  <c r="U167966" i="1"/>
  <c r="U167965" i="1"/>
  <c r="U167964" i="1"/>
  <c r="U167963" i="1"/>
  <c r="U167962" i="1"/>
  <c r="U167961" i="1"/>
  <c r="U167960" i="1"/>
  <c r="U167959" i="1"/>
  <c r="U167958" i="1"/>
  <c r="U167957" i="1"/>
  <c r="U167956" i="1"/>
  <c r="U167955" i="1"/>
  <c r="U167954" i="1"/>
  <c r="U167953" i="1"/>
  <c r="U167952" i="1"/>
  <c r="U167951" i="1"/>
  <c r="U167950" i="1"/>
  <c r="U167949" i="1"/>
  <c r="U167948" i="1"/>
  <c r="U167947" i="1"/>
  <c r="U167946" i="1"/>
  <c r="U167945" i="1"/>
  <c r="U167944" i="1"/>
  <c r="U167943" i="1"/>
  <c r="U167942" i="1"/>
  <c r="U167941" i="1"/>
  <c r="U167940" i="1"/>
  <c r="U167939" i="1"/>
  <c r="U167938" i="1"/>
  <c r="U167937" i="1"/>
  <c r="U167936" i="1"/>
  <c r="U167935" i="1"/>
  <c r="U167934" i="1"/>
  <c r="U167933" i="1"/>
  <c r="U167932" i="1"/>
  <c r="U167931" i="1"/>
  <c r="U167930" i="1"/>
  <c r="U167929" i="1"/>
  <c r="U167928" i="1"/>
  <c r="U167927" i="1"/>
  <c r="U167926" i="1"/>
  <c r="U167925" i="1"/>
  <c r="U167924" i="1"/>
  <c r="U167923" i="1"/>
  <c r="U167922" i="1"/>
  <c r="U167921" i="1"/>
  <c r="U167920" i="1"/>
  <c r="U167919" i="1"/>
  <c r="U167918" i="1"/>
  <c r="U167917" i="1"/>
  <c r="U167916" i="1"/>
  <c r="U167915" i="1"/>
  <c r="U167914" i="1"/>
  <c r="U167913" i="1"/>
  <c r="U167912" i="1"/>
  <c r="U167911" i="1"/>
  <c r="U167910" i="1"/>
  <c r="U167909" i="1"/>
  <c r="U167908" i="1"/>
  <c r="U167907" i="1"/>
  <c r="U167906" i="1"/>
  <c r="U167905" i="1"/>
  <c r="U167904" i="1"/>
  <c r="U167903" i="1"/>
  <c r="U167902" i="1"/>
  <c r="U167901" i="1"/>
  <c r="U167900" i="1"/>
  <c r="U167899" i="1"/>
  <c r="U167898" i="1"/>
  <c r="U167897" i="1"/>
  <c r="U167896" i="1"/>
  <c r="U167895" i="1"/>
  <c r="U167894" i="1"/>
  <c r="U167893" i="1"/>
  <c r="U167892" i="1"/>
  <c r="U167891" i="1"/>
  <c r="U167890" i="1"/>
  <c r="U167889" i="1"/>
  <c r="U167888" i="1"/>
  <c r="U167887" i="1"/>
  <c r="U167886" i="1"/>
  <c r="U167885" i="1"/>
  <c r="U167884" i="1"/>
  <c r="U167883" i="1"/>
  <c r="U167882" i="1"/>
  <c r="U167881" i="1"/>
  <c r="U167880" i="1"/>
  <c r="U167879" i="1"/>
  <c r="U167878" i="1"/>
  <c r="U167877" i="1"/>
  <c r="U167876" i="1"/>
  <c r="U167875" i="1"/>
  <c r="U167874" i="1"/>
  <c r="U167873" i="1"/>
  <c r="U167872" i="1"/>
  <c r="U167871" i="1"/>
  <c r="U167870" i="1"/>
  <c r="U167869" i="1"/>
  <c r="U167868" i="1"/>
  <c r="U167867" i="1"/>
  <c r="U167866" i="1"/>
  <c r="U167865" i="1"/>
  <c r="U167864" i="1"/>
  <c r="U167863" i="1"/>
  <c r="U167862" i="1"/>
  <c r="U167861" i="1"/>
  <c r="U167860" i="1"/>
  <c r="U167859" i="1"/>
  <c r="U167858" i="1"/>
  <c r="U167857" i="1"/>
  <c r="U167856" i="1"/>
  <c r="U167855" i="1"/>
  <c r="U167854" i="1"/>
  <c r="U167853" i="1"/>
  <c r="U167852" i="1"/>
  <c r="U167851" i="1"/>
  <c r="U167850" i="1"/>
  <c r="U167849" i="1"/>
  <c r="U167848" i="1"/>
  <c r="U167847" i="1"/>
  <c r="U167846" i="1"/>
  <c r="U167845" i="1"/>
  <c r="U167844" i="1"/>
  <c r="U167843" i="1"/>
  <c r="U167842" i="1"/>
  <c r="U167841" i="1"/>
  <c r="U167840" i="1"/>
  <c r="U167839" i="1"/>
  <c r="U167838" i="1"/>
  <c r="U167837" i="1"/>
  <c r="U167836" i="1"/>
  <c r="U167835" i="1"/>
  <c r="U167834" i="1"/>
  <c r="U167833" i="1"/>
  <c r="U167832" i="1"/>
  <c r="U167831" i="1"/>
  <c r="U167830" i="1"/>
  <c r="U167829" i="1"/>
  <c r="U167828" i="1"/>
  <c r="U167827" i="1"/>
  <c r="U167826" i="1"/>
  <c r="U167825" i="1"/>
  <c r="U167824" i="1"/>
  <c r="U167823" i="1"/>
  <c r="U167822" i="1"/>
  <c r="U167821" i="1"/>
  <c r="U167820" i="1"/>
  <c r="U167819" i="1"/>
  <c r="U167818" i="1"/>
  <c r="U167817" i="1"/>
  <c r="U167816" i="1"/>
  <c r="U167815" i="1"/>
  <c r="U167814" i="1"/>
  <c r="U167813" i="1"/>
  <c r="U167812" i="1"/>
  <c r="U167811" i="1"/>
  <c r="U167810" i="1"/>
  <c r="U167809" i="1"/>
  <c r="U167808" i="1"/>
  <c r="U167807" i="1"/>
  <c r="U167806" i="1"/>
  <c r="U167805" i="1"/>
  <c r="U167804" i="1"/>
  <c r="U167803" i="1"/>
  <c r="U167802" i="1"/>
  <c r="U167801" i="1"/>
  <c r="U167800" i="1"/>
  <c r="U167799" i="1"/>
  <c r="U167798" i="1"/>
  <c r="U167797" i="1"/>
  <c r="U167796" i="1"/>
  <c r="U167795" i="1"/>
  <c r="U167794" i="1"/>
  <c r="U167793" i="1"/>
  <c r="U167792" i="1"/>
  <c r="U167791" i="1"/>
  <c r="U167790" i="1"/>
  <c r="U167789" i="1"/>
  <c r="U167788" i="1"/>
  <c r="U167787" i="1"/>
  <c r="U167786" i="1"/>
  <c r="U167785" i="1"/>
  <c r="U167784" i="1"/>
  <c r="U167783" i="1"/>
  <c r="U167782" i="1"/>
  <c r="U167781" i="1"/>
  <c r="U167780" i="1"/>
  <c r="U167779" i="1"/>
  <c r="U167778" i="1"/>
  <c r="U167777" i="1"/>
  <c r="U167776" i="1"/>
  <c r="U167775" i="1"/>
  <c r="U167774" i="1"/>
  <c r="U167773" i="1"/>
  <c r="U167772" i="1"/>
  <c r="U167771" i="1"/>
  <c r="U167770" i="1"/>
  <c r="U167769" i="1"/>
  <c r="U167768" i="1"/>
  <c r="U167767" i="1"/>
  <c r="U167766" i="1"/>
  <c r="U167765" i="1"/>
  <c r="U167764" i="1"/>
  <c r="U167763" i="1"/>
  <c r="U167762" i="1"/>
  <c r="U167761" i="1"/>
  <c r="U167760" i="1"/>
  <c r="U167759" i="1"/>
  <c r="U167758" i="1"/>
  <c r="U167757" i="1"/>
  <c r="U167756" i="1"/>
  <c r="U167755" i="1"/>
  <c r="U167754" i="1"/>
  <c r="U167753" i="1"/>
  <c r="U167752" i="1"/>
  <c r="U167751" i="1"/>
  <c r="U167750" i="1"/>
  <c r="U167749" i="1"/>
  <c r="U167748" i="1"/>
  <c r="U167747" i="1"/>
  <c r="U167746" i="1"/>
  <c r="U167745" i="1"/>
  <c r="U167744" i="1"/>
  <c r="U167743" i="1"/>
  <c r="U167742" i="1"/>
  <c r="U167741" i="1"/>
  <c r="U167740" i="1"/>
  <c r="U167739" i="1"/>
  <c r="U167738" i="1"/>
  <c r="U167737" i="1"/>
  <c r="U167736" i="1"/>
  <c r="U167735" i="1"/>
  <c r="U167734" i="1"/>
  <c r="U167733" i="1"/>
  <c r="U167732" i="1"/>
  <c r="U167731" i="1"/>
  <c r="U167730" i="1"/>
  <c r="U167729" i="1"/>
  <c r="U167728" i="1"/>
  <c r="U167727" i="1"/>
  <c r="U167726" i="1"/>
  <c r="U167725" i="1"/>
  <c r="U167724" i="1"/>
  <c r="U167723" i="1"/>
  <c r="U167722" i="1"/>
  <c r="U167721" i="1"/>
  <c r="U167720" i="1"/>
  <c r="U167719" i="1"/>
  <c r="U167718" i="1"/>
  <c r="U167717" i="1"/>
  <c r="U167716" i="1"/>
  <c r="U167715" i="1"/>
  <c r="U167714" i="1"/>
  <c r="U167713" i="1"/>
  <c r="U167712" i="1"/>
  <c r="U167711" i="1"/>
  <c r="U167710" i="1"/>
  <c r="U167709" i="1"/>
  <c r="U167708" i="1"/>
  <c r="U167707" i="1"/>
  <c r="U167706" i="1"/>
  <c r="U167705" i="1"/>
  <c r="U167704" i="1"/>
  <c r="U167703" i="1"/>
  <c r="U167702" i="1"/>
  <c r="U167701" i="1"/>
  <c r="U167700" i="1"/>
  <c r="U167699" i="1"/>
  <c r="U167698" i="1"/>
  <c r="U167697" i="1"/>
  <c r="U167696" i="1"/>
  <c r="U167695" i="1"/>
  <c r="U167694" i="1"/>
  <c r="U167693" i="1"/>
  <c r="U167692" i="1"/>
  <c r="U167691" i="1"/>
  <c r="U167690" i="1"/>
  <c r="U167689" i="1"/>
  <c r="U167688" i="1"/>
  <c r="U167687" i="1"/>
  <c r="U167686" i="1"/>
  <c r="U167685" i="1"/>
  <c r="U167684" i="1"/>
  <c r="U167683" i="1"/>
  <c r="U167682" i="1"/>
  <c r="U167681" i="1"/>
  <c r="U167680" i="1"/>
  <c r="U167679" i="1"/>
  <c r="U167678" i="1"/>
  <c r="U167677" i="1"/>
  <c r="U167676" i="1"/>
  <c r="U167675" i="1"/>
  <c r="U167674" i="1"/>
  <c r="U167673" i="1"/>
  <c r="U167672" i="1"/>
  <c r="U167671" i="1"/>
  <c r="U167670" i="1"/>
  <c r="U167669" i="1"/>
  <c r="U167668" i="1"/>
  <c r="U167667" i="1"/>
  <c r="U167666" i="1"/>
  <c r="U167665" i="1"/>
  <c r="U167664" i="1"/>
  <c r="U167663" i="1"/>
  <c r="U167662" i="1"/>
  <c r="U167661" i="1"/>
  <c r="U167660" i="1"/>
  <c r="U167659" i="1"/>
  <c r="U167658" i="1"/>
  <c r="U167657" i="1"/>
  <c r="U167656" i="1"/>
  <c r="U167655" i="1"/>
  <c r="U167654" i="1"/>
  <c r="U167653" i="1"/>
  <c r="U167652" i="1"/>
  <c r="U167651" i="1"/>
  <c r="U167650" i="1"/>
  <c r="U167649" i="1"/>
  <c r="U167648" i="1"/>
  <c r="U167647" i="1"/>
  <c r="U167646" i="1"/>
  <c r="U167645" i="1"/>
  <c r="U167644" i="1"/>
  <c r="U167643" i="1"/>
  <c r="U167642" i="1"/>
  <c r="U167641" i="1"/>
  <c r="U167640" i="1"/>
  <c r="U167639" i="1"/>
  <c r="U167638" i="1"/>
  <c r="U167637" i="1"/>
  <c r="U167636" i="1"/>
  <c r="U167635" i="1"/>
  <c r="U167634" i="1"/>
  <c r="U167633" i="1"/>
  <c r="U167632" i="1"/>
  <c r="U167631" i="1"/>
  <c r="U167630" i="1"/>
  <c r="U167629" i="1"/>
  <c r="U167628" i="1"/>
  <c r="U167627" i="1"/>
  <c r="U167626" i="1"/>
  <c r="U167625" i="1"/>
  <c r="U167624" i="1"/>
  <c r="U167623" i="1"/>
  <c r="U167622" i="1"/>
  <c r="U167621" i="1"/>
  <c r="U167620" i="1"/>
  <c r="U167619" i="1"/>
  <c r="U167618" i="1"/>
  <c r="U167617" i="1"/>
  <c r="U167616" i="1"/>
  <c r="U167615" i="1"/>
  <c r="U167614" i="1"/>
  <c r="U167613" i="1"/>
  <c r="U167612" i="1"/>
  <c r="U167611" i="1"/>
  <c r="U167610" i="1"/>
  <c r="U167609" i="1"/>
  <c r="U167608" i="1"/>
  <c r="U167607" i="1"/>
  <c r="U167606" i="1"/>
  <c r="U167605" i="1"/>
  <c r="U167604" i="1"/>
  <c r="U167603" i="1"/>
  <c r="U167602" i="1"/>
  <c r="U167601" i="1"/>
  <c r="U167600" i="1"/>
  <c r="U167599" i="1"/>
  <c r="U167598" i="1"/>
  <c r="U167597" i="1"/>
  <c r="U167596" i="1"/>
  <c r="U167595" i="1"/>
  <c r="U167594" i="1"/>
  <c r="U167593" i="1"/>
  <c r="U167592" i="1"/>
  <c r="U167591" i="1"/>
  <c r="U167590" i="1"/>
  <c r="U167589" i="1"/>
  <c r="U167588" i="1"/>
  <c r="U167587" i="1"/>
  <c r="U167586" i="1"/>
  <c r="U167585" i="1"/>
  <c r="U167584" i="1"/>
  <c r="U167583" i="1"/>
  <c r="U167582" i="1"/>
  <c r="U167581" i="1"/>
  <c r="U167580" i="1"/>
  <c r="U167579" i="1"/>
  <c r="U167578" i="1"/>
  <c r="U167577" i="1"/>
  <c r="U167576" i="1"/>
  <c r="U167575" i="1"/>
  <c r="U167574" i="1"/>
  <c r="U167573" i="1"/>
  <c r="U167572" i="1"/>
  <c r="U167571" i="1"/>
  <c r="U167570" i="1"/>
  <c r="U167569" i="1"/>
  <c r="U167568" i="1"/>
  <c r="U167567" i="1"/>
  <c r="U167566" i="1"/>
  <c r="U167565" i="1"/>
  <c r="U167564" i="1"/>
  <c r="U167563" i="1"/>
  <c r="U167562" i="1"/>
  <c r="U167561" i="1"/>
  <c r="U167560" i="1"/>
  <c r="U167559" i="1"/>
  <c r="U167558" i="1"/>
  <c r="U167557" i="1"/>
  <c r="U167556" i="1"/>
  <c r="U167555" i="1"/>
  <c r="U167554" i="1"/>
  <c r="U167553" i="1"/>
  <c r="U167552" i="1"/>
  <c r="U167551" i="1"/>
  <c r="U167550" i="1"/>
  <c r="U167549" i="1"/>
  <c r="U167548" i="1"/>
  <c r="U167547" i="1"/>
  <c r="U167546" i="1"/>
  <c r="U167545" i="1"/>
  <c r="U167544" i="1"/>
  <c r="U167543" i="1"/>
  <c r="U167542" i="1"/>
  <c r="U167541" i="1"/>
  <c r="U167540" i="1"/>
  <c r="U167539" i="1"/>
  <c r="U167538" i="1"/>
  <c r="U167537" i="1"/>
  <c r="U167536" i="1"/>
  <c r="U167535" i="1"/>
  <c r="U167534" i="1"/>
  <c r="U167533" i="1"/>
  <c r="U167532" i="1"/>
  <c r="U167531" i="1"/>
  <c r="U167530" i="1"/>
  <c r="U167529" i="1"/>
  <c r="U167528" i="1"/>
  <c r="U167527" i="1"/>
  <c r="U167526" i="1"/>
  <c r="U167525" i="1"/>
  <c r="U167524" i="1"/>
  <c r="U167523" i="1"/>
  <c r="U167522" i="1"/>
  <c r="U167521" i="1"/>
  <c r="U167520" i="1"/>
  <c r="U167519" i="1"/>
  <c r="U167518" i="1"/>
  <c r="U167517" i="1"/>
  <c r="U167516" i="1"/>
  <c r="U167515" i="1"/>
  <c r="U167514" i="1"/>
  <c r="U167513" i="1"/>
  <c r="U167512" i="1"/>
  <c r="U167511" i="1"/>
  <c r="U167510" i="1"/>
  <c r="U167509" i="1"/>
  <c r="U167508" i="1"/>
  <c r="U167507" i="1"/>
  <c r="U167506" i="1"/>
  <c r="U167505" i="1"/>
  <c r="U167504" i="1"/>
  <c r="U167503" i="1"/>
  <c r="U167502" i="1"/>
  <c r="U167501" i="1"/>
  <c r="U167500" i="1"/>
  <c r="U167499" i="1"/>
  <c r="U167498" i="1"/>
  <c r="U167497" i="1"/>
  <c r="U167496" i="1"/>
  <c r="U167495" i="1"/>
  <c r="U167494" i="1"/>
  <c r="U167493" i="1"/>
  <c r="U167492" i="1"/>
  <c r="U167491" i="1"/>
  <c r="U167490" i="1"/>
  <c r="U167489" i="1"/>
  <c r="U167488" i="1"/>
  <c r="U167487" i="1"/>
  <c r="U167486" i="1"/>
  <c r="U167485" i="1"/>
  <c r="U167484" i="1"/>
  <c r="U167483" i="1"/>
  <c r="U167482" i="1"/>
  <c r="U167481" i="1"/>
  <c r="U167480" i="1"/>
  <c r="U167479" i="1"/>
  <c r="U167478" i="1"/>
  <c r="U167477" i="1"/>
  <c r="U167476" i="1"/>
  <c r="U167475" i="1"/>
  <c r="U167474" i="1"/>
  <c r="U167473" i="1"/>
  <c r="U167472" i="1"/>
  <c r="U167471" i="1"/>
  <c r="U167470" i="1"/>
  <c r="U167469" i="1"/>
  <c r="U167468" i="1"/>
  <c r="U167467" i="1"/>
  <c r="U167466" i="1"/>
  <c r="U167465" i="1"/>
  <c r="U167464" i="1"/>
  <c r="U167463" i="1"/>
  <c r="U167462" i="1"/>
  <c r="U167461" i="1"/>
  <c r="U167460" i="1"/>
  <c r="U167459" i="1"/>
  <c r="U167458" i="1"/>
  <c r="U167457" i="1"/>
  <c r="U167456" i="1"/>
  <c r="U167455" i="1"/>
  <c r="U167454" i="1"/>
  <c r="U167453" i="1"/>
  <c r="U167452" i="1"/>
  <c r="U167451" i="1"/>
  <c r="U167450" i="1"/>
  <c r="U167449" i="1"/>
  <c r="U167448" i="1"/>
  <c r="U167447" i="1"/>
  <c r="U167446" i="1"/>
  <c r="U167445" i="1"/>
  <c r="U167444" i="1"/>
  <c r="U167443" i="1"/>
  <c r="U167442" i="1"/>
  <c r="U167441" i="1"/>
  <c r="U167440" i="1"/>
  <c r="U167439" i="1"/>
  <c r="U167438" i="1"/>
  <c r="U167437" i="1"/>
  <c r="U167436" i="1"/>
  <c r="U167435" i="1"/>
  <c r="U167434" i="1"/>
  <c r="U167433" i="1"/>
  <c r="U167432" i="1"/>
  <c r="U167431" i="1"/>
  <c r="U167430" i="1"/>
  <c r="U167429" i="1"/>
  <c r="U167428" i="1"/>
  <c r="U167427" i="1"/>
  <c r="U167426" i="1"/>
  <c r="U167425" i="1"/>
  <c r="U167424" i="1"/>
  <c r="U167423" i="1"/>
  <c r="U167422" i="1"/>
  <c r="U167421" i="1"/>
  <c r="U167420" i="1"/>
  <c r="U167419" i="1"/>
  <c r="U167418" i="1"/>
  <c r="U167417" i="1"/>
  <c r="U167416" i="1"/>
  <c r="U167415" i="1"/>
  <c r="U167414" i="1"/>
  <c r="U167413" i="1"/>
  <c r="U167412" i="1"/>
  <c r="U167411" i="1"/>
  <c r="U167410" i="1"/>
  <c r="U167409" i="1"/>
  <c r="U167408" i="1"/>
  <c r="U167407" i="1"/>
  <c r="U167406" i="1"/>
  <c r="U167405" i="1"/>
  <c r="U167404" i="1"/>
  <c r="U167403" i="1"/>
  <c r="U167402" i="1"/>
  <c r="U167401" i="1"/>
  <c r="U167400" i="1"/>
  <c r="U167399" i="1"/>
  <c r="U167398" i="1"/>
  <c r="U167397" i="1"/>
  <c r="U167396" i="1"/>
  <c r="U167395" i="1"/>
  <c r="U167394" i="1"/>
  <c r="U167393" i="1"/>
  <c r="U167392" i="1"/>
  <c r="U167391" i="1"/>
  <c r="U167390" i="1"/>
  <c r="U167389" i="1"/>
  <c r="U167388" i="1"/>
  <c r="U167387" i="1"/>
  <c r="U167386" i="1"/>
  <c r="U167385" i="1"/>
  <c r="U167384" i="1"/>
  <c r="U167383" i="1"/>
  <c r="U167382" i="1"/>
  <c r="U167381" i="1"/>
  <c r="U167380" i="1"/>
  <c r="U167379" i="1"/>
  <c r="U167378" i="1"/>
  <c r="U167377" i="1"/>
  <c r="U167376" i="1"/>
  <c r="U167375" i="1"/>
  <c r="U167374" i="1"/>
  <c r="U167373" i="1"/>
  <c r="U167372" i="1"/>
  <c r="U167371" i="1"/>
  <c r="U167370" i="1"/>
  <c r="U167369" i="1"/>
  <c r="U167368" i="1"/>
  <c r="U167367" i="1"/>
  <c r="U167366" i="1"/>
  <c r="U167365" i="1"/>
  <c r="U167364" i="1"/>
  <c r="U167363" i="1"/>
  <c r="U167362" i="1"/>
  <c r="U167361" i="1"/>
  <c r="U167360" i="1"/>
  <c r="U167359" i="1"/>
  <c r="U167358" i="1"/>
  <c r="U167357" i="1"/>
  <c r="U167356" i="1"/>
  <c r="U167355" i="1"/>
  <c r="U167354" i="1"/>
  <c r="U167353" i="1"/>
  <c r="U167352" i="1"/>
  <c r="U167351" i="1"/>
  <c r="U167350" i="1"/>
  <c r="U167349" i="1"/>
  <c r="U167348" i="1"/>
  <c r="U167347" i="1"/>
  <c r="U167346" i="1"/>
  <c r="U167345" i="1"/>
  <c r="U167344" i="1"/>
  <c r="U167343" i="1"/>
  <c r="U167342" i="1"/>
  <c r="U167341" i="1"/>
  <c r="U167340" i="1"/>
  <c r="U167339" i="1"/>
  <c r="U167338" i="1"/>
  <c r="U167337" i="1"/>
  <c r="U167336" i="1"/>
  <c r="U167335" i="1"/>
  <c r="U167334" i="1"/>
  <c r="U167333" i="1"/>
  <c r="U167332" i="1"/>
  <c r="U167331" i="1"/>
  <c r="U167330" i="1"/>
  <c r="U167329" i="1"/>
  <c r="U167328" i="1"/>
  <c r="U167327" i="1"/>
  <c r="U167326" i="1"/>
  <c r="U167325" i="1"/>
  <c r="U167324" i="1"/>
  <c r="U167323" i="1"/>
  <c r="U167322" i="1"/>
  <c r="U167321" i="1"/>
  <c r="U167320" i="1"/>
  <c r="U167319" i="1"/>
  <c r="U167318" i="1"/>
  <c r="U167317" i="1"/>
  <c r="U167316" i="1"/>
  <c r="U167315" i="1"/>
  <c r="U167314" i="1"/>
  <c r="U167313" i="1"/>
  <c r="U167312" i="1"/>
  <c r="U167311" i="1"/>
  <c r="U167310" i="1"/>
  <c r="U167309" i="1"/>
  <c r="U167308" i="1"/>
  <c r="U167307" i="1"/>
  <c r="U167306" i="1"/>
  <c r="U167305" i="1"/>
  <c r="U167304" i="1"/>
  <c r="U167303" i="1"/>
  <c r="U167302" i="1"/>
  <c r="U167301" i="1"/>
  <c r="U167300" i="1"/>
  <c r="U167299" i="1"/>
  <c r="U167298" i="1"/>
  <c r="U167297" i="1"/>
  <c r="U167296" i="1"/>
  <c r="U167295" i="1"/>
  <c r="U167294" i="1"/>
  <c r="U167293" i="1"/>
  <c r="U167292" i="1"/>
  <c r="U167291" i="1"/>
  <c r="U167290" i="1"/>
  <c r="U167289" i="1"/>
  <c r="U167288" i="1"/>
  <c r="U167287" i="1"/>
  <c r="U167286" i="1"/>
  <c r="U167285" i="1"/>
  <c r="U167284" i="1"/>
  <c r="U167283" i="1"/>
  <c r="U167282" i="1"/>
  <c r="U167281" i="1"/>
  <c r="U167280" i="1"/>
  <c r="U167279" i="1"/>
  <c r="U167278" i="1"/>
  <c r="U167277" i="1"/>
  <c r="U167276" i="1"/>
  <c r="U167275" i="1"/>
  <c r="U167274" i="1"/>
  <c r="U167273" i="1"/>
  <c r="U167272" i="1"/>
  <c r="U167271" i="1"/>
  <c r="U167270" i="1"/>
  <c r="U167269" i="1"/>
  <c r="U167268" i="1"/>
  <c r="U167267" i="1"/>
  <c r="U167266" i="1"/>
  <c r="U167265" i="1"/>
  <c r="U167264" i="1"/>
  <c r="U167263" i="1"/>
  <c r="U167262" i="1"/>
  <c r="U167261" i="1"/>
  <c r="U167260" i="1"/>
  <c r="U167259" i="1"/>
  <c r="U167258" i="1"/>
  <c r="U167257" i="1"/>
  <c r="U167256" i="1"/>
  <c r="U167255" i="1"/>
  <c r="U167254" i="1"/>
  <c r="U167253" i="1"/>
  <c r="U167252" i="1"/>
  <c r="U167251" i="1"/>
  <c r="U167250" i="1"/>
  <c r="U167249" i="1"/>
  <c r="U167248" i="1"/>
  <c r="U167247" i="1"/>
  <c r="U167246" i="1"/>
  <c r="U167245" i="1"/>
  <c r="U167244" i="1"/>
  <c r="U167243" i="1"/>
  <c r="U167242" i="1"/>
  <c r="U167241" i="1"/>
  <c r="U167240" i="1"/>
  <c r="U167239" i="1"/>
  <c r="U167238" i="1"/>
  <c r="U167237" i="1"/>
  <c r="U167236" i="1"/>
  <c r="U167235" i="1"/>
  <c r="U167234" i="1"/>
  <c r="U167233" i="1"/>
  <c r="U167232" i="1"/>
  <c r="U167231" i="1"/>
  <c r="U167230" i="1"/>
  <c r="U167229" i="1"/>
  <c r="U167228" i="1"/>
  <c r="U167227" i="1"/>
  <c r="U167226" i="1"/>
  <c r="U167225" i="1"/>
  <c r="U167224" i="1"/>
  <c r="U167223" i="1"/>
  <c r="U167222" i="1"/>
  <c r="U167221" i="1"/>
  <c r="U167220" i="1"/>
  <c r="U167219" i="1"/>
  <c r="U167218" i="1"/>
  <c r="U167217" i="1"/>
  <c r="U167216" i="1"/>
  <c r="U167215" i="1"/>
  <c r="U167214" i="1"/>
  <c r="U167213" i="1"/>
  <c r="U167212" i="1"/>
  <c r="U167211" i="1"/>
  <c r="U167210" i="1"/>
  <c r="U167209" i="1"/>
  <c r="U167208" i="1"/>
  <c r="U167207" i="1"/>
  <c r="U167206" i="1"/>
  <c r="U167205" i="1"/>
  <c r="U167204" i="1"/>
  <c r="U167203" i="1"/>
  <c r="U167202" i="1"/>
  <c r="U167201" i="1"/>
  <c r="U167200" i="1"/>
  <c r="U167199" i="1"/>
  <c r="U167198" i="1"/>
  <c r="U167197" i="1"/>
  <c r="U167196" i="1"/>
  <c r="U167195" i="1"/>
  <c r="U167194" i="1"/>
  <c r="U167193" i="1"/>
  <c r="U167192" i="1"/>
  <c r="U167191" i="1"/>
  <c r="U167190" i="1"/>
  <c r="U167189" i="1"/>
  <c r="U167188" i="1"/>
  <c r="U167187" i="1"/>
  <c r="U167186" i="1"/>
  <c r="U167185" i="1"/>
  <c r="U167184" i="1"/>
  <c r="U167183" i="1"/>
  <c r="U167182" i="1"/>
  <c r="U167181" i="1"/>
  <c r="U167180" i="1"/>
  <c r="U167179" i="1"/>
  <c r="U167178" i="1"/>
  <c r="U167177" i="1"/>
  <c r="U167176" i="1"/>
  <c r="U167175" i="1"/>
  <c r="U167174" i="1"/>
  <c r="U167173" i="1"/>
  <c r="U167172" i="1"/>
  <c r="U167171" i="1"/>
  <c r="U167170" i="1"/>
  <c r="U167169" i="1"/>
  <c r="U167168" i="1"/>
  <c r="U167167" i="1"/>
  <c r="U167166" i="1"/>
  <c r="U167165" i="1"/>
  <c r="U167164" i="1"/>
  <c r="U167163" i="1"/>
  <c r="U167162" i="1"/>
  <c r="U167161" i="1"/>
  <c r="U167160" i="1"/>
  <c r="U167159" i="1"/>
  <c r="U167158" i="1"/>
  <c r="U167157" i="1"/>
  <c r="U167156" i="1"/>
  <c r="U167155" i="1"/>
  <c r="U167154" i="1"/>
  <c r="U167153" i="1"/>
  <c r="U167152" i="1"/>
  <c r="U167151" i="1"/>
  <c r="U167150" i="1"/>
  <c r="U167149" i="1"/>
  <c r="U167148" i="1"/>
  <c r="U167147" i="1"/>
  <c r="U167146" i="1"/>
  <c r="U167145" i="1"/>
  <c r="U167144" i="1"/>
  <c r="U167143" i="1"/>
  <c r="U167142" i="1"/>
  <c r="U167141" i="1"/>
  <c r="U167140" i="1"/>
  <c r="U167139" i="1"/>
  <c r="U167138" i="1"/>
  <c r="U167137" i="1"/>
  <c r="U167136" i="1"/>
  <c r="U167135" i="1"/>
  <c r="U167134" i="1"/>
  <c r="U167133" i="1"/>
  <c r="U167132" i="1"/>
  <c r="U167131" i="1"/>
  <c r="U167130" i="1"/>
  <c r="U167129" i="1"/>
  <c r="U167128" i="1"/>
  <c r="U167127" i="1"/>
  <c r="U167126" i="1"/>
  <c r="U167125" i="1"/>
  <c r="U167124" i="1"/>
  <c r="U167123" i="1"/>
  <c r="U167122" i="1"/>
  <c r="U167121" i="1"/>
  <c r="U167120" i="1"/>
  <c r="U167119" i="1"/>
  <c r="U167118" i="1"/>
  <c r="U167117" i="1"/>
  <c r="U167116" i="1"/>
  <c r="U167115" i="1"/>
  <c r="U167114" i="1"/>
  <c r="U167113" i="1"/>
  <c r="U167112" i="1"/>
  <c r="U167111" i="1"/>
  <c r="U167110" i="1"/>
  <c r="U167109" i="1"/>
  <c r="U167108" i="1"/>
  <c r="U167107" i="1"/>
  <c r="U167106" i="1"/>
  <c r="U167105" i="1"/>
  <c r="U167104" i="1"/>
  <c r="U167103" i="1"/>
  <c r="U167102" i="1"/>
  <c r="U167101" i="1"/>
  <c r="U167100" i="1"/>
  <c r="U167099" i="1"/>
  <c r="U167098" i="1"/>
  <c r="U167097" i="1"/>
  <c r="U167096" i="1"/>
  <c r="U167095" i="1"/>
  <c r="U167094" i="1"/>
  <c r="U167093" i="1"/>
  <c r="U167092" i="1"/>
  <c r="U167091" i="1"/>
  <c r="U167090" i="1"/>
  <c r="U167089" i="1"/>
  <c r="U167088" i="1"/>
  <c r="U167087" i="1"/>
  <c r="U167086" i="1"/>
  <c r="U167085" i="1"/>
  <c r="U167084" i="1"/>
  <c r="U167083" i="1"/>
  <c r="U167082" i="1"/>
  <c r="U167081" i="1"/>
  <c r="U167080" i="1"/>
  <c r="U167079" i="1"/>
  <c r="U167078" i="1"/>
  <c r="U167077" i="1"/>
  <c r="U167076" i="1"/>
  <c r="U167075" i="1"/>
  <c r="U167074" i="1"/>
  <c r="U167073" i="1"/>
  <c r="U167072" i="1"/>
  <c r="U167071" i="1"/>
  <c r="U167070" i="1"/>
  <c r="U167069" i="1"/>
  <c r="U167068" i="1"/>
  <c r="U167067" i="1"/>
  <c r="U167066" i="1"/>
  <c r="U167065" i="1"/>
  <c r="U167064" i="1"/>
  <c r="U167063" i="1"/>
  <c r="U167062" i="1"/>
  <c r="U167061" i="1"/>
  <c r="U167060" i="1"/>
  <c r="U167059" i="1"/>
  <c r="U167058" i="1"/>
  <c r="U167057" i="1"/>
  <c r="U167056" i="1"/>
  <c r="U167055" i="1"/>
  <c r="U167054" i="1"/>
  <c r="U167053" i="1"/>
  <c r="U167052" i="1"/>
  <c r="U167051" i="1"/>
  <c r="U167050" i="1"/>
  <c r="U167049" i="1"/>
  <c r="U167048" i="1"/>
  <c r="U167047" i="1"/>
  <c r="U167046" i="1"/>
  <c r="U167045" i="1"/>
  <c r="U167044" i="1"/>
  <c r="U167043" i="1"/>
  <c r="U167042" i="1"/>
  <c r="U167041" i="1"/>
  <c r="U167040" i="1"/>
  <c r="U167039" i="1"/>
  <c r="U167038" i="1"/>
  <c r="U167037" i="1"/>
  <c r="U167036" i="1"/>
  <c r="U167035" i="1"/>
  <c r="U167034" i="1"/>
  <c r="U167033" i="1"/>
  <c r="U167032" i="1"/>
  <c r="U167031" i="1"/>
  <c r="U167030" i="1"/>
  <c r="U167029" i="1"/>
  <c r="U167028" i="1"/>
  <c r="U167027" i="1"/>
  <c r="U167026" i="1"/>
  <c r="U167025" i="1"/>
  <c r="U167024" i="1"/>
  <c r="U167023" i="1"/>
  <c r="U167022" i="1"/>
  <c r="U167021" i="1"/>
  <c r="U167020" i="1"/>
  <c r="U167019" i="1"/>
  <c r="U167018" i="1"/>
  <c r="U167017" i="1"/>
  <c r="U167016" i="1"/>
  <c r="U167015" i="1"/>
  <c r="U167014" i="1"/>
  <c r="U167013" i="1"/>
  <c r="U167012" i="1"/>
  <c r="U167011" i="1"/>
  <c r="U167010" i="1"/>
  <c r="U167009" i="1"/>
  <c r="U167008" i="1"/>
  <c r="U167007" i="1"/>
  <c r="U167006" i="1"/>
  <c r="U167005" i="1"/>
  <c r="U167004" i="1"/>
  <c r="U167003" i="1"/>
  <c r="U167002" i="1"/>
  <c r="U167001" i="1"/>
  <c r="U167000" i="1"/>
  <c r="U166999" i="1"/>
  <c r="U166998" i="1"/>
  <c r="U166997" i="1"/>
  <c r="U166996" i="1"/>
  <c r="U166995" i="1"/>
  <c r="U166994" i="1"/>
  <c r="U166993" i="1"/>
  <c r="U166992" i="1"/>
  <c r="U166991" i="1"/>
  <c r="U166990" i="1"/>
  <c r="U166989" i="1"/>
  <c r="U166988" i="1"/>
  <c r="U166987" i="1"/>
  <c r="U166986" i="1"/>
  <c r="U166985" i="1"/>
  <c r="U166984" i="1"/>
  <c r="U166983" i="1"/>
  <c r="U166982" i="1"/>
  <c r="U166981" i="1"/>
  <c r="U166980" i="1"/>
  <c r="U166979" i="1"/>
  <c r="U166978" i="1"/>
  <c r="U166977" i="1"/>
  <c r="U166976" i="1"/>
  <c r="U166975" i="1"/>
  <c r="U166974" i="1"/>
  <c r="U166973" i="1"/>
  <c r="U166972" i="1"/>
  <c r="U166971" i="1"/>
  <c r="U166970" i="1"/>
  <c r="U166969" i="1"/>
  <c r="U166968" i="1"/>
  <c r="U166967" i="1"/>
  <c r="U166966" i="1"/>
  <c r="U166965" i="1"/>
  <c r="U166964" i="1"/>
  <c r="U166963" i="1"/>
  <c r="U166962" i="1"/>
  <c r="U166961" i="1"/>
  <c r="U166960" i="1"/>
  <c r="U166959" i="1"/>
  <c r="U166958" i="1"/>
  <c r="U166957" i="1"/>
  <c r="U166956" i="1"/>
  <c r="U166955" i="1"/>
  <c r="U166954" i="1"/>
  <c r="U166953" i="1"/>
  <c r="U166952" i="1"/>
  <c r="U166951" i="1"/>
  <c r="U166950" i="1"/>
  <c r="U166949" i="1"/>
  <c r="U166948" i="1"/>
  <c r="U166947" i="1"/>
  <c r="U166946" i="1"/>
  <c r="U166945" i="1"/>
  <c r="U166944" i="1"/>
  <c r="U166943" i="1"/>
  <c r="U166942" i="1"/>
  <c r="U166941" i="1"/>
  <c r="U166940" i="1"/>
  <c r="U166939" i="1"/>
  <c r="U166938" i="1"/>
  <c r="U166937" i="1"/>
  <c r="U166936" i="1"/>
  <c r="U166935" i="1"/>
  <c r="U166934" i="1"/>
  <c r="U166933" i="1"/>
  <c r="U166932" i="1"/>
  <c r="U166931" i="1"/>
  <c r="U166930" i="1"/>
  <c r="U166929" i="1"/>
  <c r="U166928" i="1"/>
  <c r="U166927" i="1"/>
  <c r="U166926" i="1"/>
  <c r="U166925" i="1"/>
  <c r="U166924" i="1"/>
  <c r="U166923" i="1"/>
  <c r="U166922" i="1"/>
  <c r="U166921" i="1"/>
  <c r="U166920" i="1"/>
  <c r="U166919" i="1"/>
  <c r="U166918" i="1"/>
  <c r="U166917" i="1"/>
  <c r="U166916" i="1"/>
  <c r="U166915" i="1"/>
  <c r="U166914" i="1"/>
  <c r="U166913" i="1"/>
  <c r="U166912" i="1"/>
  <c r="U166911" i="1"/>
  <c r="U166910" i="1"/>
  <c r="U166909" i="1"/>
  <c r="U166908" i="1"/>
  <c r="U166907" i="1"/>
  <c r="U166906" i="1"/>
  <c r="U166905" i="1"/>
  <c r="U166904" i="1"/>
  <c r="U166903" i="1"/>
  <c r="U166902" i="1"/>
  <c r="U166901" i="1"/>
  <c r="U166900" i="1"/>
  <c r="U166899" i="1"/>
  <c r="U166898" i="1"/>
  <c r="U166897" i="1"/>
  <c r="U166896" i="1"/>
  <c r="U166895" i="1"/>
  <c r="U166894" i="1"/>
  <c r="U166893" i="1"/>
  <c r="U166892" i="1"/>
  <c r="U166891" i="1"/>
  <c r="U166890" i="1"/>
  <c r="U166889" i="1"/>
  <c r="U166888" i="1"/>
  <c r="U166887" i="1"/>
  <c r="U166886" i="1"/>
  <c r="U166885" i="1"/>
  <c r="U166884" i="1"/>
  <c r="U166883" i="1"/>
  <c r="U166882" i="1"/>
  <c r="U166881" i="1"/>
  <c r="U166880" i="1"/>
  <c r="U166879" i="1"/>
  <c r="U166878" i="1"/>
  <c r="U166877" i="1"/>
  <c r="U166876" i="1"/>
  <c r="U166875" i="1"/>
  <c r="U166874" i="1"/>
  <c r="U166873" i="1"/>
  <c r="U166872" i="1"/>
  <c r="U166871" i="1"/>
  <c r="U166870" i="1"/>
  <c r="U166869" i="1"/>
  <c r="U166868" i="1"/>
  <c r="U166867" i="1"/>
  <c r="U166866" i="1"/>
  <c r="U166865" i="1"/>
  <c r="U166864" i="1"/>
  <c r="U166863" i="1"/>
  <c r="U166862" i="1"/>
  <c r="U166861" i="1"/>
  <c r="U166860" i="1"/>
  <c r="U166859" i="1"/>
  <c r="U166858" i="1"/>
  <c r="U166857" i="1"/>
  <c r="U166856" i="1"/>
  <c r="U166855" i="1"/>
  <c r="U166854" i="1"/>
  <c r="U166853" i="1"/>
  <c r="U166852" i="1"/>
  <c r="U166851" i="1"/>
  <c r="U166850" i="1"/>
  <c r="U166849" i="1"/>
  <c r="U166848" i="1"/>
  <c r="U166847" i="1"/>
  <c r="U166846" i="1"/>
  <c r="U166845" i="1"/>
  <c r="U166844" i="1"/>
  <c r="U166843" i="1"/>
  <c r="U166842" i="1"/>
  <c r="U166841" i="1"/>
  <c r="U166840" i="1"/>
  <c r="U166839" i="1"/>
  <c r="U166838" i="1"/>
  <c r="U166837" i="1"/>
  <c r="U166836" i="1"/>
  <c r="U166835" i="1"/>
  <c r="U166834" i="1"/>
  <c r="U166833" i="1"/>
  <c r="U166832" i="1"/>
  <c r="U166831" i="1"/>
  <c r="U166830" i="1"/>
  <c r="U166829" i="1"/>
  <c r="U166828" i="1"/>
  <c r="U166827" i="1"/>
  <c r="U166826" i="1"/>
  <c r="U166825" i="1"/>
  <c r="U166824" i="1"/>
  <c r="U166823" i="1"/>
  <c r="U166822" i="1"/>
  <c r="U166821" i="1"/>
  <c r="U166820" i="1"/>
  <c r="U166819" i="1"/>
  <c r="U166818" i="1"/>
  <c r="U166817" i="1"/>
  <c r="U166816" i="1"/>
  <c r="U166815" i="1"/>
  <c r="U166814" i="1"/>
  <c r="U166813" i="1"/>
  <c r="U166812" i="1"/>
  <c r="U166811" i="1"/>
  <c r="U166810" i="1"/>
  <c r="U166809" i="1"/>
  <c r="U166808" i="1"/>
  <c r="U166807" i="1"/>
  <c r="U166806" i="1"/>
  <c r="U166805" i="1"/>
  <c r="U166804" i="1"/>
  <c r="U166803" i="1"/>
  <c r="U166802" i="1"/>
  <c r="U166801" i="1"/>
  <c r="U166800" i="1"/>
  <c r="U166799" i="1"/>
  <c r="U166798" i="1"/>
  <c r="U166797" i="1"/>
  <c r="U166796" i="1"/>
  <c r="U166795" i="1"/>
  <c r="U166794" i="1"/>
  <c r="U166793" i="1"/>
  <c r="U166792" i="1"/>
  <c r="U166791" i="1"/>
  <c r="U166790" i="1"/>
  <c r="U166789" i="1"/>
  <c r="U166788" i="1"/>
  <c r="U166787" i="1"/>
  <c r="U166786" i="1"/>
  <c r="U166785" i="1"/>
  <c r="U166784" i="1"/>
  <c r="U166783" i="1"/>
  <c r="U166782" i="1"/>
  <c r="U166781" i="1"/>
  <c r="U166780" i="1"/>
  <c r="U166779" i="1"/>
  <c r="U166778" i="1"/>
  <c r="U166777" i="1"/>
  <c r="U166776" i="1"/>
  <c r="U166775" i="1"/>
  <c r="U166774" i="1"/>
  <c r="U166773" i="1"/>
  <c r="U166772" i="1"/>
  <c r="U166771" i="1"/>
  <c r="U166770" i="1"/>
  <c r="U166769" i="1"/>
  <c r="U166768" i="1"/>
  <c r="U166767" i="1"/>
  <c r="U166766" i="1"/>
  <c r="U166765" i="1"/>
  <c r="U166764" i="1"/>
  <c r="U166763" i="1"/>
  <c r="U166762" i="1"/>
  <c r="U166761" i="1"/>
  <c r="U166760" i="1"/>
  <c r="U166759" i="1"/>
  <c r="U166758" i="1"/>
  <c r="U166757" i="1"/>
  <c r="U166756" i="1"/>
  <c r="U166755" i="1"/>
  <c r="U166754" i="1"/>
  <c r="U166753" i="1"/>
  <c r="U166752" i="1"/>
  <c r="U166751" i="1"/>
  <c r="U166750" i="1"/>
  <c r="U166749" i="1"/>
  <c r="U166748" i="1"/>
  <c r="U166747" i="1"/>
  <c r="U166746" i="1"/>
  <c r="U166745" i="1"/>
  <c r="U166744" i="1"/>
  <c r="U166743" i="1"/>
  <c r="U166742" i="1"/>
  <c r="U166741" i="1"/>
  <c r="U166740" i="1"/>
  <c r="U166739" i="1"/>
  <c r="U166738" i="1"/>
  <c r="U166737" i="1"/>
  <c r="U166736" i="1"/>
  <c r="U166735" i="1"/>
  <c r="U166734" i="1"/>
  <c r="U166733" i="1"/>
  <c r="U166732" i="1"/>
  <c r="U166731" i="1"/>
  <c r="U166730" i="1"/>
  <c r="U166729" i="1"/>
  <c r="U166728" i="1"/>
  <c r="U166727" i="1"/>
  <c r="U166726" i="1"/>
  <c r="U166725" i="1"/>
  <c r="U166724" i="1"/>
  <c r="U166723" i="1"/>
  <c r="U166722" i="1"/>
  <c r="U166721" i="1"/>
  <c r="U166720" i="1"/>
  <c r="U166719" i="1"/>
  <c r="U166718" i="1"/>
  <c r="U166717" i="1"/>
  <c r="U166716" i="1"/>
  <c r="U166715" i="1"/>
  <c r="U166714" i="1"/>
  <c r="U166713" i="1"/>
  <c r="U166712" i="1"/>
  <c r="U166711" i="1"/>
  <c r="U166710" i="1"/>
  <c r="U166709" i="1"/>
  <c r="U166708" i="1"/>
  <c r="U166707" i="1"/>
  <c r="U166706" i="1"/>
  <c r="U166705" i="1"/>
  <c r="U166704" i="1"/>
  <c r="U166703" i="1"/>
  <c r="U166702" i="1"/>
  <c r="U166701" i="1"/>
  <c r="U166700" i="1"/>
  <c r="U166699" i="1"/>
  <c r="U166698" i="1"/>
  <c r="U166697" i="1"/>
  <c r="U166696" i="1"/>
  <c r="U166695" i="1"/>
  <c r="U166694" i="1"/>
  <c r="U166693" i="1"/>
  <c r="U166692" i="1"/>
  <c r="U166691" i="1"/>
  <c r="U166690" i="1"/>
  <c r="U166689" i="1"/>
  <c r="U166688" i="1"/>
  <c r="U166687" i="1"/>
  <c r="U166686" i="1"/>
  <c r="U166685" i="1"/>
  <c r="U166684" i="1"/>
  <c r="U166683" i="1"/>
  <c r="U166682" i="1"/>
  <c r="U166681" i="1"/>
  <c r="U166680" i="1"/>
  <c r="U166679" i="1"/>
  <c r="U166678" i="1"/>
  <c r="U166677" i="1"/>
  <c r="U166676" i="1"/>
  <c r="U166675" i="1"/>
  <c r="U166674" i="1"/>
  <c r="U166673" i="1"/>
  <c r="U166672" i="1"/>
  <c r="U166671" i="1"/>
  <c r="U166670" i="1"/>
  <c r="U166669" i="1"/>
  <c r="U166668" i="1"/>
  <c r="U166667" i="1"/>
  <c r="U166666" i="1"/>
  <c r="U166665" i="1"/>
  <c r="U166664" i="1"/>
  <c r="U166663" i="1"/>
  <c r="U166662" i="1"/>
  <c r="U166661" i="1"/>
  <c r="U166660" i="1"/>
  <c r="U166659" i="1"/>
  <c r="U166658" i="1"/>
  <c r="U166657" i="1"/>
  <c r="U166656" i="1"/>
  <c r="U166655" i="1"/>
  <c r="U166654" i="1"/>
  <c r="U166653" i="1"/>
  <c r="U166652" i="1"/>
  <c r="U166651" i="1"/>
  <c r="U166650" i="1"/>
  <c r="U166649" i="1"/>
  <c r="U166648" i="1"/>
  <c r="U166647" i="1"/>
  <c r="U166646" i="1"/>
  <c r="U166645" i="1"/>
  <c r="U166644" i="1"/>
  <c r="U166643" i="1"/>
  <c r="U166642" i="1"/>
  <c r="U166641" i="1"/>
  <c r="U166640" i="1"/>
  <c r="U166639" i="1"/>
  <c r="U166638" i="1"/>
  <c r="U166637" i="1"/>
  <c r="U166636" i="1"/>
  <c r="U166635" i="1"/>
  <c r="U166634" i="1"/>
  <c r="U166633" i="1"/>
  <c r="U166632" i="1"/>
  <c r="U166631" i="1"/>
  <c r="U166630" i="1"/>
  <c r="U166629" i="1"/>
  <c r="U166628" i="1"/>
  <c r="U166627" i="1"/>
  <c r="U166626" i="1"/>
  <c r="U166625" i="1"/>
  <c r="U166624" i="1"/>
  <c r="U166623" i="1"/>
  <c r="U166622" i="1"/>
  <c r="U166621" i="1"/>
  <c r="U166620" i="1"/>
  <c r="U166619" i="1"/>
  <c r="U166618" i="1"/>
  <c r="U166617" i="1"/>
  <c r="U166616" i="1"/>
  <c r="U166615" i="1"/>
  <c r="U166614" i="1"/>
  <c r="U166613" i="1"/>
  <c r="U166612" i="1"/>
  <c r="U166611" i="1"/>
  <c r="U166610" i="1"/>
  <c r="U166609" i="1"/>
  <c r="U166608" i="1"/>
  <c r="U166607" i="1"/>
  <c r="U166606" i="1"/>
  <c r="U166605" i="1"/>
  <c r="U166604" i="1"/>
  <c r="U166603" i="1"/>
  <c r="U166602" i="1"/>
  <c r="U166601" i="1"/>
  <c r="U166600" i="1"/>
  <c r="U166599" i="1"/>
  <c r="U166598" i="1"/>
  <c r="U166597" i="1"/>
  <c r="U166596" i="1"/>
  <c r="U166595" i="1"/>
  <c r="U166594" i="1"/>
  <c r="U166593" i="1"/>
  <c r="U166592" i="1"/>
  <c r="U166591" i="1"/>
  <c r="U166590" i="1"/>
  <c r="U166589" i="1"/>
  <c r="U166588" i="1"/>
  <c r="U166587" i="1"/>
  <c r="U166586" i="1"/>
  <c r="U166585" i="1"/>
  <c r="U166584" i="1"/>
  <c r="U166583" i="1"/>
  <c r="U166582" i="1"/>
  <c r="U166581" i="1"/>
  <c r="U166580" i="1"/>
  <c r="U166579" i="1"/>
  <c r="U166578" i="1"/>
  <c r="U166577" i="1"/>
  <c r="U166576" i="1"/>
  <c r="U166575" i="1"/>
  <c r="U166574" i="1"/>
  <c r="U166573" i="1"/>
  <c r="U166572" i="1"/>
  <c r="U166571" i="1"/>
  <c r="U166570" i="1"/>
  <c r="U166569" i="1"/>
  <c r="U166568" i="1"/>
  <c r="U166567" i="1"/>
  <c r="U166566" i="1"/>
  <c r="U166565" i="1"/>
  <c r="U166564" i="1"/>
  <c r="U166563" i="1"/>
  <c r="U166562" i="1"/>
  <c r="U166561" i="1"/>
  <c r="U166560" i="1"/>
  <c r="U166559" i="1"/>
  <c r="U166558" i="1"/>
  <c r="U166557" i="1"/>
  <c r="U166556" i="1"/>
  <c r="U166555" i="1"/>
  <c r="U166554" i="1"/>
  <c r="U166553" i="1"/>
  <c r="U166552" i="1"/>
  <c r="U166551" i="1"/>
  <c r="U166550" i="1"/>
  <c r="U166549" i="1"/>
  <c r="U166548" i="1"/>
  <c r="U166547" i="1"/>
  <c r="U166546" i="1"/>
  <c r="U166545" i="1"/>
  <c r="U166544" i="1"/>
  <c r="U166543" i="1"/>
  <c r="U166542" i="1"/>
  <c r="U166541" i="1"/>
  <c r="U166540" i="1"/>
  <c r="U166539" i="1"/>
  <c r="U166538" i="1"/>
  <c r="U166537" i="1"/>
  <c r="U166536" i="1"/>
  <c r="U166535" i="1"/>
  <c r="U166534" i="1"/>
  <c r="U166533" i="1"/>
  <c r="U166532" i="1"/>
  <c r="U166531" i="1"/>
  <c r="U166530" i="1"/>
  <c r="U166529" i="1"/>
  <c r="U166528" i="1"/>
  <c r="U166527" i="1"/>
  <c r="U166526" i="1"/>
  <c r="U166525" i="1"/>
  <c r="U166524" i="1"/>
  <c r="U166523" i="1"/>
  <c r="U166522" i="1"/>
  <c r="U166521" i="1"/>
  <c r="U166520" i="1"/>
  <c r="U166519" i="1"/>
  <c r="U166518" i="1"/>
  <c r="U166517" i="1"/>
  <c r="U166516" i="1"/>
  <c r="U166515" i="1"/>
  <c r="U166514" i="1"/>
  <c r="U166513" i="1"/>
  <c r="U166512" i="1"/>
  <c r="U166511" i="1"/>
  <c r="U166510" i="1"/>
  <c r="U166509" i="1"/>
  <c r="U166508" i="1"/>
  <c r="U166507" i="1"/>
  <c r="U166506" i="1"/>
  <c r="U166505" i="1"/>
  <c r="U166504" i="1"/>
  <c r="U166503" i="1"/>
  <c r="U166502" i="1"/>
  <c r="U166501" i="1"/>
  <c r="U166500" i="1"/>
  <c r="U166499" i="1"/>
  <c r="U166498" i="1"/>
  <c r="U166497" i="1"/>
  <c r="U166496" i="1"/>
  <c r="U166495" i="1"/>
  <c r="U166494" i="1"/>
  <c r="U166493" i="1"/>
  <c r="U166492" i="1"/>
  <c r="U166491" i="1"/>
  <c r="U166490" i="1"/>
  <c r="U166489" i="1"/>
  <c r="U166488" i="1"/>
  <c r="U166487" i="1"/>
  <c r="U166486" i="1"/>
  <c r="U166485" i="1"/>
  <c r="U166484" i="1"/>
  <c r="U166483" i="1"/>
  <c r="U166482" i="1"/>
  <c r="U166481" i="1"/>
  <c r="U166480" i="1"/>
  <c r="U166479" i="1"/>
  <c r="U166478" i="1"/>
  <c r="U166477" i="1"/>
  <c r="U166476" i="1"/>
  <c r="U166475" i="1"/>
  <c r="U166474" i="1"/>
  <c r="U166473" i="1"/>
  <c r="U166472" i="1"/>
  <c r="U166471" i="1"/>
  <c r="U166470" i="1"/>
  <c r="U166469" i="1"/>
  <c r="U166468" i="1"/>
  <c r="U166467" i="1"/>
  <c r="U166466" i="1"/>
  <c r="U166465" i="1"/>
  <c r="U166464" i="1"/>
  <c r="U166463" i="1"/>
  <c r="U166462" i="1"/>
  <c r="U166461" i="1"/>
  <c r="U166460" i="1"/>
  <c r="U166459" i="1"/>
  <c r="U166458" i="1"/>
  <c r="U166457" i="1"/>
  <c r="U166456" i="1"/>
  <c r="U166455" i="1"/>
  <c r="U166454" i="1"/>
  <c r="U166453" i="1"/>
  <c r="U166452" i="1"/>
  <c r="U166451" i="1"/>
  <c r="U166450" i="1"/>
  <c r="U166449" i="1"/>
  <c r="U166448" i="1"/>
  <c r="U166447" i="1"/>
  <c r="U166446" i="1"/>
  <c r="U166445" i="1"/>
  <c r="U166444" i="1"/>
  <c r="U166443" i="1"/>
  <c r="U166442" i="1"/>
  <c r="U166441" i="1"/>
  <c r="U166440" i="1"/>
  <c r="U166439" i="1"/>
  <c r="U166438" i="1"/>
  <c r="U166437" i="1"/>
  <c r="U166436" i="1"/>
  <c r="U166435" i="1"/>
  <c r="U166434" i="1"/>
  <c r="U166433" i="1"/>
  <c r="U166432" i="1"/>
  <c r="U166431" i="1"/>
  <c r="U166430" i="1"/>
  <c r="U166429" i="1"/>
  <c r="U166428" i="1"/>
  <c r="U166427" i="1"/>
  <c r="U166426" i="1"/>
  <c r="U166425" i="1"/>
  <c r="U166424" i="1"/>
  <c r="U166423" i="1"/>
  <c r="U166422" i="1"/>
  <c r="U166421" i="1"/>
  <c r="U166420" i="1"/>
  <c r="U166419" i="1"/>
  <c r="U166418" i="1"/>
  <c r="U166417" i="1"/>
  <c r="U166416" i="1"/>
  <c r="U166415" i="1"/>
  <c r="U166414" i="1"/>
  <c r="U166413" i="1"/>
  <c r="U166412" i="1"/>
  <c r="U166411" i="1"/>
  <c r="U166410" i="1"/>
  <c r="U166409" i="1"/>
  <c r="U166408" i="1"/>
  <c r="U166407" i="1"/>
  <c r="U166406" i="1"/>
  <c r="U166405" i="1"/>
  <c r="U166404" i="1"/>
  <c r="U166403" i="1"/>
  <c r="U166402" i="1"/>
  <c r="U166401" i="1"/>
  <c r="U166400" i="1"/>
  <c r="U166399" i="1"/>
  <c r="U166398" i="1"/>
  <c r="U166397" i="1"/>
  <c r="U166396" i="1"/>
  <c r="U166395" i="1"/>
  <c r="U166394" i="1"/>
  <c r="U166393" i="1"/>
  <c r="U166392" i="1"/>
  <c r="U166391" i="1"/>
  <c r="U166390" i="1"/>
  <c r="U166389" i="1"/>
  <c r="U166388" i="1"/>
  <c r="U166387" i="1"/>
  <c r="U166386" i="1"/>
  <c r="U166385" i="1"/>
  <c r="U166384" i="1"/>
  <c r="U166383" i="1"/>
  <c r="U166382" i="1"/>
  <c r="U166381" i="1"/>
  <c r="U166380" i="1"/>
  <c r="U166379" i="1"/>
  <c r="U166378" i="1"/>
  <c r="U166377" i="1"/>
  <c r="U166376" i="1"/>
  <c r="U166375" i="1"/>
  <c r="U166374" i="1"/>
  <c r="U166373" i="1"/>
  <c r="U166372" i="1"/>
  <c r="U166371" i="1"/>
  <c r="U166370" i="1"/>
  <c r="U166369" i="1"/>
  <c r="U166368" i="1"/>
  <c r="U166367" i="1"/>
  <c r="U166366" i="1"/>
  <c r="U166365" i="1"/>
  <c r="U166364" i="1"/>
  <c r="U166363" i="1"/>
  <c r="U166362" i="1"/>
  <c r="U166361" i="1"/>
  <c r="U166360" i="1"/>
  <c r="U166359" i="1"/>
  <c r="U166358" i="1"/>
  <c r="U166357" i="1"/>
  <c r="U166356" i="1"/>
  <c r="U166355" i="1"/>
  <c r="U166354" i="1"/>
  <c r="U166353" i="1"/>
  <c r="U166352" i="1"/>
  <c r="U166351" i="1"/>
  <c r="U166350" i="1"/>
  <c r="U166349" i="1"/>
  <c r="U166348" i="1"/>
  <c r="U166347" i="1"/>
  <c r="U166346" i="1"/>
  <c r="U166345" i="1"/>
  <c r="U166344" i="1"/>
  <c r="U166343" i="1"/>
  <c r="U166342" i="1"/>
  <c r="U166341" i="1"/>
  <c r="U166340" i="1"/>
  <c r="U166339" i="1"/>
  <c r="U166338" i="1"/>
  <c r="U166337" i="1"/>
  <c r="U166336" i="1"/>
  <c r="U166335" i="1"/>
  <c r="U166334" i="1"/>
  <c r="U166333" i="1"/>
  <c r="U166332" i="1"/>
  <c r="U166331" i="1"/>
  <c r="U166330" i="1"/>
  <c r="U166329" i="1"/>
  <c r="U166328" i="1"/>
  <c r="U166327" i="1"/>
  <c r="U166326" i="1"/>
  <c r="U166325" i="1"/>
  <c r="U166324" i="1"/>
  <c r="U166323" i="1"/>
  <c r="U166322" i="1"/>
  <c r="U166321" i="1"/>
  <c r="U166320" i="1"/>
  <c r="U166319" i="1"/>
  <c r="U166318" i="1"/>
  <c r="U166317" i="1"/>
  <c r="U166316" i="1"/>
  <c r="U166315" i="1"/>
  <c r="U166314" i="1"/>
  <c r="U166313" i="1"/>
  <c r="U166312" i="1"/>
  <c r="U166311" i="1"/>
  <c r="U166310" i="1"/>
  <c r="U166309" i="1"/>
  <c r="U166308" i="1"/>
  <c r="U166307" i="1"/>
  <c r="U166306" i="1"/>
  <c r="U166305" i="1"/>
  <c r="U166304" i="1"/>
  <c r="U166303" i="1"/>
  <c r="U166302" i="1"/>
  <c r="U166301" i="1"/>
  <c r="U166300" i="1"/>
  <c r="U166299" i="1"/>
  <c r="U166298" i="1"/>
  <c r="U166297" i="1"/>
  <c r="U166296" i="1"/>
  <c r="U166295" i="1"/>
  <c r="U166294" i="1"/>
  <c r="U166293" i="1"/>
  <c r="U166292" i="1"/>
  <c r="U166291" i="1"/>
  <c r="U166290" i="1"/>
  <c r="U166289" i="1"/>
  <c r="U166288" i="1"/>
  <c r="U166287" i="1"/>
  <c r="U166286" i="1"/>
  <c r="U166285" i="1"/>
  <c r="U166284" i="1"/>
  <c r="U166283" i="1"/>
  <c r="U166282" i="1"/>
  <c r="U166281" i="1"/>
  <c r="U166280" i="1"/>
  <c r="U166279" i="1"/>
  <c r="U166278" i="1"/>
  <c r="U166277" i="1"/>
  <c r="U166276" i="1"/>
  <c r="U166275" i="1"/>
  <c r="U166274" i="1"/>
  <c r="U166273" i="1"/>
  <c r="U166272" i="1"/>
  <c r="U166271" i="1"/>
  <c r="U166270" i="1"/>
  <c r="U166269" i="1"/>
  <c r="U166268" i="1"/>
  <c r="U166267" i="1"/>
  <c r="U166266" i="1"/>
  <c r="U166265" i="1"/>
  <c r="U166264" i="1"/>
  <c r="U166263" i="1"/>
  <c r="U166262" i="1"/>
  <c r="U166261" i="1"/>
  <c r="U166260" i="1"/>
  <c r="U166259" i="1"/>
  <c r="U166258" i="1"/>
  <c r="U166257" i="1"/>
  <c r="U166256" i="1"/>
  <c r="U166255" i="1"/>
  <c r="U166254" i="1"/>
  <c r="U166253" i="1"/>
  <c r="U166252" i="1"/>
  <c r="U166251" i="1"/>
  <c r="U166250" i="1"/>
  <c r="U166249" i="1"/>
  <c r="U166248" i="1"/>
  <c r="U166247" i="1"/>
  <c r="U166246" i="1"/>
  <c r="U166245" i="1"/>
  <c r="U166244" i="1"/>
  <c r="U166243" i="1"/>
  <c r="U166242" i="1"/>
  <c r="U166241" i="1"/>
  <c r="U166240" i="1"/>
  <c r="U166239" i="1"/>
  <c r="U166238" i="1"/>
  <c r="U166237" i="1"/>
  <c r="U166236" i="1"/>
  <c r="U166235" i="1"/>
  <c r="U166234" i="1"/>
  <c r="U166233" i="1"/>
  <c r="U166232" i="1"/>
  <c r="U166231" i="1"/>
  <c r="U166230" i="1"/>
  <c r="U166229" i="1"/>
  <c r="U166228" i="1"/>
  <c r="U166227" i="1"/>
  <c r="U166226" i="1"/>
  <c r="U166225" i="1"/>
  <c r="U166224" i="1"/>
  <c r="U166223" i="1"/>
  <c r="U166222" i="1"/>
  <c r="U166221" i="1"/>
  <c r="U166220" i="1"/>
  <c r="U166219" i="1"/>
  <c r="U166218" i="1"/>
  <c r="U166217" i="1"/>
  <c r="U166216" i="1"/>
  <c r="U166215" i="1"/>
  <c r="U166214" i="1"/>
  <c r="U166213" i="1"/>
  <c r="U166212" i="1"/>
  <c r="U166211" i="1"/>
  <c r="U166210" i="1"/>
  <c r="U166209" i="1"/>
  <c r="U166208" i="1"/>
  <c r="U166207" i="1"/>
  <c r="U166206" i="1"/>
  <c r="U166205" i="1"/>
  <c r="U166204" i="1"/>
  <c r="U166203" i="1"/>
  <c r="U166202" i="1"/>
  <c r="U166201" i="1"/>
  <c r="U166200" i="1"/>
  <c r="U166199" i="1"/>
  <c r="U166198" i="1"/>
  <c r="U166197" i="1"/>
  <c r="U166196" i="1"/>
  <c r="U166195" i="1"/>
  <c r="U166194" i="1"/>
  <c r="U166193" i="1"/>
  <c r="U166192" i="1"/>
  <c r="U166191" i="1"/>
  <c r="U166190" i="1"/>
  <c r="U166189" i="1"/>
  <c r="U166188" i="1"/>
  <c r="U166187" i="1"/>
  <c r="U166186" i="1"/>
  <c r="U166185" i="1"/>
  <c r="U166184" i="1"/>
  <c r="U166183" i="1"/>
  <c r="U166182" i="1"/>
  <c r="U166181" i="1"/>
  <c r="U166180" i="1"/>
  <c r="U166179" i="1"/>
  <c r="U166178" i="1"/>
  <c r="U166177" i="1"/>
  <c r="U166176" i="1"/>
  <c r="U166175" i="1"/>
  <c r="U166174" i="1"/>
  <c r="U166173" i="1"/>
  <c r="U166172" i="1"/>
  <c r="U166171" i="1"/>
  <c r="U166170" i="1"/>
  <c r="U166169" i="1"/>
  <c r="U166168" i="1"/>
  <c r="U166167" i="1"/>
  <c r="U166166" i="1"/>
  <c r="U166165" i="1"/>
  <c r="U166164" i="1"/>
  <c r="U166163" i="1"/>
  <c r="U166162" i="1"/>
  <c r="U166161" i="1"/>
  <c r="U166160" i="1"/>
  <c r="U166159" i="1"/>
  <c r="U166158" i="1"/>
  <c r="U166157" i="1"/>
  <c r="U166156" i="1"/>
  <c r="U166155" i="1"/>
  <c r="U166154" i="1"/>
  <c r="U166153" i="1"/>
  <c r="U166152" i="1"/>
  <c r="U166151" i="1"/>
  <c r="U166150" i="1"/>
  <c r="U166149" i="1"/>
  <c r="U166148" i="1"/>
  <c r="U166147" i="1"/>
  <c r="U166146" i="1"/>
  <c r="U166145" i="1"/>
  <c r="U166144" i="1"/>
  <c r="U166143" i="1"/>
  <c r="U166142" i="1"/>
  <c r="U166141" i="1"/>
  <c r="U166140" i="1"/>
  <c r="U166139" i="1"/>
  <c r="U166138" i="1"/>
  <c r="U166137" i="1"/>
  <c r="U166136" i="1"/>
  <c r="U166135" i="1"/>
  <c r="U166134" i="1"/>
  <c r="U166133" i="1"/>
  <c r="U166132" i="1"/>
  <c r="U166131" i="1"/>
  <c r="U166130" i="1"/>
  <c r="U166129" i="1"/>
  <c r="U166128" i="1"/>
  <c r="U166127" i="1"/>
  <c r="U166126" i="1"/>
  <c r="U166125" i="1"/>
  <c r="U166124" i="1"/>
  <c r="U166123" i="1"/>
  <c r="U166122" i="1"/>
  <c r="U166121" i="1"/>
  <c r="U166120" i="1"/>
  <c r="U166119" i="1"/>
  <c r="U166118" i="1"/>
  <c r="U166117" i="1"/>
  <c r="U166116" i="1"/>
  <c r="U166115" i="1"/>
  <c r="U166114" i="1"/>
  <c r="U166113" i="1"/>
  <c r="U166112" i="1"/>
  <c r="U166111" i="1"/>
  <c r="U166110" i="1"/>
  <c r="U166109" i="1"/>
  <c r="U166108" i="1"/>
  <c r="U166107" i="1"/>
  <c r="U166106" i="1"/>
  <c r="U166105" i="1"/>
  <c r="U166104" i="1"/>
  <c r="U166103" i="1"/>
  <c r="U166102" i="1"/>
  <c r="U166101" i="1"/>
  <c r="U166100" i="1"/>
  <c r="U166099" i="1"/>
  <c r="U166098" i="1"/>
  <c r="U166097" i="1"/>
  <c r="U166096" i="1"/>
  <c r="U166095" i="1"/>
  <c r="U166094" i="1"/>
  <c r="U166093" i="1"/>
  <c r="U166092" i="1"/>
  <c r="U166091" i="1"/>
  <c r="U166090" i="1"/>
  <c r="U166089" i="1"/>
  <c r="U166088" i="1"/>
  <c r="U166087" i="1"/>
  <c r="U166086" i="1"/>
  <c r="U166085" i="1"/>
  <c r="U166084" i="1"/>
  <c r="U166083" i="1"/>
  <c r="U166082" i="1"/>
  <c r="U166081" i="1"/>
  <c r="U166080" i="1"/>
  <c r="U166079" i="1"/>
  <c r="U166078" i="1"/>
  <c r="U166077" i="1"/>
  <c r="U166076" i="1"/>
  <c r="U166075" i="1"/>
  <c r="U166074" i="1"/>
  <c r="U166073" i="1"/>
  <c r="U166072" i="1"/>
  <c r="U166071" i="1"/>
  <c r="U166070" i="1"/>
  <c r="U166069" i="1"/>
  <c r="U166068" i="1"/>
  <c r="U166067" i="1"/>
  <c r="U166066" i="1"/>
  <c r="U166065" i="1"/>
  <c r="U166064" i="1"/>
  <c r="U166063" i="1"/>
  <c r="U166062" i="1"/>
  <c r="U166061" i="1"/>
  <c r="U166060" i="1"/>
  <c r="U166059" i="1"/>
  <c r="U166058" i="1"/>
  <c r="U166057" i="1"/>
  <c r="U166056" i="1"/>
  <c r="U166055" i="1"/>
  <c r="U166054" i="1"/>
  <c r="U166053" i="1"/>
  <c r="U166052" i="1"/>
  <c r="U166051" i="1"/>
  <c r="U166050" i="1"/>
  <c r="U166049" i="1"/>
  <c r="U166048" i="1"/>
  <c r="U166047" i="1"/>
  <c r="U166046" i="1"/>
  <c r="U166045" i="1"/>
  <c r="U166044" i="1"/>
  <c r="U166043" i="1"/>
  <c r="U166042" i="1"/>
  <c r="U166041" i="1"/>
  <c r="U166040" i="1"/>
  <c r="U166039" i="1"/>
  <c r="U166038" i="1"/>
  <c r="U166037" i="1"/>
  <c r="U166036" i="1"/>
  <c r="U166035" i="1"/>
  <c r="U166034" i="1"/>
  <c r="U166033" i="1"/>
  <c r="U166032" i="1"/>
  <c r="U166031" i="1"/>
  <c r="U166030" i="1"/>
  <c r="U166029" i="1"/>
  <c r="U166028" i="1"/>
  <c r="U166027" i="1"/>
  <c r="U166026" i="1"/>
  <c r="U166025" i="1"/>
  <c r="U166024" i="1"/>
  <c r="U166023" i="1"/>
  <c r="U166022" i="1"/>
  <c r="U166021" i="1"/>
  <c r="U166020" i="1"/>
  <c r="U166019" i="1"/>
  <c r="U166018" i="1"/>
  <c r="U166017" i="1"/>
  <c r="U166016" i="1"/>
  <c r="U166015" i="1"/>
  <c r="U166014" i="1"/>
  <c r="U166013" i="1"/>
  <c r="U166012" i="1"/>
  <c r="U166011" i="1"/>
  <c r="U166010" i="1"/>
  <c r="U166009" i="1"/>
  <c r="U166008" i="1"/>
  <c r="U166007" i="1"/>
  <c r="U166006" i="1"/>
  <c r="U166005" i="1"/>
  <c r="U166004" i="1"/>
  <c r="U166003" i="1"/>
  <c r="U166002" i="1"/>
  <c r="U166001" i="1"/>
  <c r="U166000" i="1"/>
  <c r="U165999" i="1"/>
  <c r="U165998" i="1"/>
  <c r="U165997" i="1"/>
  <c r="U165996" i="1"/>
  <c r="U165995" i="1"/>
  <c r="U165994" i="1"/>
  <c r="U165993" i="1"/>
  <c r="U165992" i="1"/>
  <c r="U165991" i="1"/>
  <c r="U165990" i="1"/>
  <c r="U165989" i="1"/>
  <c r="U165988" i="1"/>
  <c r="U165987" i="1"/>
  <c r="U165986" i="1"/>
  <c r="U165985" i="1"/>
  <c r="U165984" i="1"/>
  <c r="U165983" i="1"/>
  <c r="U165982" i="1"/>
  <c r="U165981" i="1"/>
  <c r="U165980" i="1"/>
  <c r="U165979" i="1"/>
  <c r="U165978" i="1"/>
  <c r="U165977" i="1"/>
  <c r="U165976" i="1"/>
  <c r="U165975" i="1"/>
  <c r="U165974" i="1"/>
  <c r="U165973" i="1"/>
  <c r="U165972" i="1"/>
  <c r="U165971" i="1"/>
  <c r="U165970" i="1"/>
  <c r="U165969" i="1"/>
  <c r="U165968" i="1"/>
  <c r="U165967" i="1"/>
  <c r="U165966" i="1"/>
  <c r="U165965" i="1"/>
  <c r="U165964" i="1"/>
  <c r="U165963" i="1"/>
  <c r="U165962" i="1"/>
  <c r="U165961" i="1"/>
  <c r="U165960" i="1"/>
  <c r="U165959" i="1"/>
  <c r="U165958" i="1"/>
  <c r="U165957" i="1"/>
  <c r="U165956" i="1"/>
  <c r="U165955" i="1"/>
  <c r="U165954" i="1"/>
  <c r="U165953" i="1"/>
  <c r="U165952" i="1"/>
  <c r="U165951" i="1"/>
  <c r="U165950" i="1"/>
  <c r="U165949" i="1"/>
  <c r="U165948" i="1"/>
  <c r="U165947" i="1"/>
  <c r="U165946" i="1"/>
  <c r="U165945" i="1"/>
  <c r="U165944" i="1"/>
  <c r="U165943" i="1"/>
  <c r="U165942" i="1"/>
  <c r="U165941" i="1"/>
  <c r="U165940" i="1"/>
  <c r="U165939" i="1"/>
  <c r="U165938" i="1"/>
  <c r="U165937" i="1"/>
  <c r="U165936" i="1"/>
  <c r="U165935" i="1"/>
  <c r="U165934" i="1"/>
  <c r="U165933" i="1"/>
  <c r="U165932" i="1"/>
  <c r="U165931" i="1"/>
  <c r="U165930" i="1"/>
  <c r="U165929" i="1"/>
  <c r="U165928" i="1"/>
  <c r="U165927" i="1"/>
  <c r="U165926" i="1"/>
  <c r="U165925" i="1"/>
  <c r="U165924" i="1"/>
  <c r="U165923" i="1"/>
  <c r="U165922" i="1"/>
  <c r="U165921" i="1"/>
  <c r="U165920" i="1"/>
  <c r="U165919" i="1"/>
  <c r="U165918" i="1"/>
  <c r="U165917" i="1"/>
  <c r="U165916" i="1"/>
  <c r="U165915" i="1"/>
  <c r="U165914" i="1"/>
  <c r="U165913" i="1"/>
  <c r="U165912" i="1"/>
  <c r="U165911" i="1"/>
  <c r="U165910" i="1"/>
  <c r="U165909" i="1"/>
  <c r="U165908" i="1"/>
  <c r="U165907" i="1"/>
  <c r="U165906" i="1"/>
  <c r="U165905" i="1"/>
  <c r="U165904" i="1"/>
  <c r="U165903" i="1"/>
  <c r="U165902" i="1"/>
  <c r="U165901" i="1"/>
  <c r="U165900" i="1"/>
  <c r="U165899" i="1"/>
  <c r="U165898" i="1"/>
  <c r="U165897" i="1"/>
  <c r="U165896" i="1"/>
  <c r="U165895" i="1"/>
  <c r="U165894" i="1"/>
  <c r="U165893" i="1"/>
  <c r="U165892" i="1"/>
  <c r="U165891" i="1"/>
  <c r="U165890" i="1"/>
  <c r="U165889" i="1"/>
  <c r="U165888" i="1"/>
  <c r="U165887" i="1"/>
  <c r="U165886" i="1"/>
  <c r="U165885" i="1"/>
  <c r="U165884" i="1"/>
  <c r="U165883" i="1"/>
  <c r="U165882" i="1"/>
  <c r="U165881" i="1"/>
  <c r="U165880" i="1"/>
  <c r="U165879" i="1"/>
  <c r="U165878" i="1"/>
  <c r="U165877" i="1"/>
  <c r="U165876" i="1"/>
  <c r="U165875" i="1"/>
  <c r="U165874" i="1"/>
  <c r="U165873" i="1"/>
  <c r="U165872" i="1"/>
  <c r="U165871" i="1"/>
  <c r="U165870" i="1"/>
  <c r="U165869" i="1"/>
  <c r="U165868" i="1"/>
  <c r="U165867" i="1"/>
  <c r="U165866" i="1"/>
  <c r="U165865" i="1"/>
  <c r="U165864" i="1"/>
  <c r="U165863" i="1"/>
  <c r="U165862" i="1"/>
  <c r="U165861" i="1"/>
  <c r="U165860" i="1"/>
  <c r="U165859" i="1"/>
  <c r="U165858" i="1"/>
  <c r="U165857" i="1"/>
  <c r="U165856" i="1"/>
  <c r="U165855" i="1"/>
  <c r="U165854" i="1"/>
  <c r="U165853" i="1"/>
  <c r="U165852" i="1"/>
  <c r="U165851" i="1"/>
  <c r="U165850" i="1"/>
  <c r="U165849" i="1"/>
  <c r="U165848" i="1"/>
  <c r="U165847" i="1"/>
  <c r="U165846" i="1"/>
  <c r="U165845" i="1"/>
  <c r="U165844" i="1"/>
  <c r="U165843" i="1"/>
  <c r="U165842" i="1"/>
  <c r="U165841" i="1"/>
  <c r="U165840" i="1"/>
  <c r="U165839" i="1"/>
  <c r="U165838" i="1"/>
  <c r="U165837" i="1"/>
  <c r="U165836" i="1"/>
  <c r="U165835" i="1"/>
  <c r="U165834" i="1"/>
  <c r="U165833" i="1"/>
  <c r="U165832" i="1"/>
  <c r="U165831" i="1"/>
  <c r="U165830" i="1"/>
  <c r="U165829" i="1"/>
  <c r="U165828" i="1"/>
  <c r="U165827" i="1"/>
  <c r="U165826" i="1"/>
  <c r="U165825" i="1"/>
  <c r="U165824" i="1"/>
  <c r="U165823" i="1"/>
  <c r="U165822" i="1"/>
  <c r="U165821" i="1"/>
  <c r="U165820" i="1"/>
  <c r="U165819" i="1"/>
  <c r="U165818" i="1"/>
  <c r="U165817" i="1"/>
  <c r="U165816" i="1"/>
  <c r="U165815" i="1"/>
  <c r="U165814" i="1"/>
  <c r="U165813" i="1"/>
  <c r="U165812" i="1"/>
  <c r="U165811" i="1"/>
  <c r="U165810" i="1"/>
  <c r="U165809" i="1"/>
  <c r="U165808" i="1"/>
  <c r="U165807" i="1"/>
  <c r="U165806" i="1"/>
  <c r="U165805" i="1"/>
  <c r="U165804" i="1"/>
  <c r="U165803" i="1"/>
  <c r="U165802" i="1"/>
  <c r="U165801" i="1"/>
  <c r="U165800" i="1"/>
  <c r="U165799" i="1"/>
  <c r="U165798" i="1"/>
  <c r="U165797" i="1"/>
  <c r="U165796" i="1"/>
  <c r="U165795" i="1"/>
  <c r="U165794" i="1"/>
  <c r="U165793" i="1"/>
  <c r="U165792" i="1"/>
  <c r="U165791" i="1"/>
  <c r="U165790" i="1"/>
  <c r="U165789" i="1"/>
  <c r="U165788" i="1"/>
  <c r="U165787" i="1"/>
  <c r="U165786" i="1"/>
  <c r="U165785" i="1"/>
  <c r="U165784" i="1"/>
  <c r="U165783" i="1"/>
  <c r="U165782" i="1"/>
  <c r="U165781" i="1"/>
  <c r="U165780" i="1"/>
  <c r="U165779" i="1"/>
  <c r="U165778" i="1"/>
  <c r="U165777" i="1"/>
  <c r="U165776" i="1"/>
  <c r="U165775" i="1"/>
  <c r="U165774" i="1"/>
  <c r="U165773" i="1"/>
  <c r="U165772" i="1"/>
  <c r="U165771" i="1"/>
  <c r="U165770" i="1"/>
  <c r="U165769" i="1"/>
  <c r="U165768" i="1"/>
  <c r="U165767" i="1"/>
  <c r="U165766" i="1"/>
  <c r="U165765" i="1"/>
  <c r="U165764" i="1"/>
  <c r="U165763" i="1"/>
  <c r="U165762" i="1"/>
  <c r="U165761" i="1"/>
  <c r="U165760" i="1"/>
  <c r="U165759" i="1"/>
  <c r="U165758" i="1"/>
  <c r="U165757" i="1"/>
  <c r="U165756" i="1"/>
  <c r="U165755" i="1"/>
  <c r="U165754" i="1"/>
  <c r="U165753" i="1"/>
  <c r="U165752" i="1"/>
  <c r="U165751" i="1"/>
  <c r="U165750" i="1"/>
  <c r="U165749" i="1"/>
  <c r="U165748" i="1"/>
  <c r="U165747" i="1"/>
  <c r="U165746" i="1"/>
  <c r="U165745" i="1"/>
  <c r="U165744" i="1"/>
  <c r="U165743" i="1"/>
  <c r="U165742" i="1"/>
  <c r="U165741" i="1"/>
  <c r="U165740" i="1"/>
  <c r="U165739" i="1"/>
  <c r="U165738" i="1"/>
  <c r="U165737" i="1"/>
  <c r="U165736" i="1"/>
  <c r="U165735" i="1"/>
  <c r="U165734" i="1"/>
  <c r="U165733" i="1"/>
  <c r="U165732" i="1"/>
  <c r="U165731" i="1"/>
  <c r="U165730" i="1"/>
  <c r="U165729" i="1"/>
  <c r="U165728" i="1"/>
  <c r="U165727" i="1"/>
  <c r="U165726" i="1"/>
  <c r="U165725" i="1"/>
  <c r="U165724" i="1"/>
  <c r="U165723" i="1"/>
  <c r="U165722" i="1"/>
  <c r="U165721" i="1"/>
  <c r="U165720" i="1"/>
  <c r="U165719" i="1"/>
  <c r="U165718" i="1"/>
  <c r="U165717" i="1"/>
  <c r="U165716" i="1"/>
  <c r="U165715" i="1"/>
  <c r="U165714" i="1"/>
  <c r="U165713" i="1"/>
  <c r="U165712" i="1"/>
  <c r="U165711" i="1"/>
  <c r="U165710" i="1"/>
  <c r="U165709" i="1"/>
  <c r="U165708" i="1"/>
  <c r="U165707" i="1"/>
  <c r="U165706" i="1"/>
  <c r="U165705" i="1"/>
  <c r="U165704" i="1"/>
  <c r="U165703" i="1"/>
  <c r="U165702" i="1"/>
  <c r="U165701" i="1"/>
  <c r="U165700" i="1"/>
  <c r="U165699" i="1"/>
  <c r="U165698" i="1"/>
  <c r="U165697" i="1"/>
  <c r="U165696" i="1"/>
  <c r="U165695" i="1"/>
  <c r="U165694" i="1"/>
  <c r="U165693" i="1"/>
  <c r="U165692" i="1"/>
  <c r="U165691" i="1"/>
  <c r="U165690" i="1"/>
  <c r="U165689" i="1"/>
  <c r="U165688" i="1"/>
  <c r="U165687" i="1"/>
  <c r="U165686" i="1"/>
  <c r="U165685" i="1"/>
  <c r="U165684" i="1"/>
  <c r="U165683" i="1"/>
  <c r="U165682" i="1"/>
  <c r="U165681" i="1"/>
  <c r="U165680" i="1"/>
  <c r="U165679" i="1"/>
  <c r="U165678" i="1"/>
  <c r="U165677" i="1"/>
  <c r="U165676" i="1"/>
  <c r="U165675" i="1"/>
  <c r="U165674" i="1"/>
  <c r="U165673" i="1"/>
  <c r="U165672" i="1"/>
  <c r="U165671" i="1"/>
  <c r="U165670" i="1"/>
  <c r="U165669" i="1"/>
  <c r="U165668" i="1"/>
  <c r="U165667" i="1"/>
  <c r="U165666" i="1"/>
  <c r="U165665" i="1"/>
  <c r="U165664" i="1"/>
  <c r="U165663" i="1"/>
  <c r="U165662" i="1"/>
  <c r="U165661" i="1"/>
  <c r="U165660" i="1"/>
  <c r="U165659" i="1"/>
  <c r="U165658" i="1"/>
  <c r="U165657" i="1"/>
  <c r="U165656" i="1"/>
  <c r="U165655" i="1"/>
  <c r="U165654" i="1"/>
  <c r="U165653" i="1"/>
  <c r="U165652" i="1"/>
  <c r="U165651" i="1"/>
  <c r="U165650" i="1"/>
  <c r="U165649" i="1"/>
  <c r="U165648" i="1"/>
  <c r="U165647" i="1"/>
  <c r="U165646" i="1"/>
  <c r="U165645" i="1"/>
  <c r="U165644" i="1"/>
  <c r="U165643" i="1"/>
  <c r="U165642" i="1"/>
  <c r="U165641" i="1"/>
  <c r="U165640" i="1"/>
  <c r="U165639" i="1"/>
  <c r="U165638" i="1"/>
  <c r="U165637" i="1"/>
  <c r="U165636" i="1"/>
  <c r="U165635" i="1"/>
  <c r="U165634" i="1"/>
  <c r="U165633" i="1"/>
  <c r="U165632" i="1"/>
  <c r="U165631" i="1"/>
  <c r="U165630" i="1"/>
  <c r="U165629" i="1"/>
  <c r="U165628" i="1"/>
  <c r="U165627" i="1"/>
  <c r="U165626" i="1"/>
  <c r="U165625" i="1"/>
  <c r="U165624" i="1"/>
  <c r="U165623" i="1"/>
  <c r="U165622" i="1"/>
  <c r="U165621" i="1"/>
  <c r="U165620" i="1"/>
  <c r="U165619" i="1"/>
  <c r="U165618" i="1"/>
  <c r="U165617" i="1"/>
  <c r="U165616" i="1"/>
  <c r="U165615" i="1"/>
  <c r="U165614" i="1"/>
  <c r="U165613" i="1"/>
  <c r="U165612" i="1"/>
  <c r="U165611" i="1"/>
  <c r="U165610" i="1"/>
  <c r="U165609" i="1"/>
  <c r="U165608" i="1"/>
  <c r="U165607" i="1"/>
  <c r="U165606" i="1"/>
  <c r="U165605" i="1"/>
  <c r="U165604" i="1"/>
  <c r="U165603" i="1"/>
  <c r="U165602" i="1"/>
  <c r="U165601" i="1"/>
  <c r="U165600" i="1"/>
  <c r="U165599" i="1"/>
  <c r="U165598" i="1"/>
  <c r="U165597" i="1"/>
  <c r="U165596" i="1"/>
  <c r="U165595" i="1"/>
  <c r="U165594" i="1"/>
  <c r="U165593" i="1"/>
  <c r="U165592" i="1"/>
  <c r="U165591" i="1"/>
  <c r="U165590" i="1"/>
  <c r="U165589" i="1"/>
  <c r="U165588" i="1"/>
  <c r="U165587" i="1"/>
  <c r="U165586" i="1"/>
  <c r="U165585" i="1"/>
  <c r="U165584" i="1"/>
  <c r="U165583" i="1"/>
  <c r="U165582" i="1"/>
  <c r="U165581" i="1"/>
  <c r="U165580" i="1"/>
  <c r="U165579" i="1"/>
  <c r="U165578" i="1"/>
  <c r="U165577" i="1"/>
  <c r="U165576" i="1"/>
  <c r="U165575" i="1"/>
  <c r="U165574" i="1"/>
  <c r="U165573" i="1"/>
  <c r="U165572" i="1"/>
  <c r="U165571" i="1"/>
  <c r="U165570" i="1"/>
  <c r="U165569" i="1"/>
  <c r="U165568" i="1"/>
  <c r="U165567" i="1"/>
  <c r="U165566" i="1"/>
  <c r="U165565" i="1"/>
  <c r="U165564" i="1"/>
  <c r="U165563" i="1"/>
  <c r="U165562" i="1"/>
  <c r="U165561" i="1"/>
  <c r="U165560" i="1"/>
  <c r="U165559" i="1"/>
  <c r="U165558" i="1"/>
  <c r="U165557" i="1"/>
  <c r="U165556" i="1"/>
  <c r="U165555" i="1"/>
  <c r="U165554" i="1"/>
  <c r="U165553" i="1"/>
  <c r="U165552" i="1"/>
  <c r="U165551" i="1"/>
  <c r="U165550" i="1"/>
  <c r="U165549" i="1"/>
  <c r="U165548" i="1"/>
  <c r="U165547" i="1"/>
  <c r="U165546" i="1"/>
  <c r="U165545" i="1"/>
  <c r="U165544" i="1"/>
  <c r="U165543" i="1"/>
  <c r="U165542" i="1"/>
  <c r="U165541" i="1"/>
  <c r="U165540" i="1"/>
  <c r="U165539" i="1"/>
  <c r="U165538" i="1"/>
  <c r="U165537" i="1"/>
  <c r="U165536" i="1"/>
  <c r="U165535" i="1"/>
  <c r="U165534" i="1"/>
  <c r="U165533" i="1"/>
  <c r="U165532" i="1"/>
  <c r="U165531" i="1"/>
  <c r="U165530" i="1"/>
  <c r="U165529" i="1"/>
  <c r="U165528" i="1"/>
  <c r="U165527" i="1"/>
  <c r="U165526" i="1"/>
  <c r="U165525" i="1"/>
  <c r="U165524" i="1"/>
  <c r="U165523" i="1"/>
  <c r="U165522" i="1"/>
  <c r="U165521" i="1"/>
  <c r="U165520" i="1"/>
  <c r="U165519" i="1"/>
  <c r="U165518" i="1"/>
  <c r="U165517" i="1"/>
  <c r="U165516" i="1"/>
  <c r="U165515" i="1"/>
  <c r="U165514" i="1"/>
  <c r="U165513" i="1"/>
  <c r="U165512" i="1"/>
  <c r="U165511" i="1"/>
  <c r="U165510" i="1"/>
  <c r="U165509" i="1"/>
  <c r="U165508" i="1"/>
  <c r="U165507" i="1"/>
  <c r="U165506" i="1"/>
  <c r="U165505" i="1"/>
  <c r="U165504" i="1"/>
  <c r="U165503" i="1"/>
  <c r="U165502" i="1"/>
  <c r="U165501" i="1"/>
  <c r="U165500" i="1"/>
  <c r="U165499" i="1"/>
  <c r="U165498" i="1"/>
  <c r="U165497" i="1"/>
  <c r="U165496" i="1"/>
  <c r="U165495" i="1"/>
  <c r="U165494" i="1"/>
  <c r="U165493" i="1"/>
  <c r="U165492" i="1"/>
  <c r="U165491" i="1"/>
  <c r="U165490" i="1"/>
  <c r="U165489" i="1"/>
  <c r="U165488" i="1"/>
  <c r="U165487" i="1"/>
  <c r="U165486" i="1"/>
  <c r="U165485" i="1"/>
  <c r="U165484" i="1"/>
  <c r="U165483" i="1"/>
  <c r="U165482" i="1"/>
  <c r="U165481" i="1"/>
  <c r="U165480" i="1"/>
  <c r="U165479" i="1"/>
  <c r="U165478" i="1"/>
  <c r="U165477" i="1"/>
  <c r="U165476" i="1"/>
  <c r="U165475" i="1"/>
  <c r="U165474" i="1"/>
  <c r="U165473" i="1"/>
  <c r="U165472" i="1"/>
  <c r="U165471" i="1"/>
  <c r="U165470" i="1"/>
  <c r="U165469" i="1"/>
  <c r="U165468" i="1"/>
  <c r="U165467" i="1"/>
  <c r="U165466" i="1"/>
  <c r="U165465" i="1"/>
  <c r="U165464" i="1"/>
  <c r="U165463" i="1"/>
  <c r="U165462" i="1"/>
  <c r="U165461" i="1"/>
  <c r="U165460" i="1"/>
  <c r="U165459" i="1"/>
  <c r="U165458" i="1"/>
  <c r="U165457" i="1"/>
  <c r="U165456" i="1"/>
  <c r="U165455" i="1"/>
  <c r="U165454" i="1"/>
  <c r="U165453" i="1"/>
  <c r="U165452" i="1"/>
  <c r="U165451" i="1"/>
  <c r="U165450" i="1"/>
  <c r="U165449" i="1"/>
  <c r="U165448" i="1"/>
  <c r="U165447" i="1"/>
  <c r="U165446" i="1"/>
  <c r="U165445" i="1"/>
  <c r="U165444" i="1"/>
  <c r="U165443" i="1"/>
  <c r="U165442" i="1"/>
  <c r="U165441" i="1"/>
  <c r="U165440" i="1"/>
  <c r="U165439" i="1"/>
  <c r="U165438" i="1"/>
  <c r="U165437" i="1"/>
  <c r="U165436" i="1"/>
  <c r="U165435" i="1"/>
  <c r="U165434" i="1"/>
  <c r="U165433" i="1"/>
  <c r="U165432" i="1"/>
  <c r="U165431" i="1"/>
  <c r="U165430" i="1"/>
  <c r="U165429" i="1"/>
  <c r="U165428" i="1"/>
  <c r="U165427" i="1"/>
  <c r="U165426" i="1"/>
  <c r="U165425" i="1"/>
  <c r="U165424" i="1"/>
  <c r="U165423" i="1"/>
  <c r="U165422" i="1"/>
  <c r="U165421" i="1"/>
  <c r="U165420" i="1"/>
  <c r="U165419" i="1"/>
  <c r="U165418" i="1"/>
  <c r="U165417" i="1"/>
  <c r="U165416" i="1"/>
  <c r="U165415" i="1"/>
  <c r="U165414" i="1"/>
  <c r="U165413" i="1"/>
  <c r="U165412" i="1"/>
  <c r="U165411" i="1"/>
  <c r="U165410" i="1"/>
  <c r="U165409" i="1"/>
  <c r="U165408" i="1"/>
  <c r="U165407" i="1"/>
  <c r="U165406" i="1"/>
  <c r="U165405" i="1"/>
  <c r="U165404" i="1"/>
  <c r="U165403" i="1"/>
  <c r="U165402" i="1"/>
  <c r="U165401" i="1"/>
  <c r="U165400" i="1"/>
  <c r="U165399" i="1"/>
  <c r="U165398" i="1"/>
  <c r="U165397" i="1"/>
  <c r="U165396" i="1"/>
  <c r="U165395" i="1"/>
  <c r="U165394" i="1"/>
  <c r="U165393" i="1"/>
  <c r="U165392" i="1"/>
  <c r="U165391" i="1"/>
  <c r="U165390" i="1"/>
  <c r="U165389" i="1"/>
  <c r="U165388" i="1"/>
  <c r="U165387" i="1"/>
  <c r="U165386" i="1"/>
  <c r="U165385" i="1"/>
  <c r="U165384" i="1"/>
  <c r="U165383" i="1"/>
  <c r="U165382" i="1"/>
  <c r="U165381" i="1"/>
  <c r="U165380" i="1"/>
  <c r="U165379" i="1"/>
  <c r="U165378" i="1"/>
  <c r="U165377" i="1"/>
  <c r="U165376" i="1"/>
  <c r="U165375" i="1"/>
  <c r="U165374" i="1"/>
  <c r="U165373" i="1"/>
  <c r="U165372" i="1"/>
  <c r="U165371" i="1"/>
  <c r="U165370" i="1"/>
  <c r="U165369" i="1"/>
  <c r="U165368" i="1"/>
  <c r="U165367" i="1"/>
  <c r="U165366" i="1"/>
  <c r="U165365" i="1"/>
  <c r="U165364" i="1"/>
  <c r="U165363" i="1"/>
  <c r="U165362" i="1"/>
  <c r="U165361" i="1"/>
  <c r="U165360" i="1"/>
  <c r="U165359" i="1"/>
  <c r="U165358" i="1"/>
  <c r="U165357" i="1"/>
  <c r="U165356" i="1"/>
  <c r="U165355" i="1"/>
  <c r="U165354" i="1"/>
  <c r="U165353" i="1"/>
  <c r="U165352" i="1"/>
  <c r="U165351" i="1"/>
  <c r="U165350" i="1"/>
  <c r="U165349" i="1"/>
  <c r="U165348" i="1"/>
  <c r="U165347" i="1"/>
  <c r="U165346" i="1"/>
  <c r="U165345" i="1"/>
  <c r="U165344" i="1"/>
  <c r="U165343" i="1"/>
  <c r="U165342" i="1"/>
  <c r="U165341" i="1"/>
  <c r="U165340" i="1"/>
  <c r="U165339" i="1"/>
  <c r="U165338" i="1"/>
  <c r="U165337" i="1"/>
  <c r="U165336" i="1"/>
  <c r="U165335" i="1"/>
  <c r="U165334" i="1"/>
  <c r="U165333" i="1"/>
  <c r="U165332" i="1"/>
  <c r="U165331" i="1"/>
  <c r="U165330" i="1"/>
  <c r="U165329" i="1"/>
  <c r="U165328" i="1"/>
  <c r="U165327" i="1"/>
  <c r="U165326" i="1"/>
  <c r="U165325" i="1"/>
  <c r="U165324" i="1"/>
  <c r="U165323" i="1"/>
  <c r="U165322" i="1"/>
  <c r="U165321" i="1"/>
  <c r="U165320" i="1"/>
  <c r="U165319" i="1"/>
  <c r="U165318" i="1"/>
  <c r="U165317" i="1"/>
  <c r="U165316" i="1"/>
  <c r="U165315" i="1"/>
  <c r="U165314" i="1"/>
  <c r="U165313" i="1"/>
  <c r="U165312" i="1"/>
  <c r="U165311" i="1"/>
  <c r="U165310" i="1"/>
  <c r="U165309" i="1"/>
  <c r="U165308" i="1"/>
  <c r="U165307" i="1"/>
  <c r="U165306" i="1"/>
  <c r="U165305" i="1"/>
  <c r="U165304" i="1"/>
  <c r="U165303" i="1"/>
  <c r="U165302" i="1"/>
  <c r="U165301" i="1"/>
  <c r="U165300" i="1"/>
  <c r="U165299" i="1"/>
  <c r="U165298" i="1"/>
  <c r="U165297" i="1"/>
  <c r="U165296" i="1"/>
  <c r="U165295" i="1"/>
  <c r="U165294" i="1"/>
  <c r="U165293" i="1"/>
  <c r="U165292" i="1"/>
  <c r="U165291" i="1"/>
  <c r="U165290" i="1"/>
  <c r="U165289" i="1"/>
  <c r="U165288" i="1"/>
  <c r="U165287" i="1"/>
  <c r="U165286" i="1"/>
  <c r="U165285" i="1"/>
  <c r="U165284" i="1"/>
  <c r="U165283" i="1"/>
  <c r="U165282" i="1"/>
  <c r="U165281" i="1"/>
  <c r="U165280" i="1"/>
  <c r="U165279" i="1"/>
  <c r="U165278" i="1"/>
  <c r="U165277" i="1"/>
  <c r="U165276" i="1"/>
  <c r="U165275" i="1"/>
  <c r="U165274" i="1"/>
  <c r="U165273" i="1"/>
  <c r="U165272" i="1"/>
  <c r="U165271" i="1"/>
  <c r="U165270" i="1"/>
  <c r="U165269" i="1"/>
  <c r="U165268" i="1"/>
  <c r="U165267" i="1"/>
  <c r="U165266" i="1"/>
  <c r="U165265" i="1"/>
  <c r="U165264" i="1"/>
  <c r="U165263" i="1"/>
  <c r="U165262" i="1"/>
  <c r="U165261" i="1"/>
  <c r="U165260" i="1"/>
  <c r="U165259" i="1"/>
  <c r="U165258" i="1"/>
  <c r="U165257" i="1"/>
  <c r="U165256" i="1"/>
  <c r="U165255" i="1"/>
  <c r="U165254" i="1"/>
  <c r="U165253" i="1"/>
  <c r="U165252" i="1"/>
  <c r="U165251" i="1"/>
  <c r="U165250" i="1"/>
  <c r="U165249" i="1"/>
  <c r="U165248" i="1"/>
  <c r="U165247" i="1"/>
  <c r="U165246" i="1"/>
  <c r="U165245" i="1"/>
  <c r="U165244" i="1"/>
  <c r="U165243" i="1"/>
  <c r="U165242" i="1"/>
  <c r="U165241" i="1"/>
  <c r="U165240" i="1"/>
  <c r="U165239" i="1"/>
  <c r="U165238" i="1"/>
  <c r="U165237" i="1"/>
  <c r="U165236" i="1"/>
  <c r="U165235" i="1"/>
  <c r="U165234" i="1"/>
  <c r="U165233" i="1"/>
  <c r="U165232" i="1"/>
  <c r="U165231" i="1"/>
  <c r="U165230" i="1"/>
  <c r="U165229" i="1"/>
  <c r="U165228" i="1"/>
  <c r="U165227" i="1"/>
  <c r="U165226" i="1"/>
  <c r="U165225" i="1"/>
  <c r="U165224" i="1"/>
  <c r="U165223" i="1"/>
  <c r="U165222" i="1"/>
  <c r="U165221" i="1"/>
  <c r="U165220" i="1"/>
  <c r="U165219" i="1"/>
  <c r="U165218" i="1"/>
  <c r="U165217" i="1"/>
  <c r="U165216" i="1"/>
  <c r="U165215" i="1"/>
  <c r="U165214" i="1"/>
  <c r="U165213" i="1"/>
  <c r="U165212" i="1"/>
  <c r="U165211" i="1"/>
  <c r="U165210" i="1"/>
  <c r="U165209" i="1"/>
  <c r="U165208" i="1"/>
  <c r="U165207" i="1"/>
  <c r="U165206" i="1"/>
  <c r="U165205" i="1"/>
  <c r="U165204" i="1"/>
  <c r="U165203" i="1"/>
  <c r="U165202" i="1"/>
  <c r="U165201" i="1"/>
  <c r="U165200" i="1"/>
  <c r="U165199" i="1"/>
  <c r="U165198" i="1"/>
  <c r="U165197" i="1"/>
  <c r="U165196" i="1"/>
  <c r="U165195" i="1"/>
  <c r="U165194" i="1"/>
  <c r="U165193" i="1"/>
  <c r="U165192" i="1"/>
  <c r="U165191" i="1"/>
  <c r="U165190" i="1"/>
  <c r="U165189" i="1"/>
  <c r="U165188" i="1"/>
  <c r="U165187" i="1"/>
  <c r="U165186" i="1"/>
  <c r="U165185" i="1"/>
  <c r="U165184" i="1"/>
  <c r="U165183" i="1"/>
  <c r="U165182" i="1"/>
  <c r="U165181" i="1"/>
  <c r="U165180" i="1"/>
  <c r="U165179" i="1"/>
  <c r="U165178" i="1"/>
  <c r="U165177" i="1"/>
  <c r="U165176" i="1"/>
  <c r="U165175" i="1"/>
  <c r="U165174" i="1"/>
  <c r="U165173" i="1"/>
  <c r="U165172" i="1"/>
  <c r="U165171" i="1"/>
  <c r="U165170" i="1"/>
  <c r="U165169" i="1"/>
  <c r="U165168" i="1"/>
  <c r="U165167" i="1"/>
  <c r="U165166" i="1"/>
  <c r="U165165" i="1"/>
  <c r="U165164" i="1"/>
  <c r="U165163" i="1"/>
  <c r="U165162" i="1"/>
  <c r="U165161" i="1"/>
  <c r="U165160" i="1"/>
  <c r="U165159" i="1"/>
  <c r="U165158" i="1"/>
  <c r="U165157" i="1"/>
  <c r="U165156" i="1"/>
  <c r="U165155" i="1"/>
  <c r="U165154" i="1"/>
  <c r="U165153" i="1"/>
  <c r="U165152" i="1"/>
  <c r="U165151" i="1"/>
  <c r="U165150" i="1"/>
  <c r="U165149" i="1"/>
  <c r="U165148" i="1"/>
  <c r="U165147" i="1"/>
  <c r="U165146" i="1"/>
  <c r="U165145" i="1"/>
  <c r="U165144" i="1"/>
  <c r="U165143" i="1"/>
  <c r="U165142" i="1"/>
  <c r="U165141" i="1"/>
  <c r="U165140" i="1"/>
  <c r="U165139" i="1"/>
  <c r="U165138" i="1"/>
  <c r="U165137" i="1"/>
  <c r="U165136" i="1"/>
  <c r="U165135" i="1"/>
  <c r="U165134" i="1"/>
  <c r="U165133" i="1"/>
  <c r="U165132" i="1"/>
  <c r="U165131" i="1"/>
  <c r="U165130" i="1"/>
  <c r="U165129" i="1"/>
  <c r="U165128" i="1"/>
  <c r="U165127" i="1"/>
  <c r="U165126" i="1"/>
  <c r="U165125" i="1"/>
  <c r="U165124" i="1"/>
  <c r="U165123" i="1"/>
  <c r="U165122" i="1"/>
  <c r="U165121" i="1"/>
  <c r="U165120" i="1"/>
  <c r="U165119" i="1"/>
  <c r="U165118" i="1"/>
  <c r="U165117" i="1"/>
  <c r="U165116" i="1"/>
  <c r="U165115" i="1"/>
  <c r="U165114" i="1"/>
  <c r="U165113" i="1"/>
  <c r="U165112" i="1"/>
  <c r="U165111" i="1"/>
  <c r="U165110" i="1"/>
  <c r="U165109" i="1"/>
  <c r="U165108" i="1"/>
  <c r="U165107" i="1"/>
  <c r="U165106" i="1"/>
  <c r="U165105" i="1"/>
  <c r="U165104" i="1"/>
  <c r="U165103" i="1"/>
  <c r="U165102" i="1"/>
  <c r="U165101" i="1"/>
  <c r="U165100" i="1"/>
  <c r="U165099" i="1"/>
  <c r="U165098" i="1"/>
  <c r="U165097" i="1"/>
  <c r="U165096" i="1"/>
  <c r="U165095" i="1"/>
  <c r="U165094" i="1"/>
  <c r="U165093" i="1"/>
  <c r="U165092" i="1"/>
  <c r="U165091" i="1"/>
  <c r="U165090" i="1"/>
  <c r="U165089" i="1"/>
  <c r="U165088" i="1"/>
  <c r="U165087" i="1"/>
  <c r="U165086" i="1"/>
  <c r="U165085" i="1"/>
  <c r="U165084" i="1"/>
  <c r="U165083" i="1"/>
  <c r="U165082" i="1"/>
  <c r="U165081" i="1"/>
  <c r="U165080" i="1"/>
  <c r="U165079" i="1"/>
  <c r="U165078" i="1"/>
  <c r="U165077" i="1"/>
  <c r="U165076" i="1"/>
  <c r="U165075" i="1"/>
  <c r="U165074" i="1"/>
  <c r="U165073" i="1"/>
  <c r="U165072" i="1"/>
  <c r="U165071" i="1"/>
  <c r="U165070" i="1"/>
  <c r="U165069" i="1"/>
  <c r="U165068" i="1"/>
  <c r="U165067" i="1"/>
  <c r="U165066" i="1"/>
  <c r="U165065" i="1"/>
  <c r="U165064" i="1"/>
  <c r="U165063" i="1"/>
  <c r="U165062" i="1"/>
  <c r="U165061" i="1"/>
  <c r="U165060" i="1"/>
  <c r="U165059" i="1"/>
  <c r="U165058" i="1"/>
  <c r="U165057" i="1"/>
  <c r="U165056" i="1"/>
  <c r="U165055" i="1"/>
  <c r="U165054" i="1"/>
  <c r="U165053" i="1"/>
  <c r="U165052" i="1"/>
  <c r="U165051" i="1"/>
  <c r="U165050" i="1"/>
  <c r="U165049" i="1"/>
  <c r="U165048" i="1"/>
  <c r="U165047" i="1"/>
  <c r="U165046" i="1"/>
  <c r="U165045" i="1"/>
  <c r="U165044" i="1"/>
  <c r="U165043" i="1"/>
  <c r="U165042" i="1"/>
  <c r="U165041" i="1"/>
  <c r="U165040" i="1"/>
  <c r="U165039" i="1"/>
  <c r="U165038" i="1"/>
  <c r="U165037" i="1"/>
  <c r="U165036" i="1"/>
  <c r="U165035" i="1"/>
  <c r="U165034" i="1"/>
  <c r="U165033" i="1"/>
  <c r="U165032" i="1"/>
  <c r="U165031" i="1"/>
  <c r="U165030" i="1"/>
  <c r="U165029" i="1"/>
  <c r="U165028" i="1"/>
  <c r="U165027" i="1"/>
  <c r="U165026" i="1"/>
  <c r="U165025" i="1"/>
  <c r="U165024" i="1"/>
  <c r="U165023" i="1"/>
  <c r="U165022" i="1"/>
  <c r="U165021" i="1"/>
  <c r="U165020" i="1"/>
  <c r="U165019" i="1"/>
  <c r="U165018" i="1"/>
  <c r="U165017" i="1"/>
  <c r="U165016" i="1"/>
  <c r="U165015" i="1"/>
  <c r="U165014" i="1"/>
  <c r="U165013" i="1"/>
  <c r="U165012" i="1"/>
  <c r="U165011" i="1"/>
  <c r="U165010" i="1"/>
  <c r="U165009" i="1"/>
  <c r="U165008" i="1"/>
  <c r="U165007" i="1"/>
  <c r="U165006" i="1"/>
  <c r="U165005" i="1"/>
  <c r="U165004" i="1"/>
  <c r="U165003" i="1"/>
  <c r="U165002" i="1"/>
  <c r="U165001" i="1"/>
  <c r="U165000" i="1"/>
  <c r="U164999" i="1"/>
  <c r="U164998" i="1"/>
  <c r="U164997" i="1"/>
  <c r="U164996" i="1"/>
  <c r="U164995" i="1"/>
  <c r="U164994" i="1"/>
  <c r="U164993" i="1"/>
  <c r="U164992" i="1"/>
  <c r="U164991" i="1"/>
  <c r="U164990" i="1"/>
  <c r="U164989" i="1"/>
  <c r="U164988" i="1"/>
  <c r="U164987" i="1"/>
  <c r="U164986" i="1"/>
  <c r="U164985" i="1"/>
  <c r="U164984" i="1"/>
  <c r="U164983" i="1"/>
  <c r="U164982" i="1"/>
  <c r="U164981" i="1"/>
  <c r="U164980" i="1"/>
  <c r="U164979" i="1"/>
  <c r="U164978" i="1"/>
  <c r="U164977" i="1"/>
  <c r="U164976" i="1"/>
  <c r="U164975" i="1"/>
  <c r="U164974" i="1"/>
  <c r="U164973" i="1"/>
  <c r="U164972" i="1"/>
  <c r="U164971" i="1"/>
  <c r="U164970" i="1"/>
  <c r="U164969" i="1"/>
  <c r="U164968" i="1"/>
  <c r="U164967" i="1"/>
  <c r="U164966" i="1"/>
  <c r="U164965" i="1"/>
  <c r="U164964" i="1"/>
  <c r="U164963" i="1"/>
  <c r="U164962" i="1"/>
  <c r="U164961" i="1"/>
  <c r="U164960" i="1"/>
  <c r="U164959" i="1"/>
  <c r="U164958" i="1"/>
  <c r="U164957" i="1"/>
  <c r="U164956" i="1"/>
  <c r="U164955" i="1"/>
  <c r="U164954" i="1"/>
  <c r="U164953" i="1"/>
  <c r="U164952" i="1"/>
  <c r="U164951" i="1"/>
  <c r="U164950" i="1"/>
  <c r="U164949" i="1"/>
  <c r="U164948" i="1"/>
  <c r="U164947" i="1"/>
  <c r="U164946" i="1"/>
  <c r="U164945" i="1"/>
  <c r="U164944" i="1"/>
  <c r="U164943" i="1"/>
  <c r="U164942" i="1"/>
  <c r="U164941" i="1"/>
  <c r="U164940" i="1"/>
  <c r="U164939" i="1"/>
  <c r="U164938" i="1"/>
  <c r="U164937" i="1"/>
  <c r="U164936" i="1"/>
  <c r="U164935" i="1"/>
  <c r="U164934" i="1"/>
  <c r="U164933" i="1"/>
  <c r="U164932" i="1"/>
  <c r="U164931" i="1"/>
  <c r="U164930" i="1"/>
  <c r="U164929" i="1"/>
  <c r="U164928" i="1"/>
  <c r="U164927" i="1"/>
  <c r="U164926" i="1"/>
  <c r="U164925" i="1"/>
  <c r="U164924" i="1"/>
  <c r="U164923" i="1"/>
  <c r="U164922" i="1"/>
  <c r="U164921" i="1"/>
  <c r="U164920" i="1"/>
  <c r="U164919" i="1"/>
  <c r="U164918" i="1"/>
  <c r="U164917" i="1"/>
  <c r="U164916" i="1"/>
  <c r="U164915" i="1"/>
  <c r="U164914" i="1"/>
  <c r="U164913" i="1"/>
  <c r="U164912" i="1"/>
  <c r="U164911" i="1"/>
  <c r="U164910" i="1"/>
  <c r="U164909" i="1"/>
  <c r="U164908" i="1"/>
  <c r="U164907" i="1"/>
  <c r="U164906" i="1"/>
  <c r="U164905" i="1"/>
  <c r="U164904" i="1"/>
  <c r="U164903" i="1"/>
  <c r="U164902" i="1"/>
  <c r="U164901" i="1"/>
  <c r="U164900" i="1"/>
  <c r="U164899" i="1"/>
  <c r="U164898" i="1"/>
  <c r="U164897" i="1"/>
  <c r="U164896" i="1"/>
  <c r="U164895" i="1"/>
  <c r="U164894" i="1"/>
  <c r="U164893" i="1"/>
  <c r="U164892" i="1"/>
  <c r="U164891" i="1"/>
  <c r="U164890" i="1"/>
  <c r="U164889" i="1"/>
  <c r="U164888" i="1"/>
  <c r="U164887" i="1"/>
  <c r="U164886" i="1"/>
  <c r="U164885" i="1"/>
  <c r="U164884" i="1"/>
  <c r="U164883" i="1"/>
  <c r="U164882" i="1"/>
  <c r="U164881" i="1"/>
  <c r="U164880" i="1"/>
  <c r="U164879" i="1"/>
  <c r="U164878" i="1"/>
  <c r="U164877" i="1"/>
  <c r="U164876" i="1"/>
  <c r="U164875" i="1"/>
  <c r="U164874" i="1"/>
  <c r="U164873" i="1"/>
  <c r="U164872" i="1"/>
  <c r="U164871" i="1"/>
  <c r="U164870" i="1"/>
  <c r="U164869" i="1"/>
  <c r="U164868" i="1"/>
  <c r="U164867" i="1"/>
  <c r="U164866" i="1"/>
  <c r="U164865" i="1"/>
  <c r="U164864" i="1"/>
  <c r="U164863" i="1"/>
  <c r="U164862" i="1"/>
  <c r="U164861" i="1"/>
  <c r="U164860" i="1"/>
  <c r="U164859" i="1"/>
  <c r="U164858" i="1"/>
  <c r="U164857" i="1"/>
  <c r="U164856" i="1"/>
  <c r="U164855" i="1"/>
  <c r="U164854" i="1"/>
  <c r="U164853" i="1"/>
  <c r="U164852" i="1"/>
  <c r="U164851" i="1"/>
  <c r="U164850" i="1"/>
  <c r="U164849" i="1"/>
  <c r="U164848" i="1"/>
  <c r="U164847" i="1"/>
  <c r="U164846" i="1"/>
  <c r="U164845" i="1"/>
  <c r="U164844" i="1"/>
  <c r="U164843" i="1"/>
  <c r="U164842" i="1"/>
  <c r="U164841" i="1"/>
  <c r="U164840" i="1"/>
  <c r="U164839" i="1"/>
  <c r="U164838" i="1"/>
  <c r="U164837" i="1"/>
  <c r="U164836" i="1"/>
  <c r="U164835" i="1"/>
  <c r="U164834" i="1"/>
  <c r="U164833" i="1"/>
  <c r="U164832" i="1"/>
  <c r="U164831" i="1"/>
  <c r="U164830" i="1"/>
  <c r="U164829" i="1"/>
  <c r="U164828" i="1"/>
  <c r="U164827" i="1"/>
  <c r="U164826" i="1"/>
  <c r="U164825" i="1"/>
  <c r="U164824" i="1"/>
  <c r="U164823" i="1"/>
  <c r="U164822" i="1"/>
  <c r="U164821" i="1"/>
  <c r="U164820" i="1"/>
  <c r="U164819" i="1"/>
  <c r="U164818" i="1"/>
  <c r="U164817" i="1"/>
  <c r="U164816" i="1"/>
  <c r="U164815" i="1"/>
  <c r="U164814" i="1"/>
  <c r="U164813" i="1"/>
  <c r="U164812" i="1"/>
  <c r="U164811" i="1"/>
  <c r="U164810" i="1"/>
  <c r="U164809" i="1"/>
  <c r="U164808" i="1"/>
  <c r="U164807" i="1"/>
  <c r="U164806" i="1"/>
  <c r="U164805" i="1"/>
  <c r="U164804" i="1"/>
  <c r="U164803" i="1"/>
  <c r="U164802" i="1"/>
  <c r="U164801" i="1"/>
  <c r="U164800" i="1"/>
  <c r="U164799" i="1"/>
  <c r="U164798" i="1"/>
  <c r="U164797" i="1"/>
  <c r="U164796" i="1"/>
  <c r="U164795" i="1"/>
  <c r="U164794" i="1"/>
  <c r="U164793" i="1"/>
  <c r="U164792" i="1"/>
  <c r="U164791" i="1"/>
  <c r="U164790" i="1"/>
  <c r="U164789" i="1"/>
  <c r="U164788" i="1"/>
  <c r="U164787" i="1"/>
  <c r="U164786" i="1"/>
  <c r="U164785" i="1"/>
  <c r="U164784" i="1"/>
  <c r="U164783" i="1"/>
  <c r="U164782" i="1"/>
  <c r="U164781" i="1"/>
  <c r="U164780" i="1"/>
  <c r="U164779" i="1"/>
  <c r="U164778" i="1"/>
  <c r="U164777" i="1"/>
  <c r="U164776" i="1"/>
  <c r="U164775" i="1"/>
  <c r="U164774" i="1"/>
  <c r="U164773" i="1"/>
  <c r="U164772" i="1"/>
  <c r="U164771" i="1"/>
  <c r="U164770" i="1"/>
  <c r="U164769" i="1"/>
  <c r="U164768" i="1"/>
  <c r="U164767" i="1"/>
  <c r="U164766" i="1"/>
  <c r="U164765" i="1"/>
  <c r="U164764" i="1"/>
  <c r="U164763" i="1"/>
  <c r="U164762" i="1"/>
  <c r="U164761" i="1"/>
  <c r="U164760" i="1"/>
  <c r="U164759" i="1"/>
  <c r="U164758" i="1"/>
  <c r="U164757" i="1"/>
  <c r="U164756" i="1"/>
  <c r="U164755" i="1"/>
  <c r="U164754" i="1"/>
  <c r="U164753" i="1"/>
  <c r="U164752" i="1"/>
  <c r="U164751" i="1"/>
  <c r="U164750" i="1"/>
  <c r="U164749" i="1"/>
  <c r="U164748" i="1"/>
  <c r="U164747" i="1"/>
  <c r="U164746" i="1"/>
  <c r="U164745" i="1"/>
  <c r="U164744" i="1"/>
  <c r="U164743" i="1"/>
  <c r="U164742" i="1"/>
  <c r="U164741" i="1"/>
  <c r="U164740" i="1"/>
  <c r="U164739" i="1"/>
  <c r="U164738" i="1"/>
  <c r="U164737" i="1"/>
  <c r="U164736" i="1"/>
  <c r="U164735" i="1"/>
  <c r="U164734" i="1"/>
  <c r="U164733" i="1"/>
  <c r="U164732" i="1"/>
  <c r="U164731" i="1"/>
  <c r="U164730" i="1"/>
  <c r="U164729" i="1"/>
  <c r="U164728" i="1"/>
  <c r="U164727" i="1"/>
  <c r="U164726" i="1"/>
  <c r="U164725" i="1"/>
  <c r="U164724" i="1"/>
  <c r="U164723" i="1"/>
  <c r="U164722" i="1"/>
  <c r="U164721" i="1"/>
  <c r="U164720" i="1"/>
  <c r="U164719" i="1"/>
  <c r="U164718" i="1"/>
  <c r="U164717" i="1"/>
  <c r="U164716" i="1"/>
  <c r="U164715" i="1"/>
  <c r="U164714" i="1"/>
  <c r="U164713" i="1"/>
  <c r="U164712" i="1"/>
  <c r="U164711" i="1"/>
  <c r="U164710" i="1"/>
  <c r="U164709" i="1"/>
  <c r="U164708" i="1"/>
  <c r="U164707" i="1"/>
  <c r="U164706" i="1"/>
  <c r="U164705" i="1"/>
  <c r="U164704" i="1"/>
  <c r="U164703" i="1"/>
  <c r="U164702" i="1"/>
  <c r="U164701" i="1"/>
  <c r="U164700" i="1"/>
  <c r="U164699" i="1"/>
  <c r="U164698" i="1"/>
  <c r="U164697" i="1"/>
  <c r="U164696" i="1"/>
  <c r="U164695" i="1"/>
  <c r="U164694" i="1"/>
  <c r="U164693" i="1"/>
  <c r="U164692" i="1"/>
  <c r="U164691" i="1"/>
  <c r="U164690" i="1"/>
  <c r="U164689" i="1"/>
  <c r="U164688" i="1"/>
  <c r="U164687" i="1"/>
  <c r="U164686" i="1"/>
  <c r="U164685" i="1"/>
  <c r="U164684" i="1"/>
  <c r="U164683" i="1"/>
  <c r="U164682" i="1"/>
  <c r="U164681" i="1"/>
  <c r="U164680" i="1"/>
  <c r="U164679" i="1"/>
  <c r="U164678" i="1"/>
  <c r="U164677" i="1"/>
  <c r="U164676" i="1"/>
  <c r="U164675" i="1"/>
  <c r="U164674" i="1"/>
  <c r="U164673" i="1"/>
  <c r="U164672" i="1"/>
  <c r="U164671" i="1"/>
  <c r="U164670" i="1"/>
  <c r="U164669" i="1"/>
  <c r="U164668" i="1"/>
  <c r="U164667" i="1"/>
  <c r="U164666" i="1"/>
  <c r="U164665" i="1"/>
  <c r="U164664" i="1"/>
  <c r="U164663" i="1"/>
  <c r="U164662" i="1"/>
  <c r="U164661" i="1"/>
  <c r="U164660" i="1"/>
  <c r="U164659" i="1"/>
  <c r="U164658" i="1"/>
  <c r="U164657" i="1"/>
  <c r="U164656" i="1"/>
  <c r="U164655" i="1"/>
  <c r="U164654" i="1"/>
  <c r="U164653" i="1"/>
  <c r="U164652" i="1"/>
  <c r="U164651" i="1"/>
  <c r="U164650" i="1"/>
  <c r="U164649" i="1"/>
  <c r="U164648" i="1"/>
  <c r="U164647" i="1"/>
  <c r="U164646" i="1"/>
  <c r="U164645" i="1"/>
  <c r="U164644" i="1"/>
  <c r="U164643" i="1"/>
  <c r="U164642" i="1"/>
  <c r="U164641" i="1"/>
  <c r="U164640" i="1"/>
  <c r="U164639" i="1"/>
  <c r="U164638" i="1"/>
  <c r="U164637" i="1"/>
  <c r="U164636" i="1"/>
  <c r="U164635" i="1"/>
  <c r="U164634" i="1"/>
  <c r="U164633" i="1"/>
  <c r="U164632" i="1"/>
  <c r="U164631" i="1"/>
  <c r="U164630" i="1"/>
  <c r="U164629" i="1"/>
  <c r="U164628" i="1"/>
  <c r="U164627" i="1"/>
  <c r="U164626" i="1"/>
  <c r="U164625" i="1"/>
  <c r="U164624" i="1"/>
  <c r="U164623" i="1"/>
  <c r="U164622" i="1"/>
  <c r="U164621" i="1"/>
  <c r="U164620" i="1"/>
  <c r="U164619" i="1"/>
  <c r="U164618" i="1"/>
  <c r="U164617" i="1"/>
  <c r="U164616" i="1"/>
  <c r="U164615" i="1"/>
  <c r="U164614" i="1"/>
  <c r="U164613" i="1"/>
  <c r="U164612" i="1"/>
  <c r="U164611" i="1"/>
  <c r="U164610" i="1"/>
  <c r="U164609" i="1"/>
  <c r="U164608" i="1"/>
  <c r="U164607" i="1"/>
  <c r="U164606" i="1"/>
  <c r="U164605" i="1"/>
  <c r="U164604" i="1"/>
  <c r="U164603" i="1"/>
  <c r="U164602" i="1"/>
  <c r="U164601" i="1"/>
  <c r="U164600" i="1"/>
  <c r="U164599" i="1"/>
  <c r="U164598" i="1"/>
  <c r="U164597" i="1"/>
  <c r="U164596" i="1"/>
  <c r="U164595" i="1"/>
  <c r="U164594" i="1"/>
  <c r="U164593" i="1"/>
  <c r="U164592" i="1"/>
  <c r="U164591" i="1"/>
  <c r="U164590" i="1"/>
  <c r="U164589" i="1"/>
  <c r="U164588" i="1"/>
  <c r="U164587" i="1"/>
  <c r="U164586" i="1"/>
  <c r="U164585" i="1"/>
  <c r="U164584" i="1"/>
  <c r="U164583" i="1"/>
  <c r="U164582" i="1"/>
  <c r="U164581" i="1"/>
  <c r="U164580" i="1"/>
  <c r="U164579" i="1"/>
  <c r="U164578" i="1"/>
  <c r="U164577" i="1"/>
  <c r="U164576" i="1"/>
  <c r="U164575" i="1"/>
  <c r="U164574" i="1"/>
  <c r="U164573" i="1"/>
  <c r="U164572" i="1"/>
  <c r="U164571" i="1"/>
  <c r="U164570" i="1"/>
  <c r="U164569" i="1"/>
  <c r="U164568" i="1"/>
  <c r="U164567" i="1"/>
  <c r="U164566" i="1"/>
  <c r="U164565" i="1"/>
  <c r="U164564" i="1"/>
  <c r="U164563" i="1"/>
  <c r="U164562" i="1"/>
  <c r="U164561" i="1"/>
  <c r="U164560" i="1"/>
  <c r="U164559" i="1"/>
  <c r="U164558" i="1"/>
  <c r="U164557" i="1"/>
  <c r="U164556" i="1"/>
  <c r="U164555" i="1"/>
  <c r="U164554" i="1"/>
  <c r="U164553" i="1"/>
  <c r="U164552" i="1"/>
  <c r="U164551" i="1"/>
  <c r="U164550" i="1"/>
  <c r="U164549" i="1"/>
  <c r="U164548" i="1"/>
  <c r="U164547" i="1"/>
  <c r="U164546" i="1"/>
  <c r="U164545" i="1"/>
  <c r="U164544" i="1"/>
  <c r="U164543" i="1"/>
  <c r="U164542" i="1"/>
  <c r="U164541" i="1"/>
  <c r="U164540" i="1"/>
  <c r="U164539" i="1"/>
  <c r="U164538" i="1"/>
  <c r="U164537" i="1"/>
  <c r="U164536" i="1"/>
  <c r="U164535" i="1"/>
  <c r="U164534" i="1"/>
  <c r="U164533" i="1"/>
  <c r="U164532" i="1"/>
  <c r="U164531" i="1"/>
  <c r="U164530" i="1"/>
  <c r="U164529" i="1"/>
  <c r="U164528" i="1"/>
  <c r="U164527" i="1"/>
  <c r="U164526" i="1"/>
  <c r="U164525" i="1"/>
  <c r="U164524" i="1"/>
  <c r="U164523" i="1"/>
  <c r="U164522" i="1"/>
  <c r="U164521" i="1"/>
  <c r="U164520" i="1"/>
  <c r="U164519" i="1"/>
  <c r="U164518" i="1"/>
  <c r="U164517" i="1"/>
  <c r="U164516" i="1"/>
  <c r="U164515" i="1"/>
  <c r="U164514" i="1"/>
  <c r="U164513" i="1"/>
  <c r="U164512" i="1"/>
  <c r="U164511" i="1"/>
  <c r="U164510" i="1"/>
  <c r="U164509" i="1"/>
  <c r="U164508" i="1"/>
  <c r="U164507" i="1"/>
  <c r="U164506" i="1"/>
  <c r="U164505" i="1"/>
  <c r="U164504" i="1"/>
  <c r="U164503" i="1"/>
  <c r="U164502" i="1"/>
  <c r="U164501" i="1"/>
  <c r="U164500" i="1"/>
  <c r="U164499" i="1"/>
  <c r="U164498" i="1"/>
  <c r="U164497" i="1"/>
  <c r="U164496" i="1"/>
  <c r="U164495" i="1"/>
  <c r="U164494" i="1"/>
  <c r="U164493" i="1"/>
  <c r="U164492" i="1"/>
  <c r="U164491" i="1"/>
  <c r="U164490" i="1"/>
  <c r="U164489" i="1"/>
  <c r="U164488" i="1"/>
  <c r="U164487" i="1"/>
  <c r="U164486" i="1"/>
  <c r="U164485" i="1"/>
  <c r="U164484" i="1"/>
  <c r="U164483" i="1"/>
  <c r="U164482" i="1"/>
  <c r="U164481" i="1"/>
  <c r="U164480" i="1"/>
  <c r="U164479" i="1"/>
  <c r="U164478" i="1"/>
  <c r="U164477" i="1"/>
  <c r="U164476" i="1"/>
  <c r="U164475" i="1"/>
  <c r="U164474" i="1"/>
  <c r="U164473" i="1"/>
  <c r="U164472" i="1"/>
  <c r="U164471" i="1"/>
  <c r="U164470" i="1"/>
  <c r="U164469" i="1"/>
  <c r="U164468" i="1"/>
  <c r="U164467" i="1"/>
  <c r="U164466" i="1"/>
  <c r="U164465" i="1"/>
  <c r="U164464" i="1"/>
  <c r="U164463" i="1"/>
  <c r="U164462" i="1"/>
  <c r="U164461" i="1"/>
  <c r="U164460" i="1"/>
  <c r="U164459" i="1"/>
  <c r="U164458" i="1"/>
  <c r="U164457" i="1"/>
  <c r="U164456" i="1"/>
  <c r="U164455" i="1"/>
  <c r="U164454" i="1"/>
  <c r="U164453" i="1"/>
  <c r="U164452" i="1"/>
  <c r="U164451" i="1"/>
  <c r="U164450" i="1"/>
  <c r="U164449" i="1"/>
  <c r="U164448" i="1"/>
  <c r="U164447" i="1"/>
  <c r="U164446" i="1"/>
  <c r="U164445" i="1"/>
  <c r="U164444" i="1"/>
  <c r="U164443" i="1"/>
  <c r="U164442" i="1"/>
  <c r="U164441" i="1"/>
  <c r="U164440" i="1"/>
  <c r="U164439" i="1"/>
  <c r="U164438" i="1"/>
  <c r="U164437" i="1"/>
  <c r="U164436" i="1"/>
  <c r="U164435" i="1"/>
  <c r="U164434" i="1"/>
  <c r="U164433" i="1"/>
  <c r="U164432" i="1"/>
  <c r="U164431" i="1"/>
  <c r="U164430" i="1"/>
  <c r="U164429" i="1"/>
  <c r="U164428" i="1"/>
  <c r="U164427" i="1"/>
  <c r="U164426" i="1"/>
  <c r="U164425" i="1"/>
  <c r="U164424" i="1"/>
  <c r="U164423" i="1"/>
  <c r="U164422" i="1"/>
  <c r="U164421" i="1"/>
  <c r="U164420" i="1"/>
  <c r="U164419" i="1"/>
  <c r="U164418" i="1"/>
  <c r="U164417" i="1"/>
  <c r="U164416" i="1"/>
  <c r="U164415" i="1"/>
  <c r="U164414" i="1"/>
  <c r="U164413" i="1"/>
  <c r="U164412" i="1"/>
  <c r="U164411" i="1"/>
  <c r="U164410" i="1"/>
  <c r="U164409" i="1"/>
  <c r="U164408" i="1"/>
  <c r="U164407" i="1"/>
  <c r="U164406" i="1"/>
  <c r="U164405" i="1"/>
  <c r="U164404" i="1"/>
  <c r="U164403" i="1"/>
  <c r="U164402" i="1"/>
  <c r="U164401" i="1"/>
  <c r="U164400" i="1"/>
  <c r="U164399" i="1"/>
  <c r="U164398" i="1"/>
  <c r="U164397" i="1"/>
  <c r="U164396" i="1"/>
  <c r="U164395" i="1"/>
  <c r="U164394" i="1"/>
  <c r="U164393" i="1"/>
  <c r="U164392" i="1"/>
  <c r="U164391" i="1"/>
  <c r="U164390" i="1"/>
  <c r="U164389" i="1"/>
  <c r="U164388" i="1"/>
  <c r="U164387" i="1"/>
  <c r="U164386" i="1"/>
  <c r="U164385" i="1"/>
  <c r="U164384" i="1"/>
  <c r="U164383" i="1"/>
  <c r="U164382" i="1"/>
  <c r="U164381" i="1"/>
  <c r="U164380" i="1"/>
  <c r="U164379" i="1"/>
  <c r="U164378" i="1"/>
  <c r="U164377" i="1"/>
  <c r="U164376" i="1"/>
  <c r="U164375" i="1"/>
  <c r="U164374" i="1"/>
  <c r="U164373" i="1"/>
  <c r="U164372" i="1"/>
  <c r="U164371" i="1"/>
  <c r="U164370" i="1"/>
  <c r="U164369" i="1"/>
  <c r="U164368" i="1"/>
  <c r="U164367" i="1"/>
  <c r="U164366" i="1"/>
  <c r="U164365" i="1"/>
  <c r="U164364" i="1"/>
  <c r="U164363" i="1"/>
  <c r="U164362" i="1"/>
  <c r="U164361" i="1"/>
  <c r="U164360" i="1"/>
  <c r="U164359" i="1"/>
  <c r="U164358" i="1"/>
  <c r="U164357" i="1"/>
  <c r="U164356" i="1"/>
  <c r="U164355" i="1"/>
  <c r="U164354" i="1"/>
  <c r="U164353" i="1"/>
  <c r="U164352" i="1"/>
  <c r="U164351" i="1"/>
  <c r="U164350" i="1"/>
  <c r="U164349" i="1"/>
  <c r="U164348" i="1"/>
  <c r="U164347" i="1"/>
  <c r="U164346" i="1"/>
  <c r="U164345" i="1"/>
  <c r="U164344" i="1"/>
  <c r="U164343" i="1"/>
  <c r="U164342" i="1"/>
  <c r="U164341" i="1"/>
  <c r="U164340" i="1"/>
  <c r="U164339" i="1"/>
  <c r="U164338" i="1"/>
  <c r="U164337" i="1"/>
  <c r="U164336" i="1"/>
  <c r="U164335" i="1"/>
  <c r="U164334" i="1"/>
  <c r="U164333" i="1"/>
  <c r="U164332" i="1"/>
  <c r="U164331" i="1"/>
  <c r="U164330" i="1"/>
  <c r="U164329" i="1"/>
  <c r="U164328" i="1"/>
  <c r="U164327" i="1"/>
  <c r="U164326" i="1"/>
  <c r="U164325" i="1"/>
  <c r="U164324" i="1"/>
  <c r="U164323" i="1"/>
  <c r="U164322" i="1"/>
  <c r="U164321" i="1"/>
  <c r="U164320" i="1"/>
  <c r="U164319" i="1"/>
  <c r="U164318" i="1"/>
  <c r="U164317" i="1"/>
  <c r="U164316" i="1"/>
  <c r="U164315" i="1"/>
  <c r="U164314" i="1"/>
  <c r="U164313" i="1"/>
  <c r="U164312" i="1"/>
  <c r="U164311" i="1"/>
  <c r="U164310" i="1"/>
  <c r="U164309" i="1"/>
  <c r="U164308" i="1"/>
  <c r="U164307" i="1"/>
  <c r="U164306" i="1"/>
  <c r="U164305" i="1"/>
  <c r="U164304" i="1"/>
  <c r="U164303" i="1"/>
  <c r="U164302" i="1"/>
  <c r="U164301" i="1"/>
  <c r="U164300" i="1"/>
  <c r="U164299" i="1"/>
  <c r="U164298" i="1"/>
  <c r="U164297" i="1"/>
  <c r="U164296" i="1"/>
  <c r="U164295" i="1"/>
  <c r="U164294" i="1"/>
  <c r="U164293" i="1"/>
  <c r="U164292" i="1"/>
  <c r="U164291" i="1"/>
  <c r="U164290" i="1"/>
  <c r="U164289" i="1"/>
  <c r="U164288" i="1"/>
  <c r="U164287" i="1"/>
  <c r="U164286" i="1"/>
  <c r="U164285" i="1"/>
  <c r="U164284" i="1"/>
  <c r="U164283" i="1"/>
  <c r="U164282" i="1"/>
  <c r="U164281" i="1"/>
  <c r="U164280" i="1"/>
  <c r="U164279" i="1"/>
  <c r="U164278" i="1"/>
  <c r="U164277" i="1"/>
  <c r="U164276" i="1"/>
  <c r="U164275" i="1"/>
  <c r="U164274" i="1"/>
  <c r="U164273" i="1"/>
  <c r="U164272" i="1"/>
  <c r="U164271" i="1"/>
  <c r="U164270" i="1"/>
  <c r="U164269" i="1"/>
  <c r="U164268" i="1"/>
  <c r="U164267" i="1"/>
  <c r="U164266" i="1"/>
  <c r="U164265" i="1"/>
  <c r="U164264" i="1"/>
  <c r="U164263" i="1"/>
  <c r="U164262" i="1"/>
  <c r="U164261" i="1"/>
  <c r="U164260" i="1"/>
  <c r="U164259" i="1"/>
  <c r="U164258" i="1"/>
  <c r="U164257" i="1"/>
  <c r="U164256" i="1"/>
  <c r="U164255" i="1"/>
  <c r="U164254" i="1"/>
  <c r="U164253" i="1"/>
  <c r="U164252" i="1"/>
  <c r="U164251" i="1"/>
  <c r="U164250" i="1"/>
  <c r="U164249" i="1"/>
  <c r="U164248" i="1"/>
  <c r="U164247" i="1"/>
  <c r="U164246" i="1"/>
  <c r="U164245" i="1"/>
  <c r="U164244" i="1"/>
  <c r="U164243" i="1"/>
  <c r="U164242" i="1"/>
  <c r="U164241" i="1"/>
  <c r="U164240" i="1"/>
  <c r="U164239" i="1"/>
  <c r="U164238" i="1"/>
  <c r="U164237" i="1"/>
  <c r="U164236" i="1"/>
  <c r="U164235" i="1"/>
  <c r="U164234" i="1"/>
  <c r="U164233" i="1"/>
  <c r="U164232" i="1"/>
  <c r="U164231" i="1"/>
  <c r="U164230" i="1"/>
  <c r="U164229" i="1"/>
  <c r="U164228" i="1"/>
  <c r="U164227" i="1"/>
  <c r="U164226" i="1"/>
  <c r="U164225" i="1"/>
  <c r="U164224" i="1"/>
  <c r="U164223" i="1"/>
  <c r="U164222" i="1"/>
  <c r="U164221" i="1"/>
  <c r="U164220" i="1"/>
  <c r="U164219" i="1"/>
  <c r="U164218" i="1"/>
  <c r="U164217" i="1"/>
  <c r="U164216" i="1"/>
  <c r="U164215" i="1"/>
  <c r="U164214" i="1"/>
  <c r="U164213" i="1"/>
  <c r="U164212" i="1"/>
  <c r="U164211" i="1"/>
  <c r="U164210" i="1"/>
  <c r="U164209" i="1"/>
  <c r="U164208" i="1"/>
  <c r="U164207" i="1"/>
  <c r="U164206" i="1"/>
  <c r="U164205" i="1"/>
  <c r="U164204" i="1"/>
  <c r="U164203" i="1"/>
  <c r="U164202" i="1"/>
  <c r="U164201" i="1"/>
  <c r="U164200" i="1"/>
  <c r="U164199" i="1"/>
  <c r="U164198" i="1"/>
  <c r="U164197" i="1"/>
  <c r="U164196" i="1"/>
  <c r="U164195" i="1"/>
  <c r="U164194" i="1"/>
  <c r="U164193" i="1"/>
  <c r="U164192" i="1"/>
  <c r="U164191" i="1"/>
  <c r="U164190" i="1"/>
  <c r="U164189" i="1"/>
  <c r="U164188" i="1"/>
  <c r="U164187" i="1"/>
  <c r="U164186" i="1"/>
  <c r="U164185" i="1"/>
  <c r="U164184" i="1"/>
  <c r="U164183" i="1"/>
  <c r="U164182" i="1"/>
  <c r="U164181" i="1"/>
  <c r="U164180" i="1"/>
  <c r="U164179" i="1"/>
  <c r="U164178" i="1"/>
  <c r="U164177" i="1"/>
  <c r="U164176" i="1"/>
  <c r="U164175" i="1"/>
  <c r="U164174" i="1"/>
  <c r="U164173" i="1"/>
  <c r="U164172" i="1"/>
  <c r="U164171" i="1"/>
  <c r="U164170" i="1"/>
  <c r="U164169" i="1"/>
  <c r="U164168" i="1"/>
  <c r="U164167" i="1"/>
  <c r="U164166" i="1"/>
  <c r="U164165" i="1"/>
  <c r="U164164" i="1"/>
  <c r="U164163" i="1"/>
  <c r="U164162" i="1"/>
  <c r="U164161" i="1"/>
  <c r="U164160" i="1"/>
  <c r="U164159" i="1"/>
  <c r="U164158" i="1"/>
  <c r="U164157" i="1"/>
  <c r="U164156" i="1"/>
  <c r="U164155" i="1"/>
  <c r="U164154" i="1"/>
  <c r="U164153" i="1"/>
  <c r="U164152" i="1"/>
  <c r="U164151" i="1"/>
  <c r="U164150" i="1"/>
  <c r="U164149" i="1"/>
  <c r="U164148" i="1"/>
  <c r="U164147" i="1"/>
  <c r="U164146" i="1"/>
  <c r="U164145" i="1"/>
  <c r="U164144" i="1"/>
  <c r="U164143" i="1"/>
  <c r="U164142" i="1"/>
  <c r="U164141" i="1"/>
  <c r="U164140" i="1"/>
  <c r="U164139" i="1"/>
  <c r="U164138" i="1"/>
  <c r="U164137" i="1"/>
  <c r="U164136" i="1"/>
  <c r="U164135" i="1"/>
  <c r="U164134" i="1"/>
  <c r="U164133" i="1"/>
  <c r="U164132" i="1"/>
  <c r="U164131" i="1"/>
  <c r="U164130" i="1"/>
  <c r="U164129" i="1"/>
  <c r="U164128" i="1"/>
  <c r="U164127" i="1"/>
  <c r="U164126" i="1"/>
  <c r="U164125" i="1"/>
  <c r="U164124" i="1"/>
  <c r="U164123" i="1"/>
  <c r="U164122" i="1"/>
  <c r="U164121" i="1"/>
  <c r="U164120" i="1"/>
  <c r="U164119" i="1"/>
  <c r="U164118" i="1"/>
  <c r="U164117" i="1"/>
  <c r="U164116" i="1"/>
  <c r="U164115" i="1"/>
  <c r="U164114" i="1"/>
  <c r="U164113" i="1"/>
  <c r="U164112" i="1"/>
  <c r="U164111" i="1"/>
  <c r="U164110" i="1"/>
  <c r="U164109" i="1"/>
  <c r="U164108" i="1"/>
  <c r="U164107" i="1"/>
  <c r="U164106" i="1"/>
  <c r="U164105" i="1"/>
  <c r="U164104" i="1"/>
  <c r="U164103" i="1"/>
  <c r="U164102" i="1"/>
  <c r="U164101" i="1"/>
  <c r="U164100" i="1"/>
  <c r="U164099" i="1"/>
  <c r="U164098" i="1"/>
  <c r="U164097" i="1"/>
  <c r="U164096" i="1"/>
  <c r="U164095" i="1"/>
  <c r="U164094" i="1"/>
  <c r="U164093" i="1"/>
  <c r="U164092" i="1"/>
  <c r="U164091" i="1"/>
  <c r="U164090" i="1"/>
  <c r="U164089" i="1"/>
  <c r="U164088" i="1"/>
  <c r="U164087" i="1"/>
  <c r="U164086" i="1"/>
  <c r="U164085" i="1"/>
  <c r="U164084" i="1"/>
  <c r="U164083" i="1"/>
  <c r="U164082" i="1"/>
  <c r="U164081" i="1"/>
  <c r="U164080" i="1"/>
  <c r="U164079" i="1"/>
  <c r="U164078" i="1"/>
  <c r="U164077" i="1"/>
  <c r="U164076" i="1"/>
  <c r="U164075" i="1"/>
  <c r="U164074" i="1"/>
  <c r="U164073" i="1"/>
  <c r="U164072" i="1"/>
  <c r="U164071" i="1"/>
  <c r="U164070" i="1"/>
  <c r="U164069" i="1"/>
  <c r="U164068" i="1"/>
  <c r="U164067" i="1"/>
  <c r="U164066" i="1"/>
  <c r="U164065" i="1"/>
  <c r="U164064" i="1"/>
  <c r="U164063" i="1"/>
  <c r="U164062" i="1"/>
  <c r="U164061" i="1"/>
  <c r="U164060" i="1"/>
  <c r="U164059" i="1"/>
  <c r="U164058" i="1"/>
  <c r="U164057" i="1"/>
  <c r="U164056" i="1"/>
  <c r="U164055" i="1"/>
  <c r="U164054" i="1"/>
  <c r="U164053" i="1"/>
  <c r="U164052" i="1"/>
  <c r="U164051" i="1"/>
  <c r="U164050" i="1"/>
  <c r="U164049" i="1"/>
  <c r="U164048" i="1"/>
  <c r="U164047" i="1"/>
  <c r="U164046" i="1"/>
  <c r="U164045" i="1"/>
  <c r="U164044" i="1"/>
  <c r="U164043" i="1"/>
  <c r="U164042" i="1"/>
  <c r="U164041" i="1"/>
  <c r="U164040" i="1"/>
  <c r="U164039" i="1"/>
  <c r="U164038" i="1"/>
  <c r="U164037" i="1"/>
  <c r="U164036" i="1"/>
  <c r="U164035" i="1"/>
  <c r="U164034" i="1"/>
  <c r="U164033" i="1"/>
  <c r="U164032" i="1"/>
  <c r="U164031" i="1"/>
  <c r="U164030" i="1"/>
  <c r="U164029" i="1"/>
  <c r="U164028" i="1"/>
  <c r="U164027" i="1"/>
  <c r="U164026" i="1"/>
  <c r="U164025" i="1"/>
  <c r="U164024" i="1"/>
  <c r="U164023" i="1"/>
  <c r="U164022" i="1"/>
  <c r="U164021" i="1"/>
  <c r="U164020" i="1"/>
  <c r="U164019" i="1"/>
  <c r="U164018" i="1"/>
  <c r="U164017" i="1"/>
  <c r="U164016" i="1"/>
  <c r="U164015" i="1"/>
  <c r="U164014" i="1"/>
  <c r="U164013" i="1"/>
  <c r="U164012" i="1"/>
  <c r="U164011" i="1"/>
  <c r="U164010" i="1"/>
  <c r="U164009" i="1"/>
  <c r="U164008" i="1"/>
  <c r="U164007" i="1"/>
  <c r="U164006" i="1"/>
  <c r="U164005" i="1"/>
  <c r="U164004" i="1"/>
  <c r="U164003" i="1"/>
  <c r="U164002" i="1"/>
  <c r="U164001" i="1"/>
  <c r="U164000" i="1"/>
  <c r="U163999" i="1"/>
  <c r="U163998" i="1"/>
  <c r="U163997" i="1"/>
  <c r="U163996" i="1"/>
  <c r="U163995" i="1"/>
  <c r="U163994" i="1"/>
  <c r="U163993" i="1"/>
  <c r="U163992" i="1"/>
  <c r="U163991" i="1"/>
  <c r="U163990" i="1"/>
  <c r="U163989" i="1"/>
  <c r="U163988" i="1"/>
  <c r="U163987" i="1"/>
  <c r="U163986" i="1"/>
  <c r="U163985" i="1"/>
  <c r="U163984" i="1"/>
  <c r="U163983" i="1"/>
  <c r="U163982" i="1"/>
  <c r="U163981" i="1"/>
  <c r="U163980" i="1"/>
  <c r="U163979" i="1"/>
  <c r="U163978" i="1"/>
  <c r="U163977" i="1"/>
  <c r="U163976" i="1"/>
  <c r="U163975" i="1"/>
  <c r="U163974" i="1"/>
  <c r="U163973" i="1"/>
  <c r="U163972" i="1"/>
  <c r="U163971" i="1"/>
  <c r="U163970" i="1"/>
  <c r="U163969" i="1"/>
  <c r="U163968" i="1"/>
  <c r="U163967" i="1"/>
  <c r="U163966" i="1"/>
  <c r="U163965" i="1"/>
  <c r="U163964" i="1"/>
  <c r="U163963" i="1"/>
  <c r="U163962" i="1"/>
  <c r="U163961" i="1"/>
  <c r="U163960" i="1"/>
  <c r="U163959" i="1"/>
  <c r="U163958" i="1"/>
  <c r="U163957" i="1"/>
  <c r="U163956" i="1"/>
  <c r="U163955" i="1"/>
  <c r="U163954" i="1"/>
  <c r="U163953" i="1"/>
  <c r="U163952" i="1"/>
  <c r="U163951" i="1"/>
  <c r="U163950" i="1"/>
  <c r="U163949" i="1"/>
  <c r="U163948" i="1"/>
  <c r="U163947" i="1"/>
  <c r="U163946" i="1"/>
  <c r="U163945" i="1"/>
  <c r="U163944" i="1"/>
  <c r="U163943" i="1"/>
  <c r="U163942" i="1"/>
  <c r="U163941" i="1"/>
  <c r="U163940" i="1"/>
  <c r="U163939" i="1"/>
  <c r="U163938" i="1"/>
  <c r="U163937" i="1"/>
  <c r="U163936" i="1"/>
  <c r="U163935" i="1"/>
  <c r="U163934" i="1"/>
  <c r="U163933" i="1"/>
  <c r="U163932" i="1"/>
  <c r="U163931" i="1"/>
  <c r="U163930" i="1"/>
  <c r="U163929" i="1"/>
  <c r="U163928" i="1"/>
  <c r="U163927" i="1"/>
  <c r="U163926" i="1"/>
  <c r="U163925" i="1"/>
  <c r="U163924" i="1"/>
  <c r="U163923" i="1"/>
  <c r="U163922" i="1"/>
  <c r="U163921" i="1"/>
  <c r="U163920" i="1"/>
  <c r="U163919" i="1"/>
  <c r="U163918" i="1"/>
  <c r="U163917" i="1"/>
  <c r="U163916" i="1"/>
  <c r="U163915" i="1"/>
  <c r="U163914" i="1"/>
  <c r="U163913" i="1"/>
  <c r="U163912" i="1"/>
  <c r="U163911" i="1"/>
  <c r="U163910" i="1"/>
  <c r="U163909" i="1"/>
  <c r="U163908" i="1"/>
  <c r="U163907" i="1"/>
  <c r="U163906" i="1"/>
  <c r="U163905" i="1"/>
  <c r="U163904" i="1"/>
  <c r="U163903" i="1"/>
  <c r="U163902" i="1"/>
  <c r="U163901" i="1"/>
  <c r="U163900" i="1"/>
  <c r="U163899" i="1"/>
  <c r="U163898" i="1"/>
  <c r="U163897" i="1"/>
  <c r="U163896" i="1"/>
  <c r="U163895" i="1"/>
  <c r="U163894" i="1"/>
  <c r="U163893" i="1"/>
  <c r="U163892" i="1"/>
  <c r="U163891" i="1"/>
  <c r="U163890" i="1"/>
  <c r="U163889" i="1"/>
  <c r="U163888" i="1"/>
  <c r="U163887" i="1"/>
  <c r="U163886" i="1"/>
  <c r="U163885" i="1"/>
  <c r="U163884" i="1"/>
  <c r="U163883" i="1"/>
  <c r="U163882" i="1"/>
  <c r="U163881" i="1"/>
  <c r="U163880" i="1"/>
  <c r="U163879" i="1"/>
  <c r="U163878" i="1"/>
  <c r="U163877" i="1"/>
  <c r="U163876" i="1"/>
  <c r="U163875" i="1"/>
  <c r="U163874" i="1"/>
  <c r="U163873" i="1"/>
  <c r="U163872" i="1"/>
  <c r="U163871" i="1"/>
  <c r="U163870" i="1"/>
  <c r="U163869" i="1"/>
  <c r="U163868" i="1"/>
  <c r="U163867" i="1"/>
  <c r="U163866" i="1"/>
  <c r="U163865" i="1"/>
  <c r="U163864" i="1"/>
  <c r="U163863" i="1"/>
  <c r="U163862" i="1"/>
  <c r="U163861" i="1"/>
  <c r="U163860" i="1"/>
  <c r="U163859" i="1"/>
  <c r="U163858" i="1"/>
  <c r="U163857" i="1"/>
  <c r="U163856" i="1"/>
  <c r="U163855" i="1"/>
  <c r="U163854" i="1"/>
  <c r="U163853" i="1"/>
  <c r="U163852" i="1"/>
  <c r="U163851" i="1"/>
  <c r="U163850" i="1"/>
  <c r="U163849" i="1"/>
  <c r="U163848" i="1"/>
  <c r="U163847" i="1"/>
  <c r="U163846" i="1"/>
  <c r="U163845" i="1"/>
  <c r="U163844" i="1"/>
  <c r="U163843" i="1"/>
  <c r="U163842" i="1"/>
  <c r="U163841" i="1"/>
  <c r="U163840" i="1"/>
  <c r="U163839" i="1"/>
  <c r="U163838" i="1"/>
  <c r="U163837" i="1"/>
  <c r="U163836" i="1"/>
  <c r="U163835" i="1"/>
  <c r="U163834" i="1"/>
  <c r="U163833" i="1"/>
  <c r="U163832" i="1"/>
  <c r="U163831" i="1"/>
  <c r="U163830" i="1"/>
  <c r="U163829" i="1"/>
  <c r="U163828" i="1"/>
  <c r="U163827" i="1"/>
  <c r="U163826" i="1"/>
  <c r="U163825" i="1"/>
  <c r="U163824" i="1"/>
  <c r="U163823" i="1"/>
  <c r="U163822" i="1"/>
  <c r="U163821" i="1"/>
  <c r="U163820" i="1"/>
  <c r="U163819" i="1"/>
  <c r="U163818" i="1"/>
  <c r="U163817" i="1"/>
  <c r="U163816" i="1"/>
  <c r="U163815" i="1"/>
  <c r="U163814" i="1"/>
  <c r="U163813" i="1"/>
  <c r="U163812" i="1"/>
  <c r="U163811" i="1"/>
  <c r="U163810" i="1"/>
  <c r="U163809" i="1"/>
  <c r="U163808" i="1"/>
  <c r="U163807" i="1"/>
  <c r="U163806" i="1"/>
  <c r="U163805" i="1"/>
  <c r="U163804" i="1"/>
  <c r="U163803" i="1"/>
  <c r="U163802" i="1"/>
  <c r="U163801" i="1"/>
  <c r="U163800" i="1"/>
  <c r="U163799" i="1"/>
  <c r="U163798" i="1"/>
  <c r="U163797" i="1"/>
  <c r="U163796" i="1"/>
  <c r="U163795" i="1"/>
  <c r="U163794" i="1"/>
  <c r="U163793" i="1"/>
  <c r="U163792" i="1"/>
  <c r="U163791" i="1"/>
  <c r="U163790" i="1"/>
  <c r="U163789" i="1"/>
  <c r="U163788" i="1"/>
  <c r="U163787" i="1"/>
  <c r="U163786" i="1"/>
  <c r="U163785" i="1"/>
  <c r="U163784" i="1"/>
  <c r="U163783" i="1"/>
  <c r="U163782" i="1"/>
  <c r="U163781" i="1"/>
  <c r="U163780" i="1"/>
  <c r="U163779" i="1"/>
  <c r="U163778" i="1"/>
  <c r="U163777" i="1"/>
  <c r="U163776" i="1"/>
  <c r="U163775" i="1"/>
  <c r="U163774" i="1"/>
  <c r="U163773" i="1"/>
  <c r="U163772" i="1"/>
  <c r="U163771" i="1"/>
  <c r="U163770" i="1"/>
  <c r="U163769" i="1"/>
  <c r="U163768" i="1"/>
  <c r="U163767" i="1"/>
  <c r="U163766" i="1"/>
  <c r="U163765" i="1"/>
  <c r="U163764" i="1"/>
  <c r="U163763" i="1"/>
  <c r="U163762" i="1"/>
  <c r="U163761" i="1"/>
  <c r="U163760" i="1"/>
  <c r="U163759" i="1"/>
  <c r="U163758" i="1"/>
  <c r="U163757" i="1"/>
  <c r="U163756" i="1"/>
  <c r="U163755" i="1"/>
  <c r="U163754" i="1"/>
  <c r="U163753" i="1"/>
  <c r="U163752" i="1"/>
  <c r="U163751" i="1"/>
  <c r="U163750" i="1"/>
  <c r="U163749" i="1"/>
  <c r="U163748" i="1"/>
  <c r="U163747" i="1"/>
  <c r="U163746" i="1"/>
  <c r="U163745" i="1"/>
  <c r="U163744" i="1"/>
  <c r="U163743" i="1"/>
  <c r="U163742" i="1"/>
  <c r="U163741" i="1"/>
  <c r="U163740" i="1"/>
  <c r="U163739" i="1"/>
  <c r="U163738" i="1"/>
  <c r="U163737" i="1"/>
  <c r="U163736" i="1"/>
  <c r="U163735" i="1"/>
  <c r="U163734" i="1"/>
  <c r="U163733" i="1"/>
  <c r="U163732" i="1"/>
  <c r="U163731" i="1"/>
  <c r="U163730" i="1"/>
  <c r="U163729" i="1"/>
  <c r="U163728" i="1"/>
  <c r="U163727" i="1"/>
  <c r="U163726" i="1"/>
  <c r="U163725" i="1"/>
  <c r="U163724" i="1"/>
  <c r="U163723" i="1"/>
  <c r="U163722" i="1"/>
  <c r="U163721" i="1"/>
  <c r="U163720" i="1"/>
  <c r="U163719" i="1"/>
  <c r="U163718" i="1"/>
  <c r="U163717" i="1"/>
  <c r="U163716" i="1"/>
  <c r="U163715" i="1"/>
  <c r="U163714" i="1"/>
  <c r="U163713" i="1"/>
  <c r="U163712" i="1"/>
  <c r="U163711" i="1"/>
  <c r="U163710" i="1"/>
  <c r="U163709" i="1"/>
  <c r="U163708" i="1"/>
  <c r="U163707" i="1"/>
  <c r="U163706" i="1"/>
  <c r="U163705" i="1"/>
  <c r="U163704" i="1"/>
  <c r="U163703" i="1"/>
  <c r="U163702" i="1"/>
  <c r="U163701" i="1"/>
  <c r="U163700" i="1"/>
  <c r="U163699" i="1"/>
  <c r="U163698" i="1"/>
  <c r="U163697" i="1"/>
  <c r="U163696" i="1"/>
  <c r="U163695" i="1"/>
  <c r="U163694" i="1"/>
  <c r="U163693" i="1"/>
  <c r="U163692" i="1"/>
  <c r="U163691" i="1"/>
  <c r="U163690" i="1"/>
  <c r="U163689" i="1"/>
  <c r="U163688" i="1"/>
  <c r="U163687" i="1"/>
  <c r="U163686" i="1"/>
  <c r="U163685" i="1"/>
  <c r="U163684" i="1"/>
  <c r="U163683" i="1"/>
  <c r="U163682" i="1"/>
  <c r="U163681" i="1"/>
  <c r="U163680" i="1"/>
  <c r="U163679" i="1"/>
  <c r="U163678" i="1"/>
  <c r="U163677" i="1"/>
  <c r="U163676" i="1"/>
  <c r="U163675" i="1"/>
  <c r="U163674" i="1"/>
  <c r="U163673" i="1"/>
  <c r="U163672" i="1"/>
  <c r="U163671" i="1"/>
  <c r="U163670" i="1"/>
  <c r="U163669" i="1"/>
  <c r="U163668" i="1"/>
  <c r="U163667" i="1"/>
  <c r="U163666" i="1"/>
  <c r="U163665" i="1"/>
  <c r="U163664" i="1"/>
  <c r="U163663" i="1"/>
  <c r="U163662" i="1"/>
  <c r="U163661" i="1"/>
  <c r="U163660" i="1"/>
  <c r="U163659" i="1"/>
  <c r="U163658" i="1"/>
  <c r="U163657" i="1"/>
  <c r="U163656" i="1"/>
  <c r="U163655" i="1"/>
  <c r="U163654" i="1"/>
  <c r="U163653" i="1"/>
  <c r="U163652" i="1"/>
  <c r="U163651" i="1"/>
  <c r="U163650" i="1"/>
  <c r="U163649" i="1"/>
  <c r="U163648" i="1"/>
  <c r="U163647" i="1"/>
  <c r="U163646" i="1"/>
  <c r="U163645" i="1"/>
  <c r="U163644" i="1"/>
  <c r="U163643" i="1"/>
  <c r="U163642" i="1"/>
  <c r="U163641" i="1"/>
  <c r="U163640" i="1"/>
  <c r="U163639" i="1"/>
  <c r="U163638" i="1"/>
  <c r="U163637" i="1"/>
  <c r="U163636" i="1"/>
  <c r="U163635" i="1"/>
  <c r="U163634" i="1"/>
  <c r="U163633" i="1"/>
  <c r="U163632" i="1"/>
  <c r="U163631" i="1"/>
  <c r="U163630" i="1"/>
  <c r="U163629" i="1"/>
  <c r="U163628" i="1"/>
  <c r="U163627" i="1"/>
  <c r="U163626" i="1"/>
  <c r="U163625" i="1"/>
  <c r="U163624" i="1"/>
  <c r="U163623" i="1"/>
  <c r="U163622" i="1"/>
  <c r="U163621" i="1"/>
  <c r="U163620" i="1"/>
  <c r="U163619" i="1"/>
  <c r="U163618" i="1"/>
  <c r="U163617" i="1"/>
  <c r="U163616" i="1"/>
  <c r="U163615" i="1"/>
  <c r="U163614" i="1"/>
  <c r="U163613" i="1"/>
  <c r="U163612" i="1"/>
  <c r="U163611" i="1"/>
  <c r="U163610" i="1"/>
  <c r="U163609" i="1"/>
  <c r="U163608" i="1"/>
  <c r="U163607" i="1"/>
  <c r="U163606" i="1"/>
  <c r="U163605" i="1"/>
  <c r="U163604" i="1"/>
  <c r="U163603" i="1"/>
  <c r="U163602" i="1"/>
  <c r="U163601" i="1"/>
  <c r="U163600" i="1"/>
  <c r="U163599" i="1"/>
  <c r="U163598" i="1"/>
  <c r="U163597" i="1"/>
  <c r="U163596" i="1"/>
  <c r="U163595" i="1"/>
  <c r="U163594" i="1"/>
  <c r="U163593" i="1"/>
  <c r="U163592" i="1"/>
  <c r="U163591" i="1"/>
  <c r="U163590" i="1"/>
  <c r="U163589" i="1"/>
  <c r="U163588" i="1"/>
  <c r="U163587" i="1"/>
  <c r="U163586" i="1"/>
  <c r="U163585" i="1"/>
  <c r="U163584" i="1"/>
  <c r="U163583" i="1"/>
  <c r="U163582" i="1"/>
  <c r="U163581" i="1"/>
  <c r="U163580" i="1"/>
  <c r="U163579" i="1"/>
  <c r="U163578" i="1"/>
  <c r="U163577" i="1"/>
  <c r="U163576" i="1"/>
  <c r="U163575" i="1"/>
  <c r="U163574" i="1"/>
  <c r="U163573" i="1"/>
  <c r="U163572" i="1"/>
  <c r="U163571" i="1"/>
  <c r="U163570" i="1"/>
  <c r="U163569" i="1"/>
  <c r="U163568" i="1"/>
  <c r="U163567" i="1"/>
  <c r="U163566" i="1"/>
  <c r="U163565" i="1"/>
  <c r="U163564" i="1"/>
  <c r="U163563" i="1"/>
  <c r="U163562" i="1"/>
  <c r="U163561" i="1"/>
  <c r="U163560" i="1"/>
  <c r="U163559" i="1"/>
  <c r="U163558" i="1"/>
  <c r="U163557" i="1"/>
  <c r="U163556" i="1"/>
  <c r="U163555" i="1"/>
  <c r="U163554" i="1"/>
  <c r="U163553" i="1"/>
  <c r="U163552" i="1"/>
  <c r="U163551" i="1"/>
  <c r="U163550" i="1"/>
  <c r="U163549" i="1"/>
  <c r="U163548" i="1"/>
  <c r="U163547" i="1"/>
  <c r="U163546" i="1"/>
  <c r="U163545" i="1"/>
  <c r="U163544" i="1"/>
  <c r="U163543" i="1"/>
  <c r="U163542" i="1"/>
  <c r="U163541" i="1"/>
  <c r="U163540" i="1"/>
  <c r="U163539" i="1"/>
  <c r="U163538" i="1"/>
  <c r="U163537" i="1"/>
  <c r="U163536" i="1"/>
  <c r="U163535" i="1"/>
  <c r="U163534" i="1"/>
  <c r="U163533" i="1"/>
  <c r="U163532" i="1"/>
  <c r="U163531" i="1"/>
  <c r="U163530" i="1"/>
  <c r="U163529" i="1"/>
  <c r="U163528" i="1"/>
  <c r="U163527" i="1"/>
  <c r="U163526" i="1"/>
  <c r="U163525" i="1"/>
  <c r="U163524" i="1"/>
  <c r="U163523" i="1"/>
  <c r="U163522" i="1"/>
  <c r="U163521" i="1"/>
  <c r="U163520" i="1"/>
  <c r="U163519" i="1"/>
  <c r="U163518" i="1"/>
  <c r="U163517" i="1"/>
  <c r="U163516" i="1"/>
  <c r="U163515" i="1"/>
  <c r="U163514" i="1"/>
  <c r="U163513" i="1"/>
  <c r="U163512" i="1"/>
  <c r="U163511" i="1"/>
  <c r="U163510" i="1"/>
  <c r="U163509" i="1"/>
  <c r="U163508" i="1"/>
  <c r="U163507" i="1"/>
  <c r="U163506" i="1"/>
  <c r="U163505" i="1"/>
  <c r="U163504" i="1"/>
  <c r="U163503" i="1"/>
  <c r="U163502" i="1"/>
  <c r="U163501" i="1"/>
  <c r="U163500" i="1"/>
  <c r="U163499" i="1"/>
  <c r="U163498" i="1"/>
  <c r="U163497" i="1"/>
  <c r="U163496" i="1"/>
  <c r="U163495" i="1"/>
  <c r="U163494" i="1"/>
  <c r="U163493" i="1"/>
  <c r="U163492" i="1"/>
  <c r="U163491" i="1"/>
  <c r="U163490" i="1"/>
  <c r="U163489" i="1"/>
  <c r="U163488" i="1"/>
  <c r="U163487" i="1"/>
  <c r="U163486" i="1"/>
  <c r="U163485" i="1"/>
  <c r="U163484" i="1"/>
  <c r="U163483" i="1"/>
  <c r="U163482" i="1"/>
  <c r="U163481" i="1"/>
  <c r="U163480" i="1"/>
  <c r="U163479" i="1"/>
  <c r="U163478" i="1"/>
  <c r="U163477" i="1"/>
  <c r="U163476" i="1"/>
  <c r="U163475" i="1"/>
  <c r="U163474" i="1"/>
  <c r="U163473" i="1"/>
  <c r="U163472" i="1"/>
  <c r="U163471" i="1"/>
  <c r="U163470" i="1"/>
  <c r="U163469" i="1"/>
  <c r="U163468" i="1"/>
  <c r="U163467" i="1"/>
  <c r="U163466" i="1"/>
  <c r="U163465" i="1"/>
  <c r="U163464" i="1"/>
  <c r="U163463" i="1"/>
  <c r="U163462" i="1"/>
  <c r="U163461" i="1"/>
  <c r="U163460" i="1"/>
  <c r="U163459" i="1"/>
  <c r="U163458" i="1"/>
  <c r="U163457" i="1"/>
  <c r="U163456" i="1"/>
  <c r="U163455" i="1"/>
  <c r="U163454" i="1"/>
  <c r="U163453" i="1"/>
  <c r="U163452" i="1"/>
  <c r="U163451" i="1"/>
  <c r="U163450" i="1"/>
  <c r="U163449" i="1"/>
  <c r="U163448" i="1"/>
  <c r="U163447" i="1"/>
  <c r="U163446" i="1"/>
  <c r="U163445" i="1"/>
  <c r="U163444" i="1"/>
  <c r="U163443" i="1"/>
  <c r="U163442" i="1"/>
  <c r="U163441" i="1"/>
  <c r="U163440" i="1"/>
  <c r="U163439" i="1"/>
  <c r="U163438" i="1"/>
  <c r="U163437" i="1"/>
  <c r="U163436" i="1"/>
  <c r="U163435" i="1"/>
  <c r="U163434" i="1"/>
  <c r="U163433" i="1"/>
  <c r="U163432" i="1"/>
  <c r="U163431" i="1"/>
  <c r="U163430" i="1"/>
  <c r="U163429" i="1"/>
  <c r="U163428" i="1"/>
  <c r="U163427" i="1"/>
  <c r="U163426" i="1"/>
  <c r="U163425" i="1"/>
  <c r="U163424" i="1"/>
  <c r="U163423" i="1"/>
  <c r="U163422" i="1"/>
  <c r="U163421" i="1"/>
  <c r="U163420" i="1"/>
  <c r="U163419" i="1"/>
  <c r="U163418" i="1"/>
  <c r="U163417" i="1"/>
  <c r="U163416" i="1"/>
  <c r="U163415" i="1"/>
  <c r="U163414" i="1"/>
  <c r="U163413" i="1"/>
  <c r="U163412" i="1"/>
  <c r="U163411" i="1"/>
  <c r="U163410" i="1"/>
  <c r="U163409" i="1"/>
  <c r="U163408" i="1"/>
  <c r="U163407" i="1"/>
  <c r="U163406" i="1"/>
  <c r="U163405" i="1"/>
  <c r="U163404" i="1"/>
  <c r="U163403" i="1"/>
  <c r="U163402" i="1"/>
  <c r="U163401" i="1"/>
  <c r="U163400" i="1"/>
  <c r="U163399" i="1"/>
  <c r="U163398" i="1"/>
  <c r="U163397" i="1"/>
  <c r="U163396" i="1"/>
  <c r="U163395" i="1"/>
  <c r="U163394" i="1"/>
  <c r="U163393" i="1"/>
  <c r="U163392" i="1"/>
  <c r="U163391" i="1"/>
  <c r="U163390" i="1"/>
  <c r="U163389" i="1"/>
  <c r="U163388" i="1"/>
  <c r="U163387" i="1"/>
  <c r="U163386" i="1"/>
  <c r="U163385" i="1"/>
  <c r="U163384" i="1"/>
  <c r="U163383" i="1"/>
  <c r="U163382" i="1"/>
  <c r="U163381" i="1"/>
  <c r="U163380" i="1"/>
  <c r="U163379" i="1"/>
  <c r="U163378" i="1"/>
  <c r="U163377" i="1"/>
  <c r="U163376" i="1"/>
  <c r="U163375" i="1"/>
  <c r="U163374" i="1"/>
  <c r="U163373" i="1"/>
  <c r="U163372" i="1"/>
  <c r="U163371" i="1"/>
  <c r="U163370" i="1"/>
  <c r="U163369" i="1"/>
  <c r="U163368" i="1"/>
  <c r="U163367" i="1"/>
  <c r="U163366" i="1"/>
  <c r="U163365" i="1"/>
  <c r="U163364" i="1"/>
  <c r="U163363" i="1"/>
  <c r="U163362" i="1"/>
  <c r="U163361" i="1"/>
  <c r="U163360" i="1"/>
  <c r="U163359" i="1"/>
  <c r="U163358" i="1"/>
  <c r="U163357" i="1"/>
  <c r="U163356" i="1"/>
  <c r="U163355" i="1"/>
  <c r="U163354" i="1"/>
  <c r="U163353" i="1"/>
  <c r="U163352" i="1"/>
  <c r="U163351" i="1"/>
  <c r="U163350" i="1"/>
  <c r="U163349" i="1"/>
  <c r="U163348" i="1"/>
  <c r="U163347" i="1"/>
  <c r="U163346" i="1"/>
  <c r="U163345" i="1"/>
  <c r="U163344" i="1"/>
  <c r="U163343" i="1"/>
  <c r="U163342" i="1"/>
  <c r="U163341" i="1"/>
  <c r="U163340" i="1"/>
  <c r="U163339" i="1"/>
  <c r="U163338" i="1"/>
  <c r="U163337" i="1"/>
  <c r="U163336" i="1"/>
  <c r="U163335" i="1"/>
  <c r="U163334" i="1"/>
  <c r="U163333" i="1"/>
  <c r="U163332" i="1"/>
  <c r="U163331" i="1"/>
  <c r="U163330" i="1"/>
  <c r="U163329" i="1"/>
  <c r="U163328" i="1"/>
  <c r="U163327" i="1"/>
  <c r="U163326" i="1"/>
  <c r="U163325" i="1"/>
  <c r="U163324" i="1"/>
  <c r="U163323" i="1"/>
  <c r="U163322" i="1"/>
  <c r="U163321" i="1"/>
  <c r="U163320" i="1"/>
  <c r="U163319" i="1"/>
  <c r="U163318" i="1"/>
  <c r="U163317" i="1"/>
  <c r="U163316" i="1"/>
  <c r="U163315" i="1"/>
  <c r="U163314" i="1"/>
  <c r="U163313" i="1"/>
  <c r="U163312" i="1"/>
  <c r="U163311" i="1"/>
  <c r="U163310" i="1"/>
  <c r="U163309" i="1"/>
  <c r="U163308" i="1"/>
  <c r="U163307" i="1"/>
  <c r="U163306" i="1"/>
  <c r="U163305" i="1"/>
  <c r="U163304" i="1"/>
  <c r="U163303" i="1"/>
  <c r="U163302" i="1"/>
  <c r="U163301" i="1"/>
  <c r="U163300" i="1"/>
  <c r="U163299" i="1"/>
  <c r="U163298" i="1"/>
  <c r="U163297" i="1"/>
  <c r="U163296" i="1"/>
  <c r="U163295" i="1"/>
  <c r="U163294" i="1"/>
  <c r="U163293" i="1"/>
  <c r="U163292" i="1"/>
  <c r="U163291" i="1"/>
  <c r="U163290" i="1"/>
  <c r="U163289" i="1"/>
  <c r="U163288" i="1"/>
  <c r="U163287" i="1"/>
  <c r="U163286" i="1"/>
  <c r="U163285" i="1"/>
  <c r="U163284" i="1"/>
  <c r="U163283" i="1"/>
  <c r="U163282" i="1"/>
  <c r="U163281" i="1"/>
  <c r="U163280" i="1"/>
  <c r="U163279" i="1"/>
  <c r="U163278" i="1"/>
  <c r="U163277" i="1"/>
  <c r="U163276" i="1"/>
  <c r="U163275" i="1"/>
  <c r="U163274" i="1"/>
  <c r="U163273" i="1"/>
  <c r="U163272" i="1"/>
  <c r="U163271" i="1"/>
  <c r="U163270" i="1"/>
  <c r="U163269" i="1"/>
  <c r="U163268" i="1"/>
  <c r="U163267" i="1"/>
  <c r="U163266" i="1"/>
  <c r="U163265" i="1"/>
  <c r="U163264" i="1"/>
  <c r="U163263" i="1"/>
  <c r="U163262" i="1"/>
  <c r="U163261" i="1"/>
  <c r="U163260" i="1"/>
  <c r="U163259" i="1"/>
  <c r="U163258" i="1"/>
  <c r="U163257" i="1"/>
  <c r="U163256" i="1"/>
  <c r="U163255" i="1"/>
  <c r="U163254" i="1"/>
  <c r="U163253" i="1"/>
  <c r="U163252" i="1"/>
  <c r="U163251" i="1"/>
  <c r="U163250" i="1"/>
  <c r="U163249" i="1"/>
  <c r="U163248" i="1"/>
  <c r="U163247" i="1"/>
  <c r="U163246" i="1"/>
  <c r="U163245" i="1"/>
  <c r="U163244" i="1"/>
  <c r="U163243" i="1"/>
  <c r="U163242" i="1"/>
  <c r="U163241" i="1"/>
  <c r="U163240" i="1"/>
  <c r="U163239" i="1"/>
  <c r="U163238" i="1"/>
  <c r="U163237" i="1"/>
  <c r="U163236" i="1"/>
  <c r="U163235" i="1"/>
  <c r="U163234" i="1"/>
  <c r="U163233" i="1"/>
  <c r="U163232" i="1"/>
  <c r="U163231" i="1"/>
  <c r="U163230" i="1"/>
  <c r="U163229" i="1"/>
  <c r="U163228" i="1"/>
  <c r="U163227" i="1"/>
  <c r="U163226" i="1"/>
  <c r="U163225" i="1"/>
  <c r="U163224" i="1"/>
  <c r="U163223" i="1"/>
  <c r="U163222" i="1"/>
  <c r="U163221" i="1"/>
  <c r="U163220" i="1"/>
  <c r="U163219" i="1"/>
  <c r="U163218" i="1"/>
  <c r="U163217" i="1"/>
  <c r="U163216" i="1"/>
  <c r="U163215" i="1"/>
  <c r="U163214" i="1"/>
  <c r="U163213" i="1"/>
  <c r="U163212" i="1"/>
  <c r="U163211" i="1"/>
  <c r="U163210" i="1"/>
  <c r="U163209" i="1"/>
  <c r="U163208" i="1"/>
  <c r="U163207" i="1"/>
  <c r="U163206" i="1"/>
  <c r="U163205" i="1"/>
  <c r="U163204" i="1"/>
  <c r="U163203" i="1"/>
  <c r="U163202" i="1"/>
  <c r="U163201" i="1"/>
  <c r="U163200" i="1"/>
  <c r="U163199" i="1"/>
  <c r="U163198" i="1"/>
  <c r="U163197" i="1"/>
  <c r="U163196" i="1"/>
  <c r="U163195" i="1"/>
  <c r="U163194" i="1"/>
  <c r="U163193" i="1"/>
  <c r="U163192" i="1"/>
  <c r="U163191" i="1"/>
  <c r="U163190" i="1"/>
  <c r="U163189" i="1"/>
  <c r="U163188" i="1"/>
  <c r="U163187" i="1"/>
  <c r="U163186" i="1"/>
  <c r="U163185" i="1"/>
  <c r="U163184" i="1"/>
  <c r="U163183" i="1"/>
  <c r="U163182" i="1"/>
  <c r="U163181" i="1"/>
  <c r="U163180" i="1"/>
  <c r="U163179" i="1"/>
  <c r="U163178" i="1"/>
  <c r="U163177" i="1"/>
  <c r="U163176" i="1"/>
  <c r="U163175" i="1"/>
  <c r="U163174" i="1"/>
  <c r="U163173" i="1"/>
  <c r="U163172" i="1"/>
  <c r="U163171" i="1"/>
  <c r="U163170" i="1"/>
  <c r="U163169" i="1"/>
  <c r="U163168" i="1"/>
  <c r="U163167" i="1"/>
  <c r="U163166" i="1"/>
  <c r="U163165" i="1"/>
  <c r="U163164" i="1"/>
  <c r="U163163" i="1"/>
  <c r="U163162" i="1"/>
  <c r="U163161" i="1"/>
  <c r="U163160" i="1"/>
  <c r="U163159" i="1"/>
  <c r="U163158" i="1"/>
  <c r="U163157" i="1"/>
  <c r="U163156" i="1"/>
  <c r="U163155" i="1"/>
  <c r="U163154" i="1"/>
  <c r="U163153" i="1"/>
  <c r="U163152" i="1"/>
  <c r="U163151" i="1"/>
  <c r="U163150" i="1"/>
  <c r="U163149" i="1"/>
  <c r="U163148" i="1"/>
  <c r="U163147" i="1"/>
  <c r="U163146" i="1"/>
  <c r="U163145" i="1"/>
  <c r="U163144" i="1"/>
  <c r="U163143" i="1"/>
  <c r="U163142" i="1"/>
  <c r="U163141" i="1"/>
  <c r="U163140" i="1"/>
  <c r="U163139" i="1"/>
  <c r="U163138" i="1"/>
  <c r="U163137" i="1"/>
  <c r="U163136" i="1"/>
  <c r="U163135" i="1"/>
  <c r="U163134" i="1"/>
  <c r="U163133" i="1"/>
  <c r="U163132" i="1"/>
  <c r="U163131" i="1"/>
  <c r="U163130" i="1"/>
  <c r="U163129" i="1"/>
  <c r="U163128" i="1"/>
  <c r="U163127" i="1"/>
  <c r="U163126" i="1"/>
  <c r="U163125" i="1"/>
  <c r="U163124" i="1"/>
  <c r="U163123" i="1"/>
  <c r="U163122" i="1"/>
  <c r="U163121" i="1"/>
  <c r="U163120" i="1"/>
  <c r="U163119" i="1"/>
  <c r="U163118" i="1"/>
  <c r="U163117" i="1"/>
  <c r="U163116" i="1"/>
  <c r="U163115" i="1"/>
  <c r="U163114" i="1"/>
  <c r="U163113" i="1"/>
  <c r="U163112" i="1"/>
  <c r="U163111" i="1"/>
  <c r="U163110" i="1"/>
  <c r="U163109" i="1"/>
  <c r="U163108" i="1"/>
  <c r="U163107" i="1"/>
  <c r="U163106" i="1"/>
  <c r="U163105" i="1"/>
  <c r="U163104" i="1"/>
  <c r="U163103" i="1"/>
  <c r="U163102" i="1"/>
  <c r="U163101" i="1"/>
  <c r="U163100" i="1"/>
  <c r="U163099" i="1"/>
  <c r="U163098" i="1"/>
  <c r="U163097" i="1"/>
  <c r="U163096" i="1"/>
  <c r="U163095" i="1"/>
  <c r="U163094" i="1"/>
  <c r="U163093" i="1"/>
  <c r="U163092" i="1"/>
  <c r="U163091" i="1"/>
  <c r="U163090" i="1"/>
  <c r="U163089" i="1"/>
  <c r="U163088" i="1"/>
  <c r="U163087" i="1"/>
  <c r="U163086" i="1"/>
  <c r="U163085" i="1"/>
  <c r="U163084" i="1"/>
  <c r="U163083" i="1"/>
  <c r="U163082" i="1"/>
  <c r="U163081" i="1"/>
  <c r="U163080" i="1"/>
  <c r="U163079" i="1"/>
  <c r="U163078" i="1"/>
  <c r="U163077" i="1"/>
  <c r="U163076" i="1"/>
  <c r="U163075" i="1"/>
  <c r="U163074" i="1"/>
  <c r="U163073" i="1"/>
  <c r="U163072" i="1"/>
  <c r="U163071" i="1"/>
  <c r="U163070" i="1"/>
  <c r="U163069" i="1"/>
  <c r="U163068" i="1"/>
  <c r="U163067" i="1"/>
  <c r="U163066" i="1"/>
  <c r="U163065" i="1"/>
  <c r="U163064" i="1"/>
  <c r="U163063" i="1"/>
  <c r="U163062" i="1"/>
  <c r="U163061" i="1"/>
  <c r="U163060" i="1"/>
  <c r="U163059" i="1"/>
  <c r="U163058" i="1"/>
  <c r="U163057" i="1"/>
  <c r="U163056" i="1"/>
  <c r="U163055" i="1"/>
  <c r="U163054" i="1"/>
  <c r="U163053" i="1"/>
  <c r="U163052" i="1"/>
  <c r="U163051" i="1"/>
  <c r="U163050" i="1"/>
  <c r="U163049" i="1"/>
  <c r="U163048" i="1"/>
  <c r="U163047" i="1"/>
  <c r="U163046" i="1"/>
  <c r="U163045" i="1"/>
  <c r="U163044" i="1"/>
  <c r="U163043" i="1"/>
  <c r="U163042" i="1"/>
  <c r="U163041" i="1"/>
  <c r="U163040" i="1"/>
  <c r="U163039" i="1"/>
  <c r="U163038" i="1"/>
  <c r="U163037" i="1"/>
  <c r="U163036" i="1"/>
  <c r="U163035" i="1"/>
  <c r="U163034" i="1"/>
  <c r="U163033" i="1"/>
  <c r="U163032" i="1"/>
  <c r="U163031" i="1"/>
  <c r="U163030" i="1"/>
  <c r="U163029" i="1"/>
  <c r="U163028" i="1"/>
  <c r="U163027" i="1"/>
  <c r="U163026" i="1"/>
  <c r="U163025" i="1"/>
  <c r="U163024" i="1"/>
  <c r="U163023" i="1"/>
  <c r="U163022" i="1"/>
  <c r="U163021" i="1"/>
  <c r="U163020" i="1"/>
  <c r="U163019" i="1"/>
  <c r="U163018" i="1"/>
  <c r="U163017" i="1"/>
  <c r="U163016" i="1"/>
  <c r="U163015" i="1"/>
  <c r="U163014" i="1"/>
  <c r="U163013" i="1"/>
  <c r="U163012" i="1"/>
  <c r="U163011" i="1"/>
  <c r="U163010" i="1"/>
  <c r="U163009" i="1"/>
  <c r="U163008" i="1"/>
  <c r="U163007" i="1"/>
  <c r="U163006" i="1"/>
  <c r="U163005" i="1"/>
  <c r="U163004" i="1"/>
  <c r="U163003" i="1"/>
  <c r="U163002" i="1"/>
  <c r="U163001" i="1"/>
  <c r="U163000" i="1"/>
  <c r="U162999" i="1"/>
  <c r="U162998" i="1"/>
  <c r="U162997" i="1"/>
  <c r="U162996" i="1"/>
  <c r="U162995" i="1"/>
  <c r="U162994" i="1"/>
  <c r="U162993" i="1"/>
  <c r="U162992" i="1"/>
  <c r="U162991" i="1"/>
  <c r="U162990" i="1"/>
  <c r="U162989" i="1"/>
  <c r="U162988" i="1"/>
  <c r="U162987" i="1"/>
  <c r="U162986" i="1"/>
  <c r="U162985" i="1"/>
  <c r="U162984" i="1"/>
  <c r="U162983" i="1"/>
  <c r="U162982" i="1"/>
  <c r="U162981" i="1"/>
  <c r="U162980" i="1"/>
  <c r="U162979" i="1"/>
  <c r="U162978" i="1"/>
  <c r="U162977" i="1"/>
  <c r="U162976" i="1"/>
  <c r="U162975" i="1"/>
  <c r="U162974" i="1"/>
  <c r="U162973" i="1"/>
  <c r="U162972" i="1"/>
  <c r="U162971" i="1"/>
  <c r="U162970" i="1"/>
  <c r="U162969" i="1"/>
  <c r="U162968" i="1"/>
  <c r="U162967" i="1"/>
  <c r="U162966" i="1"/>
  <c r="U162965" i="1"/>
  <c r="U162964" i="1"/>
  <c r="U162963" i="1"/>
  <c r="U162962" i="1"/>
  <c r="U162961" i="1"/>
  <c r="U162960" i="1"/>
  <c r="U162959" i="1"/>
  <c r="U162958" i="1"/>
  <c r="U162957" i="1"/>
  <c r="U162956" i="1"/>
  <c r="U162955" i="1"/>
  <c r="U162954" i="1"/>
  <c r="U162953" i="1"/>
  <c r="U162952" i="1"/>
  <c r="U162951" i="1"/>
  <c r="U162950" i="1"/>
  <c r="U162949" i="1"/>
  <c r="U162948" i="1"/>
  <c r="U162947" i="1"/>
  <c r="U162946" i="1"/>
  <c r="U162945" i="1"/>
  <c r="U162944" i="1"/>
  <c r="U162943" i="1"/>
  <c r="U162942" i="1"/>
  <c r="U162941" i="1"/>
  <c r="U162940" i="1"/>
  <c r="U162939" i="1"/>
  <c r="U162938" i="1"/>
  <c r="U162937" i="1"/>
  <c r="U162936" i="1"/>
  <c r="U162935" i="1"/>
  <c r="U162934" i="1"/>
  <c r="U162933" i="1"/>
  <c r="U162932" i="1"/>
  <c r="U162931" i="1"/>
  <c r="U162930" i="1"/>
  <c r="U162929" i="1"/>
  <c r="U162928" i="1"/>
  <c r="U162927" i="1"/>
  <c r="U162926" i="1"/>
  <c r="U162925" i="1"/>
  <c r="U162924" i="1"/>
  <c r="U162923" i="1"/>
  <c r="U162922" i="1"/>
  <c r="U162921" i="1"/>
  <c r="U162920" i="1"/>
  <c r="U162919" i="1"/>
  <c r="U162918" i="1"/>
  <c r="U162917" i="1"/>
  <c r="U162916" i="1"/>
  <c r="U162915" i="1"/>
  <c r="U162914" i="1"/>
  <c r="U162913" i="1"/>
  <c r="U162912" i="1"/>
  <c r="U162911" i="1"/>
  <c r="U162910" i="1"/>
  <c r="U162909" i="1"/>
  <c r="U162908" i="1"/>
  <c r="U162907" i="1"/>
  <c r="U162906" i="1"/>
  <c r="U162905" i="1"/>
  <c r="U162904" i="1"/>
  <c r="U162903" i="1"/>
  <c r="U162902" i="1"/>
  <c r="U162901" i="1"/>
  <c r="U162900" i="1"/>
  <c r="U162899" i="1"/>
  <c r="U162898" i="1"/>
  <c r="U162897" i="1"/>
  <c r="U162896" i="1"/>
  <c r="U162895" i="1"/>
  <c r="U162894" i="1"/>
  <c r="U162893" i="1"/>
  <c r="U162892" i="1"/>
  <c r="U162891" i="1"/>
  <c r="U162890" i="1"/>
  <c r="U162889" i="1"/>
  <c r="U162888" i="1"/>
  <c r="U162887" i="1"/>
  <c r="U162886" i="1"/>
  <c r="U162885" i="1"/>
  <c r="U162884" i="1"/>
  <c r="U162883" i="1"/>
  <c r="U162882" i="1"/>
  <c r="U162881" i="1"/>
  <c r="U162880" i="1"/>
  <c r="U162879" i="1"/>
  <c r="U162878" i="1"/>
  <c r="U162877" i="1"/>
  <c r="U162876" i="1"/>
  <c r="U162875" i="1"/>
  <c r="U162874" i="1"/>
  <c r="U162873" i="1"/>
  <c r="U162872" i="1"/>
  <c r="U162871" i="1"/>
  <c r="U162870" i="1"/>
  <c r="U162869" i="1"/>
  <c r="U162868" i="1"/>
  <c r="U162867" i="1"/>
  <c r="U162866" i="1"/>
  <c r="U162865" i="1"/>
  <c r="U162864" i="1"/>
  <c r="U162863" i="1"/>
  <c r="U162862" i="1"/>
  <c r="U162861" i="1"/>
  <c r="U162860" i="1"/>
  <c r="U162859" i="1"/>
  <c r="U162858" i="1"/>
  <c r="U162857" i="1"/>
  <c r="U162856" i="1"/>
  <c r="U162855" i="1"/>
  <c r="U162854" i="1"/>
  <c r="U162853" i="1"/>
  <c r="U162852" i="1"/>
  <c r="U162851" i="1"/>
  <c r="U162850" i="1"/>
  <c r="U162849" i="1"/>
  <c r="U162848" i="1"/>
  <c r="U162847" i="1"/>
  <c r="U162846" i="1"/>
  <c r="U162845" i="1"/>
  <c r="U162844" i="1"/>
  <c r="U162843" i="1"/>
  <c r="U162842" i="1"/>
  <c r="U162841" i="1"/>
  <c r="U162840" i="1"/>
  <c r="U162839" i="1"/>
  <c r="U162838" i="1"/>
  <c r="U162837" i="1"/>
  <c r="U162836" i="1"/>
  <c r="U162835" i="1"/>
  <c r="U162834" i="1"/>
  <c r="U162833" i="1"/>
  <c r="U162832" i="1"/>
  <c r="U162831" i="1"/>
  <c r="U162830" i="1"/>
  <c r="U162829" i="1"/>
  <c r="U162828" i="1"/>
  <c r="U162827" i="1"/>
  <c r="U162826" i="1"/>
  <c r="U162825" i="1"/>
  <c r="U162824" i="1"/>
  <c r="U162823" i="1"/>
  <c r="U162822" i="1"/>
  <c r="U162821" i="1"/>
  <c r="U162820" i="1"/>
  <c r="U162819" i="1"/>
  <c r="U162818" i="1"/>
  <c r="U162817" i="1"/>
  <c r="U162816" i="1"/>
  <c r="U162815" i="1"/>
  <c r="U162814" i="1"/>
  <c r="U162813" i="1"/>
  <c r="U162812" i="1"/>
  <c r="U162811" i="1"/>
  <c r="U162810" i="1"/>
  <c r="U162809" i="1"/>
  <c r="U162808" i="1"/>
  <c r="U162807" i="1"/>
  <c r="U162806" i="1"/>
  <c r="U162805" i="1"/>
  <c r="U162804" i="1"/>
  <c r="U162803" i="1"/>
  <c r="U162802" i="1"/>
  <c r="U162801" i="1"/>
  <c r="U162800" i="1"/>
  <c r="U162799" i="1"/>
  <c r="U162798" i="1"/>
  <c r="U162797" i="1"/>
  <c r="U162796" i="1"/>
  <c r="U162795" i="1"/>
  <c r="U162794" i="1"/>
  <c r="U162793" i="1"/>
  <c r="U162792" i="1"/>
  <c r="U162791" i="1"/>
  <c r="U162790" i="1"/>
  <c r="U162789" i="1"/>
  <c r="U162788" i="1"/>
  <c r="U162787" i="1"/>
  <c r="U162786" i="1"/>
  <c r="U162785" i="1"/>
  <c r="U162784" i="1"/>
  <c r="U162783" i="1"/>
  <c r="U162782" i="1"/>
  <c r="U162781" i="1"/>
  <c r="U162780" i="1"/>
  <c r="U162779" i="1"/>
  <c r="U162778" i="1"/>
  <c r="U162777" i="1"/>
  <c r="U162776" i="1"/>
  <c r="U162775" i="1"/>
  <c r="U162774" i="1"/>
  <c r="U162773" i="1"/>
  <c r="U162772" i="1"/>
  <c r="U162771" i="1"/>
  <c r="U162770" i="1"/>
  <c r="U162769" i="1"/>
  <c r="U162768" i="1"/>
  <c r="U162767" i="1"/>
  <c r="U162766" i="1"/>
  <c r="U162765" i="1"/>
  <c r="U162764" i="1"/>
  <c r="U162763" i="1"/>
  <c r="U162762" i="1"/>
  <c r="U162761" i="1"/>
  <c r="U162760" i="1"/>
  <c r="U162759" i="1"/>
  <c r="U162758" i="1"/>
  <c r="U162757" i="1"/>
  <c r="U162756" i="1"/>
  <c r="U162755" i="1"/>
  <c r="U162754" i="1"/>
  <c r="U162753" i="1"/>
  <c r="U162752" i="1"/>
  <c r="U162751" i="1"/>
  <c r="U162750" i="1"/>
  <c r="U162749" i="1"/>
  <c r="U162748" i="1"/>
  <c r="U162747" i="1"/>
  <c r="U162746" i="1"/>
  <c r="U162745" i="1"/>
  <c r="U162744" i="1"/>
  <c r="U162743" i="1"/>
  <c r="U162742" i="1"/>
  <c r="U162741" i="1"/>
  <c r="U162740" i="1"/>
  <c r="U162739" i="1"/>
  <c r="U162738" i="1"/>
  <c r="U162737" i="1"/>
  <c r="U162736" i="1"/>
  <c r="U162735" i="1"/>
  <c r="U162734" i="1"/>
  <c r="U162733" i="1"/>
  <c r="U162732" i="1"/>
  <c r="U162731" i="1"/>
  <c r="U162730" i="1"/>
  <c r="U162729" i="1"/>
  <c r="U162728" i="1"/>
  <c r="U162727" i="1"/>
  <c r="U162726" i="1"/>
  <c r="U162725" i="1"/>
  <c r="U162724" i="1"/>
  <c r="U162723" i="1"/>
  <c r="U162722" i="1"/>
  <c r="U162721" i="1"/>
  <c r="U162720" i="1"/>
  <c r="U162719" i="1"/>
  <c r="U162718" i="1"/>
  <c r="U162717" i="1"/>
  <c r="U162716" i="1"/>
  <c r="U162715" i="1"/>
  <c r="U162714" i="1"/>
  <c r="U162713" i="1"/>
  <c r="U162712" i="1"/>
  <c r="U162711" i="1"/>
  <c r="U162710" i="1"/>
  <c r="U162709" i="1"/>
  <c r="U162708" i="1"/>
  <c r="U162707" i="1"/>
  <c r="U162706" i="1"/>
  <c r="U162705" i="1"/>
  <c r="U162704" i="1"/>
  <c r="U162703" i="1"/>
  <c r="U162702" i="1"/>
  <c r="U162701" i="1"/>
  <c r="U162700" i="1"/>
  <c r="U162699" i="1"/>
  <c r="U162698" i="1"/>
  <c r="U162697" i="1"/>
  <c r="U162696" i="1"/>
  <c r="U162695" i="1"/>
  <c r="U162694" i="1"/>
  <c r="U162693" i="1"/>
  <c r="U162692" i="1"/>
  <c r="U162691" i="1"/>
  <c r="U162690" i="1"/>
  <c r="U162689" i="1"/>
  <c r="U162688" i="1"/>
  <c r="U162687" i="1"/>
  <c r="U162686" i="1"/>
  <c r="U162685" i="1"/>
  <c r="U162684" i="1"/>
  <c r="U162683" i="1"/>
  <c r="U162682" i="1"/>
  <c r="U162681" i="1"/>
  <c r="U162680" i="1"/>
  <c r="U162679" i="1"/>
  <c r="U162678" i="1"/>
  <c r="U162677" i="1"/>
  <c r="U162676" i="1"/>
  <c r="U162675" i="1"/>
  <c r="U162674" i="1"/>
  <c r="U162673" i="1"/>
  <c r="U162672" i="1"/>
  <c r="U162671" i="1"/>
  <c r="U162670" i="1"/>
  <c r="U162669" i="1"/>
  <c r="U162668" i="1"/>
  <c r="U162667" i="1"/>
  <c r="U162666" i="1"/>
  <c r="U162665" i="1"/>
  <c r="U162664" i="1"/>
  <c r="U162663" i="1"/>
  <c r="U162662" i="1"/>
  <c r="U162661" i="1"/>
  <c r="U162660" i="1"/>
  <c r="U162659" i="1"/>
  <c r="U162658" i="1"/>
  <c r="U162657" i="1"/>
  <c r="U162656" i="1"/>
  <c r="U162655" i="1"/>
  <c r="U162654" i="1"/>
  <c r="U162653" i="1"/>
  <c r="U162652" i="1"/>
  <c r="U162651" i="1"/>
  <c r="U162650" i="1"/>
  <c r="U162649" i="1"/>
  <c r="U162648" i="1"/>
  <c r="U162647" i="1"/>
  <c r="U162646" i="1"/>
  <c r="U162645" i="1"/>
  <c r="U162644" i="1"/>
  <c r="U162643" i="1"/>
  <c r="U162642" i="1"/>
  <c r="U162641" i="1"/>
  <c r="U162640" i="1"/>
  <c r="U162639" i="1"/>
  <c r="U162638" i="1"/>
  <c r="U162637" i="1"/>
  <c r="U162636" i="1"/>
  <c r="U162635" i="1"/>
  <c r="U162634" i="1"/>
  <c r="U162633" i="1"/>
  <c r="U162632" i="1"/>
  <c r="U162631" i="1"/>
  <c r="U162630" i="1"/>
  <c r="U162629" i="1"/>
  <c r="U162628" i="1"/>
  <c r="U162627" i="1"/>
  <c r="U162626" i="1"/>
  <c r="U162625" i="1"/>
  <c r="U162624" i="1"/>
  <c r="U162623" i="1"/>
  <c r="U162622" i="1"/>
  <c r="U162621" i="1"/>
  <c r="U162620" i="1"/>
  <c r="U162619" i="1"/>
  <c r="U162618" i="1"/>
  <c r="U162617" i="1"/>
  <c r="U162616" i="1"/>
  <c r="U162615" i="1"/>
  <c r="U162614" i="1"/>
  <c r="U162613" i="1"/>
  <c r="U162612" i="1"/>
  <c r="U162611" i="1"/>
  <c r="U162610" i="1"/>
  <c r="U162609" i="1"/>
  <c r="U162608" i="1"/>
  <c r="U162607" i="1"/>
  <c r="U162606" i="1"/>
  <c r="U162605" i="1"/>
  <c r="U162604" i="1"/>
  <c r="U162603" i="1"/>
  <c r="U162602" i="1"/>
  <c r="U162601" i="1"/>
  <c r="U162600" i="1"/>
  <c r="U162599" i="1"/>
  <c r="U162598" i="1"/>
  <c r="U162597" i="1"/>
  <c r="U162596" i="1"/>
  <c r="U162595" i="1"/>
  <c r="U162594" i="1"/>
  <c r="U162593" i="1"/>
  <c r="U162592" i="1"/>
  <c r="U162591" i="1"/>
  <c r="U162590" i="1"/>
  <c r="U162589" i="1"/>
  <c r="U162588" i="1"/>
  <c r="U162587" i="1"/>
  <c r="U162586" i="1"/>
  <c r="U162585" i="1"/>
  <c r="U162584" i="1"/>
  <c r="U162583" i="1"/>
  <c r="U162582" i="1"/>
  <c r="U162581" i="1"/>
  <c r="U162580" i="1"/>
  <c r="U162579" i="1"/>
  <c r="U162578" i="1"/>
  <c r="U162577" i="1"/>
  <c r="U162576" i="1"/>
  <c r="U162575" i="1"/>
  <c r="U162574" i="1"/>
  <c r="U162573" i="1"/>
  <c r="U162572" i="1"/>
  <c r="U162571" i="1"/>
  <c r="U162570" i="1"/>
  <c r="U162569" i="1"/>
  <c r="U162568" i="1"/>
  <c r="U162567" i="1"/>
  <c r="U162566" i="1"/>
  <c r="U162565" i="1"/>
  <c r="U162564" i="1"/>
  <c r="U162563" i="1"/>
  <c r="U162562" i="1"/>
  <c r="U162561" i="1"/>
  <c r="U162560" i="1"/>
  <c r="U162559" i="1"/>
  <c r="U162558" i="1"/>
  <c r="U162557" i="1"/>
  <c r="U162556" i="1"/>
  <c r="U162555" i="1"/>
  <c r="U162554" i="1"/>
  <c r="U162553" i="1"/>
  <c r="U162552" i="1"/>
  <c r="U162551" i="1"/>
  <c r="U162550" i="1"/>
  <c r="U162549" i="1"/>
  <c r="U162548" i="1"/>
  <c r="U162547" i="1"/>
  <c r="U162546" i="1"/>
  <c r="U162545" i="1"/>
  <c r="U162544" i="1"/>
  <c r="U162543" i="1"/>
  <c r="U162542" i="1"/>
  <c r="U162541" i="1"/>
  <c r="U162540" i="1"/>
  <c r="U162539" i="1"/>
  <c r="U162538" i="1"/>
  <c r="U162537" i="1"/>
  <c r="U162536" i="1"/>
  <c r="U162535" i="1"/>
  <c r="U162534" i="1"/>
  <c r="U162533" i="1"/>
  <c r="U162532" i="1"/>
  <c r="U162531" i="1"/>
  <c r="U162530" i="1"/>
  <c r="U162529" i="1"/>
  <c r="U162528" i="1"/>
  <c r="U162527" i="1"/>
  <c r="U162526" i="1"/>
  <c r="U162525" i="1"/>
  <c r="U162524" i="1"/>
  <c r="U162523" i="1"/>
  <c r="U162522" i="1"/>
  <c r="U162521" i="1"/>
  <c r="U162520" i="1"/>
  <c r="U162519" i="1"/>
  <c r="U162518" i="1"/>
  <c r="U162517" i="1"/>
  <c r="U162516" i="1"/>
  <c r="U162515" i="1"/>
  <c r="U162514" i="1"/>
  <c r="U162513" i="1"/>
  <c r="U162512" i="1"/>
  <c r="U162511" i="1"/>
  <c r="U162510" i="1"/>
  <c r="U162509" i="1"/>
  <c r="U162508" i="1"/>
  <c r="U162507" i="1"/>
  <c r="U162506" i="1"/>
  <c r="U162505" i="1"/>
  <c r="U162504" i="1"/>
  <c r="U162503" i="1"/>
  <c r="U162502" i="1"/>
  <c r="U162501" i="1"/>
  <c r="U162500" i="1"/>
  <c r="U162499" i="1"/>
  <c r="U162498" i="1"/>
  <c r="U162497" i="1"/>
  <c r="U162496" i="1"/>
  <c r="U162495" i="1"/>
  <c r="U162494" i="1"/>
  <c r="U162493" i="1"/>
  <c r="U162492" i="1"/>
  <c r="U162491" i="1"/>
  <c r="U162490" i="1"/>
  <c r="U162489" i="1"/>
  <c r="U162488" i="1"/>
  <c r="U162487" i="1"/>
  <c r="U162486" i="1"/>
  <c r="U162485" i="1"/>
  <c r="U162484" i="1"/>
  <c r="U162483" i="1"/>
  <c r="U162482" i="1"/>
  <c r="U162481" i="1"/>
  <c r="U162480" i="1"/>
  <c r="U162479" i="1"/>
  <c r="U162478" i="1"/>
  <c r="U162477" i="1"/>
  <c r="U162476" i="1"/>
  <c r="U162475" i="1"/>
  <c r="U162474" i="1"/>
  <c r="U162473" i="1"/>
  <c r="U162472" i="1"/>
  <c r="U162471" i="1"/>
  <c r="U162470" i="1"/>
  <c r="U162469" i="1"/>
  <c r="U162468" i="1"/>
  <c r="U162467" i="1"/>
  <c r="U162466" i="1"/>
  <c r="U162465" i="1"/>
  <c r="U162464" i="1"/>
  <c r="U162463" i="1"/>
  <c r="U162462" i="1"/>
  <c r="U162461" i="1"/>
  <c r="U162460" i="1"/>
  <c r="U162459" i="1"/>
  <c r="U162458" i="1"/>
  <c r="U162457" i="1"/>
  <c r="U162456" i="1"/>
  <c r="U162455" i="1"/>
  <c r="U162454" i="1"/>
  <c r="U162453" i="1"/>
  <c r="U162452" i="1"/>
  <c r="U162451" i="1"/>
  <c r="U162450" i="1"/>
  <c r="U162449" i="1"/>
  <c r="U162448" i="1"/>
  <c r="U162447" i="1"/>
  <c r="U162446" i="1"/>
  <c r="U162445" i="1"/>
  <c r="U162444" i="1"/>
  <c r="U162443" i="1"/>
  <c r="U162442" i="1"/>
  <c r="U162441" i="1"/>
  <c r="U162440" i="1"/>
  <c r="U162439" i="1"/>
  <c r="U162438" i="1"/>
  <c r="U162437" i="1"/>
  <c r="U162436" i="1"/>
  <c r="U162435" i="1"/>
  <c r="U162434" i="1"/>
  <c r="U162433" i="1"/>
  <c r="U162432" i="1"/>
  <c r="U162431" i="1"/>
  <c r="U162430" i="1"/>
  <c r="U162429" i="1"/>
  <c r="U162428" i="1"/>
  <c r="U162427" i="1"/>
  <c r="U162426" i="1"/>
  <c r="U162425" i="1"/>
  <c r="U162424" i="1"/>
  <c r="U162423" i="1"/>
  <c r="U162422" i="1"/>
  <c r="U162421" i="1"/>
  <c r="U162420" i="1"/>
  <c r="U162419" i="1"/>
  <c r="U162418" i="1"/>
  <c r="U162417" i="1"/>
  <c r="U162416" i="1"/>
  <c r="U162415" i="1"/>
  <c r="U162414" i="1"/>
  <c r="U162413" i="1"/>
  <c r="U162412" i="1"/>
  <c r="U162411" i="1"/>
  <c r="U162410" i="1"/>
  <c r="U162409" i="1"/>
  <c r="U162408" i="1"/>
  <c r="U162407" i="1"/>
  <c r="U162406" i="1"/>
  <c r="U162405" i="1"/>
  <c r="U162404" i="1"/>
  <c r="U162403" i="1"/>
  <c r="U162402" i="1"/>
  <c r="U162401" i="1"/>
  <c r="U162400" i="1"/>
  <c r="U162399" i="1"/>
  <c r="U162398" i="1"/>
  <c r="U162397" i="1"/>
  <c r="U162396" i="1"/>
  <c r="U162395" i="1"/>
  <c r="U162394" i="1"/>
  <c r="U162393" i="1"/>
  <c r="U162392" i="1"/>
  <c r="U162391" i="1"/>
  <c r="U162390" i="1"/>
  <c r="U162389" i="1"/>
  <c r="U162388" i="1"/>
  <c r="U162387" i="1"/>
  <c r="U162386" i="1"/>
  <c r="U162385" i="1"/>
  <c r="U162384" i="1"/>
  <c r="U162383" i="1"/>
  <c r="U162382" i="1"/>
  <c r="U162381" i="1"/>
  <c r="U162380" i="1"/>
  <c r="U162379" i="1"/>
  <c r="U162378" i="1"/>
  <c r="U162377" i="1"/>
  <c r="U162376" i="1"/>
  <c r="U162375" i="1"/>
  <c r="U162374" i="1"/>
  <c r="U162373" i="1"/>
  <c r="U162372" i="1"/>
  <c r="U162371" i="1"/>
  <c r="U162370" i="1"/>
  <c r="U162369" i="1"/>
  <c r="U162368" i="1"/>
  <c r="U162367" i="1"/>
  <c r="U162366" i="1"/>
  <c r="U162365" i="1"/>
  <c r="U162364" i="1"/>
  <c r="U162363" i="1"/>
  <c r="U162362" i="1"/>
  <c r="U162361" i="1"/>
  <c r="U162360" i="1"/>
  <c r="U162359" i="1"/>
  <c r="U162358" i="1"/>
  <c r="U162357" i="1"/>
  <c r="U162356" i="1"/>
  <c r="U162355" i="1"/>
  <c r="U162354" i="1"/>
  <c r="U162353" i="1"/>
  <c r="U162352" i="1"/>
  <c r="U162351" i="1"/>
  <c r="U162350" i="1"/>
  <c r="U162349" i="1"/>
  <c r="U162348" i="1"/>
  <c r="U162347" i="1"/>
  <c r="U162346" i="1"/>
  <c r="U162345" i="1"/>
  <c r="U162344" i="1"/>
  <c r="U162343" i="1"/>
  <c r="U162342" i="1"/>
  <c r="U162341" i="1"/>
  <c r="U162340" i="1"/>
  <c r="U162339" i="1"/>
  <c r="U162338" i="1"/>
  <c r="U162337" i="1"/>
  <c r="U162336" i="1"/>
  <c r="U162335" i="1"/>
  <c r="U162334" i="1"/>
  <c r="U162333" i="1"/>
  <c r="U162332" i="1"/>
  <c r="U162331" i="1"/>
  <c r="U162330" i="1"/>
  <c r="U162329" i="1"/>
  <c r="U162328" i="1"/>
  <c r="U162327" i="1"/>
  <c r="U162326" i="1"/>
  <c r="U162325" i="1"/>
  <c r="U162324" i="1"/>
  <c r="U162323" i="1"/>
  <c r="U162322" i="1"/>
  <c r="U162321" i="1"/>
  <c r="U162320" i="1"/>
  <c r="U162319" i="1"/>
  <c r="U162318" i="1"/>
  <c r="U162317" i="1"/>
  <c r="U162316" i="1"/>
  <c r="U162315" i="1"/>
  <c r="U162314" i="1"/>
  <c r="U162313" i="1"/>
  <c r="U162312" i="1"/>
  <c r="U162311" i="1"/>
  <c r="U162310" i="1"/>
  <c r="U162309" i="1"/>
  <c r="U162308" i="1"/>
  <c r="U162307" i="1"/>
  <c r="U162306" i="1"/>
  <c r="U162305" i="1"/>
  <c r="U162304" i="1"/>
  <c r="U162303" i="1"/>
  <c r="U162302" i="1"/>
  <c r="U162301" i="1"/>
  <c r="U162300" i="1"/>
  <c r="U162299" i="1"/>
  <c r="U162298" i="1"/>
  <c r="U162297" i="1"/>
  <c r="U162296" i="1"/>
  <c r="U162295" i="1"/>
  <c r="U162294" i="1"/>
  <c r="U162293" i="1"/>
  <c r="U162292" i="1"/>
  <c r="U162291" i="1"/>
  <c r="U162290" i="1"/>
  <c r="U162289" i="1"/>
  <c r="U162288" i="1"/>
  <c r="U162287" i="1"/>
  <c r="U162286" i="1"/>
  <c r="U162285" i="1"/>
  <c r="U162284" i="1"/>
  <c r="U162283" i="1"/>
  <c r="U162282" i="1"/>
  <c r="U162281" i="1"/>
  <c r="U162280" i="1"/>
  <c r="U162279" i="1"/>
  <c r="U162278" i="1"/>
  <c r="U162277" i="1"/>
  <c r="U162276" i="1"/>
  <c r="U162275" i="1"/>
  <c r="U162274" i="1"/>
  <c r="U162273" i="1"/>
  <c r="U162272" i="1"/>
  <c r="U162271" i="1"/>
  <c r="U162270" i="1"/>
  <c r="U162269" i="1"/>
  <c r="U162268" i="1"/>
  <c r="U162267" i="1"/>
  <c r="U162266" i="1"/>
  <c r="U162265" i="1"/>
  <c r="U162264" i="1"/>
  <c r="U162263" i="1"/>
  <c r="U162262" i="1"/>
  <c r="U162261" i="1"/>
  <c r="U162260" i="1"/>
  <c r="U162259" i="1"/>
  <c r="U162258" i="1"/>
  <c r="U162257" i="1"/>
  <c r="U162256" i="1"/>
  <c r="U162255" i="1"/>
  <c r="U162254" i="1"/>
  <c r="U162253" i="1"/>
  <c r="U162252" i="1"/>
  <c r="U162251" i="1"/>
  <c r="U162250" i="1"/>
  <c r="U162249" i="1"/>
  <c r="U162248" i="1"/>
  <c r="U162247" i="1"/>
  <c r="U162246" i="1"/>
  <c r="U162245" i="1"/>
  <c r="U162244" i="1"/>
  <c r="U162243" i="1"/>
  <c r="U162242" i="1"/>
  <c r="U162241" i="1"/>
  <c r="U162240" i="1"/>
  <c r="U162239" i="1"/>
  <c r="U162238" i="1"/>
  <c r="U162237" i="1"/>
  <c r="U162236" i="1"/>
  <c r="U162235" i="1"/>
  <c r="U162234" i="1"/>
  <c r="U162233" i="1"/>
  <c r="U162232" i="1"/>
  <c r="U162231" i="1"/>
  <c r="U162230" i="1"/>
  <c r="U162229" i="1"/>
  <c r="U162228" i="1"/>
  <c r="U162227" i="1"/>
  <c r="U162226" i="1"/>
  <c r="U162225" i="1"/>
  <c r="U162224" i="1"/>
  <c r="U162223" i="1"/>
  <c r="U162222" i="1"/>
  <c r="U162221" i="1"/>
  <c r="U162220" i="1"/>
  <c r="U162219" i="1"/>
  <c r="U162218" i="1"/>
  <c r="U162217" i="1"/>
  <c r="U162216" i="1"/>
  <c r="U162215" i="1"/>
  <c r="U162214" i="1"/>
  <c r="U162213" i="1"/>
  <c r="U162212" i="1"/>
  <c r="U162211" i="1"/>
  <c r="U162210" i="1"/>
  <c r="U162209" i="1"/>
  <c r="U162208" i="1"/>
  <c r="U162207" i="1"/>
  <c r="U162206" i="1"/>
  <c r="U162205" i="1"/>
  <c r="U162204" i="1"/>
  <c r="U162203" i="1"/>
  <c r="U162202" i="1"/>
  <c r="U162201" i="1"/>
  <c r="U162200" i="1"/>
  <c r="U162199" i="1"/>
  <c r="U162198" i="1"/>
  <c r="U162197" i="1"/>
  <c r="U162196" i="1"/>
  <c r="U162195" i="1"/>
  <c r="U162194" i="1"/>
  <c r="U162193" i="1"/>
  <c r="U162192" i="1"/>
  <c r="U162191" i="1"/>
  <c r="U162190" i="1"/>
  <c r="U162189" i="1"/>
  <c r="U162188" i="1"/>
  <c r="U162187" i="1"/>
  <c r="U162186" i="1"/>
  <c r="U162185" i="1"/>
  <c r="U162184" i="1"/>
  <c r="U162183" i="1"/>
  <c r="U162182" i="1"/>
  <c r="U162181" i="1"/>
  <c r="U162180" i="1"/>
  <c r="U162179" i="1"/>
  <c r="U162178" i="1"/>
  <c r="U162177" i="1"/>
  <c r="U162176" i="1"/>
  <c r="U162175" i="1"/>
  <c r="U162174" i="1"/>
  <c r="U162173" i="1"/>
  <c r="U162172" i="1"/>
  <c r="U162171" i="1"/>
  <c r="U162170" i="1"/>
  <c r="U162169" i="1"/>
  <c r="U162168" i="1"/>
  <c r="U162167" i="1"/>
  <c r="U162166" i="1"/>
  <c r="U162165" i="1"/>
  <c r="U162164" i="1"/>
  <c r="U162163" i="1"/>
  <c r="U162162" i="1"/>
  <c r="U162161" i="1"/>
  <c r="U162160" i="1"/>
  <c r="U162159" i="1"/>
  <c r="U162158" i="1"/>
  <c r="U162157" i="1"/>
  <c r="U162156" i="1"/>
  <c r="U162155" i="1"/>
  <c r="U162154" i="1"/>
  <c r="U162153" i="1"/>
  <c r="U162152" i="1"/>
  <c r="U162151" i="1"/>
  <c r="U162150" i="1"/>
  <c r="U162149" i="1"/>
  <c r="U162148" i="1"/>
  <c r="U162147" i="1"/>
  <c r="U162146" i="1"/>
  <c r="U162145" i="1"/>
  <c r="U162144" i="1"/>
  <c r="U162143" i="1"/>
  <c r="U162142" i="1"/>
  <c r="U162141" i="1"/>
  <c r="U162140" i="1"/>
  <c r="U162139" i="1"/>
  <c r="U162138" i="1"/>
  <c r="U162137" i="1"/>
  <c r="U162136" i="1"/>
  <c r="U162135" i="1"/>
  <c r="U162134" i="1"/>
  <c r="U162133" i="1"/>
  <c r="U162132" i="1"/>
  <c r="U162131" i="1"/>
  <c r="U162130" i="1"/>
  <c r="U162129" i="1"/>
  <c r="U162128" i="1"/>
  <c r="U162127" i="1"/>
  <c r="U162126" i="1"/>
  <c r="U162125" i="1"/>
  <c r="U162124" i="1"/>
  <c r="U162123" i="1"/>
  <c r="U162122" i="1"/>
  <c r="U162121" i="1"/>
  <c r="U162120" i="1"/>
  <c r="U162119" i="1"/>
  <c r="U162118" i="1"/>
  <c r="U162117" i="1"/>
  <c r="U162116" i="1"/>
  <c r="U162115" i="1"/>
  <c r="U162114" i="1"/>
  <c r="U162113" i="1"/>
  <c r="U162112" i="1"/>
  <c r="U162111" i="1"/>
  <c r="U162110" i="1"/>
  <c r="U162109" i="1"/>
  <c r="U162108" i="1"/>
  <c r="U162107" i="1"/>
  <c r="U162106" i="1"/>
  <c r="U162105" i="1"/>
  <c r="U162104" i="1"/>
  <c r="U162103" i="1"/>
  <c r="U162102" i="1"/>
  <c r="U162101" i="1"/>
  <c r="U162100" i="1"/>
  <c r="U162099" i="1"/>
  <c r="U162098" i="1"/>
  <c r="U162097" i="1"/>
  <c r="U162096" i="1"/>
  <c r="U162095" i="1"/>
  <c r="U162094" i="1"/>
  <c r="U162093" i="1"/>
  <c r="U162092" i="1"/>
  <c r="U162091" i="1"/>
  <c r="U162090" i="1"/>
  <c r="U162089" i="1"/>
  <c r="U162088" i="1"/>
  <c r="U162087" i="1"/>
  <c r="U162086" i="1"/>
  <c r="U162085" i="1"/>
  <c r="U162084" i="1"/>
  <c r="U162083" i="1"/>
  <c r="U162082" i="1"/>
  <c r="U162081" i="1"/>
  <c r="U162080" i="1"/>
  <c r="U162079" i="1"/>
  <c r="U162078" i="1"/>
  <c r="U162077" i="1"/>
  <c r="U162076" i="1"/>
  <c r="U162075" i="1"/>
  <c r="U162074" i="1"/>
  <c r="U162073" i="1"/>
  <c r="U162072" i="1"/>
  <c r="U162071" i="1"/>
  <c r="U162070" i="1"/>
  <c r="U162069" i="1"/>
  <c r="U162068" i="1"/>
  <c r="U162067" i="1"/>
  <c r="U162066" i="1"/>
  <c r="U162065" i="1"/>
  <c r="U162064" i="1"/>
  <c r="U162063" i="1"/>
  <c r="U162062" i="1"/>
  <c r="U162061" i="1"/>
  <c r="U162060" i="1"/>
  <c r="U162059" i="1"/>
  <c r="U162058" i="1"/>
  <c r="U162057" i="1"/>
  <c r="U162056" i="1"/>
  <c r="U162055" i="1"/>
  <c r="U162054" i="1"/>
  <c r="U162053" i="1"/>
  <c r="U162052" i="1"/>
  <c r="U162051" i="1"/>
  <c r="U162050" i="1"/>
  <c r="U162049" i="1"/>
  <c r="U162048" i="1"/>
  <c r="U162047" i="1"/>
  <c r="U162046" i="1"/>
  <c r="U162045" i="1"/>
  <c r="U162044" i="1"/>
  <c r="U162043" i="1"/>
  <c r="U162042" i="1"/>
  <c r="U162041" i="1"/>
  <c r="U162040" i="1"/>
  <c r="U162039" i="1"/>
  <c r="U162038" i="1"/>
  <c r="U162037" i="1"/>
  <c r="U162036" i="1"/>
  <c r="U162035" i="1"/>
  <c r="U162034" i="1"/>
  <c r="U162033" i="1"/>
  <c r="U162032" i="1"/>
  <c r="U162031" i="1"/>
  <c r="U162030" i="1"/>
  <c r="U162029" i="1"/>
  <c r="U162028" i="1"/>
  <c r="U162027" i="1"/>
  <c r="U162026" i="1"/>
  <c r="U162025" i="1"/>
  <c r="U162024" i="1"/>
  <c r="U162023" i="1"/>
  <c r="U162022" i="1"/>
  <c r="U162021" i="1"/>
  <c r="U162020" i="1"/>
  <c r="U162019" i="1"/>
  <c r="U162018" i="1"/>
  <c r="U162017" i="1"/>
  <c r="U162016" i="1"/>
  <c r="U162015" i="1"/>
  <c r="U162014" i="1"/>
  <c r="U162013" i="1"/>
  <c r="U162012" i="1"/>
  <c r="U162011" i="1"/>
  <c r="U162010" i="1"/>
  <c r="U162009" i="1"/>
  <c r="U162008" i="1"/>
  <c r="U162007" i="1"/>
  <c r="U162006" i="1"/>
  <c r="U162005" i="1"/>
  <c r="U162004" i="1"/>
  <c r="U162003" i="1"/>
  <c r="U162002" i="1"/>
  <c r="U162001" i="1"/>
  <c r="U162000" i="1"/>
  <c r="U161999" i="1"/>
  <c r="U161998" i="1"/>
  <c r="U161997" i="1"/>
  <c r="U161996" i="1"/>
  <c r="U161995" i="1"/>
  <c r="U161994" i="1"/>
  <c r="U161993" i="1"/>
  <c r="U161992" i="1"/>
  <c r="U161991" i="1"/>
  <c r="U161990" i="1"/>
  <c r="U161989" i="1"/>
  <c r="U161988" i="1"/>
  <c r="U161987" i="1"/>
  <c r="U161986" i="1"/>
  <c r="U161985" i="1"/>
  <c r="U161984" i="1"/>
  <c r="U161983" i="1"/>
  <c r="U161982" i="1"/>
  <c r="U161981" i="1"/>
  <c r="U161980" i="1"/>
  <c r="U161979" i="1"/>
  <c r="U161978" i="1"/>
  <c r="U161977" i="1"/>
  <c r="U161976" i="1"/>
  <c r="U161975" i="1"/>
  <c r="U161974" i="1"/>
  <c r="U161973" i="1"/>
  <c r="U161972" i="1"/>
  <c r="U161971" i="1"/>
  <c r="U161970" i="1"/>
  <c r="U161969" i="1"/>
  <c r="U161968" i="1"/>
  <c r="U161967" i="1"/>
  <c r="U161966" i="1"/>
  <c r="U161965" i="1"/>
  <c r="U161964" i="1"/>
  <c r="U161963" i="1"/>
  <c r="U161962" i="1"/>
  <c r="U161961" i="1"/>
  <c r="U161960" i="1"/>
  <c r="U161959" i="1"/>
  <c r="U161958" i="1"/>
  <c r="U161957" i="1"/>
  <c r="U161956" i="1"/>
  <c r="U161955" i="1"/>
  <c r="U161954" i="1"/>
  <c r="U161953" i="1"/>
  <c r="U161952" i="1"/>
  <c r="U161951" i="1"/>
  <c r="U161950" i="1"/>
  <c r="U161949" i="1"/>
  <c r="U161948" i="1"/>
  <c r="U161947" i="1"/>
  <c r="U161946" i="1"/>
  <c r="U161945" i="1"/>
  <c r="U161944" i="1"/>
  <c r="U161943" i="1"/>
  <c r="U161942" i="1"/>
  <c r="U161941" i="1"/>
  <c r="U161940" i="1"/>
  <c r="U161939" i="1"/>
  <c r="U161938" i="1"/>
  <c r="U161937" i="1"/>
  <c r="U161936" i="1"/>
  <c r="U161935" i="1"/>
  <c r="U161934" i="1"/>
  <c r="U161933" i="1"/>
  <c r="U161932" i="1"/>
  <c r="U161931" i="1"/>
  <c r="U161930" i="1"/>
  <c r="U161929" i="1"/>
  <c r="U161928" i="1"/>
  <c r="U161927" i="1"/>
  <c r="U161926" i="1"/>
  <c r="U161925" i="1"/>
  <c r="U161924" i="1"/>
  <c r="U161923" i="1"/>
  <c r="U161922" i="1"/>
  <c r="U161921" i="1"/>
  <c r="U161920" i="1"/>
  <c r="U161919" i="1"/>
  <c r="U161918" i="1"/>
  <c r="U161917" i="1"/>
  <c r="U161916" i="1"/>
  <c r="U161915" i="1"/>
  <c r="U161914" i="1"/>
  <c r="U161913" i="1"/>
  <c r="U161912" i="1"/>
  <c r="U161911" i="1"/>
  <c r="U161910" i="1"/>
  <c r="U161909" i="1"/>
  <c r="U161908" i="1"/>
  <c r="U161907" i="1"/>
  <c r="U161906" i="1"/>
  <c r="U161905" i="1"/>
  <c r="U161904" i="1"/>
  <c r="U161903" i="1"/>
  <c r="U161902" i="1"/>
  <c r="U161901" i="1"/>
  <c r="U161900" i="1"/>
  <c r="U161899" i="1"/>
  <c r="U161898" i="1"/>
  <c r="U161897" i="1"/>
  <c r="U161896" i="1"/>
  <c r="U161895" i="1"/>
  <c r="U161894" i="1"/>
  <c r="U161893" i="1"/>
  <c r="U161892" i="1"/>
  <c r="U161891" i="1"/>
  <c r="U161890" i="1"/>
  <c r="U161889" i="1"/>
  <c r="U161888" i="1"/>
  <c r="U161887" i="1"/>
  <c r="U161886" i="1"/>
  <c r="U161885" i="1"/>
  <c r="U161884" i="1"/>
  <c r="U161883" i="1"/>
  <c r="U161882" i="1"/>
  <c r="U161881" i="1"/>
  <c r="U161880" i="1"/>
  <c r="U161879" i="1"/>
  <c r="U161878" i="1"/>
  <c r="U161877" i="1"/>
  <c r="U161876" i="1"/>
  <c r="U161875" i="1"/>
  <c r="U161874" i="1"/>
  <c r="U161873" i="1"/>
  <c r="U161872" i="1"/>
  <c r="U161871" i="1"/>
  <c r="U161870" i="1"/>
  <c r="U161869" i="1"/>
  <c r="U161868" i="1"/>
  <c r="U161867" i="1"/>
  <c r="U161866" i="1"/>
  <c r="U161865" i="1"/>
  <c r="U161864" i="1"/>
  <c r="U161863" i="1"/>
  <c r="U161862" i="1"/>
  <c r="U161861" i="1"/>
  <c r="U161860" i="1"/>
  <c r="U161859" i="1"/>
  <c r="U161858" i="1"/>
  <c r="U161857" i="1"/>
  <c r="U161856" i="1"/>
  <c r="U161855" i="1"/>
  <c r="U161854" i="1"/>
  <c r="U161853" i="1"/>
  <c r="U161852" i="1"/>
  <c r="U161851" i="1"/>
  <c r="U161850" i="1"/>
  <c r="U161849" i="1"/>
  <c r="U161848" i="1"/>
  <c r="U161847" i="1"/>
  <c r="U161846" i="1"/>
  <c r="U161845" i="1"/>
  <c r="U161844" i="1"/>
  <c r="U161843" i="1"/>
  <c r="U161842" i="1"/>
  <c r="U161841" i="1"/>
  <c r="U161840" i="1"/>
  <c r="U161839" i="1"/>
  <c r="U161838" i="1"/>
  <c r="U161837" i="1"/>
  <c r="U161836" i="1"/>
  <c r="U161835" i="1"/>
  <c r="U161834" i="1"/>
  <c r="U161833" i="1"/>
  <c r="U161832" i="1"/>
  <c r="U161831" i="1"/>
  <c r="U161830" i="1"/>
  <c r="U161829" i="1"/>
  <c r="U161828" i="1"/>
  <c r="U161827" i="1"/>
  <c r="U161826" i="1"/>
  <c r="U161825" i="1"/>
  <c r="U161824" i="1"/>
  <c r="U161823" i="1"/>
  <c r="U161822" i="1"/>
  <c r="U161821" i="1"/>
  <c r="U161820" i="1"/>
  <c r="U161819" i="1"/>
  <c r="U161818" i="1"/>
  <c r="U161817" i="1"/>
  <c r="U161816" i="1"/>
  <c r="U161815" i="1"/>
  <c r="U161814" i="1"/>
  <c r="U161813" i="1"/>
  <c r="U161812" i="1"/>
  <c r="U161811" i="1"/>
  <c r="U161810" i="1"/>
  <c r="U161809" i="1"/>
  <c r="U161808" i="1"/>
  <c r="U161807" i="1"/>
  <c r="U161806" i="1"/>
  <c r="U161805" i="1"/>
  <c r="U161804" i="1"/>
  <c r="U161803" i="1"/>
  <c r="U161802" i="1"/>
  <c r="U161801" i="1"/>
  <c r="U161800" i="1"/>
  <c r="U161799" i="1"/>
  <c r="U161798" i="1"/>
  <c r="U161797" i="1"/>
  <c r="U161796" i="1"/>
  <c r="U161795" i="1"/>
  <c r="U161794" i="1"/>
  <c r="U161793" i="1"/>
  <c r="U161792" i="1"/>
  <c r="U161791" i="1"/>
  <c r="U161790" i="1"/>
  <c r="U161789" i="1"/>
  <c r="U161788" i="1"/>
  <c r="U161787" i="1"/>
  <c r="U161786" i="1"/>
  <c r="U161785" i="1"/>
  <c r="U161784" i="1"/>
  <c r="U161783" i="1"/>
  <c r="U161782" i="1"/>
  <c r="U161781" i="1"/>
  <c r="U161780" i="1"/>
  <c r="U161779" i="1"/>
  <c r="U161778" i="1"/>
  <c r="U161777" i="1"/>
  <c r="U161776" i="1"/>
  <c r="U161775" i="1"/>
  <c r="U161774" i="1"/>
  <c r="U161773" i="1"/>
  <c r="U161772" i="1"/>
  <c r="U161771" i="1"/>
  <c r="U161770" i="1"/>
  <c r="U161769" i="1"/>
  <c r="U161768" i="1"/>
  <c r="U161767" i="1"/>
  <c r="U161766" i="1"/>
  <c r="U161765" i="1"/>
  <c r="U161764" i="1"/>
  <c r="U161763" i="1"/>
  <c r="U161762" i="1"/>
  <c r="U161761" i="1"/>
  <c r="U161760" i="1"/>
  <c r="U161759" i="1"/>
  <c r="U161758" i="1"/>
  <c r="U161757" i="1"/>
  <c r="U161756" i="1"/>
  <c r="U161755" i="1"/>
  <c r="U161754" i="1"/>
  <c r="U161753" i="1"/>
  <c r="U161752" i="1"/>
  <c r="U161751" i="1"/>
  <c r="U161750" i="1"/>
  <c r="U161749" i="1"/>
  <c r="U161748" i="1"/>
  <c r="U161747" i="1"/>
  <c r="U161746" i="1"/>
  <c r="U161745" i="1"/>
  <c r="U161744" i="1"/>
  <c r="U161743" i="1"/>
  <c r="U161742" i="1"/>
  <c r="U161741" i="1"/>
  <c r="U161740" i="1"/>
  <c r="U161739" i="1"/>
  <c r="U161738" i="1"/>
  <c r="U161737" i="1"/>
  <c r="U161736" i="1"/>
  <c r="U161735" i="1"/>
  <c r="U161734" i="1"/>
  <c r="U161733" i="1"/>
  <c r="U161732" i="1"/>
  <c r="U161731" i="1"/>
  <c r="U161730" i="1"/>
  <c r="U161729" i="1"/>
  <c r="U161728" i="1"/>
  <c r="U161727" i="1"/>
  <c r="U161726" i="1"/>
  <c r="U161725" i="1"/>
  <c r="U161724" i="1"/>
  <c r="U161723" i="1"/>
  <c r="U161722" i="1"/>
  <c r="U161721" i="1"/>
  <c r="U161720" i="1"/>
  <c r="U161719" i="1"/>
  <c r="U161718" i="1"/>
  <c r="U161717" i="1"/>
  <c r="U161716" i="1"/>
  <c r="U161715" i="1"/>
  <c r="U161714" i="1"/>
  <c r="U161713" i="1"/>
  <c r="U161712" i="1"/>
  <c r="U161711" i="1"/>
  <c r="U161710" i="1"/>
  <c r="U161709" i="1"/>
  <c r="U161708" i="1"/>
  <c r="U161707" i="1"/>
  <c r="U161706" i="1"/>
  <c r="U161705" i="1"/>
  <c r="U161704" i="1"/>
  <c r="U161703" i="1"/>
  <c r="U161702" i="1"/>
  <c r="U161701" i="1"/>
  <c r="U161700" i="1"/>
  <c r="U161699" i="1"/>
  <c r="U161698" i="1"/>
  <c r="U161697" i="1"/>
  <c r="U161696" i="1"/>
  <c r="U161695" i="1"/>
  <c r="U161694" i="1"/>
  <c r="U161693" i="1"/>
  <c r="U161692" i="1"/>
  <c r="U161691" i="1"/>
  <c r="U161690" i="1"/>
  <c r="U161689" i="1"/>
  <c r="U161688" i="1"/>
  <c r="U161687" i="1"/>
  <c r="U161686" i="1"/>
  <c r="U161685" i="1"/>
  <c r="U161684" i="1"/>
  <c r="U161683" i="1"/>
  <c r="U161682" i="1"/>
  <c r="U161681" i="1"/>
  <c r="U161680" i="1"/>
  <c r="U161679" i="1"/>
  <c r="U161678" i="1"/>
  <c r="U161677" i="1"/>
  <c r="U161676" i="1"/>
  <c r="U161675" i="1"/>
  <c r="U161674" i="1"/>
  <c r="U161673" i="1"/>
  <c r="U161672" i="1"/>
  <c r="U161671" i="1"/>
  <c r="U161670" i="1"/>
  <c r="U161669" i="1"/>
  <c r="U161668" i="1"/>
  <c r="U161667" i="1"/>
  <c r="U161666" i="1"/>
  <c r="U161665" i="1"/>
  <c r="U161664" i="1"/>
  <c r="U161663" i="1"/>
  <c r="U161662" i="1"/>
  <c r="U161661" i="1"/>
  <c r="U161660" i="1"/>
  <c r="U161659" i="1"/>
  <c r="U161658" i="1"/>
  <c r="U161657" i="1"/>
  <c r="U161656" i="1"/>
  <c r="U161655" i="1"/>
  <c r="U161654" i="1"/>
  <c r="U161653" i="1"/>
  <c r="U161652" i="1"/>
  <c r="U161651" i="1"/>
  <c r="U161650" i="1"/>
  <c r="U161649" i="1"/>
  <c r="U161648" i="1"/>
  <c r="U161647" i="1"/>
  <c r="U161646" i="1"/>
  <c r="U161645" i="1"/>
  <c r="U161644" i="1"/>
  <c r="U161643" i="1"/>
  <c r="U161642" i="1"/>
  <c r="U161641" i="1"/>
  <c r="U161640" i="1"/>
  <c r="U161639" i="1"/>
  <c r="U161638" i="1"/>
  <c r="U161637" i="1"/>
  <c r="U161636" i="1"/>
  <c r="U161635" i="1"/>
  <c r="U161634" i="1"/>
  <c r="U161633" i="1"/>
  <c r="U161632" i="1"/>
  <c r="U161631" i="1"/>
  <c r="U161630" i="1"/>
  <c r="U161629" i="1"/>
  <c r="U161628" i="1"/>
  <c r="U161627" i="1"/>
  <c r="U161626" i="1"/>
  <c r="U161625" i="1"/>
  <c r="U161624" i="1"/>
  <c r="U161623" i="1"/>
  <c r="U161622" i="1"/>
  <c r="U161621" i="1"/>
  <c r="U161620" i="1"/>
  <c r="U161619" i="1"/>
  <c r="U161618" i="1"/>
  <c r="U161617" i="1"/>
  <c r="U161616" i="1"/>
  <c r="U161615" i="1"/>
  <c r="U161614" i="1"/>
  <c r="U161613" i="1"/>
  <c r="U161612" i="1"/>
  <c r="U161611" i="1"/>
  <c r="U161610" i="1"/>
  <c r="U161609" i="1"/>
  <c r="U161608" i="1"/>
  <c r="U161607" i="1"/>
  <c r="U161606" i="1"/>
  <c r="U161605" i="1"/>
  <c r="U161604" i="1"/>
  <c r="U161603" i="1"/>
  <c r="U161602" i="1"/>
  <c r="U161601" i="1"/>
  <c r="U161600" i="1"/>
  <c r="U161599" i="1"/>
  <c r="U161598" i="1"/>
  <c r="U161597" i="1"/>
  <c r="U161596" i="1"/>
  <c r="U161595" i="1"/>
  <c r="U161594" i="1"/>
  <c r="U161593" i="1"/>
  <c r="U161592" i="1"/>
  <c r="U161591" i="1"/>
  <c r="U161590" i="1"/>
  <c r="U161589" i="1"/>
  <c r="U161588" i="1"/>
  <c r="U161587" i="1"/>
  <c r="U161586" i="1"/>
  <c r="U161585" i="1"/>
  <c r="U161584" i="1"/>
  <c r="U161583" i="1"/>
  <c r="U161582" i="1"/>
  <c r="U161581" i="1"/>
  <c r="U161580" i="1"/>
  <c r="U161579" i="1"/>
  <c r="U161578" i="1"/>
  <c r="U161577" i="1"/>
  <c r="U161576" i="1"/>
  <c r="U161575" i="1"/>
  <c r="U161574" i="1"/>
  <c r="U161573" i="1"/>
  <c r="U161572" i="1"/>
  <c r="U161571" i="1"/>
  <c r="U161570" i="1"/>
  <c r="U161569" i="1"/>
  <c r="U161568" i="1"/>
  <c r="U161567" i="1"/>
  <c r="U161566" i="1"/>
  <c r="U161565" i="1"/>
  <c r="U161564" i="1"/>
  <c r="U161563" i="1"/>
  <c r="U161562" i="1"/>
  <c r="U161561" i="1"/>
  <c r="U161560" i="1"/>
  <c r="U161559" i="1"/>
  <c r="U161558" i="1"/>
  <c r="U161557" i="1"/>
  <c r="U161556" i="1"/>
  <c r="U161555" i="1"/>
  <c r="U161554" i="1"/>
  <c r="U161553" i="1"/>
  <c r="U161552" i="1"/>
  <c r="U161551" i="1"/>
  <c r="U161550" i="1"/>
  <c r="U161549" i="1"/>
  <c r="U161548" i="1"/>
  <c r="U161547" i="1"/>
  <c r="U161546" i="1"/>
  <c r="U161545" i="1"/>
  <c r="U161544" i="1"/>
  <c r="U161543" i="1"/>
  <c r="U161542" i="1"/>
  <c r="U161541" i="1"/>
  <c r="U161540" i="1"/>
  <c r="U161539" i="1"/>
  <c r="U161538" i="1"/>
  <c r="U161537" i="1"/>
  <c r="U161536" i="1"/>
  <c r="U161535" i="1"/>
  <c r="U161534" i="1"/>
  <c r="U161533" i="1"/>
  <c r="U161532" i="1"/>
  <c r="U161531" i="1"/>
  <c r="U161530" i="1"/>
  <c r="U161529" i="1"/>
  <c r="U161528" i="1"/>
  <c r="U161527" i="1"/>
  <c r="U161526" i="1"/>
  <c r="U161525" i="1"/>
  <c r="U161524" i="1"/>
  <c r="U161523" i="1"/>
  <c r="U161522" i="1"/>
  <c r="U161521" i="1"/>
  <c r="U161520" i="1"/>
  <c r="U161519" i="1"/>
  <c r="U161518" i="1"/>
  <c r="U161517" i="1"/>
  <c r="U161516" i="1"/>
  <c r="U161515" i="1"/>
  <c r="U161514" i="1"/>
  <c r="U161513" i="1"/>
  <c r="U161512" i="1"/>
  <c r="U161511" i="1"/>
  <c r="U161510" i="1"/>
  <c r="U161509" i="1"/>
  <c r="U161508" i="1"/>
  <c r="U161507" i="1"/>
  <c r="U161506" i="1"/>
  <c r="U161505" i="1"/>
  <c r="U161504" i="1"/>
  <c r="U161503" i="1"/>
  <c r="U161502" i="1"/>
  <c r="U161501" i="1"/>
  <c r="U161500" i="1"/>
  <c r="U161499" i="1"/>
  <c r="U161498" i="1"/>
  <c r="U161497" i="1"/>
  <c r="U161496" i="1"/>
  <c r="U161495" i="1"/>
  <c r="U161494" i="1"/>
  <c r="U161493" i="1"/>
  <c r="U161492" i="1"/>
  <c r="U161491" i="1"/>
  <c r="U161490" i="1"/>
  <c r="U161489" i="1"/>
  <c r="U161488" i="1"/>
  <c r="U161487" i="1"/>
  <c r="U161486" i="1"/>
  <c r="U161485" i="1"/>
  <c r="U161484" i="1"/>
  <c r="U161483" i="1"/>
  <c r="U161482" i="1"/>
  <c r="U161481" i="1"/>
  <c r="U161480" i="1"/>
  <c r="U161479" i="1"/>
  <c r="U161478" i="1"/>
  <c r="U161477" i="1"/>
  <c r="U161476" i="1"/>
  <c r="U161475" i="1"/>
  <c r="U161474" i="1"/>
  <c r="U161473" i="1"/>
  <c r="U161472" i="1"/>
  <c r="U161471" i="1"/>
  <c r="U161470" i="1"/>
  <c r="U161469" i="1"/>
  <c r="U161468" i="1"/>
  <c r="U161467" i="1"/>
  <c r="U161466" i="1"/>
  <c r="U161465" i="1"/>
  <c r="U161464" i="1"/>
  <c r="U161463" i="1"/>
  <c r="U161462" i="1"/>
  <c r="U161461" i="1"/>
  <c r="U161460" i="1"/>
  <c r="U161459" i="1"/>
  <c r="U161458" i="1"/>
  <c r="U161457" i="1"/>
  <c r="U161456" i="1"/>
  <c r="U161455" i="1"/>
  <c r="U161454" i="1"/>
  <c r="U161453" i="1"/>
  <c r="U161452" i="1"/>
  <c r="U161451" i="1"/>
  <c r="U161450" i="1"/>
  <c r="U161449" i="1"/>
  <c r="U161448" i="1"/>
  <c r="U161447" i="1"/>
  <c r="U161446" i="1"/>
  <c r="U161445" i="1"/>
  <c r="U161444" i="1"/>
  <c r="U161443" i="1"/>
  <c r="U161442" i="1"/>
  <c r="U161441" i="1"/>
  <c r="U161440" i="1"/>
  <c r="U161439" i="1"/>
  <c r="U161438" i="1"/>
  <c r="U161437" i="1"/>
  <c r="U161436" i="1"/>
  <c r="U161435" i="1"/>
  <c r="U161434" i="1"/>
  <c r="U161433" i="1"/>
  <c r="U161432" i="1"/>
  <c r="U161431" i="1"/>
  <c r="U161430" i="1"/>
  <c r="U161429" i="1"/>
  <c r="U161428" i="1"/>
  <c r="U161427" i="1"/>
  <c r="U161426" i="1"/>
  <c r="U161425" i="1"/>
  <c r="U161424" i="1"/>
  <c r="U161423" i="1"/>
  <c r="U161422" i="1"/>
  <c r="U161421" i="1"/>
  <c r="U161420" i="1"/>
  <c r="U161419" i="1"/>
  <c r="U161418" i="1"/>
  <c r="U161417" i="1"/>
  <c r="U161416" i="1"/>
  <c r="U161415" i="1"/>
  <c r="U161414" i="1"/>
  <c r="U161413" i="1"/>
  <c r="U161412" i="1"/>
  <c r="U161411" i="1"/>
  <c r="U161410" i="1"/>
  <c r="U161409" i="1"/>
  <c r="U161408" i="1"/>
  <c r="U161407" i="1"/>
  <c r="U161406" i="1"/>
  <c r="U161405" i="1"/>
  <c r="U161404" i="1"/>
  <c r="U161403" i="1"/>
  <c r="U161402" i="1"/>
  <c r="U161401" i="1"/>
  <c r="U161400" i="1"/>
  <c r="U161399" i="1"/>
  <c r="U161398" i="1"/>
  <c r="U161397" i="1"/>
  <c r="U161396" i="1"/>
  <c r="U161395" i="1"/>
  <c r="U161394" i="1"/>
  <c r="U161393" i="1"/>
  <c r="U161392" i="1"/>
  <c r="U161391" i="1"/>
  <c r="U161390" i="1"/>
  <c r="U161389" i="1"/>
  <c r="U161388" i="1"/>
  <c r="U161387" i="1"/>
  <c r="U161386" i="1"/>
  <c r="U161385" i="1"/>
  <c r="U161384" i="1"/>
  <c r="U161383" i="1"/>
  <c r="U161382" i="1"/>
  <c r="U161381" i="1"/>
  <c r="U161380" i="1"/>
  <c r="U161379" i="1"/>
  <c r="U161378" i="1"/>
  <c r="U161377" i="1"/>
  <c r="U161376" i="1"/>
  <c r="U161375" i="1"/>
  <c r="U161374" i="1"/>
  <c r="U161373" i="1"/>
  <c r="U161372" i="1"/>
  <c r="U161371" i="1"/>
  <c r="U161370" i="1"/>
  <c r="U161369" i="1"/>
  <c r="U161368" i="1"/>
  <c r="U161367" i="1"/>
  <c r="U161366" i="1"/>
  <c r="U161365" i="1"/>
  <c r="U161364" i="1"/>
  <c r="U161363" i="1"/>
  <c r="U161362" i="1"/>
  <c r="U161361" i="1"/>
  <c r="U161360" i="1"/>
  <c r="U161359" i="1"/>
  <c r="U161358" i="1"/>
  <c r="U161357" i="1"/>
  <c r="U161356" i="1"/>
  <c r="U161355" i="1"/>
  <c r="U161354" i="1"/>
  <c r="U161353" i="1"/>
  <c r="U161352" i="1"/>
  <c r="U161351" i="1"/>
  <c r="U161350" i="1"/>
  <c r="U161349" i="1"/>
  <c r="U161348" i="1"/>
  <c r="U161347" i="1"/>
  <c r="U161346" i="1"/>
  <c r="U161345" i="1"/>
  <c r="U161344" i="1"/>
  <c r="U161343" i="1"/>
  <c r="U161342" i="1"/>
  <c r="U161341" i="1"/>
  <c r="U161340" i="1"/>
  <c r="U161339" i="1"/>
  <c r="U161338" i="1"/>
  <c r="U161337" i="1"/>
  <c r="U161336" i="1"/>
  <c r="U161335" i="1"/>
  <c r="U161334" i="1"/>
  <c r="U161333" i="1"/>
  <c r="U161332" i="1"/>
  <c r="U161331" i="1"/>
  <c r="U161330" i="1"/>
  <c r="U161329" i="1"/>
  <c r="U161328" i="1"/>
  <c r="U161327" i="1"/>
  <c r="U161326" i="1"/>
  <c r="U161325" i="1"/>
  <c r="U161324" i="1"/>
  <c r="U161323" i="1"/>
  <c r="U161322" i="1"/>
  <c r="U161321" i="1"/>
  <c r="U161320" i="1"/>
  <c r="U161319" i="1"/>
  <c r="U161318" i="1"/>
  <c r="U161317" i="1"/>
  <c r="U161316" i="1"/>
  <c r="U161315" i="1"/>
  <c r="U161314" i="1"/>
  <c r="U161313" i="1"/>
  <c r="U161312" i="1"/>
  <c r="U161311" i="1"/>
  <c r="U161310" i="1"/>
  <c r="U161309" i="1"/>
  <c r="U161308" i="1"/>
  <c r="U161307" i="1"/>
  <c r="U161306" i="1"/>
  <c r="U161305" i="1"/>
  <c r="U161304" i="1"/>
  <c r="U161303" i="1"/>
  <c r="U161302" i="1"/>
  <c r="U161301" i="1"/>
  <c r="U161300" i="1"/>
  <c r="U161299" i="1"/>
  <c r="U161298" i="1"/>
  <c r="U161297" i="1"/>
  <c r="U161296" i="1"/>
  <c r="U161295" i="1"/>
  <c r="U161294" i="1"/>
  <c r="U161293" i="1"/>
  <c r="U161292" i="1"/>
  <c r="U161291" i="1"/>
  <c r="U161290" i="1"/>
  <c r="U161289" i="1"/>
  <c r="U161288" i="1"/>
  <c r="U161287" i="1"/>
  <c r="U161286" i="1"/>
  <c r="U161285" i="1"/>
  <c r="U161284" i="1"/>
  <c r="U161283" i="1"/>
  <c r="U161282" i="1"/>
  <c r="U161281" i="1"/>
  <c r="U161280" i="1"/>
  <c r="U161279" i="1"/>
  <c r="U161278" i="1"/>
  <c r="U161277" i="1"/>
  <c r="U161276" i="1"/>
  <c r="U161275" i="1"/>
  <c r="U161274" i="1"/>
  <c r="U161273" i="1"/>
  <c r="U161272" i="1"/>
  <c r="U161271" i="1"/>
  <c r="U161270" i="1"/>
  <c r="U161269" i="1"/>
  <c r="U161268" i="1"/>
  <c r="U161267" i="1"/>
  <c r="U161266" i="1"/>
  <c r="U161265" i="1"/>
  <c r="U161264" i="1"/>
  <c r="U161263" i="1"/>
  <c r="U161262" i="1"/>
  <c r="U161261" i="1"/>
  <c r="U161260" i="1"/>
  <c r="U161259" i="1"/>
  <c r="U161258" i="1"/>
  <c r="U161257" i="1"/>
  <c r="U161256" i="1"/>
  <c r="U161255" i="1"/>
  <c r="U161254" i="1"/>
  <c r="U161253" i="1"/>
  <c r="U161252" i="1"/>
  <c r="U161251" i="1"/>
  <c r="U161250" i="1"/>
  <c r="U161249" i="1"/>
  <c r="U161248" i="1"/>
  <c r="U161247" i="1"/>
  <c r="U161246" i="1"/>
  <c r="U161245" i="1"/>
  <c r="U161244" i="1"/>
  <c r="U161243" i="1"/>
  <c r="U161242" i="1"/>
  <c r="U161241" i="1"/>
  <c r="U161240" i="1"/>
  <c r="U161239" i="1"/>
  <c r="U161238" i="1"/>
  <c r="U161237" i="1"/>
  <c r="U161236" i="1"/>
  <c r="U161235" i="1"/>
  <c r="U161234" i="1"/>
  <c r="U161233" i="1"/>
  <c r="U161232" i="1"/>
  <c r="U161231" i="1"/>
  <c r="U161230" i="1"/>
  <c r="U161229" i="1"/>
  <c r="U161228" i="1"/>
  <c r="U161227" i="1"/>
  <c r="U161226" i="1"/>
  <c r="U161225" i="1"/>
  <c r="U161224" i="1"/>
  <c r="U161223" i="1"/>
  <c r="U161222" i="1"/>
  <c r="U161221" i="1"/>
  <c r="U161220" i="1"/>
  <c r="U161219" i="1"/>
  <c r="U161218" i="1"/>
  <c r="U161217" i="1"/>
  <c r="U161216" i="1"/>
  <c r="U161215" i="1"/>
  <c r="U161214" i="1"/>
  <c r="U161213" i="1"/>
  <c r="U161212" i="1"/>
  <c r="U161211" i="1"/>
  <c r="U161210" i="1"/>
  <c r="U161209" i="1"/>
  <c r="U161208" i="1"/>
  <c r="U161207" i="1"/>
  <c r="U161206" i="1"/>
  <c r="U161205" i="1"/>
  <c r="U161204" i="1"/>
  <c r="U161203" i="1"/>
  <c r="U161202" i="1"/>
  <c r="U161201" i="1"/>
  <c r="U161200" i="1"/>
  <c r="U161199" i="1"/>
  <c r="U161198" i="1"/>
  <c r="U161197" i="1"/>
  <c r="U161196" i="1"/>
  <c r="U161195" i="1"/>
  <c r="U161194" i="1"/>
  <c r="U161193" i="1"/>
  <c r="U161192" i="1"/>
  <c r="U161191" i="1"/>
  <c r="U161190" i="1"/>
  <c r="U161189" i="1"/>
  <c r="U161188" i="1"/>
  <c r="U161187" i="1"/>
  <c r="U161186" i="1"/>
  <c r="U161185" i="1"/>
  <c r="U161184" i="1"/>
  <c r="U161183" i="1"/>
  <c r="U161182" i="1"/>
  <c r="U161181" i="1"/>
  <c r="U161180" i="1"/>
  <c r="U161179" i="1"/>
  <c r="U161178" i="1"/>
  <c r="U161177" i="1"/>
  <c r="U161176" i="1"/>
  <c r="U161175" i="1"/>
  <c r="U161174" i="1"/>
  <c r="U161173" i="1"/>
  <c r="U161172" i="1"/>
  <c r="U161171" i="1"/>
  <c r="U161170" i="1"/>
  <c r="U161169" i="1"/>
  <c r="U161168" i="1"/>
  <c r="U161167" i="1"/>
  <c r="U161166" i="1"/>
  <c r="U161165" i="1"/>
  <c r="U161164" i="1"/>
  <c r="U161163" i="1"/>
  <c r="U161162" i="1"/>
  <c r="U161161" i="1"/>
  <c r="U161160" i="1"/>
  <c r="U161159" i="1"/>
  <c r="U161158" i="1"/>
  <c r="U161157" i="1"/>
  <c r="U161156" i="1"/>
  <c r="U161155" i="1"/>
  <c r="U161154" i="1"/>
  <c r="U161153" i="1"/>
  <c r="U161152" i="1"/>
  <c r="U161151" i="1"/>
  <c r="U161150" i="1"/>
  <c r="U161149" i="1"/>
  <c r="U161148" i="1"/>
  <c r="U161147" i="1"/>
  <c r="U161146" i="1"/>
  <c r="U161145" i="1"/>
  <c r="U161144" i="1"/>
  <c r="U161143" i="1"/>
  <c r="U161142" i="1"/>
  <c r="U161141" i="1"/>
  <c r="U161140" i="1"/>
  <c r="U161139" i="1"/>
  <c r="U161138" i="1"/>
  <c r="U161137" i="1"/>
  <c r="U161136" i="1"/>
  <c r="U161135" i="1"/>
  <c r="U161134" i="1"/>
  <c r="U161133" i="1"/>
  <c r="U161132" i="1"/>
  <c r="U161131" i="1"/>
  <c r="U161130" i="1"/>
  <c r="U161129" i="1"/>
  <c r="U161128" i="1"/>
  <c r="U161127" i="1"/>
  <c r="U161126" i="1"/>
  <c r="U161125" i="1"/>
  <c r="U161124" i="1"/>
  <c r="U161123" i="1"/>
  <c r="U161122" i="1"/>
  <c r="U161121" i="1"/>
  <c r="U161120" i="1"/>
  <c r="U161119" i="1"/>
  <c r="U161118" i="1"/>
  <c r="U161117" i="1"/>
  <c r="U161116" i="1"/>
  <c r="U161115" i="1"/>
  <c r="U161114" i="1"/>
  <c r="U161113" i="1"/>
  <c r="U161112" i="1"/>
  <c r="U161111" i="1"/>
  <c r="U161110" i="1"/>
  <c r="U161109" i="1"/>
  <c r="U161108" i="1"/>
  <c r="U161107" i="1"/>
  <c r="U161106" i="1"/>
  <c r="U161105" i="1"/>
  <c r="U161104" i="1"/>
  <c r="U161103" i="1"/>
  <c r="U161102" i="1"/>
  <c r="U161101" i="1"/>
  <c r="U161100" i="1"/>
  <c r="U161099" i="1"/>
  <c r="U161098" i="1"/>
  <c r="U161097" i="1"/>
  <c r="U161096" i="1"/>
  <c r="U161095" i="1"/>
  <c r="U161094" i="1"/>
  <c r="U161093" i="1"/>
  <c r="U161092" i="1"/>
  <c r="U161091" i="1"/>
  <c r="U161090" i="1"/>
  <c r="U161089" i="1"/>
  <c r="U161088" i="1"/>
  <c r="U161087" i="1"/>
  <c r="U161086" i="1"/>
  <c r="U161085" i="1"/>
  <c r="U161084" i="1"/>
  <c r="U161083" i="1"/>
  <c r="U161082" i="1"/>
  <c r="U161081" i="1"/>
  <c r="U161080" i="1"/>
  <c r="U161079" i="1"/>
  <c r="U161078" i="1"/>
  <c r="U161077" i="1"/>
  <c r="U161076" i="1"/>
  <c r="U161075" i="1"/>
  <c r="U161074" i="1"/>
  <c r="U161073" i="1"/>
  <c r="U161072" i="1"/>
  <c r="U161071" i="1"/>
  <c r="U161070" i="1"/>
  <c r="U161069" i="1"/>
  <c r="U161068" i="1"/>
  <c r="U161067" i="1"/>
  <c r="U161066" i="1"/>
  <c r="U161065" i="1"/>
  <c r="U161064" i="1"/>
  <c r="U161063" i="1"/>
  <c r="U161062" i="1"/>
  <c r="U161061" i="1"/>
  <c r="U161060" i="1"/>
  <c r="U161059" i="1"/>
  <c r="U161058" i="1"/>
  <c r="U161057" i="1"/>
  <c r="U161056" i="1"/>
  <c r="U161055" i="1"/>
  <c r="U161054" i="1"/>
  <c r="U161053" i="1"/>
  <c r="U161052" i="1"/>
  <c r="U161051" i="1"/>
  <c r="U161050" i="1"/>
  <c r="U161049" i="1"/>
  <c r="U161048" i="1"/>
  <c r="U161047" i="1"/>
  <c r="U161046" i="1"/>
  <c r="U161045" i="1"/>
  <c r="U161044" i="1"/>
  <c r="U161043" i="1"/>
  <c r="U161042" i="1"/>
  <c r="U161041" i="1"/>
  <c r="U161040" i="1"/>
  <c r="U161039" i="1"/>
  <c r="U161038" i="1"/>
  <c r="U161037" i="1"/>
  <c r="U161036" i="1"/>
  <c r="U161035" i="1"/>
  <c r="U161034" i="1"/>
  <c r="U161033" i="1"/>
  <c r="U161032" i="1"/>
  <c r="U161031" i="1"/>
  <c r="U161030" i="1"/>
  <c r="U161029" i="1"/>
  <c r="U161028" i="1"/>
  <c r="U161027" i="1"/>
  <c r="U161026" i="1"/>
  <c r="U161025" i="1"/>
  <c r="U161024" i="1"/>
  <c r="U161023" i="1"/>
  <c r="U161022" i="1"/>
  <c r="U161021" i="1"/>
  <c r="U161020" i="1"/>
  <c r="U161019" i="1"/>
  <c r="U161018" i="1"/>
  <c r="U161017" i="1"/>
  <c r="U161016" i="1"/>
  <c r="U161015" i="1"/>
  <c r="U161014" i="1"/>
  <c r="U161013" i="1"/>
  <c r="U161012" i="1"/>
  <c r="U161011" i="1"/>
  <c r="U161010" i="1"/>
  <c r="U161009" i="1"/>
  <c r="U161008" i="1"/>
  <c r="U161007" i="1"/>
  <c r="U161006" i="1"/>
  <c r="U161005" i="1"/>
  <c r="U161004" i="1"/>
  <c r="U161003" i="1"/>
  <c r="U161002" i="1"/>
  <c r="U161001" i="1"/>
  <c r="U161000" i="1"/>
  <c r="U160999" i="1"/>
  <c r="U160998" i="1"/>
  <c r="U160997" i="1"/>
  <c r="U160996" i="1"/>
  <c r="U160995" i="1"/>
  <c r="U160994" i="1"/>
  <c r="U160993" i="1"/>
  <c r="U160992" i="1"/>
  <c r="U160991" i="1"/>
  <c r="U160990" i="1"/>
  <c r="U160989" i="1"/>
  <c r="U160988" i="1"/>
  <c r="U160987" i="1"/>
  <c r="U160986" i="1"/>
  <c r="U160985" i="1"/>
  <c r="U160984" i="1"/>
  <c r="U160983" i="1"/>
  <c r="U160982" i="1"/>
  <c r="U160981" i="1"/>
  <c r="U160980" i="1"/>
  <c r="U160979" i="1"/>
  <c r="U160978" i="1"/>
  <c r="U160977" i="1"/>
  <c r="U160976" i="1"/>
  <c r="U160975" i="1"/>
  <c r="U160974" i="1"/>
  <c r="U160973" i="1"/>
  <c r="U160972" i="1"/>
  <c r="U160971" i="1"/>
  <c r="U160970" i="1"/>
  <c r="U160969" i="1"/>
  <c r="U160968" i="1"/>
  <c r="U160967" i="1"/>
  <c r="U160966" i="1"/>
  <c r="U160965" i="1"/>
  <c r="U160964" i="1"/>
  <c r="U160963" i="1"/>
  <c r="U160962" i="1"/>
  <c r="U160961" i="1"/>
  <c r="U160960" i="1"/>
  <c r="U160959" i="1"/>
  <c r="U160958" i="1"/>
  <c r="U160957" i="1"/>
  <c r="U160956" i="1"/>
  <c r="U160955" i="1"/>
  <c r="U160954" i="1"/>
  <c r="U160953" i="1"/>
  <c r="U160952" i="1"/>
  <c r="U160951" i="1"/>
  <c r="U160950" i="1"/>
  <c r="U160949" i="1"/>
  <c r="U160948" i="1"/>
  <c r="U160947" i="1"/>
  <c r="U160946" i="1"/>
  <c r="U160945" i="1"/>
  <c r="U160944" i="1"/>
  <c r="U160943" i="1"/>
  <c r="U160942" i="1"/>
  <c r="U160941" i="1"/>
  <c r="U160940" i="1"/>
  <c r="U160939" i="1"/>
  <c r="U160938" i="1"/>
  <c r="U160937" i="1"/>
  <c r="U160936" i="1"/>
  <c r="U160935" i="1"/>
  <c r="U160934" i="1"/>
  <c r="U160933" i="1"/>
  <c r="U160932" i="1"/>
  <c r="U160931" i="1"/>
  <c r="U160930" i="1"/>
  <c r="U160929" i="1"/>
  <c r="U160928" i="1"/>
  <c r="U160927" i="1"/>
  <c r="U160926" i="1"/>
  <c r="U160925" i="1"/>
  <c r="U160924" i="1"/>
  <c r="U160923" i="1"/>
  <c r="U160922" i="1"/>
  <c r="U160921" i="1"/>
  <c r="U160920" i="1"/>
  <c r="U160919" i="1"/>
  <c r="U160918" i="1"/>
  <c r="U160917" i="1"/>
  <c r="U160916" i="1"/>
  <c r="U160915" i="1"/>
  <c r="U160914" i="1"/>
  <c r="U160913" i="1"/>
  <c r="U160912" i="1"/>
  <c r="U160911" i="1"/>
  <c r="U160910" i="1"/>
  <c r="U160909" i="1"/>
  <c r="U160908" i="1"/>
  <c r="U160907" i="1"/>
  <c r="U160906" i="1"/>
  <c r="U160905" i="1"/>
  <c r="U160904" i="1"/>
  <c r="U160903" i="1"/>
  <c r="U160902" i="1"/>
  <c r="U160901" i="1"/>
  <c r="U160900" i="1"/>
  <c r="U160899" i="1"/>
  <c r="U160898" i="1"/>
  <c r="U160897" i="1"/>
  <c r="U160896" i="1"/>
  <c r="U160895" i="1"/>
  <c r="U160894" i="1"/>
  <c r="U160893" i="1"/>
  <c r="U160892" i="1"/>
  <c r="U160891" i="1"/>
  <c r="U160890" i="1"/>
  <c r="U160889" i="1"/>
  <c r="U160888" i="1"/>
  <c r="U160887" i="1"/>
  <c r="U160886" i="1"/>
  <c r="U160885" i="1"/>
  <c r="U160884" i="1"/>
  <c r="U160883" i="1"/>
  <c r="U160882" i="1"/>
  <c r="U160881" i="1"/>
  <c r="U160880" i="1"/>
  <c r="U160879" i="1"/>
  <c r="U160878" i="1"/>
  <c r="U160877" i="1"/>
  <c r="U160876" i="1"/>
  <c r="U160875" i="1"/>
  <c r="U160874" i="1"/>
  <c r="U160873" i="1"/>
  <c r="U160872" i="1"/>
  <c r="U160871" i="1"/>
  <c r="U160870" i="1"/>
  <c r="U160869" i="1"/>
  <c r="U160868" i="1"/>
  <c r="U160867" i="1"/>
  <c r="U160866" i="1"/>
  <c r="U160865" i="1"/>
  <c r="U160864" i="1"/>
  <c r="U160863" i="1"/>
  <c r="U160862" i="1"/>
  <c r="U160861" i="1"/>
  <c r="U160860" i="1"/>
  <c r="U160859" i="1"/>
  <c r="U160858" i="1"/>
  <c r="U160857" i="1"/>
  <c r="U160856" i="1"/>
  <c r="U160855" i="1"/>
  <c r="U160854" i="1"/>
  <c r="U160853" i="1"/>
  <c r="U160852" i="1"/>
  <c r="U160851" i="1"/>
  <c r="U160850" i="1"/>
  <c r="U160849" i="1"/>
  <c r="U160848" i="1"/>
  <c r="U160847" i="1"/>
  <c r="U160846" i="1"/>
  <c r="U160845" i="1"/>
  <c r="U160844" i="1"/>
  <c r="U160843" i="1"/>
  <c r="U160842" i="1"/>
  <c r="U160841" i="1"/>
  <c r="U160840" i="1"/>
  <c r="U160839" i="1"/>
  <c r="U160838" i="1"/>
  <c r="U160837" i="1"/>
  <c r="U160836" i="1"/>
  <c r="U160835" i="1"/>
  <c r="U160834" i="1"/>
  <c r="U160833" i="1"/>
  <c r="U160832" i="1"/>
  <c r="U160831" i="1"/>
  <c r="U160830" i="1"/>
  <c r="U160829" i="1"/>
  <c r="U160828" i="1"/>
  <c r="U160827" i="1"/>
  <c r="U160826" i="1"/>
  <c r="U160825" i="1"/>
  <c r="U160824" i="1"/>
  <c r="U160823" i="1"/>
  <c r="U160822" i="1"/>
  <c r="U160821" i="1"/>
  <c r="U160820" i="1"/>
  <c r="U160819" i="1"/>
  <c r="U160818" i="1"/>
  <c r="U160817" i="1"/>
  <c r="U160816" i="1"/>
  <c r="U160815" i="1"/>
  <c r="U160814" i="1"/>
  <c r="U160813" i="1"/>
  <c r="U160812" i="1"/>
  <c r="U160811" i="1"/>
  <c r="U160810" i="1"/>
  <c r="U160809" i="1"/>
  <c r="U160808" i="1"/>
  <c r="U160807" i="1"/>
  <c r="U160806" i="1"/>
  <c r="U160805" i="1"/>
  <c r="U160804" i="1"/>
  <c r="U160803" i="1"/>
  <c r="U160802" i="1"/>
  <c r="U160801" i="1"/>
  <c r="U160800" i="1"/>
  <c r="U160799" i="1"/>
  <c r="U160798" i="1"/>
  <c r="U160797" i="1"/>
  <c r="U160796" i="1"/>
  <c r="U160795" i="1"/>
  <c r="U160794" i="1"/>
  <c r="U160793" i="1"/>
  <c r="U160792" i="1"/>
  <c r="U160791" i="1"/>
  <c r="U160790" i="1"/>
  <c r="U160789" i="1"/>
  <c r="U160788" i="1"/>
  <c r="U160787" i="1"/>
  <c r="U160786" i="1"/>
  <c r="U160785" i="1"/>
  <c r="U160784" i="1"/>
  <c r="U160783" i="1"/>
  <c r="U160782" i="1"/>
  <c r="U160781" i="1"/>
  <c r="U160780" i="1"/>
  <c r="U160779" i="1"/>
  <c r="U160778" i="1"/>
  <c r="U160777" i="1"/>
  <c r="U160776" i="1"/>
  <c r="U160775" i="1"/>
  <c r="U160774" i="1"/>
  <c r="U160773" i="1"/>
  <c r="U160772" i="1"/>
  <c r="U160771" i="1"/>
  <c r="U160770" i="1"/>
  <c r="U160769" i="1"/>
  <c r="U160768" i="1"/>
  <c r="U160767" i="1"/>
  <c r="U160766" i="1"/>
  <c r="U160765" i="1"/>
  <c r="U160764" i="1"/>
  <c r="U160763" i="1"/>
  <c r="U160762" i="1"/>
  <c r="U160761" i="1"/>
  <c r="U160760" i="1"/>
  <c r="U160759" i="1"/>
  <c r="U160758" i="1"/>
  <c r="U160757" i="1"/>
  <c r="U160756" i="1"/>
  <c r="U160755" i="1"/>
  <c r="U160754" i="1"/>
  <c r="U160753" i="1"/>
  <c r="U160752" i="1"/>
  <c r="U160751" i="1"/>
  <c r="U160750" i="1"/>
  <c r="U160749" i="1"/>
  <c r="U160748" i="1"/>
  <c r="U160747" i="1"/>
  <c r="U160746" i="1"/>
  <c r="U160745" i="1"/>
  <c r="U160744" i="1"/>
  <c r="U160743" i="1"/>
  <c r="U160742" i="1"/>
  <c r="U160741" i="1"/>
  <c r="U160740" i="1"/>
  <c r="U160739" i="1"/>
  <c r="U160738" i="1"/>
  <c r="U160737" i="1"/>
  <c r="U160736" i="1"/>
  <c r="U160735" i="1"/>
  <c r="U160734" i="1"/>
  <c r="U160733" i="1"/>
  <c r="U160732" i="1"/>
  <c r="U160731" i="1"/>
  <c r="U160730" i="1"/>
  <c r="U160729" i="1"/>
  <c r="U160728" i="1"/>
  <c r="U160727" i="1"/>
  <c r="U160726" i="1"/>
  <c r="U160725" i="1"/>
  <c r="U160724" i="1"/>
  <c r="U160723" i="1"/>
  <c r="U160722" i="1"/>
  <c r="U160721" i="1"/>
  <c r="U160720" i="1"/>
  <c r="U160719" i="1"/>
  <c r="U160718" i="1"/>
  <c r="U160717" i="1"/>
  <c r="U160716" i="1"/>
  <c r="U160715" i="1"/>
  <c r="U160714" i="1"/>
  <c r="U160713" i="1"/>
  <c r="U160712" i="1"/>
  <c r="U160711" i="1"/>
  <c r="U160710" i="1"/>
  <c r="U160709" i="1"/>
  <c r="U160708" i="1"/>
  <c r="U160707" i="1"/>
  <c r="U160706" i="1"/>
  <c r="U160705" i="1"/>
  <c r="U160704" i="1"/>
  <c r="U160703" i="1"/>
  <c r="U160702" i="1"/>
  <c r="U160701" i="1"/>
  <c r="U160700" i="1"/>
  <c r="U160699" i="1"/>
  <c r="U160698" i="1"/>
  <c r="U160697" i="1"/>
  <c r="U160696" i="1"/>
  <c r="U160695" i="1"/>
  <c r="U160694" i="1"/>
  <c r="U160693" i="1"/>
  <c r="U160692" i="1"/>
  <c r="U160691" i="1"/>
  <c r="U160690" i="1"/>
  <c r="U160689" i="1"/>
  <c r="U160688" i="1"/>
  <c r="U160687" i="1"/>
  <c r="U160686" i="1"/>
  <c r="U160685" i="1"/>
  <c r="U160684" i="1"/>
  <c r="U160683" i="1"/>
  <c r="U160682" i="1"/>
  <c r="U160681" i="1"/>
  <c r="U160680" i="1"/>
  <c r="U160679" i="1"/>
  <c r="U160678" i="1"/>
  <c r="U160677" i="1"/>
  <c r="U160676" i="1"/>
  <c r="U160675" i="1"/>
  <c r="U160674" i="1"/>
  <c r="U160673" i="1"/>
  <c r="U160672" i="1"/>
  <c r="U160671" i="1"/>
  <c r="U160670" i="1"/>
  <c r="U160669" i="1"/>
  <c r="U160668" i="1"/>
  <c r="U160667" i="1"/>
  <c r="U160666" i="1"/>
  <c r="U160665" i="1"/>
  <c r="U160664" i="1"/>
  <c r="U160663" i="1"/>
  <c r="U160662" i="1"/>
  <c r="U160661" i="1"/>
  <c r="U160660" i="1"/>
  <c r="U160659" i="1"/>
  <c r="U160658" i="1"/>
  <c r="U160657" i="1"/>
  <c r="U160656" i="1"/>
  <c r="U160655" i="1"/>
  <c r="U160654" i="1"/>
  <c r="U160653" i="1"/>
  <c r="U160652" i="1"/>
  <c r="U160651" i="1"/>
  <c r="U160650" i="1"/>
  <c r="U160649" i="1"/>
  <c r="U160648" i="1"/>
  <c r="U160647" i="1"/>
  <c r="U160646" i="1"/>
  <c r="U160645" i="1"/>
  <c r="U160644" i="1"/>
  <c r="U160643" i="1"/>
  <c r="U160642" i="1"/>
  <c r="U160641" i="1"/>
  <c r="U160640" i="1"/>
  <c r="U160639" i="1"/>
  <c r="U160638" i="1"/>
  <c r="U160637" i="1"/>
  <c r="U160636" i="1"/>
  <c r="U160635" i="1"/>
  <c r="U160634" i="1"/>
  <c r="U160633" i="1"/>
  <c r="U160632" i="1"/>
  <c r="U160631" i="1"/>
  <c r="U160630" i="1"/>
  <c r="U160629" i="1"/>
  <c r="U160628" i="1"/>
  <c r="U160627" i="1"/>
  <c r="U160626" i="1"/>
  <c r="U160625" i="1"/>
  <c r="U160624" i="1"/>
  <c r="U160623" i="1"/>
  <c r="U160622" i="1"/>
  <c r="U160621" i="1"/>
  <c r="U160620" i="1"/>
  <c r="U160619" i="1"/>
  <c r="U160618" i="1"/>
  <c r="U160617" i="1"/>
  <c r="U160616" i="1"/>
  <c r="U160615" i="1"/>
  <c r="U160614" i="1"/>
  <c r="U160613" i="1"/>
  <c r="U160612" i="1"/>
  <c r="U160611" i="1"/>
  <c r="U160610" i="1"/>
  <c r="U160609" i="1"/>
  <c r="U160608" i="1"/>
  <c r="U160607" i="1"/>
  <c r="U160606" i="1"/>
  <c r="U160605" i="1"/>
  <c r="U160604" i="1"/>
  <c r="U160603" i="1"/>
  <c r="U160602" i="1"/>
  <c r="U160601" i="1"/>
  <c r="U160600" i="1"/>
  <c r="U160599" i="1"/>
  <c r="U160598" i="1"/>
  <c r="U160597" i="1"/>
  <c r="U160596" i="1"/>
  <c r="U160595" i="1"/>
  <c r="U160594" i="1"/>
  <c r="U160593" i="1"/>
  <c r="U160592" i="1"/>
  <c r="U160591" i="1"/>
  <c r="U160590" i="1"/>
  <c r="U160589" i="1"/>
  <c r="U160588" i="1"/>
  <c r="U160587" i="1"/>
  <c r="U160586" i="1"/>
  <c r="U160585" i="1"/>
  <c r="U160584" i="1"/>
  <c r="U160583" i="1"/>
  <c r="U160582" i="1"/>
  <c r="U160581" i="1"/>
  <c r="U160580" i="1"/>
  <c r="U160579" i="1"/>
  <c r="U160578" i="1"/>
  <c r="U160577" i="1"/>
  <c r="U160576" i="1"/>
  <c r="U160575" i="1"/>
  <c r="U160574" i="1"/>
  <c r="U160573" i="1"/>
  <c r="U160572" i="1"/>
  <c r="U160571" i="1"/>
  <c r="U160570" i="1"/>
  <c r="U160569" i="1"/>
  <c r="U160568" i="1"/>
  <c r="U160567" i="1"/>
  <c r="U160566" i="1"/>
  <c r="U160565" i="1"/>
  <c r="U160564" i="1"/>
  <c r="U160563" i="1"/>
  <c r="U160562" i="1"/>
  <c r="U160561" i="1"/>
  <c r="U160560" i="1"/>
  <c r="U160559" i="1"/>
  <c r="U160558" i="1"/>
  <c r="U160557" i="1"/>
  <c r="U160556" i="1"/>
  <c r="U160555" i="1"/>
  <c r="U160554" i="1"/>
  <c r="U160553" i="1"/>
  <c r="U160552" i="1"/>
  <c r="U160551" i="1"/>
  <c r="U160550" i="1"/>
  <c r="U160549" i="1"/>
  <c r="U160548" i="1"/>
  <c r="U160547" i="1"/>
  <c r="U160546" i="1"/>
  <c r="U160545" i="1"/>
  <c r="U160544" i="1"/>
  <c r="U160543" i="1"/>
  <c r="U160542" i="1"/>
  <c r="U160541" i="1"/>
  <c r="U160540" i="1"/>
  <c r="U160539" i="1"/>
  <c r="U160538" i="1"/>
  <c r="U160537" i="1"/>
  <c r="U160536" i="1"/>
  <c r="U160535" i="1"/>
  <c r="U160534" i="1"/>
  <c r="U160533" i="1"/>
  <c r="U160532" i="1"/>
  <c r="U160531" i="1"/>
  <c r="U160530" i="1"/>
  <c r="U160529" i="1"/>
  <c r="U160528" i="1"/>
  <c r="U160527" i="1"/>
  <c r="U160526" i="1"/>
  <c r="U160525" i="1"/>
  <c r="U160524" i="1"/>
  <c r="U160523" i="1"/>
  <c r="U160522" i="1"/>
  <c r="U160521" i="1"/>
  <c r="U160520" i="1"/>
  <c r="U160519" i="1"/>
  <c r="U160518" i="1"/>
  <c r="U160517" i="1"/>
  <c r="U160516" i="1"/>
  <c r="U160515" i="1"/>
  <c r="U160514" i="1"/>
  <c r="U160513" i="1"/>
  <c r="U160512" i="1"/>
  <c r="U160511" i="1"/>
  <c r="U160510" i="1"/>
  <c r="U160509" i="1"/>
  <c r="U160508" i="1"/>
  <c r="U160507" i="1"/>
  <c r="U160506" i="1"/>
  <c r="U160505" i="1"/>
  <c r="U160504" i="1"/>
  <c r="U160503" i="1"/>
  <c r="U160502" i="1"/>
  <c r="U160501" i="1"/>
  <c r="U160500" i="1"/>
  <c r="U160499" i="1"/>
  <c r="U160498" i="1"/>
  <c r="U160497" i="1"/>
  <c r="U160496" i="1"/>
  <c r="U160495" i="1"/>
  <c r="U160494" i="1"/>
  <c r="U160493" i="1"/>
  <c r="U160492" i="1"/>
  <c r="U160491" i="1"/>
  <c r="U160490" i="1"/>
  <c r="U160489" i="1"/>
  <c r="U160488" i="1"/>
  <c r="U160487" i="1"/>
  <c r="U160486" i="1"/>
  <c r="U160485" i="1"/>
  <c r="U160484" i="1"/>
  <c r="U160483" i="1"/>
  <c r="U160482" i="1"/>
  <c r="U160481" i="1"/>
  <c r="U160480" i="1"/>
  <c r="U160479" i="1"/>
  <c r="U160478" i="1"/>
  <c r="U160477" i="1"/>
  <c r="U160476" i="1"/>
  <c r="U160475" i="1"/>
  <c r="U160474" i="1"/>
  <c r="U160473" i="1"/>
  <c r="U160472" i="1"/>
  <c r="U160471" i="1"/>
  <c r="U160470" i="1"/>
  <c r="U160469" i="1"/>
  <c r="U160468" i="1"/>
  <c r="U160467" i="1"/>
  <c r="U160466" i="1"/>
  <c r="U160465" i="1"/>
  <c r="U160464" i="1"/>
  <c r="U160463" i="1"/>
  <c r="U160462" i="1"/>
  <c r="U160461" i="1"/>
  <c r="U160460" i="1"/>
  <c r="U160459" i="1"/>
  <c r="U160458" i="1"/>
  <c r="U160457" i="1"/>
  <c r="U160456" i="1"/>
  <c r="U160455" i="1"/>
  <c r="U160454" i="1"/>
  <c r="U160453" i="1"/>
  <c r="U160452" i="1"/>
  <c r="U160451" i="1"/>
  <c r="U160450" i="1"/>
  <c r="U160449" i="1"/>
  <c r="U160448" i="1"/>
  <c r="U160447" i="1"/>
  <c r="U160446" i="1"/>
  <c r="U160445" i="1"/>
  <c r="U160444" i="1"/>
  <c r="U160443" i="1"/>
  <c r="U160442" i="1"/>
  <c r="U160441" i="1"/>
  <c r="U160440" i="1"/>
  <c r="U160439" i="1"/>
  <c r="U160438" i="1"/>
  <c r="U160437" i="1"/>
  <c r="U160436" i="1"/>
  <c r="U160435" i="1"/>
  <c r="U160434" i="1"/>
  <c r="U160433" i="1"/>
  <c r="U160432" i="1"/>
  <c r="U160431" i="1"/>
  <c r="U160430" i="1"/>
  <c r="U160429" i="1"/>
  <c r="U160428" i="1"/>
  <c r="U160427" i="1"/>
  <c r="U160426" i="1"/>
  <c r="U160425" i="1"/>
  <c r="U160424" i="1"/>
  <c r="U160423" i="1"/>
  <c r="U160422" i="1"/>
  <c r="U160421" i="1"/>
  <c r="U160420" i="1"/>
  <c r="U160419" i="1"/>
  <c r="U160418" i="1"/>
  <c r="U160417" i="1"/>
  <c r="U160416" i="1"/>
  <c r="U160415" i="1"/>
  <c r="U160414" i="1"/>
  <c r="U160413" i="1"/>
  <c r="U160412" i="1"/>
  <c r="U160411" i="1"/>
  <c r="U160410" i="1"/>
  <c r="U160409" i="1"/>
  <c r="U160408" i="1"/>
  <c r="U160407" i="1"/>
  <c r="U160406" i="1"/>
  <c r="U160405" i="1"/>
  <c r="U160404" i="1"/>
  <c r="U160403" i="1"/>
  <c r="U160402" i="1"/>
  <c r="U160401" i="1"/>
  <c r="U160400" i="1"/>
  <c r="U160399" i="1"/>
  <c r="U160398" i="1"/>
  <c r="U160397" i="1"/>
  <c r="U160396" i="1"/>
  <c r="U160395" i="1"/>
  <c r="U160394" i="1"/>
  <c r="U160393" i="1"/>
  <c r="U160392" i="1"/>
  <c r="U160391" i="1"/>
  <c r="U160390" i="1"/>
  <c r="U160389" i="1"/>
  <c r="U160388" i="1"/>
  <c r="U160387" i="1"/>
  <c r="U160386" i="1"/>
  <c r="U160385" i="1"/>
  <c r="U160384" i="1"/>
  <c r="U160383" i="1"/>
  <c r="U160382" i="1"/>
  <c r="U160381" i="1"/>
  <c r="U160380" i="1"/>
  <c r="U160379" i="1"/>
  <c r="U160378" i="1"/>
  <c r="U160377" i="1"/>
  <c r="U160376" i="1"/>
  <c r="U160375" i="1"/>
  <c r="U160374" i="1"/>
  <c r="U160373" i="1"/>
  <c r="U160372" i="1"/>
  <c r="U160371" i="1"/>
  <c r="U160370" i="1"/>
  <c r="U160369" i="1"/>
  <c r="U160368" i="1"/>
  <c r="U160367" i="1"/>
  <c r="U160366" i="1"/>
  <c r="U160365" i="1"/>
  <c r="U160364" i="1"/>
  <c r="U160363" i="1"/>
  <c r="U160362" i="1"/>
  <c r="U160361" i="1"/>
  <c r="U160360" i="1"/>
  <c r="U160359" i="1"/>
  <c r="U160358" i="1"/>
  <c r="U160357" i="1"/>
  <c r="U160356" i="1"/>
  <c r="U160355" i="1"/>
  <c r="U160354" i="1"/>
  <c r="U160353" i="1"/>
  <c r="U160352" i="1"/>
  <c r="U160351" i="1"/>
  <c r="U160350" i="1"/>
  <c r="U160349" i="1"/>
  <c r="U160348" i="1"/>
  <c r="U160347" i="1"/>
  <c r="U160346" i="1"/>
  <c r="U160345" i="1"/>
  <c r="U160344" i="1"/>
  <c r="U160343" i="1"/>
  <c r="U160342" i="1"/>
  <c r="U160341" i="1"/>
  <c r="U160340" i="1"/>
  <c r="U160339" i="1"/>
  <c r="U160338" i="1"/>
  <c r="U160337" i="1"/>
  <c r="U160336" i="1"/>
  <c r="U160335" i="1"/>
  <c r="U160334" i="1"/>
  <c r="U160333" i="1"/>
  <c r="U160332" i="1"/>
  <c r="U160331" i="1"/>
  <c r="U160330" i="1"/>
  <c r="U160329" i="1"/>
  <c r="U160328" i="1"/>
  <c r="U160327" i="1"/>
  <c r="U160326" i="1"/>
  <c r="U160325" i="1"/>
  <c r="U160324" i="1"/>
  <c r="U160323" i="1"/>
  <c r="U160322" i="1"/>
  <c r="U160321" i="1"/>
  <c r="U160320" i="1"/>
  <c r="U160319" i="1"/>
  <c r="U160318" i="1"/>
  <c r="U160317" i="1"/>
  <c r="U160316" i="1"/>
  <c r="U160315" i="1"/>
  <c r="U160314" i="1"/>
  <c r="U160313" i="1"/>
  <c r="U160312" i="1"/>
  <c r="U160311" i="1"/>
  <c r="U160310" i="1"/>
  <c r="U160309" i="1"/>
  <c r="U160308" i="1"/>
  <c r="U160307" i="1"/>
  <c r="U160306" i="1"/>
  <c r="U160305" i="1"/>
  <c r="U160304" i="1"/>
  <c r="U160303" i="1"/>
  <c r="U160302" i="1"/>
  <c r="U160301" i="1"/>
  <c r="U160300" i="1"/>
  <c r="U160299" i="1"/>
  <c r="U160298" i="1"/>
  <c r="U160297" i="1"/>
  <c r="U160296" i="1"/>
  <c r="U160295" i="1"/>
  <c r="U160294" i="1"/>
  <c r="U160293" i="1"/>
  <c r="U160292" i="1"/>
  <c r="U160291" i="1"/>
  <c r="U160290" i="1"/>
  <c r="U160289" i="1"/>
  <c r="U160288" i="1"/>
  <c r="U160287" i="1"/>
  <c r="U160286" i="1"/>
  <c r="U160285" i="1"/>
  <c r="U160284" i="1"/>
  <c r="U160283" i="1"/>
  <c r="U160282" i="1"/>
  <c r="U160281" i="1"/>
  <c r="U160280" i="1"/>
  <c r="U160279" i="1"/>
  <c r="U160278" i="1"/>
  <c r="U160277" i="1"/>
  <c r="U160276" i="1"/>
  <c r="U160275" i="1"/>
  <c r="U160274" i="1"/>
  <c r="U160273" i="1"/>
  <c r="U160272" i="1"/>
  <c r="U160271" i="1"/>
  <c r="U160270" i="1"/>
  <c r="U160269" i="1"/>
  <c r="U160268" i="1"/>
  <c r="U160267" i="1"/>
  <c r="U160266" i="1"/>
  <c r="U160265" i="1"/>
  <c r="U160264" i="1"/>
  <c r="U160263" i="1"/>
  <c r="U160262" i="1"/>
  <c r="U160261" i="1"/>
  <c r="U160260" i="1"/>
  <c r="U160259" i="1"/>
  <c r="U160258" i="1"/>
  <c r="U160257" i="1"/>
  <c r="U160256" i="1"/>
  <c r="U160255" i="1"/>
  <c r="U160254" i="1"/>
  <c r="U160253" i="1"/>
  <c r="U160252" i="1"/>
  <c r="U160251" i="1"/>
  <c r="U160250" i="1"/>
  <c r="U160249" i="1"/>
  <c r="U160248" i="1"/>
  <c r="U160247" i="1"/>
  <c r="U160246" i="1"/>
  <c r="U160245" i="1"/>
  <c r="U160244" i="1"/>
  <c r="U160243" i="1"/>
  <c r="U160242" i="1"/>
  <c r="U160241" i="1"/>
  <c r="U160240" i="1"/>
  <c r="U160239" i="1"/>
  <c r="U160238" i="1"/>
  <c r="U160237" i="1"/>
  <c r="U160236" i="1"/>
  <c r="U160235" i="1"/>
  <c r="U160234" i="1"/>
  <c r="U160233" i="1"/>
  <c r="U160232" i="1"/>
  <c r="U160231" i="1"/>
  <c r="U160230" i="1"/>
  <c r="U160229" i="1"/>
  <c r="U160228" i="1"/>
  <c r="U160227" i="1"/>
  <c r="U160226" i="1"/>
  <c r="U160225" i="1"/>
  <c r="U160224" i="1"/>
  <c r="U160223" i="1"/>
  <c r="U160222" i="1"/>
  <c r="U160221" i="1"/>
  <c r="U160220" i="1"/>
  <c r="U160219" i="1"/>
  <c r="U160218" i="1"/>
  <c r="U160217" i="1"/>
  <c r="U160216" i="1"/>
  <c r="U160215" i="1"/>
  <c r="U160214" i="1"/>
  <c r="U160213" i="1"/>
  <c r="U160212" i="1"/>
  <c r="U160211" i="1"/>
  <c r="U160210" i="1"/>
  <c r="U160209" i="1"/>
  <c r="U160208" i="1"/>
  <c r="U160207" i="1"/>
  <c r="U160206" i="1"/>
  <c r="U160205" i="1"/>
  <c r="U160204" i="1"/>
  <c r="U160203" i="1"/>
  <c r="U160202" i="1"/>
  <c r="U160201" i="1"/>
  <c r="U160200" i="1"/>
  <c r="U160199" i="1"/>
  <c r="U160198" i="1"/>
  <c r="U160197" i="1"/>
  <c r="U160196" i="1"/>
  <c r="U160195" i="1"/>
  <c r="U160194" i="1"/>
  <c r="U160193" i="1"/>
  <c r="U160192" i="1"/>
  <c r="U160191" i="1"/>
  <c r="U160190" i="1"/>
  <c r="U160189" i="1"/>
  <c r="U160188" i="1"/>
  <c r="U160187" i="1"/>
  <c r="U160186" i="1"/>
  <c r="U160185" i="1"/>
  <c r="U160184" i="1"/>
  <c r="U160183" i="1"/>
  <c r="U160182" i="1"/>
  <c r="U160181" i="1"/>
  <c r="U160180" i="1"/>
  <c r="U160179" i="1"/>
  <c r="U160178" i="1"/>
  <c r="U160177" i="1"/>
  <c r="U160176" i="1"/>
  <c r="U160175" i="1"/>
  <c r="U160174" i="1"/>
  <c r="U160173" i="1"/>
  <c r="U160172" i="1"/>
  <c r="U160171" i="1"/>
  <c r="U160170" i="1"/>
  <c r="U160169" i="1"/>
  <c r="U160168" i="1"/>
  <c r="U160167" i="1"/>
  <c r="U160166" i="1"/>
  <c r="U160165" i="1"/>
  <c r="U160164" i="1"/>
  <c r="U160163" i="1"/>
  <c r="U160162" i="1"/>
  <c r="U160161" i="1"/>
  <c r="U160160" i="1"/>
  <c r="U160159" i="1"/>
  <c r="U160158" i="1"/>
  <c r="U160157" i="1"/>
  <c r="U160156" i="1"/>
  <c r="U160155" i="1"/>
  <c r="U160154" i="1"/>
  <c r="U160153" i="1"/>
  <c r="U160152" i="1"/>
  <c r="U160151" i="1"/>
  <c r="U160150" i="1"/>
  <c r="U160149" i="1"/>
  <c r="U160148" i="1"/>
  <c r="U160147" i="1"/>
  <c r="U160146" i="1"/>
  <c r="U160145" i="1"/>
  <c r="U160144" i="1"/>
  <c r="U160143" i="1"/>
  <c r="U160142" i="1"/>
  <c r="U160141" i="1"/>
  <c r="U160140" i="1"/>
  <c r="U160139" i="1"/>
  <c r="U160138" i="1"/>
  <c r="U160137" i="1"/>
  <c r="U160136" i="1"/>
  <c r="U160135" i="1"/>
  <c r="U160134" i="1"/>
  <c r="U160133" i="1"/>
  <c r="U160132" i="1"/>
  <c r="U160131" i="1"/>
  <c r="U160130" i="1"/>
  <c r="U160129" i="1"/>
  <c r="U160128" i="1"/>
  <c r="U160127" i="1"/>
  <c r="U160126" i="1"/>
  <c r="U160125" i="1"/>
  <c r="U160124" i="1"/>
  <c r="U160123" i="1"/>
  <c r="U160122" i="1"/>
  <c r="U160121" i="1"/>
  <c r="U160120" i="1"/>
  <c r="U160119" i="1"/>
  <c r="U160118" i="1"/>
  <c r="U160117" i="1"/>
  <c r="U160116" i="1"/>
  <c r="U160115" i="1"/>
  <c r="U160114" i="1"/>
  <c r="U160113" i="1"/>
  <c r="U160112" i="1"/>
  <c r="U160111" i="1"/>
  <c r="U160110" i="1"/>
  <c r="U160109" i="1"/>
  <c r="U160108" i="1"/>
  <c r="U160107" i="1"/>
  <c r="U160106" i="1"/>
  <c r="U160105" i="1"/>
  <c r="U160104" i="1"/>
  <c r="U160103" i="1"/>
  <c r="U160102" i="1"/>
  <c r="U160101" i="1"/>
  <c r="U160100" i="1"/>
  <c r="U160099" i="1"/>
  <c r="U160098" i="1"/>
  <c r="U160097" i="1"/>
  <c r="U160096" i="1"/>
  <c r="U160095" i="1"/>
  <c r="U160094" i="1"/>
  <c r="U160093" i="1"/>
  <c r="U160092" i="1"/>
  <c r="U160091" i="1"/>
  <c r="U160090" i="1"/>
  <c r="U160089" i="1"/>
  <c r="U160088" i="1"/>
  <c r="U160087" i="1"/>
  <c r="U160086" i="1"/>
  <c r="U160085" i="1"/>
  <c r="U160084" i="1"/>
  <c r="U160083" i="1"/>
  <c r="U160082" i="1"/>
  <c r="U160081" i="1"/>
  <c r="U160080" i="1"/>
  <c r="U160079" i="1"/>
  <c r="U160078" i="1"/>
  <c r="U160077" i="1"/>
  <c r="U160076" i="1"/>
  <c r="U160075" i="1"/>
  <c r="U160074" i="1"/>
  <c r="U160073" i="1"/>
  <c r="U160072" i="1"/>
  <c r="U160071" i="1"/>
  <c r="U160070" i="1"/>
  <c r="U160069" i="1"/>
  <c r="U160068" i="1"/>
  <c r="U160067" i="1"/>
  <c r="U160066" i="1"/>
  <c r="U160065" i="1"/>
  <c r="U160064" i="1"/>
  <c r="U160063" i="1"/>
  <c r="U160062" i="1"/>
  <c r="U160061" i="1"/>
  <c r="U160060" i="1"/>
  <c r="U160059" i="1"/>
  <c r="U160058" i="1"/>
  <c r="U160057" i="1"/>
  <c r="U160056" i="1"/>
  <c r="U160055" i="1"/>
  <c r="U160054" i="1"/>
  <c r="U160053" i="1"/>
  <c r="U160052" i="1"/>
  <c r="U160051" i="1"/>
  <c r="U160050" i="1"/>
  <c r="U160049" i="1"/>
  <c r="U160048" i="1"/>
  <c r="U160047" i="1"/>
  <c r="U160046" i="1"/>
  <c r="U160045" i="1"/>
  <c r="U160044" i="1"/>
  <c r="U160043" i="1"/>
  <c r="U160042" i="1"/>
  <c r="U160041" i="1"/>
  <c r="U160040" i="1"/>
  <c r="U160039" i="1"/>
  <c r="U160038" i="1"/>
  <c r="U160037" i="1"/>
  <c r="U160036" i="1"/>
  <c r="U160035" i="1"/>
  <c r="U160034" i="1"/>
  <c r="U160033" i="1"/>
  <c r="U160032" i="1"/>
  <c r="U160031" i="1"/>
  <c r="U160030" i="1"/>
  <c r="U160029" i="1"/>
  <c r="U160028" i="1"/>
  <c r="U160027" i="1"/>
  <c r="U160026" i="1"/>
  <c r="U160025" i="1"/>
  <c r="U160024" i="1"/>
  <c r="U160023" i="1"/>
  <c r="U160022" i="1"/>
  <c r="U160021" i="1"/>
  <c r="U160020" i="1"/>
  <c r="U160019" i="1"/>
  <c r="U160018" i="1"/>
  <c r="U160017" i="1"/>
  <c r="U160016" i="1"/>
  <c r="U160015" i="1"/>
  <c r="U160014" i="1"/>
  <c r="U160013" i="1"/>
  <c r="U160012" i="1"/>
  <c r="U160011" i="1"/>
  <c r="U160010" i="1"/>
  <c r="U160009" i="1"/>
  <c r="U160008" i="1"/>
  <c r="U160007" i="1"/>
  <c r="U160006" i="1"/>
  <c r="U160005" i="1"/>
  <c r="U160004" i="1"/>
  <c r="U160003" i="1"/>
  <c r="U160002" i="1"/>
  <c r="U160001" i="1"/>
  <c r="U160000" i="1"/>
  <c r="U159999" i="1"/>
  <c r="U159998" i="1"/>
  <c r="U159997" i="1"/>
  <c r="U159996" i="1"/>
  <c r="U159995" i="1"/>
  <c r="U159994" i="1"/>
  <c r="U159993" i="1"/>
  <c r="U159992" i="1"/>
  <c r="U159991" i="1"/>
  <c r="U159990" i="1"/>
  <c r="U159989" i="1"/>
  <c r="U159988" i="1"/>
  <c r="U159987" i="1"/>
  <c r="U159986" i="1"/>
  <c r="U159985" i="1"/>
  <c r="U159984" i="1"/>
  <c r="U159983" i="1"/>
  <c r="U159982" i="1"/>
  <c r="U159981" i="1"/>
  <c r="U159980" i="1"/>
  <c r="U159979" i="1"/>
  <c r="U159978" i="1"/>
  <c r="U159977" i="1"/>
  <c r="U159976" i="1"/>
  <c r="U159975" i="1"/>
  <c r="U159974" i="1"/>
  <c r="U159973" i="1"/>
  <c r="U159972" i="1"/>
  <c r="U159971" i="1"/>
  <c r="U159970" i="1"/>
  <c r="U159969" i="1"/>
  <c r="U159968" i="1"/>
  <c r="U159967" i="1"/>
  <c r="U159966" i="1"/>
  <c r="U159965" i="1"/>
  <c r="U159964" i="1"/>
  <c r="U159963" i="1"/>
  <c r="U159962" i="1"/>
  <c r="U159961" i="1"/>
  <c r="U159960" i="1"/>
  <c r="U159959" i="1"/>
  <c r="U159958" i="1"/>
  <c r="U159957" i="1"/>
  <c r="U159956" i="1"/>
  <c r="U159955" i="1"/>
  <c r="U159954" i="1"/>
  <c r="U159953" i="1"/>
  <c r="U159952" i="1"/>
  <c r="U159951" i="1"/>
  <c r="U159950" i="1"/>
  <c r="U159949" i="1"/>
  <c r="U159948" i="1"/>
  <c r="U159947" i="1"/>
  <c r="U159946" i="1"/>
  <c r="U159945" i="1"/>
  <c r="U159944" i="1"/>
  <c r="U159943" i="1"/>
  <c r="U159942" i="1"/>
  <c r="U159941" i="1"/>
  <c r="U159940" i="1"/>
  <c r="U159939" i="1"/>
  <c r="U159938" i="1"/>
  <c r="U159937" i="1"/>
  <c r="U159936" i="1"/>
  <c r="U159935" i="1"/>
  <c r="U159934" i="1"/>
  <c r="U159933" i="1"/>
  <c r="U159932" i="1"/>
  <c r="U159931" i="1"/>
  <c r="U159930" i="1"/>
  <c r="U159929" i="1"/>
  <c r="U159928" i="1"/>
  <c r="U159927" i="1"/>
  <c r="U159926" i="1"/>
  <c r="U159925" i="1"/>
  <c r="U159924" i="1"/>
  <c r="U159923" i="1"/>
  <c r="U159922" i="1"/>
  <c r="U159921" i="1"/>
  <c r="U159920" i="1"/>
  <c r="U159919" i="1"/>
  <c r="U159918" i="1"/>
  <c r="U159917" i="1"/>
  <c r="U159916" i="1"/>
  <c r="U159915" i="1"/>
  <c r="U159914" i="1"/>
  <c r="U159913" i="1"/>
  <c r="U159912" i="1"/>
  <c r="U159911" i="1"/>
  <c r="U159910" i="1"/>
  <c r="U159909" i="1"/>
  <c r="U159908" i="1"/>
  <c r="U159907" i="1"/>
  <c r="U159906" i="1"/>
  <c r="U159905" i="1"/>
  <c r="U159904" i="1"/>
  <c r="U159903" i="1"/>
  <c r="U159902" i="1"/>
  <c r="U159901" i="1"/>
  <c r="U159900" i="1"/>
  <c r="U159899" i="1"/>
  <c r="U159898" i="1"/>
  <c r="U159897" i="1"/>
  <c r="U159896" i="1"/>
  <c r="U159895" i="1"/>
  <c r="U159894" i="1"/>
  <c r="U159893" i="1"/>
  <c r="U159892" i="1"/>
  <c r="U159891" i="1"/>
  <c r="U159890" i="1"/>
  <c r="U159889" i="1"/>
  <c r="U159888" i="1"/>
  <c r="U159887" i="1"/>
  <c r="U159886" i="1"/>
  <c r="U159885" i="1"/>
  <c r="U159884" i="1"/>
  <c r="U159883" i="1"/>
  <c r="U159882" i="1"/>
  <c r="U159881" i="1"/>
  <c r="U159880" i="1"/>
  <c r="U159879" i="1"/>
  <c r="U159878" i="1"/>
  <c r="U159877" i="1"/>
  <c r="U159876" i="1"/>
  <c r="U159875" i="1"/>
  <c r="U159874" i="1"/>
  <c r="U159873" i="1"/>
  <c r="U159872" i="1"/>
  <c r="U159871" i="1"/>
  <c r="U159870" i="1"/>
  <c r="U159869" i="1"/>
  <c r="U159868" i="1"/>
  <c r="U159867" i="1"/>
  <c r="U159866" i="1"/>
  <c r="U159865" i="1"/>
  <c r="U159864" i="1"/>
  <c r="U159863" i="1"/>
  <c r="U159862" i="1"/>
  <c r="U159861" i="1"/>
  <c r="U159860" i="1"/>
  <c r="U159859" i="1"/>
  <c r="U159858" i="1"/>
  <c r="U159857" i="1"/>
  <c r="U159856" i="1"/>
  <c r="U159855" i="1"/>
  <c r="U159854" i="1"/>
  <c r="U159853" i="1"/>
  <c r="U159852" i="1"/>
  <c r="U159851" i="1"/>
  <c r="U159850" i="1"/>
  <c r="U159849" i="1"/>
  <c r="U159848" i="1"/>
  <c r="U159847" i="1"/>
  <c r="U159846" i="1"/>
  <c r="U159845" i="1"/>
  <c r="U159844" i="1"/>
  <c r="U159843" i="1"/>
  <c r="U159842" i="1"/>
  <c r="U159841" i="1"/>
  <c r="U159840" i="1"/>
  <c r="U159839" i="1"/>
  <c r="U159838" i="1"/>
  <c r="U159837" i="1"/>
  <c r="U159836" i="1"/>
  <c r="U159835" i="1"/>
  <c r="U159834" i="1"/>
  <c r="U159833" i="1"/>
  <c r="U159832" i="1"/>
  <c r="U159831" i="1"/>
  <c r="U159830" i="1"/>
  <c r="U159829" i="1"/>
  <c r="U159828" i="1"/>
  <c r="U159827" i="1"/>
  <c r="U159826" i="1"/>
  <c r="U159825" i="1"/>
  <c r="U159824" i="1"/>
  <c r="U159823" i="1"/>
  <c r="U159822" i="1"/>
  <c r="U159821" i="1"/>
  <c r="U159820" i="1"/>
  <c r="U159819" i="1"/>
  <c r="U159818" i="1"/>
  <c r="U159817" i="1"/>
  <c r="U159816" i="1"/>
  <c r="U159815" i="1"/>
  <c r="U159814" i="1"/>
  <c r="U159813" i="1"/>
  <c r="U159812" i="1"/>
  <c r="U159811" i="1"/>
  <c r="U159810" i="1"/>
  <c r="U159809" i="1"/>
  <c r="U159808" i="1"/>
  <c r="U159807" i="1"/>
  <c r="U159806" i="1"/>
  <c r="U159805" i="1"/>
  <c r="U159804" i="1"/>
  <c r="U159803" i="1"/>
  <c r="U159802" i="1"/>
  <c r="U159801" i="1"/>
  <c r="U159800" i="1"/>
  <c r="U159799" i="1"/>
  <c r="U159798" i="1"/>
  <c r="U159797" i="1"/>
  <c r="U159796" i="1"/>
  <c r="U159795" i="1"/>
  <c r="U159794" i="1"/>
  <c r="U159793" i="1"/>
  <c r="U159792" i="1"/>
  <c r="U159791" i="1"/>
  <c r="U159790" i="1"/>
  <c r="U159789" i="1"/>
  <c r="U159788" i="1"/>
  <c r="U159787" i="1"/>
  <c r="U159786" i="1"/>
  <c r="U159785" i="1"/>
  <c r="U159784" i="1"/>
  <c r="U159783" i="1"/>
  <c r="U159782" i="1"/>
  <c r="U159781" i="1"/>
  <c r="U159780" i="1"/>
  <c r="U159779" i="1"/>
  <c r="U159778" i="1"/>
  <c r="U159777" i="1"/>
  <c r="U159776" i="1"/>
  <c r="U159775" i="1"/>
  <c r="U159774" i="1"/>
  <c r="U159773" i="1"/>
  <c r="U159772" i="1"/>
  <c r="U159771" i="1"/>
  <c r="U159770" i="1"/>
  <c r="U159769" i="1"/>
  <c r="U159768" i="1"/>
  <c r="U159767" i="1"/>
  <c r="U159766" i="1"/>
  <c r="U159765" i="1"/>
  <c r="U159764" i="1"/>
  <c r="U159763" i="1"/>
  <c r="U159762" i="1"/>
  <c r="U159761" i="1"/>
  <c r="U159760" i="1"/>
  <c r="U159759" i="1"/>
  <c r="U159758" i="1"/>
  <c r="U159757" i="1"/>
  <c r="U159756" i="1"/>
  <c r="U159755" i="1"/>
  <c r="U159754" i="1"/>
  <c r="U159753" i="1"/>
  <c r="U159752" i="1"/>
  <c r="U159751" i="1"/>
  <c r="U159750" i="1"/>
  <c r="U159749" i="1"/>
  <c r="U159748" i="1"/>
  <c r="U159747" i="1"/>
  <c r="U159746" i="1"/>
  <c r="U159745" i="1"/>
  <c r="U159744" i="1"/>
  <c r="U159743" i="1"/>
  <c r="U159742" i="1"/>
  <c r="U159741" i="1"/>
  <c r="U159740" i="1"/>
  <c r="U159739" i="1"/>
  <c r="U159738" i="1"/>
  <c r="U159737" i="1"/>
  <c r="U159736" i="1"/>
  <c r="U159735" i="1"/>
  <c r="U159734" i="1"/>
  <c r="U159733" i="1"/>
  <c r="U159732" i="1"/>
  <c r="U159731" i="1"/>
  <c r="U159730" i="1"/>
  <c r="U159729" i="1"/>
  <c r="U159728" i="1"/>
  <c r="U159727" i="1"/>
  <c r="U159726" i="1"/>
  <c r="U159725" i="1"/>
  <c r="U159724" i="1"/>
  <c r="U159723" i="1"/>
  <c r="U159722" i="1"/>
  <c r="U159721" i="1"/>
  <c r="U159720" i="1"/>
  <c r="U159719" i="1"/>
  <c r="U159718" i="1"/>
  <c r="U159717" i="1"/>
  <c r="U159716" i="1"/>
  <c r="U159715" i="1"/>
  <c r="U159714" i="1"/>
  <c r="U159713" i="1"/>
  <c r="U159712" i="1"/>
  <c r="U159711" i="1"/>
  <c r="U159710" i="1"/>
  <c r="U159709" i="1"/>
  <c r="U159708" i="1"/>
  <c r="U159707" i="1"/>
  <c r="U159706" i="1"/>
  <c r="U159705" i="1"/>
  <c r="U159704" i="1"/>
  <c r="U159703" i="1"/>
  <c r="U159702" i="1"/>
  <c r="U159701" i="1"/>
  <c r="U159700" i="1"/>
  <c r="U159699" i="1"/>
  <c r="U159698" i="1"/>
  <c r="U159697" i="1"/>
  <c r="U159696" i="1"/>
  <c r="U159695" i="1"/>
  <c r="U159694" i="1"/>
  <c r="U159693" i="1"/>
  <c r="U159692" i="1"/>
  <c r="U159691" i="1"/>
  <c r="U159690" i="1"/>
  <c r="U159689" i="1"/>
  <c r="U159688" i="1"/>
  <c r="U159687" i="1"/>
  <c r="U159686" i="1"/>
  <c r="U159685" i="1"/>
  <c r="U159684" i="1"/>
  <c r="U159683" i="1"/>
  <c r="U159682" i="1"/>
  <c r="U159681" i="1"/>
  <c r="U159680" i="1"/>
  <c r="U159679" i="1"/>
  <c r="U159678" i="1"/>
  <c r="U159677" i="1"/>
  <c r="U159676" i="1"/>
  <c r="U159675" i="1"/>
  <c r="U159674" i="1"/>
  <c r="U159673" i="1"/>
  <c r="U159672" i="1"/>
  <c r="U159671" i="1"/>
  <c r="U159670" i="1"/>
  <c r="U159669" i="1"/>
  <c r="U159668" i="1"/>
  <c r="U159667" i="1"/>
  <c r="U159666" i="1"/>
  <c r="U159665" i="1"/>
  <c r="U159664" i="1"/>
  <c r="U159663" i="1"/>
  <c r="U159662" i="1"/>
  <c r="U159661" i="1"/>
  <c r="U159660" i="1"/>
  <c r="U159659" i="1"/>
  <c r="U159658" i="1"/>
  <c r="U159657" i="1"/>
  <c r="U159656" i="1"/>
  <c r="U159655" i="1"/>
  <c r="U159654" i="1"/>
  <c r="U159653" i="1"/>
  <c r="U159652" i="1"/>
  <c r="U159651" i="1"/>
  <c r="U159650" i="1"/>
  <c r="U159649" i="1"/>
  <c r="U159648" i="1"/>
  <c r="U159647" i="1"/>
  <c r="U159646" i="1"/>
  <c r="U159645" i="1"/>
  <c r="U159644" i="1"/>
  <c r="U159643" i="1"/>
  <c r="U159642" i="1"/>
  <c r="U159641" i="1"/>
  <c r="U159640" i="1"/>
  <c r="U159639" i="1"/>
  <c r="U159638" i="1"/>
  <c r="U159637" i="1"/>
  <c r="U159636" i="1"/>
  <c r="U159635" i="1"/>
  <c r="U159634" i="1"/>
  <c r="U159633" i="1"/>
  <c r="U159632" i="1"/>
  <c r="U159631" i="1"/>
  <c r="U159630" i="1"/>
  <c r="U159629" i="1"/>
  <c r="U159628" i="1"/>
  <c r="U159627" i="1"/>
  <c r="U159626" i="1"/>
  <c r="U159625" i="1"/>
  <c r="U159624" i="1"/>
  <c r="U159623" i="1"/>
  <c r="U159622" i="1"/>
  <c r="U159621" i="1"/>
  <c r="U159620" i="1"/>
  <c r="U159619" i="1"/>
  <c r="U159618" i="1"/>
  <c r="U159617" i="1"/>
  <c r="U159616" i="1"/>
  <c r="U159615" i="1"/>
  <c r="U159614" i="1"/>
  <c r="U159613" i="1"/>
  <c r="U159612" i="1"/>
  <c r="U159611" i="1"/>
  <c r="U159610" i="1"/>
  <c r="U159609" i="1"/>
  <c r="U159608" i="1"/>
  <c r="U159607" i="1"/>
  <c r="U159606" i="1"/>
  <c r="U159605" i="1"/>
  <c r="U159604" i="1"/>
  <c r="U159603" i="1"/>
  <c r="U159602" i="1"/>
  <c r="U159601" i="1"/>
  <c r="U159600" i="1"/>
  <c r="U159599" i="1"/>
  <c r="U159598" i="1"/>
  <c r="U159597" i="1"/>
  <c r="U159596" i="1"/>
  <c r="U159595" i="1"/>
  <c r="U159594" i="1"/>
  <c r="U159593" i="1"/>
  <c r="U159592" i="1"/>
  <c r="U159591" i="1"/>
  <c r="U159590" i="1"/>
  <c r="U159589" i="1"/>
  <c r="U159588" i="1"/>
  <c r="U159587" i="1"/>
  <c r="U159586" i="1"/>
  <c r="U159585" i="1"/>
  <c r="U159584" i="1"/>
  <c r="U159583" i="1"/>
  <c r="U159582" i="1"/>
  <c r="U159581" i="1"/>
  <c r="U159580" i="1"/>
  <c r="U159579" i="1"/>
  <c r="U159578" i="1"/>
  <c r="U159577" i="1"/>
  <c r="U159576" i="1"/>
  <c r="U159575" i="1"/>
  <c r="U159574" i="1"/>
  <c r="U159573" i="1"/>
  <c r="U159572" i="1"/>
  <c r="U159571" i="1"/>
  <c r="U159570" i="1"/>
  <c r="U159569" i="1"/>
  <c r="U159568" i="1"/>
  <c r="U159567" i="1"/>
  <c r="U159566" i="1"/>
  <c r="U159565" i="1"/>
  <c r="U159564" i="1"/>
  <c r="U159563" i="1"/>
  <c r="U159562" i="1"/>
  <c r="U159561" i="1"/>
  <c r="U159560" i="1"/>
  <c r="U159559" i="1"/>
  <c r="U159558" i="1"/>
  <c r="U159557" i="1"/>
  <c r="U159556" i="1"/>
  <c r="U159555" i="1"/>
  <c r="U159554" i="1"/>
  <c r="U159553" i="1"/>
  <c r="U159552" i="1"/>
  <c r="U159551" i="1"/>
  <c r="U159550" i="1"/>
  <c r="U159549" i="1"/>
  <c r="U159548" i="1"/>
  <c r="U159547" i="1"/>
  <c r="U159546" i="1"/>
  <c r="U159545" i="1"/>
  <c r="U159544" i="1"/>
  <c r="U159543" i="1"/>
  <c r="U159542" i="1"/>
  <c r="U159541" i="1"/>
  <c r="U159540" i="1"/>
  <c r="U159539" i="1"/>
  <c r="U159538" i="1"/>
  <c r="U159537" i="1"/>
  <c r="U159536" i="1"/>
  <c r="U159535" i="1"/>
  <c r="U159534" i="1"/>
  <c r="U159533" i="1"/>
  <c r="U159532" i="1"/>
  <c r="U159531" i="1"/>
  <c r="U159530" i="1"/>
  <c r="U159529" i="1"/>
  <c r="U159528" i="1"/>
  <c r="U159527" i="1"/>
  <c r="U159526" i="1"/>
  <c r="U159525" i="1"/>
  <c r="U159524" i="1"/>
  <c r="U159523" i="1"/>
  <c r="U159522" i="1"/>
  <c r="U159521" i="1"/>
  <c r="U159520" i="1"/>
  <c r="U159519" i="1"/>
  <c r="U159518" i="1"/>
  <c r="U159517" i="1"/>
  <c r="U159516" i="1"/>
  <c r="U159515" i="1"/>
  <c r="U159514" i="1"/>
  <c r="U159513" i="1"/>
  <c r="U159512" i="1"/>
  <c r="U159511" i="1"/>
  <c r="U159510" i="1"/>
  <c r="U159509" i="1"/>
  <c r="U159508" i="1"/>
  <c r="U159507" i="1"/>
  <c r="U159506" i="1"/>
  <c r="U159505" i="1"/>
  <c r="U159504" i="1"/>
  <c r="U159503" i="1"/>
  <c r="U159502" i="1"/>
  <c r="U159501" i="1"/>
  <c r="U159500" i="1"/>
  <c r="U159499" i="1"/>
  <c r="U159498" i="1"/>
  <c r="U159497" i="1"/>
  <c r="U159496" i="1"/>
  <c r="U159495" i="1"/>
  <c r="U159494" i="1"/>
  <c r="U159493" i="1"/>
  <c r="U159492" i="1"/>
  <c r="U159491" i="1"/>
  <c r="U159490" i="1"/>
  <c r="U159489" i="1"/>
  <c r="U159488" i="1"/>
  <c r="U159487" i="1"/>
  <c r="U159486" i="1"/>
  <c r="U159485" i="1"/>
  <c r="U159484" i="1"/>
  <c r="U159483" i="1"/>
  <c r="U159482" i="1"/>
  <c r="U159481" i="1"/>
  <c r="U159480" i="1"/>
  <c r="U159479" i="1"/>
  <c r="U159478" i="1"/>
  <c r="U159477" i="1"/>
  <c r="U159476" i="1"/>
  <c r="U159475" i="1"/>
  <c r="U159474" i="1"/>
  <c r="U159473" i="1"/>
  <c r="U159472" i="1"/>
  <c r="U159471" i="1"/>
  <c r="U159470" i="1"/>
  <c r="U159469" i="1"/>
  <c r="U159468" i="1"/>
  <c r="U159467" i="1"/>
  <c r="U159466" i="1"/>
  <c r="U159465" i="1"/>
  <c r="U159464" i="1"/>
  <c r="U159463" i="1"/>
  <c r="U159462" i="1"/>
  <c r="U159461" i="1"/>
  <c r="U159460" i="1"/>
  <c r="U159459" i="1"/>
  <c r="U159458" i="1"/>
  <c r="U159457" i="1"/>
  <c r="U159456" i="1"/>
  <c r="U159455" i="1"/>
  <c r="U159454" i="1"/>
  <c r="U159453" i="1"/>
  <c r="U159452" i="1"/>
  <c r="U159451" i="1"/>
  <c r="U159450" i="1"/>
  <c r="U159449" i="1"/>
  <c r="U159448" i="1"/>
  <c r="U159447" i="1"/>
  <c r="U159446" i="1"/>
  <c r="U159445" i="1"/>
  <c r="U159444" i="1"/>
  <c r="U159443" i="1"/>
  <c r="U159442" i="1"/>
  <c r="U159441" i="1"/>
  <c r="U159440" i="1"/>
  <c r="U159439" i="1"/>
  <c r="U159438" i="1"/>
  <c r="U159437" i="1"/>
  <c r="U159436" i="1"/>
  <c r="U159435" i="1"/>
  <c r="U159434" i="1"/>
  <c r="U159433" i="1"/>
  <c r="U159432" i="1"/>
  <c r="U159431" i="1"/>
  <c r="U159430" i="1"/>
  <c r="U159429" i="1"/>
  <c r="U159428" i="1"/>
  <c r="U159427" i="1"/>
  <c r="U159426" i="1"/>
  <c r="U159425" i="1"/>
  <c r="U159424" i="1"/>
  <c r="U159423" i="1"/>
  <c r="U159422" i="1"/>
  <c r="U159421" i="1"/>
  <c r="U159420" i="1"/>
  <c r="U159419" i="1"/>
  <c r="U159418" i="1"/>
  <c r="U159417" i="1"/>
  <c r="U159416" i="1"/>
  <c r="U159415" i="1"/>
  <c r="U159414" i="1"/>
  <c r="U159413" i="1"/>
  <c r="U159412" i="1"/>
  <c r="U159411" i="1"/>
  <c r="U159410" i="1"/>
  <c r="U159409" i="1"/>
  <c r="U159408" i="1"/>
  <c r="U159407" i="1"/>
  <c r="U159406" i="1"/>
  <c r="U159405" i="1"/>
  <c r="U159404" i="1"/>
  <c r="U159403" i="1"/>
  <c r="U159402" i="1"/>
  <c r="U159401" i="1"/>
  <c r="U159400" i="1"/>
  <c r="U159399" i="1"/>
  <c r="U159398" i="1"/>
  <c r="U159397" i="1"/>
  <c r="U159396" i="1"/>
  <c r="U159395" i="1"/>
  <c r="U159394" i="1"/>
  <c r="U159393" i="1"/>
  <c r="U159392" i="1"/>
  <c r="U159391" i="1"/>
  <c r="U159390" i="1"/>
  <c r="U159389" i="1"/>
  <c r="U159388" i="1"/>
  <c r="U159387" i="1"/>
  <c r="U159386" i="1"/>
  <c r="U159385" i="1"/>
  <c r="U159384" i="1"/>
  <c r="U159383" i="1"/>
  <c r="U159382" i="1"/>
  <c r="U159381" i="1"/>
  <c r="U159380" i="1"/>
  <c r="U159379" i="1"/>
  <c r="U159378" i="1"/>
  <c r="U159377" i="1"/>
  <c r="U159376" i="1"/>
  <c r="U159375" i="1"/>
  <c r="U159374" i="1"/>
  <c r="U159373" i="1"/>
  <c r="U159372" i="1"/>
  <c r="U159371" i="1"/>
  <c r="U159370" i="1"/>
  <c r="U159369" i="1"/>
  <c r="U159368" i="1"/>
  <c r="U159367" i="1"/>
  <c r="U159366" i="1"/>
  <c r="U159365" i="1"/>
  <c r="U159364" i="1"/>
  <c r="U159363" i="1"/>
  <c r="U159362" i="1"/>
  <c r="U159361" i="1"/>
  <c r="U159360" i="1"/>
  <c r="U159359" i="1"/>
  <c r="U159358" i="1"/>
  <c r="U159357" i="1"/>
  <c r="U159356" i="1"/>
  <c r="U159355" i="1"/>
  <c r="U159354" i="1"/>
  <c r="U159353" i="1"/>
  <c r="U159352" i="1"/>
  <c r="U159351" i="1"/>
  <c r="U159350" i="1"/>
  <c r="U159349" i="1"/>
  <c r="U159348" i="1"/>
  <c r="U159347" i="1"/>
  <c r="U159346" i="1"/>
  <c r="U159345" i="1"/>
  <c r="U159344" i="1"/>
  <c r="U159343" i="1"/>
  <c r="U159342" i="1"/>
  <c r="U159341" i="1"/>
  <c r="U159340" i="1"/>
  <c r="U159339" i="1"/>
  <c r="U159338" i="1"/>
  <c r="U159337" i="1"/>
  <c r="U159336" i="1"/>
  <c r="U159335" i="1"/>
  <c r="U159334" i="1"/>
  <c r="U159333" i="1"/>
  <c r="U159332" i="1"/>
  <c r="U159331" i="1"/>
  <c r="U159330" i="1"/>
  <c r="U159329" i="1"/>
  <c r="U159328" i="1"/>
  <c r="U159327" i="1"/>
  <c r="U159326" i="1"/>
  <c r="U159325" i="1"/>
  <c r="U159324" i="1"/>
  <c r="U159323" i="1"/>
  <c r="U159322" i="1"/>
  <c r="U159321" i="1"/>
  <c r="U159320" i="1"/>
  <c r="U159319" i="1"/>
  <c r="U159318" i="1"/>
  <c r="U159317" i="1"/>
  <c r="U159316" i="1"/>
  <c r="U159315" i="1"/>
  <c r="U159314" i="1"/>
  <c r="U159313" i="1"/>
  <c r="U159312" i="1"/>
  <c r="U159311" i="1"/>
  <c r="U159310" i="1"/>
  <c r="U159309" i="1"/>
  <c r="U159308" i="1"/>
  <c r="U159307" i="1"/>
  <c r="U159306" i="1"/>
  <c r="U159305" i="1"/>
  <c r="U159304" i="1"/>
  <c r="U159303" i="1"/>
  <c r="U159302" i="1"/>
  <c r="U159301" i="1"/>
  <c r="U159300" i="1"/>
  <c r="U159299" i="1"/>
  <c r="U159298" i="1"/>
  <c r="U159297" i="1"/>
  <c r="U159296" i="1"/>
  <c r="U159295" i="1"/>
  <c r="U159294" i="1"/>
  <c r="U159293" i="1"/>
  <c r="U159292" i="1"/>
  <c r="U159291" i="1"/>
  <c r="U159290" i="1"/>
  <c r="U159289" i="1"/>
  <c r="U159288" i="1"/>
  <c r="U159287" i="1"/>
  <c r="U159286" i="1"/>
  <c r="U159285" i="1"/>
  <c r="U159284" i="1"/>
  <c r="U159283" i="1"/>
  <c r="U159282" i="1"/>
  <c r="U159281" i="1"/>
  <c r="U159280" i="1"/>
  <c r="U159279" i="1"/>
  <c r="U159278" i="1"/>
  <c r="U159277" i="1"/>
  <c r="U159276" i="1"/>
  <c r="U159275" i="1"/>
  <c r="U159274" i="1"/>
  <c r="U159273" i="1"/>
  <c r="U159272" i="1"/>
  <c r="U159271" i="1"/>
  <c r="U159270" i="1"/>
  <c r="U159269" i="1"/>
  <c r="U159268" i="1"/>
  <c r="U159267" i="1"/>
  <c r="U159266" i="1"/>
  <c r="U159265" i="1"/>
  <c r="U159264" i="1"/>
  <c r="U159263" i="1"/>
  <c r="U159262" i="1"/>
  <c r="U159261" i="1"/>
  <c r="U159260" i="1"/>
  <c r="U159259" i="1"/>
  <c r="U159258" i="1"/>
  <c r="U159257" i="1"/>
  <c r="U159256" i="1"/>
  <c r="U159255" i="1"/>
  <c r="U159254" i="1"/>
  <c r="U159253" i="1"/>
  <c r="U159252" i="1"/>
  <c r="U159251" i="1"/>
  <c r="U159250" i="1"/>
  <c r="U159249" i="1"/>
  <c r="U159248" i="1"/>
  <c r="U159247" i="1"/>
  <c r="U159246" i="1"/>
  <c r="U159245" i="1"/>
  <c r="U159244" i="1"/>
  <c r="U159243" i="1"/>
  <c r="U159242" i="1"/>
  <c r="U159241" i="1"/>
  <c r="U159240" i="1"/>
  <c r="U159239" i="1"/>
  <c r="U159238" i="1"/>
  <c r="U159237" i="1"/>
  <c r="U159236" i="1"/>
  <c r="U159235" i="1"/>
  <c r="U159234" i="1"/>
  <c r="U159233" i="1"/>
  <c r="U159232" i="1"/>
  <c r="U159231" i="1"/>
  <c r="U159230" i="1"/>
  <c r="U159229" i="1"/>
  <c r="U159228" i="1"/>
  <c r="U159227" i="1"/>
  <c r="U159226" i="1"/>
  <c r="U159225" i="1"/>
  <c r="U159224" i="1"/>
  <c r="U159223" i="1"/>
  <c r="U159222" i="1"/>
  <c r="U159221" i="1"/>
  <c r="U159220" i="1"/>
  <c r="U159219" i="1"/>
  <c r="U159218" i="1"/>
  <c r="U159217" i="1"/>
  <c r="U159216" i="1"/>
  <c r="U159215" i="1"/>
  <c r="U159214" i="1"/>
  <c r="U159213" i="1"/>
  <c r="U159212" i="1"/>
  <c r="U159211" i="1"/>
  <c r="U159210" i="1"/>
  <c r="U159209" i="1"/>
  <c r="U159208" i="1"/>
  <c r="U159207" i="1"/>
  <c r="U159206" i="1"/>
  <c r="U159205" i="1"/>
  <c r="U159204" i="1"/>
  <c r="U159203" i="1"/>
  <c r="U159202" i="1"/>
  <c r="U159201" i="1"/>
  <c r="U159200" i="1"/>
  <c r="U159199" i="1"/>
  <c r="U159198" i="1"/>
  <c r="U159197" i="1"/>
  <c r="U159196" i="1"/>
  <c r="U159195" i="1"/>
  <c r="U159194" i="1"/>
  <c r="U159193" i="1"/>
  <c r="U159192" i="1"/>
  <c r="U159191" i="1"/>
  <c r="U159190" i="1"/>
  <c r="U159189" i="1"/>
  <c r="U159188" i="1"/>
  <c r="U159187" i="1"/>
  <c r="U159186" i="1"/>
  <c r="U159185" i="1"/>
  <c r="U159184" i="1"/>
  <c r="U159183" i="1"/>
  <c r="U159182" i="1"/>
  <c r="U159181" i="1"/>
  <c r="U159180" i="1"/>
  <c r="U159179" i="1"/>
  <c r="U159178" i="1"/>
  <c r="U159177" i="1"/>
  <c r="U159176" i="1"/>
  <c r="U159175" i="1"/>
  <c r="U159174" i="1"/>
  <c r="U159173" i="1"/>
  <c r="U159172" i="1"/>
  <c r="U159171" i="1"/>
  <c r="U159170" i="1"/>
  <c r="U159169" i="1"/>
  <c r="U159168" i="1"/>
  <c r="U159167" i="1"/>
  <c r="U159166" i="1"/>
  <c r="U159165" i="1"/>
  <c r="U159164" i="1"/>
  <c r="U159163" i="1"/>
  <c r="U159162" i="1"/>
  <c r="U159161" i="1"/>
  <c r="U159160" i="1"/>
  <c r="U159159" i="1"/>
  <c r="U159158" i="1"/>
  <c r="U159157" i="1"/>
  <c r="U159156" i="1"/>
  <c r="U159155" i="1"/>
  <c r="U159154" i="1"/>
  <c r="U159153" i="1"/>
  <c r="U159152" i="1"/>
  <c r="U159151" i="1"/>
  <c r="U159150" i="1"/>
  <c r="U159149" i="1"/>
  <c r="U159148" i="1"/>
  <c r="U159147" i="1"/>
  <c r="U159146" i="1"/>
  <c r="U159145" i="1"/>
  <c r="U159144" i="1"/>
  <c r="U159143" i="1"/>
  <c r="U159142" i="1"/>
  <c r="U159141" i="1"/>
  <c r="U159140" i="1"/>
  <c r="U159139" i="1"/>
  <c r="U159138" i="1"/>
  <c r="U159137" i="1"/>
  <c r="U159136" i="1"/>
  <c r="U159135" i="1"/>
  <c r="U159134" i="1"/>
  <c r="U159133" i="1"/>
  <c r="U159132" i="1"/>
  <c r="U159131" i="1"/>
  <c r="U159130" i="1"/>
  <c r="U159129" i="1"/>
  <c r="U159128" i="1"/>
  <c r="U159127" i="1"/>
  <c r="U159126" i="1"/>
  <c r="U159125" i="1"/>
  <c r="U159124" i="1"/>
  <c r="U159123" i="1"/>
  <c r="U159122" i="1"/>
  <c r="U159121" i="1"/>
  <c r="U159120" i="1"/>
  <c r="U159119" i="1"/>
  <c r="U159118" i="1"/>
  <c r="U159117" i="1"/>
  <c r="U159116" i="1"/>
  <c r="U159115" i="1"/>
  <c r="U159114" i="1"/>
  <c r="U159113" i="1"/>
  <c r="U159112" i="1"/>
  <c r="U159111" i="1"/>
  <c r="U159110" i="1"/>
  <c r="U159109" i="1"/>
  <c r="U159108" i="1"/>
  <c r="U159107" i="1"/>
  <c r="U159106" i="1"/>
  <c r="U159105" i="1"/>
  <c r="U159104" i="1"/>
  <c r="U159103" i="1"/>
  <c r="U159102" i="1"/>
  <c r="U159101" i="1"/>
  <c r="U159100" i="1"/>
  <c r="U159099" i="1"/>
  <c r="U159098" i="1"/>
  <c r="U159097" i="1"/>
  <c r="U159096" i="1"/>
  <c r="U159095" i="1"/>
  <c r="U159094" i="1"/>
  <c r="U159093" i="1"/>
  <c r="U159092" i="1"/>
  <c r="U159091" i="1"/>
  <c r="U159090" i="1"/>
  <c r="U159089" i="1"/>
  <c r="U159088" i="1"/>
  <c r="U159087" i="1"/>
  <c r="U159086" i="1"/>
  <c r="U159085" i="1"/>
  <c r="U159084" i="1"/>
  <c r="U159083" i="1"/>
  <c r="U159082" i="1"/>
  <c r="U159081" i="1"/>
  <c r="U159080" i="1"/>
  <c r="U159079" i="1"/>
  <c r="U159078" i="1"/>
  <c r="U159077" i="1"/>
  <c r="U159076" i="1"/>
  <c r="U159075" i="1"/>
  <c r="U159074" i="1"/>
  <c r="U159073" i="1"/>
  <c r="U159072" i="1"/>
  <c r="U159071" i="1"/>
  <c r="U159070" i="1"/>
  <c r="U159069" i="1"/>
  <c r="U159068" i="1"/>
  <c r="U159067" i="1"/>
  <c r="U159066" i="1"/>
  <c r="U159065" i="1"/>
  <c r="U159064" i="1"/>
  <c r="U159063" i="1"/>
  <c r="U159062" i="1"/>
  <c r="U159061" i="1"/>
  <c r="U159060" i="1"/>
  <c r="U159059" i="1"/>
  <c r="U159058" i="1"/>
  <c r="U159057" i="1"/>
  <c r="U159056" i="1"/>
  <c r="U159055" i="1"/>
  <c r="U159054" i="1"/>
  <c r="U159053" i="1"/>
  <c r="U159052" i="1"/>
  <c r="U159051" i="1"/>
  <c r="U159050" i="1"/>
  <c r="U159049" i="1"/>
  <c r="U159048" i="1"/>
  <c r="U159047" i="1"/>
  <c r="U159046" i="1"/>
  <c r="U159045" i="1"/>
  <c r="U159044" i="1"/>
  <c r="U159043" i="1"/>
  <c r="U159042" i="1"/>
  <c r="U159041" i="1"/>
  <c r="U159040" i="1"/>
  <c r="U159039" i="1"/>
  <c r="U159038" i="1"/>
  <c r="U159037" i="1"/>
  <c r="U159036" i="1"/>
  <c r="U159035" i="1"/>
  <c r="U159034" i="1"/>
  <c r="U159033" i="1"/>
  <c r="U159032" i="1"/>
  <c r="U159031" i="1"/>
  <c r="U159030" i="1"/>
  <c r="U159029" i="1"/>
  <c r="U159028" i="1"/>
  <c r="U159027" i="1"/>
  <c r="U159026" i="1"/>
  <c r="U159025" i="1"/>
  <c r="U159024" i="1"/>
  <c r="U159023" i="1"/>
  <c r="U159022" i="1"/>
  <c r="U159021" i="1"/>
  <c r="U159020" i="1"/>
  <c r="U159019" i="1"/>
  <c r="U159018" i="1"/>
  <c r="U159017" i="1"/>
  <c r="U159016" i="1"/>
  <c r="U159015" i="1"/>
  <c r="U159014" i="1"/>
  <c r="U159013" i="1"/>
  <c r="U159012" i="1"/>
  <c r="U159011" i="1"/>
  <c r="U159010" i="1"/>
  <c r="U159009" i="1"/>
  <c r="U159008" i="1"/>
  <c r="U159007" i="1"/>
  <c r="U159006" i="1"/>
  <c r="U159005" i="1"/>
  <c r="U159004" i="1"/>
  <c r="U159003" i="1"/>
  <c r="U159002" i="1"/>
  <c r="U159001" i="1"/>
  <c r="U159000" i="1"/>
  <c r="U158999" i="1"/>
  <c r="U158998" i="1"/>
  <c r="U158997" i="1"/>
  <c r="U158996" i="1"/>
  <c r="U158995" i="1"/>
  <c r="U158994" i="1"/>
  <c r="U158993" i="1"/>
  <c r="U158992" i="1"/>
  <c r="U158991" i="1"/>
  <c r="U158990" i="1"/>
  <c r="U158989" i="1"/>
  <c r="U158988" i="1"/>
  <c r="U158987" i="1"/>
  <c r="U158986" i="1"/>
  <c r="U158985" i="1"/>
  <c r="U158984" i="1"/>
  <c r="U158983" i="1"/>
  <c r="U158982" i="1"/>
  <c r="U158981" i="1"/>
  <c r="U158980" i="1"/>
  <c r="U158979" i="1"/>
  <c r="U158978" i="1"/>
  <c r="U158977" i="1"/>
  <c r="U158976" i="1"/>
  <c r="U158975" i="1"/>
  <c r="U158974" i="1"/>
  <c r="U158973" i="1"/>
  <c r="U158972" i="1"/>
  <c r="U158971" i="1"/>
  <c r="U158970" i="1"/>
  <c r="U158969" i="1"/>
  <c r="U158968" i="1"/>
  <c r="U158967" i="1"/>
  <c r="U158966" i="1"/>
  <c r="U158965" i="1"/>
  <c r="U158964" i="1"/>
  <c r="U158963" i="1"/>
  <c r="U158962" i="1"/>
  <c r="U158961" i="1"/>
  <c r="U158960" i="1"/>
  <c r="U158959" i="1"/>
  <c r="U158958" i="1"/>
  <c r="U158957" i="1"/>
  <c r="U158956" i="1"/>
  <c r="U158955" i="1"/>
  <c r="U158954" i="1"/>
  <c r="U158953" i="1"/>
  <c r="U158952" i="1"/>
  <c r="U158951" i="1"/>
  <c r="U158950" i="1"/>
  <c r="U158949" i="1"/>
  <c r="U158948" i="1"/>
  <c r="U158947" i="1"/>
  <c r="U158946" i="1"/>
  <c r="U158945" i="1"/>
  <c r="U158944" i="1"/>
  <c r="U158943" i="1"/>
  <c r="U158942" i="1"/>
  <c r="U158941" i="1"/>
  <c r="U158940" i="1"/>
  <c r="U158939" i="1"/>
  <c r="U158938" i="1"/>
  <c r="U158937" i="1"/>
  <c r="U158936" i="1"/>
  <c r="U158935" i="1"/>
  <c r="U158934" i="1"/>
  <c r="U158933" i="1"/>
  <c r="U158932" i="1"/>
  <c r="U158931" i="1"/>
  <c r="U158930" i="1"/>
  <c r="U158929" i="1"/>
  <c r="U158928" i="1"/>
  <c r="U158927" i="1"/>
  <c r="U158926" i="1"/>
  <c r="U158925" i="1"/>
  <c r="U158924" i="1"/>
  <c r="U158923" i="1"/>
  <c r="U158922" i="1"/>
  <c r="U158921" i="1"/>
  <c r="U158920" i="1"/>
  <c r="U158919" i="1"/>
  <c r="U158918" i="1"/>
  <c r="U158917" i="1"/>
  <c r="U158916" i="1"/>
  <c r="U158915" i="1"/>
  <c r="U158914" i="1"/>
  <c r="U158913" i="1"/>
  <c r="U158912" i="1"/>
  <c r="U158911" i="1"/>
  <c r="U158910" i="1"/>
  <c r="U158909" i="1"/>
  <c r="U158908" i="1"/>
  <c r="U158907" i="1"/>
  <c r="U158906" i="1"/>
  <c r="U158905" i="1"/>
  <c r="U158904" i="1"/>
  <c r="U158903" i="1"/>
  <c r="U158902" i="1"/>
  <c r="U158901" i="1"/>
  <c r="U158900" i="1"/>
  <c r="U158899" i="1"/>
  <c r="U158898" i="1"/>
  <c r="U158897" i="1"/>
  <c r="U158896" i="1"/>
  <c r="U158895" i="1"/>
  <c r="U158894" i="1"/>
  <c r="U158893" i="1"/>
  <c r="U158892" i="1"/>
  <c r="U158891" i="1"/>
  <c r="U158890" i="1"/>
  <c r="U158889" i="1"/>
  <c r="U158888" i="1"/>
  <c r="U158887" i="1"/>
  <c r="U158886" i="1"/>
  <c r="U158885" i="1"/>
  <c r="U158884" i="1"/>
  <c r="U158883" i="1"/>
  <c r="U158882" i="1"/>
  <c r="U158881" i="1"/>
  <c r="U158880" i="1"/>
  <c r="U158879" i="1"/>
  <c r="U158878" i="1"/>
  <c r="U158877" i="1"/>
  <c r="U158876" i="1"/>
  <c r="U158875" i="1"/>
  <c r="U158874" i="1"/>
  <c r="U158873" i="1"/>
  <c r="U158872" i="1"/>
  <c r="U158871" i="1"/>
  <c r="U158870" i="1"/>
  <c r="U158869" i="1"/>
  <c r="U158868" i="1"/>
  <c r="U158867" i="1"/>
  <c r="U158866" i="1"/>
  <c r="U158865" i="1"/>
  <c r="U158864" i="1"/>
  <c r="U158863" i="1"/>
  <c r="U158862" i="1"/>
  <c r="U158861" i="1"/>
  <c r="U158860" i="1"/>
  <c r="U158859" i="1"/>
  <c r="U158858" i="1"/>
  <c r="U158857" i="1"/>
  <c r="U158856" i="1"/>
  <c r="U158855" i="1"/>
  <c r="U158854" i="1"/>
  <c r="U158853" i="1"/>
  <c r="U158852" i="1"/>
  <c r="U158851" i="1"/>
  <c r="U158850" i="1"/>
  <c r="U158849" i="1"/>
  <c r="U158848" i="1"/>
  <c r="U158847" i="1"/>
  <c r="U158846" i="1"/>
  <c r="U158845" i="1"/>
  <c r="U158844" i="1"/>
  <c r="U158843" i="1"/>
  <c r="U158842" i="1"/>
  <c r="U158841" i="1"/>
  <c r="U158840" i="1"/>
  <c r="U158839" i="1"/>
  <c r="U158838" i="1"/>
  <c r="U158837" i="1"/>
  <c r="U158836" i="1"/>
  <c r="U158835" i="1"/>
  <c r="U158834" i="1"/>
  <c r="U158833" i="1"/>
  <c r="U158832" i="1"/>
  <c r="U158831" i="1"/>
  <c r="U158830" i="1"/>
  <c r="U158829" i="1"/>
  <c r="U158828" i="1"/>
  <c r="U158827" i="1"/>
  <c r="U158826" i="1"/>
  <c r="U158825" i="1"/>
  <c r="U158824" i="1"/>
  <c r="U158823" i="1"/>
  <c r="U158822" i="1"/>
  <c r="U158821" i="1"/>
  <c r="U158820" i="1"/>
  <c r="U158819" i="1"/>
  <c r="U158818" i="1"/>
  <c r="U158817" i="1"/>
  <c r="U158816" i="1"/>
  <c r="U158815" i="1"/>
  <c r="U158814" i="1"/>
  <c r="U158813" i="1"/>
  <c r="U158812" i="1"/>
  <c r="U158811" i="1"/>
  <c r="U158810" i="1"/>
  <c r="U158809" i="1"/>
  <c r="U158808" i="1"/>
  <c r="U158807" i="1"/>
  <c r="U158806" i="1"/>
  <c r="U158805" i="1"/>
  <c r="U158804" i="1"/>
  <c r="U158803" i="1"/>
  <c r="U158802" i="1"/>
  <c r="U158801" i="1"/>
  <c r="U158800" i="1"/>
  <c r="U158799" i="1"/>
  <c r="U158798" i="1"/>
  <c r="U158797" i="1"/>
  <c r="U158796" i="1"/>
  <c r="U158795" i="1"/>
  <c r="U158794" i="1"/>
  <c r="U158793" i="1"/>
  <c r="U158792" i="1"/>
  <c r="U158791" i="1"/>
  <c r="U158790" i="1"/>
  <c r="U158789" i="1"/>
  <c r="U158788" i="1"/>
  <c r="U158787" i="1"/>
  <c r="U158786" i="1"/>
  <c r="U158785" i="1"/>
  <c r="U158784" i="1"/>
  <c r="U158783" i="1"/>
  <c r="U158782" i="1"/>
  <c r="U158781" i="1"/>
  <c r="U158780" i="1"/>
  <c r="U158779" i="1"/>
  <c r="U158778" i="1"/>
  <c r="U158777" i="1"/>
  <c r="U158776" i="1"/>
  <c r="U158775" i="1"/>
  <c r="U158774" i="1"/>
  <c r="U158773" i="1"/>
  <c r="U158772" i="1"/>
  <c r="U158771" i="1"/>
  <c r="U158770" i="1"/>
  <c r="U158769" i="1"/>
  <c r="U158768" i="1"/>
  <c r="U158767" i="1"/>
  <c r="U158766" i="1"/>
  <c r="U158765" i="1"/>
  <c r="U158764" i="1"/>
  <c r="U158763" i="1"/>
  <c r="U158762" i="1"/>
  <c r="U158761" i="1"/>
  <c r="U158760" i="1"/>
  <c r="U158759" i="1"/>
  <c r="U158758" i="1"/>
  <c r="U158757" i="1"/>
  <c r="U158756" i="1"/>
  <c r="U158755" i="1"/>
  <c r="U158754" i="1"/>
  <c r="U158753" i="1"/>
  <c r="U158752" i="1"/>
  <c r="U158751" i="1"/>
  <c r="U158750" i="1"/>
  <c r="U158749" i="1"/>
  <c r="U158748" i="1"/>
  <c r="U158747" i="1"/>
  <c r="U158746" i="1"/>
  <c r="U158745" i="1"/>
  <c r="U158744" i="1"/>
  <c r="U158743" i="1"/>
  <c r="U158742" i="1"/>
  <c r="U158741" i="1"/>
  <c r="U158740" i="1"/>
  <c r="U158739" i="1"/>
  <c r="U158738" i="1"/>
  <c r="U158737" i="1"/>
  <c r="U158736" i="1"/>
  <c r="U158735" i="1"/>
  <c r="U158734" i="1"/>
  <c r="U158733" i="1"/>
  <c r="U158732" i="1"/>
  <c r="U158731" i="1"/>
  <c r="U158730" i="1"/>
  <c r="U158729" i="1"/>
  <c r="U158728" i="1"/>
  <c r="U158727" i="1"/>
  <c r="U158726" i="1"/>
  <c r="U158725" i="1"/>
  <c r="U158724" i="1"/>
  <c r="U158723" i="1"/>
  <c r="U158722" i="1"/>
  <c r="U158721" i="1"/>
  <c r="U158720" i="1"/>
  <c r="U158719" i="1"/>
  <c r="U158718" i="1"/>
  <c r="U158717" i="1"/>
  <c r="U158716" i="1"/>
  <c r="U158715" i="1"/>
  <c r="U158714" i="1"/>
  <c r="U158713" i="1"/>
  <c r="U158712" i="1"/>
  <c r="U158711" i="1"/>
  <c r="U158710" i="1"/>
  <c r="U158709" i="1"/>
  <c r="U158708" i="1"/>
  <c r="U158707" i="1"/>
  <c r="U158706" i="1"/>
  <c r="U158705" i="1"/>
  <c r="U158704" i="1"/>
  <c r="U158703" i="1"/>
  <c r="U158702" i="1"/>
  <c r="U158701" i="1"/>
  <c r="U158700" i="1"/>
  <c r="U158699" i="1"/>
  <c r="U158698" i="1"/>
  <c r="U158697" i="1"/>
  <c r="U158696" i="1"/>
  <c r="U158695" i="1"/>
  <c r="U158694" i="1"/>
  <c r="U158693" i="1"/>
  <c r="U158692" i="1"/>
  <c r="U158691" i="1"/>
  <c r="U158690" i="1"/>
  <c r="U158689" i="1"/>
  <c r="U158688" i="1"/>
  <c r="U158687" i="1"/>
  <c r="U158686" i="1"/>
  <c r="U158685" i="1"/>
  <c r="U158684" i="1"/>
  <c r="U158683" i="1"/>
  <c r="U158682" i="1"/>
  <c r="U158681" i="1"/>
  <c r="U158680" i="1"/>
  <c r="U158679" i="1"/>
  <c r="U158678" i="1"/>
  <c r="U158677" i="1"/>
  <c r="U158676" i="1"/>
  <c r="U158675" i="1"/>
  <c r="U158674" i="1"/>
  <c r="U158673" i="1"/>
  <c r="U158672" i="1"/>
  <c r="U158671" i="1"/>
  <c r="U158670" i="1"/>
  <c r="U158669" i="1"/>
  <c r="U158668" i="1"/>
  <c r="U158667" i="1"/>
  <c r="U158666" i="1"/>
  <c r="U158665" i="1"/>
  <c r="U158664" i="1"/>
  <c r="U158663" i="1"/>
  <c r="U158662" i="1"/>
  <c r="U158661" i="1"/>
  <c r="U158660" i="1"/>
  <c r="U158659" i="1"/>
  <c r="U158658" i="1"/>
  <c r="U158657" i="1"/>
  <c r="U158656" i="1"/>
  <c r="U158655" i="1"/>
  <c r="U158654" i="1"/>
  <c r="U158653" i="1"/>
  <c r="U158652" i="1"/>
  <c r="U158651" i="1"/>
  <c r="U158650" i="1"/>
  <c r="U158649" i="1"/>
  <c r="U158648" i="1"/>
  <c r="U158647" i="1"/>
  <c r="U158646" i="1"/>
  <c r="U158645" i="1"/>
  <c r="U158644" i="1"/>
  <c r="U158643" i="1"/>
  <c r="U158642" i="1"/>
  <c r="U158641" i="1"/>
  <c r="U158640" i="1"/>
  <c r="U158639" i="1"/>
  <c r="U158638" i="1"/>
  <c r="U158637" i="1"/>
  <c r="U158636" i="1"/>
  <c r="U158635" i="1"/>
  <c r="U158634" i="1"/>
  <c r="U158633" i="1"/>
  <c r="U158632" i="1"/>
  <c r="U158631" i="1"/>
  <c r="U158630" i="1"/>
  <c r="U158629" i="1"/>
  <c r="U158628" i="1"/>
  <c r="U158627" i="1"/>
  <c r="U158626" i="1"/>
  <c r="U158625" i="1"/>
  <c r="U158624" i="1"/>
  <c r="U158623" i="1"/>
  <c r="U158622" i="1"/>
  <c r="U158621" i="1"/>
  <c r="U158620" i="1"/>
  <c r="U158619" i="1"/>
  <c r="U158618" i="1"/>
  <c r="U158617" i="1"/>
  <c r="U158616" i="1"/>
  <c r="U158615" i="1"/>
  <c r="U158614" i="1"/>
  <c r="U158613" i="1"/>
  <c r="U158612" i="1"/>
  <c r="U158611" i="1"/>
  <c r="U158610" i="1"/>
  <c r="U158609" i="1"/>
  <c r="U158608" i="1"/>
  <c r="U158607" i="1"/>
  <c r="U158606" i="1"/>
  <c r="U158605" i="1"/>
  <c r="U158604" i="1"/>
  <c r="U158603" i="1"/>
  <c r="U158602" i="1"/>
  <c r="U158601" i="1"/>
  <c r="U158600" i="1"/>
  <c r="U158599" i="1"/>
  <c r="U158598" i="1"/>
  <c r="U158597" i="1"/>
  <c r="U158596" i="1"/>
  <c r="U158595" i="1"/>
  <c r="U158594" i="1"/>
  <c r="U158593" i="1"/>
  <c r="U158592" i="1"/>
  <c r="U158591" i="1"/>
  <c r="U158590" i="1"/>
  <c r="U158589" i="1"/>
  <c r="U158588" i="1"/>
  <c r="U158587" i="1"/>
  <c r="U158586" i="1"/>
  <c r="U158585" i="1"/>
  <c r="U158584" i="1"/>
  <c r="U158583" i="1"/>
  <c r="U158582" i="1"/>
  <c r="U158581" i="1"/>
  <c r="U158580" i="1"/>
  <c r="U158579" i="1"/>
  <c r="U158578" i="1"/>
  <c r="U158577" i="1"/>
  <c r="U158576" i="1"/>
  <c r="U158575" i="1"/>
  <c r="U158574" i="1"/>
  <c r="U158573" i="1"/>
  <c r="U158572" i="1"/>
  <c r="U158571" i="1"/>
  <c r="U158570" i="1"/>
  <c r="U158569" i="1"/>
  <c r="U158568" i="1"/>
  <c r="U158567" i="1"/>
  <c r="U158566" i="1"/>
  <c r="U158565" i="1"/>
  <c r="U158564" i="1"/>
  <c r="U158563" i="1"/>
  <c r="U158562" i="1"/>
  <c r="U158561" i="1"/>
  <c r="U158560" i="1"/>
  <c r="U158559" i="1"/>
  <c r="U158558" i="1"/>
  <c r="U158557" i="1"/>
  <c r="U158556" i="1"/>
  <c r="U158555" i="1"/>
  <c r="U158554" i="1"/>
  <c r="U158553" i="1"/>
  <c r="U158552" i="1"/>
  <c r="U158551" i="1"/>
  <c r="U158550" i="1"/>
  <c r="U158549" i="1"/>
  <c r="U158548" i="1"/>
  <c r="U158547" i="1"/>
  <c r="U158546" i="1"/>
  <c r="U158545" i="1"/>
  <c r="U158544" i="1"/>
  <c r="U158543" i="1"/>
  <c r="U158542" i="1"/>
  <c r="U158541" i="1"/>
  <c r="U158540" i="1"/>
  <c r="U158539" i="1"/>
  <c r="U158538" i="1"/>
  <c r="U158537" i="1"/>
  <c r="U158536" i="1"/>
  <c r="U158535" i="1"/>
  <c r="U158534" i="1"/>
  <c r="U158533" i="1"/>
  <c r="U158532" i="1"/>
  <c r="U158531" i="1"/>
  <c r="U158530" i="1"/>
  <c r="U158529" i="1"/>
  <c r="U158528" i="1"/>
  <c r="U158527" i="1"/>
  <c r="U158526" i="1"/>
  <c r="U158525" i="1"/>
  <c r="U158524" i="1"/>
  <c r="U158523" i="1"/>
  <c r="U158522" i="1"/>
  <c r="U158521" i="1"/>
  <c r="U158520" i="1"/>
  <c r="U158519" i="1"/>
  <c r="U158518" i="1"/>
  <c r="U158517" i="1"/>
  <c r="U158516" i="1"/>
  <c r="U158515" i="1"/>
  <c r="U158514" i="1"/>
  <c r="U158513" i="1"/>
  <c r="U158512" i="1"/>
  <c r="U158511" i="1"/>
  <c r="U158510" i="1"/>
  <c r="U158509" i="1"/>
  <c r="U158508" i="1"/>
  <c r="U158507" i="1"/>
  <c r="U158506" i="1"/>
  <c r="U158505" i="1"/>
  <c r="U158504" i="1"/>
  <c r="U158503" i="1"/>
  <c r="U158502" i="1"/>
  <c r="U158501" i="1"/>
  <c r="U158500" i="1"/>
  <c r="U158499" i="1"/>
  <c r="U158498" i="1"/>
  <c r="U158497" i="1"/>
  <c r="U158496" i="1"/>
  <c r="U158495" i="1"/>
  <c r="U158494" i="1"/>
  <c r="U158493" i="1"/>
  <c r="U158492" i="1"/>
  <c r="U158491" i="1"/>
  <c r="U158490" i="1"/>
  <c r="U158489" i="1"/>
  <c r="U158488" i="1"/>
  <c r="U158487" i="1"/>
  <c r="U158486" i="1"/>
  <c r="U158485" i="1"/>
  <c r="U158484" i="1"/>
  <c r="U158483" i="1"/>
  <c r="U158482" i="1"/>
  <c r="U158481" i="1"/>
  <c r="U158480" i="1"/>
  <c r="U158479" i="1"/>
  <c r="U158478" i="1"/>
  <c r="U158477" i="1"/>
  <c r="U158476" i="1"/>
  <c r="U158475" i="1"/>
  <c r="U158474" i="1"/>
  <c r="U158473" i="1"/>
  <c r="U158472" i="1"/>
  <c r="U158471" i="1"/>
  <c r="U158470" i="1"/>
  <c r="U158469" i="1"/>
  <c r="U158468" i="1"/>
  <c r="U158467" i="1"/>
  <c r="U158466" i="1"/>
  <c r="U158465" i="1"/>
  <c r="U158464" i="1"/>
  <c r="U158463" i="1"/>
  <c r="U158462" i="1"/>
  <c r="U158461" i="1"/>
  <c r="U158460" i="1"/>
  <c r="U158459" i="1"/>
  <c r="U158458" i="1"/>
  <c r="U158457" i="1"/>
  <c r="U158456" i="1"/>
  <c r="U158455" i="1"/>
  <c r="U158454" i="1"/>
  <c r="U158453" i="1"/>
  <c r="U158452" i="1"/>
  <c r="U158451" i="1"/>
  <c r="U158450" i="1"/>
  <c r="U158449" i="1"/>
  <c r="U158448" i="1"/>
  <c r="U158447" i="1"/>
  <c r="U158446" i="1"/>
  <c r="U158445" i="1"/>
  <c r="U158444" i="1"/>
  <c r="U158443" i="1"/>
  <c r="U158442" i="1"/>
  <c r="U158441" i="1"/>
  <c r="U158440" i="1"/>
  <c r="U158439" i="1"/>
  <c r="U158438" i="1"/>
  <c r="U158437" i="1"/>
  <c r="U158436" i="1"/>
  <c r="U158435" i="1"/>
  <c r="U158434" i="1"/>
  <c r="U158433" i="1"/>
  <c r="U158432" i="1"/>
  <c r="U158431" i="1"/>
  <c r="U158430" i="1"/>
  <c r="U158429" i="1"/>
  <c r="U158428" i="1"/>
  <c r="U158427" i="1"/>
  <c r="U158426" i="1"/>
  <c r="U158425" i="1"/>
  <c r="U158424" i="1"/>
  <c r="U158423" i="1"/>
  <c r="U158422" i="1"/>
  <c r="U158421" i="1"/>
  <c r="U158420" i="1"/>
  <c r="U158419" i="1"/>
  <c r="U158418" i="1"/>
  <c r="U158417" i="1"/>
  <c r="U158416" i="1"/>
  <c r="U158415" i="1"/>
  <c r="U158414" i="1"/>
  <c r="U158413" i="1"/>
  <c r="U158412" i="1"/>
  <c r="U158411" i="1"/>
  <c r="U158410" i="1"/>
  <c r="U158409" i="1"/>
  <c r="U158408" i="1"/>
  <c r="U158407" i="1"/>
  <c r="U158406" i="1"/>
  <c r="U158405" i="1"/>
  <c r="U158404" i="1"/>
  <c r="U158403" i="1"/>
  <c r="U158402" i="1"/>
  <c r="U158401" i="1"/>
  <c r="U158400" i="1"/>
  <c r="U158399" i="1"/>
  <c r="U158398" i="1"/>
  <c r="U158397" i="1"/>
  <c r="U158396" i="1"/>
  <c r="U158395" i="1"/>
  <c r="U158394" i="1"/>
  <c r="U158393" i="1"/>
  <c r="U158392" i="1"/>
  <c r="U158391" i="1"/>
  <c r="U158390" i="1"/>
  <c r="U158389" i="1"/>
  <c r="U158388" i="1"/>
  <c r="U158387" i="1"/>
  <c r="U158386" i="1"/>
  <c r="U158385" i="1"/>
  <c r="U158384" i="1"/>
  <c r="U158383" i="1"/>
  <c r="U158382" i="1"/>
  <c r="U158381" i="1"/>
  <c r="U158380" i="1"/>
  <c r="U158379" i="1"/>
  <c r="U158378" i="1"/>
  <c r="U158377" i="1"/>
  <c r="U158376" i="1"/>
  <c r="U158375" i="1"/>
  <c r="U158374" i="1"/>
  <c r="U158373" i="1"/>
  <c r="U158372" i="1"/>
  <c r="U158371" i="1"/>
  <c r="U158370" i="1"/>
  <c r="U158369" i="1"/>
  <c r="U158368" i="1"/>
  <c r="U158367" i="1"/>
  <c r="U158366" i="1"/>
  <c r="U158365" i="1"/>
  <c r="U158364" i="1"/>
  <c r="U158363" i="1"/>
  <c r="U158362" i="1"/>
  <c r="U158361" i="1"/>
  <c r="U158360" i="1"/>
  <c r="U158359" i="1"/>
  <c r="U158358" i="1"/>
  <c r="U158357" i="1"/>
  <c r="U158356" i="1"/>
  <c r="U158355" i="1"/>
  <c r="U158354" i="1"/>
  <c r="U158353" i="1"/>
  <c r="U158352" i="1"/>
  <c r="U158351" i="1"/>
  <c r="U158350" i="1"/>
  <c r="U158349" i="1"/>
  <c r="U158348" i="1"/>
  <c r="U158347" i="1"/>
  <c r="U158346" i="1"/>
  <c r="U158345" i="1"/>
  <c r="U158344" i="1"/>
  <c r="U158343" i="1"/>
  <c r="U158342" i="1"/>
  <c r="U158341" i="1"/>
  <c r="U158340" i="1"/>
  <c r="U158339" i="1"/>
  <c r="U158338" i="1"/>
  <c r="U158337" i="1"/>
  <c r="U158336" i="1"/>
  <c r="U158335" i="1"/>
  <c r="U158334" i="1"/>
  <c r="U158333" i="1"/>
  <c r="U158332" i="1"/>
  <c r="U158331" i="1"/>
  <c r="U158330" i="1"/>
  <c r="U158329" i="1"/>
  <c r="U158328" i="1"/>
  <c r="U158327" i="1"/>
  <c r="U158326" i="1"/>
  <c r="U158325" i="1"/>
  <c r="U158324" i="1"/>
  <c r="U158323" i="1"/>
  <c r="U158322" i="1"/>
  <c r="U158321" i="1"/>
  <c r="U158320" i="1"/>
  <c r="U158319" i="1"/>
  <c r="U158318" i="1"/>
  <c r="U158317" i="1"/>
  <c r="U158316" i="1"/>
  <c r="U158315" i="1"/>
  <c r="U158314" i="1"/>
  <c r="U158313" i="1"/>
  <c r="U158312" i="1"/>
  <c r="U158311" i="1"/>
  <c r="U158310" i="1"/>
  <c r="U158309" i="1"/>
  <c r="U158308" i="1"/>
  <c r="U158307" i="1"/>
  <c r="U158306" i="1"/>
  <c r="U158305" i="1"/>
  <c r="U158304" i="1"/>
  <c r="U158303" i="1"/>
  <c r="U158302" i="1"/>
  <c r="U158301" i="1"/>
  <c r="U158300" i="1"/>
  <c r="U158299" i="1"/>
  <c r="U158298" i="1"/>
  <c r="U158297" i="1"/>
  <c r="U158296" i="1"/>
  <c r="U158295" i="1"/>
  <c r="U158294" i="1"/>
  <c r="U158293" i="1"/>
  <c r="U158292" i="1"/>
  <c r="U158291" i="1"/>
  <c r="U158290" i="1"/>
  <c r="U158289" i="1"/>
  <c r="U158288" i="1"/>
  <c r="U158287" i="1"/>
  <c r="U158286" i="1"/>
  <c r="U158285" i="1"/>
  <c r="U158284" i="1"/>
  <c r="U158283" i="1"/>
  <c r="U158282" i="1"/>
  <c r="U158281" i="1"/>
  <c r="U158280" i="1"/>
  <c r="U158279" i="1"/>
  <c r="U158278" i="1"/>
  <c r="U158277" i="1"/>
  <c r="U158276" i="1"/>
  <c r="U158275" i="1"/>
  <c r="U158274" i="1"/>
  <c r="U158273" i="1"/>
  <c r="U158272" i="1"/>
  <c r="U158271" i="1"/>
  <c r="U158270" i="1"/>
  <c r="U158269" i="1"/>
  <c r="U158268" i="1"/>
  <c r="U158267" i="1"/>
  <c r="U158266" i="1"/>
  <c r="U158265" i="1"/>
  <c r="U158264" i="1"/>
  <c r="U158263" i="1"/>
  <c r="U158262" i="1"/>
  <c r="U158261" i="1"/>
  <c r="U158260" i="1"/>
  <c r="U158259" i="1"/>
  <c r="U158258" i="1"/>
  <c r="U158257" i="1"/>
  <c r="U158256" i="1"/>
  <c r="U158255" i="1"/>
  <c r="U158254" i="1"/>
  <c r="U158253" i="1"/>
  <c r="U158252" i="1"/>
  <c r="U158251" i="1"/>
  <c r="U158250" i="1"/>
  <c r="U158249" i="1"/>
  <c r="U158248" i="1"/>
  <c r="U158247" i="1"/>
  <c r="U158246" i="1"/>
  <c r="U158245" i="1"/>
  <c r="U158244" i="1"/>
  <c r="U158243" i="1"/>
  <c r="U158242" i="1"/>
  <c r="U158241" i="1"/>
  <c r="U158240" i="1"/>
  <c r="U158239" i="1"/>
  <c r="U158238" i="1"/>
  <c r="U158237" i="1"/>
  <c r="U158236" i="1"/>
  <c r="U158235" i="1"/>
  <c r="U158234" i="1"/>
  <c r="U158233" i="1"/>
  <c r="U158232" i="1"/>
  <c r="U158231" i="1"/>
  <c r="U158230" i="1"/>
  <c r="U158229" i="1"/>
  <c r="U158228" i="1"/>
  <c r="U158227" i="1"/>
  <c r="U158226" i="1"/>
  <c r="U158225" i="1"/>
  <c r="U158224" i="1"/>
  <c r="U158223" i="1"/>
  <c r="U158222" i="1"/>
  <c r="U158221" i="1"/>
  <c r="U158220" i="1"/>
  <c r="U158219" i="1"/>
  <c r="U158218" i="1"/>
  <c r="U158217" i="1"/>
  <c r="U158216" i="1"/>
  <c r="U158215" i="1"/>
  <c r="U158214" i="1"/>
  <c r="U158213" i="1"/>
  <c r="U158212" i="1"/>
  <c r="U158211" i="1"/>
  <c r="U158210" i="1"/>
  <c r="U158209" i="1"/>
  <c r="U158208" i="1"/>
  <c r="U158207" i="1"/>
  <c r="U158206" i="1"/>
  <c r="U158205" i="1"/>
  <c r="U158204" i="1"/>
  <c r="U158203" i="1"/>
  <c r="U158202" i="1"/>
  <c r="U158201" i="1"/>
  <c r="U158200" i="1"/>
  <c r="U158199" i="1"/>
  <c r="U158198" i="1"/>
  <c r="U158197" i="1"/>
  <c r="U158196" i="1"/>
  <c r="U158195" i="1"/>
  <c r="U158194" i="1"/>
  <c r="U158193" i="1"/>
  <c r="U158192" i="1"/>
  <c r="U158191" i="1"/>
  <c r="U158190" i="1"/>
  <c r="U158189" i="1"/>
  <c r="U158188" i="1"/>
  <c r="U158187" i="1"/>
  <c r="U158186" i="1"/>
  <c r="U158185" i="1"/>
  <c r="U158184" i="1"/>
  <c r="U158183" i="1"/>
  <c r="U158182" i="1"/>
  <c r="U158181" i="1"/>
  <c r="U158180" i="1"/>
  <c r="U158179" i="1"/>
  <c r="U158178" i="1"/>
  <c r="U158177" i="1"/>
  <c r="U158176" i="1"/>
  <c r="U158175" i="1"/>
  <c r="U158174" i="1"/>
  <c r="U158173" i="1"/>
  <c r="U158172" i="1"/>
  <c r="U158171" i="1"/>
  <c r="U158170" i="1"/>
  <c r="U158169" i="1"/>
  <c r="U158168" i="1"/>
  <c r="U158167" i="1"/>
  <c r="U158166" i="1"/>
  <c r="U158165" i="1"/>
  <c r="U158164" i="1"/>
  <c r="U158163" i="1"/>
  <c r="U158162" i="1"/>
  <c r="U158161" i="1"/>
  <c r="U158160" i="1"/>
  <c r="U158159" i="1"/>
  <c r="U158158" i="1"/>
  <c r="U158157" i="1"/>
  <c r="U158156" i="1"/>
  <c r="U158155" i="1"/>
  <c r="U158154" i="1"/>
  <c r="U158153" i="1"/>
  <c r="U158152" i="1"/>
  <c r="U158151" i="1"/>
  <c r="U158150" i="1"/>
  <c r="U158149" i="1"/>
  <c r="U158148" i="1"/>
  <c r="U158147" i="1"/>
  <c r="U158146" i="1"/>
  <c r="U158145" i="1"/>
  <c r="U158144" i="1"/>
  <c r="U158143" i="1"/>
  <c r="U158142" i="1"/>
  <c r="U158141" i="1"/>
  <c r="U158140" i="1"/>
  <c r="U158139" i="1"/>
  <c r="U158138" i="1"/>
  <c r="U158137" i="1"/>
  <c r="U158136" i="1"/>
  <c r="U158135" i="1"/>
  <c r="U158134" i="1"/>
  <c r="U158133" i="1"/>
  <c r="U158132" i="1"/>
  <c r="U158131" i="1"/>
  <c r="U158130" i="1"/>
  <c r="U158129" i="1"/>
  <c r="U158128" i="1"/>
  <c r="U158127" i="1"/>
  <c r="U158126" i="1"/>
  <c r="U158125" i="1"/>
  <c r="U158124" i="1"/>
  <c r="U158123" i="1"/>
  <c r="U158122" i="1"/>
  <c r="U158121" i="1"/>
  <c r="U158120" i="1"/>
  <c r="U158119" i="1"/>
  <c r="U158118" i="1"/>
  <c r="U158117" i="1"/>
  <c r="U158116" i="1"/>
  <c r="U158115" i="1"/>
  <c r="U158114" i="1"/>
  <c r="U158113" i="1"/>
  <c r="U158112" i="1"/>
  <c r="U158111" i="1"/>
  <c r="U158110" i="1"/>
  <c r="U158109" i="1"/>
  <c r="U158108" i="1"/>
  <c r="U158107" i="1"/>
  <c r="U158106" i="1"/>
  <c r="U158105" i="1"/>
  <c r="U158104" i="1"/>
  <c r="U158103" i="1"/>
  <c r="U158102" i="1"/>
  <c r="U158101" i="1"/>
  <c r="U158100" i="1"/>
  <c r="U158099" i="1"/>
  <c r="U158098" i="1"/>
  <c r="U158097" i="1"/>
  <c r="U158096" i="1"/>
  <c r="U158095" i="1"/>
  <c r="U158094" i="1"/>
  <c r="U158093" i="1"/>
  <c r="U158092" i="1"/>
  <c r="U158091" i="1"/>
  <c r="U158090" i="1"/>
  <c r="U158089" i="1"/>
  <c r="U158088" i="1"/>
  <c r="U158087" i="1"/>
  <c r="U158086" i="1"/>
  <c r="U158085" i="1"/>
  <c r="U158084" i="1"/>
  <c r="U158083" i="1"/>
  <c r="U158082" i="1"/>
  <c r="U158081" i="1"/>
  <c r="U158080" i="1"/>
  <c r="U158079" i="1"/>
  <c r="U158078" i="1"/>
  <c r="U158077" i="1"/>
  <c r="U158076" i="1"/>
  <c r="U158075" i="1"/>
  <c r="U158074" i="1"/>
  <c r="U158073" i="1"/>
  <c r="U158072" i="1"/>
  <c r="U158071" i="1"/>
  <c r="U158070" i="1"/>
  <c r="U158069" i="1"/>
  <c r="U158068" i="1"/>
  <c r="U158067" i="1"/>
  <c r="U158066" i="1"/>
  <c r="U158065" i="1"/>
  <c r="U158064" i="1"/>
  <c r="U158063" i="1"/>
  <c r="U158062" i="1"/>
  <c r="U158061" i="1"/>
  <c r="U158060" i="1"/>
  <c r="U158059" i="1"/>
  <c r="U158058" i="1"/>
  <c r="U158057" i="1"/>
  <c r="U158056" i="1"/>
  <c r="U158055" i="1"/>
  <c r="U158054" i="1"/>
  <c r="U158053" i="1"/>
  <c r="U158052" i="1"/>
  <c r="U158051" i="1"/>
  <c r="U158050" i="1"/>
  <c r="U158049" i="1"/>
  <c r="U158048" i="1"/>
  <c r="U158047" i="1"/>
  <c r="U158046" i="1"/>
  <c r="U158045" i="1"/>
  <c r="U158044" i="1"/>
  <c r="U158043" i="1"/>
  <c r="U158042" i="1"/>
  <c r="U158041" i="1"/>
  <c r="U158040" i="1"/>
  <c r="U158039" i="1"/>
  <c r="U158038" i="1"/>
  <c r="U158037" i="1"/>
  <c r="U158036" i="1"/>
  <c r="U158035" i="1"/>
  <c r="U158034" i="1"/>
  <c r="U158033" i="1"/>
  <c r="U158032" i="1"/>
  <c r="U158031" i="1"/>
  <c r="U158030" i="1"/>
  <c r="U158029" i="1"/>
  <c r="U158028" i="1"/>
  <c r="U158027" i="1"/>
  <c r="U158026" i="1"/>
  <c r="U158025" i="1"/>
  <c r="U158024" i="1"/>
  <c r="U158023" i="1"/>
  <c r="U158022" i="1"/>
  <c r="U158021" i="1"/>
  <c r="U158020" i="1"/>
  <c r="U158019" i="1"/>
  <c r="U158018" i="1"/>
  <c r="U158017" i="1"/>
  <c r="U158016" i="1"/>
  <c r="U158015" i="1"/>
  <c r="U158014" i="1"/>
  <c r="U158013" i="1"/>
  <c r="U158012" i="1"/>
  <c r="U158011" i="1"/>
  <c r="U158010" i="1"/>
  <c r="U158009" i="1"/>
  <c r="U158008" i="1"/>
  <c r="U158007" i="1"/>
  <c r="U158006" i="1"/>
  <c r="U158005" i="1"/>
  <c r="U158004" i="1"/>
  <c r="U158003" i="1"/>
  <c r="U158002" i="1"/>
  <c r="U158001" i="1"/>
  <c r="U158000" i="1"/>
  <c r="U157999" i="1"/>
  <c r="U157998" i="1"/>
  <c r="U157997" i="1"/>
  <c r="U157996" i="1"/>
  <c r="U157995" i="1"/>
  <c r="U157994" i="1"/>
  <c r="U157993" i="1"/>
  <c r="U157992" i="1"/>
  <c r="U157991" i="1"/>
  <c r="U157990" i="1"/>
  <c r="U157989" i="1"/>
  <c r="U157988" i="1"/>
  <c r="U157987" i="1"/>
  <c r="U157986" i="1"/>
  <c r="U157985" i="1"/>
  <c r="U157984" i="1"/>
  <c r="U157983" i="1"/>
  <c r="U157982" i="1"/>
  <c r="U157981" i="1"/>
  <c r="U157980" i="1"/>
  <c r="U157979" i="1"/>
  <c r="U157978" i="1"/>
  <c r="U157977" i="1"/>
  <c r="U157976" i="1"/>
  <c r="U157975" i="1"/>
  <c r="U157974" i="1"/>
  <c r="U157973" i="1"/>
  <c r="U157972" i="1"/>
  <c r="U157971" i="1"/>
  <c r="U157970" i="1"/>
  <c r="U157969" i="1"/>
  <c r="U157968" i="1"/>
  <c r="U157967" i="1"/>
  <c r="U157966" i="1"/>
  <c r="U157965" i="1"/>
  <c r="U157964" i="1"/>
  <c r="U157963" i="1"/>
  <c r="U157962" i="1"/>
  <c r="U157961" i="1"/>
  <c r="U157960" i="1"/>
  <c r="U157959" i="1"/>
  <c r="U157958" i="1"/>
  <c r="U157957" i="1"/>
  <c r="U157956" i="1"/>
  <c r="U157955" i="1"/>
  <c r="U157954" i="1"/>
  <c r="U157953" i="1"/>
  <c r="U157952" i="1"/>
  <c r="U157951" i="1"/>
  <c r="U157950" i="1"/>
  <c r="U157949" i="1"/>
  <c r="U157948" i="1"/>
  <c r="U157947" i="1"/>
  <c r="U157946" i="1"/>
  <c r="U157945" i="1"/>
  <c r="U157944" i="1"/>
  <c r="U157943" i="1"/>
  <c r="U157942" i="1"/>
  <c r="U157941" i="1"/>
  <c r="U157940" i="1"/>
  <c r="U157939" i="1"/>
  <c r="U157938" i="1"/>
  <c r="U157937" i="1"/>
  <c r="U157936" i="1"/>
  <c r="U157935" i="1"/>
  <c r="U157934" i="1"/>
  <c r="U157933" i="1"/>
  <c r="U157932" i="1"/>
  <c r="U157931" i="1"/>
  <c r="U157930" i="1"/>
  <c r="U157929" i="1"/>
  <c r="U157928" i="1"/>
  <c r="U157927" i="1"/>
  <c r="U157926" i="1"/>
  <c r="U157925" i="1"/>
  <c r="U157924" i="1"/>
  <c r="U157923" i="1"/>
  <c r="U157922" i="1"/>
  <c r="U157921" i="1"/>
  <c r="U157920" i="1"/>
  <c r="U157919" i="1"/>
  <c r="U157918" i="1"/>
  <c r="U157917" i="1"/>
  <c r="U157916" i="1"/>
  <c r="U157915" i="1"/>
  <c r="U157914" i="1"/>
  <c r="U157913" i="1"/>
  <c r="U157912" i="1"/>
  <c r="U157911" i="1"/>
  <c r="U157910" i="1"/>
  <c r="U157909" i="1"/>
  <c r="U157908" i="1"/>
  <c r="U157907" i="1"/>
  <c r="U157906" i="1"/>
  <c r="U157905" i="1"/>
  <c r="U157904" i="1"/>
  <c r="U157903" i="1"/>
  <c r="U157902" i="1"/>
  <c r="U157901" i="1"/>
  <c r="U157900" i="1"/>
  <c r="U157899" i="1"/>
  <c r="U157898" i="1"/>
  <c r="U157897" i="1"/>
  <c r="U157896" i="1"/>
  <c r="U157895" i="1"/>
  <c r="U157894" i="1"/>
  <c r="U157893" i="1"/>
  <c r="U157892" i="1"/>
  <c r="U157891" i="1"/>
  <c r="U157890" i="1"/>
  <c r="U157889" i="1"/>
  <c r="U157888" i="1"/>
  <c r="U157887" i="1"/>
  <c r="U157886" i="1"/>
  <c r="U157885" i="1"/>
  <c r="U157884" i="1"/>
  <c r="U157883" i="1"/>
  <c r="U157882" i="1"/>
  <c r="U157881" i="1"/>
  <c r="U157880" i="1"/>
  <c r="U157879" i="1"/>
  <c r="U157878" i="1"/>
  <c r="U157877" i="1"/>
  <c r="U157876" i="1"/>
  <c r="U157875" i="1"/>
  <c r="U157874" i="1"/>
  <c r="U157873" i="1"/>
  <c r="U157872" i="1"/>
  <c r="U157871" i="1"/>
  <c r="U157870" i="1"/>
  <c r="U157869" i="1"/>
  <c r="U157868" i="1"/>
  <c r="U157867" i="1"/>
  <c r="U157866" i="1"/>
  <c r="U157865" i="1"/>
  <c r="U157864" i="1"/>
  <c r="U157863" i="1"/>
  <c r="U157862" i="1"/>
  <c r="U157861" i="1"/>
  <c r="U157860" i="1"/>
  <c r="U157859" i="1"/>
  <c r="U157858" i="1"/>
  <c r="U157857" i="1"/>
  <c r="U157856" i="1"/>
  <c r="U157855" i="1"/>
  <c r="U157854" i="1"/>
  <c r="U157853" i="1"/>
  <c r="U157852" i="1"/>
  <c r="U157851" i="1"/>
  <c r="U157850" i="1"/>
  <c r="U157849" i="1"/>
  <c r="U157848" i="1"/>
  <c r="U157847" i="1"/>
  <c r="U157846" i="1"/>
  <c r="U157845" i="1"/>
  <c r="U157844" i="1"/>
  <c r="U157843" i="1"/>
  <c r="U157842" i="1"/>
  <c r="U157841" i="1"/>
  <c r="U157840" i="1"/>
  <c r="U157839" i="1"/>
  <c r="U157838" i="1"/>
  <c r="U157837" i="1"/>
  <c r="U157836" i="1"/>
  <c r="U157835" i="1"/>
  <c r="U157834" i="1"/>
  <c r="U157833" i="1"/>
  <c r="U157832" i="1"/>
  <c r="U157831" i="1"/>
  <c r="U157830" i="1"/>
  <c r="U157829" i="1"/>
  <c r="U157828" i="1"/>
  <c r="U157827" i="1"/>
  <c r="U157826" i="1"/>
  <c r="U157825" i="1"/>
  <c r="U157824" i="1"/>
  <c r="U157823" i="1"/>
  <c r="U157822" i="1"/>
  <c r="U157821" i="1"/>
  <c r="U157820" i="1"/>
  <c r="U157819" i="1"/>
  <c r="U157818" i="1"/>
  <c r="U157817" i="1"/>
  <c r="U157816" i="1"/>
  <c r="U157815" i="1"/>
  <c r="U157814" i="1"/>
  <c r="U157813" i="1"/>
  <c r="U157812" i="1"/>
  <c r="U157811" i="1"/>
  <c r="U157810" i="1"/>
  <c r="U157809" i="1"/>
  <c r="U157808" i="1"/>
  <c r="U157807" i="1"/>
  <c r="U157806" i="1"/>
  <c r="U157805" i="1"/>
  <c r="U157804" i="1"/>
  <c r="U157803" i="1"/>
  <c r="U157802" i="1"/>
  <c r="U157801" i="1"/>
  <c r="U157800" i="1"/>
  <c r="U157799" i="1"/>
  <c r="U157798" i="1"/>
  <c r="U157797" i="1"/>
  <c r="U157796" i="1"/>
  <c r="U157795" i="1"/>
  <c r="U157794" i="1"/>
  <c r="U157793" i="1"/>
  <c r="U157792" i="1"/>
  <c r="U157791" i="1"/>
  <c r="U157790" i="1"/>
  <c r="U157789" i="1"/>
  <c r="U157788" i="1"/>
  <c r="U157787" i="1"/>
  <c r="U157786" i="1"/>
  <c r="U157785" i="1"/>
  <c r="U157784" i="1"/>
  <c r="U157783" i="1"/>
  <c r="U157782" i="1"/>
  <c r="U157781" i="1"/>
  <c r="U157780" i="1"/>
  <c r="U157779" i="1"/>
  <c r="U157778" i="1"/>
  <c r="U157777" i="1"/>
  <c r="U157776" i="1"/>
  <c r="U157775" i="1"/>
  <c r="U157774" i="1"/>
  <c r="U157773" i="1"/>
  <c r="U157772" i="1"/>
  <c r="U157771" i="1"/>
  <c r="U157770" i="1"/>
  <c r="U157769" i="1"/>
  <c r="U157768" i="1"/>
  <c r="U157767" i="1"/>
  <c r="U157766" i="1"/>
  <c r="U157765" i="1"/>
  <c r="U157764" i="1"/>
  <c r="U157763" i="1"/>
  <c r="U157762" i="1"/>
  <c r="U157761" i="1"/>
  <c r="U157760" i="1"/>
  <c r="U157759" i="1"/>
  <c r="U157758" i="1"/>
  <c r="U157757" i="1"/>
  <c r="U157756" i="1"/>
  <c r="U157755" i="1"/>
  <c r="U157754" i="1"/>
  <c r="U157753" i="1"/>
  <c r="U157752" i="1"/>
  <c r="U157751" i="1"/>
  <c r="U157750" i="1"/>
  <c r="U157749" i="1"/>
  <c r="U157748" i="1"/>
  <c r="U157747" i="1"/>
  <c r="U157746" i="1"/>
  <c r="U157745" i="1"/>
  <c r="U157744" i="1"/>
  <c r="U157743" i="1"/>
  <c r="U157742" i="1"/>
  <c r="U157741" i="1"/>
  <c r="U157740" i="1"/>
  <c r="U157739" i="1"/>
  <c r="U157738" i="1"/>
  <c r="U157737" i="1"/>
  <c r="U157736" i="1"/>
  <c r="U157735" i="1"/>
  <c r="U157734" i="1"/>
  <c r="U157733" i="1"/>
  <c r="U157732" i="1"/>
  <c r="U157731" i="1"/>
  <c r="U157730" i="1"/>
  <c r="U157729" i="1"/>
  <c r="U157728" i="1"/>
  <c r="U157727" i="1"/>
  <c r="U157726" i="1"/>
  <c r="U157725" i="1"/>
  <c r="U157724" i="1"/>
  <c r="U157723" i="1"/>
  <c r="U157722" i="1"/>
  <c r="U157721" i="1"/>
  <c r="U157720" i="1"/>
  <c r="U157719" i="1"/>
  <c r="U157718" i="1"/>
  <c r="U157717" i="1"/>
  <c r="U157716" i="1"/>
  <c r="U157715" i="1"/>
  <c r="U157714" i="1"/>
  <c r="U157713" i="1"/>
  <c r="U157712" i="1"/>
  <c r="U157711" i="1"/>
  <c r="U157710" i="1"/>
  <c r="U157709" i="1"/>
  <c r="U157708" i="1"/>
  <c r="U157707" i="1"/>
  <c r="U157706" i="1"/>
  <c r="U157705" i="1"/>
  <c r="U157704" i="1"/>
  <c r="U157703" i="1"/>
  <c r="U157702" i="1"/>
  <c r="U157701" i="1"/>
  <c r="U157700" i="1"/>
  <c r="U157699" i="1"/>
  <c r="U157698" i="1"/>
  <c r="U157697" i="1"/>
  <c r="U157696" i="1"/>
  <c r="U157695" i="1"/>
  <c r="U157694" i="1"/>
  <c r="U157693" i="1"/>
  <c r="U157692" i="1"/>
  <c r="U157691" i="1"/>
  <c r="U157690" i="1"/>
  <c r="U157689" i="1"/>
  <c r="U157688" i="1"/>
  <c r="U157687" i="1"/>
  <c r="U157686" i="1"/>
  <c r="U157685" i="1"/>
  <c r="U157684" i="1"/>
  <c r="U157683" i="1"/>
  <c r="U157682" i="1"/>
  <c r="U157681" i="1"/>
  <c r="U157680" i="1"/>
  <c r="U157679" i="1"/>
  <c r="U157678" i="1"/>
  <c r="U157677" i="1"/>
  <c r="U157676" i="1"/>
  <c r="U157675" i="1"/>
  <c r="U157674" i="1"/>
  <c r="U157673" i="1"/>
  <c r="U157672" i="1"/>
  <c r="U157671" i="1"/>
  <c r="U157670" i="1"/>
  <c r="U157669" i="1"/>
  <c r="U157668" i="1"/>
  <c r="U157667" i="1"/>
  <c r="U157666" i="1"/>
  <c r="U157665" i="1"/>
  <c r="U157664" i="1"/>
  <c r="U157663" i="1"/>
  <c r="U157662" i="1"/>
  <c r="U157661" i="1"/>
  <c r="U157660" i="1"/>
  <c r="U157659" i="1"/>
  <c r="U157658" i="1"/>
  <c r="U157657" i="1"/>
  <c r="U157656" i="1"/>
  <c r="U157655" i="1"/>
  <c r="U157654" i="1"/>
  <c r="U157653" i="1"/>
  <c r="U157652" i="1"/>
  <c r="U157651" i="1"/>
  <c r="U157650" i="1"/>
  <c r="U157649" i="1"/>
  <c r="U157648" i="1"/>
  <c r="U157647" i="1"/>
  <c r="U157646" i="1"/>
  <c r="U157645" i="1"/>
  <c r="U157644" i="1"/>
  <c r="U157643" i="1"/>
  <c r="U157642" i="1"/>
  <c r="U157641" i="1"/>
  <c r="U157640" i="1"/>
  <c r="U157639" i="1"/>
  <c r="U157638" i="1"/>
  <c r="U157637" i="1"/>
  <c r="U157636" i="1"/>
  <c r="U157635" i="1"/>
  <c r="U157634" i="1"/>
  <c r="U157633" i="1"/>
  <c r="U157632" i="1"/>
  <c r="U157631" i="1"/>
  <c r="U157630" i="1"/>
  <c r="U157629" i="1"/>
  <c r="U157628" i="1"/>
  <c r="U157627" i="1"/>
  <c r="U157626" i="1"/>
  <c r="U157625" i="1"/>
  <c r="U157624" i="1"/>
  <c r="U157623" i="1"/>
  <c r="U157622" i="1"/>
  <c r="U157621" i="1"/>
  <c r="U157620" i="1"/>
  <c r="U157619" i="1"/>
  <c r="U157618" i="1"/>
  <c r="U157617" i="1"/>
  <c r="U157616" i="1"/>
  <c r="U157615" i="1"/>
  <c r="U157614" i="1"/>
  <c r="U157613" i="1"/>
  <c r="U157612" i="1"/>
  <c r="U157611" i="1"/>
  <c r="U157610" i="1"/>
  <c r="U157609" i="1"/>
  <c r="U157608" i="1"/>
  <c r="U157607" i="1"/>
  <c r="U157606" i="1"/>
  <c r="U157605" i="1"/>
  <c r="U157604" i="1"/>
  <c r="U157603" i="1"/>
  <c r="U157602" i="1"/>
  <c r="U157601" i="1"/>
  <c r="U157600" i="1"/>
  <c r="U157599" i="1"/>
  <c r="U157598" i="1"/>
  <c r="U157597" i="1"/>
  <c r="U157596" i="1"/>
  <c r="U157595" i="1"/>
  <c r="U157594" i="1"/>
  <c r="U157593" i="1"/>
  <c r="U157592" i="1"/>
  <c r="U157591" i="1"/>
  <c r="U157590" i="1"/>
  <c r="U157589" i="1"/>
  <c r="U157588" i="1"/>
  <c r="U157587" i="1"/>
  <c r="U157586" i="1"/>
  <c r="U157585" i="1"/>
  <c r="U157584" i="1"/>
  <c r="U157583" i="1"/>
  <c r="U157582" i="1"/>
  <c r="U157581" i="1"/>
  <c r="U157580" i="1"/>
  <c r="U157579" i="1"/>
  <c r="U157578" i="1"/>
  <c r="U157577" i="1"/>
  <c r="U157576" i="1"/>
  <c r="U157575" i="1"/>
  <c r="U157574" i="1"/>
  <c r="U157573" i="1"/>
  <c r="U157572" i="1"/>
  <c r="U157571" i="1"/>
  <c r="U157570" i="1"/>
  <c r="U157569" i="1"/>
  <c r="U157568" i="1"/>
  <c r="U157567" i="1"/>
  <c r="U157566" i="1"/>
  <c r="U157565" i="1"/>
  <c r="U157564" i="1"/>
  <c r="U157563" i="1"/>
  <c r="U157562" i="1"/>
  <c r="U157561" i="1"/>
  <c r="U157560" i="1"/>
  <c r="U157559" i="1"/>
  <c r="U157558" i="1"/>
  <c r="U157557" i="1"/>
  <c r="U157556" i="1"/>
  <c r="U157555" i="1"/>
  <c r="U157554" i="1"/>
  <c r="U157553" i="1"/>
  <c r="U157552" i="1"/>
  <c r="U157551" i="1"/>
  <c r="U157550" i="1"/>
  <c r="U157549" i="1"/>
  <c r="U157548" i="1"/>
  <c r="U157547" i="1"/>
  <c r="U157546" i="1"/>
  <c r="U157545" i="1"/>
  <c r="U157544" i="1"/>
  <c r="U157543" i="1"/>
  <c r="U157542" i="1"/>
  <c r="U157541" i="1"/>
  <c r="U157540" i="1"/>
  <c r="U157539" i="1"/>
  <c r="U157538" i="1"/>
  <c r="U157537" i="1"/>
  <c r="U157536" i="1"/>
  <c r="U157535" i="1"/>
  <c r="U157534" i="1"/>
  <c r="U157533" i="1"/>
  <c r="U157532" i="1"/>
  <c r="U157531" i="1"/>
  <c r="U157530" i="1"/>
  <c r="U157529" i="1"/>
  <c r="U157528" i="1"/>
  <c r="U157527" i="1"/>
  <c r="U157526" i="1"/>
  <c r="U157525" i="1"/>
  <c r="U157524" i="1"/>
  <c r="U157523" i="1"/>
  <c r="U157522" i="1"/>
  <c r="U157521" i="1"/>
  <c r="U157520" i="1"/>
  <c r="U157519" i="1"/>
  <c r="U157518" i="1"/>
  <c r="U157517" i="1"/>
  <c r="U157516" i="1"/>
  <c r="U157515" i="1"/>
  <c r="U157514" i="1"/>
  <c r="U157513" i="1"/>
  <c r="U157512" i="1"/>
  <c r="U157511" i="1"/>
  <c r="U157510" i="1"/>
  <c r="U157509" i="1"/>
  <c r="U157508" i="1"/>
  <c r="U157507" i="1"/>
  <c r="U157506" i="1"/>
  <c r="U157505" i="1"/>
  <c r="U157504" i="1"/>
  <c r="U157503" i="1"/>
  <c r="U157502" i="1"/>
  <c r="U157501" i="1"/>
  <c r="U157500" i="1"/>
  <c r="U157499" i="1"/>
  <c r="U157498" i="1"/>
  <c r="U157497" i="1"/>
  <c r="U157496" i="1"/>
  <c r="U157495" i="1"/>
  <c r="U157494" i="1"/>
  <c r="U157493" i="1"/>
  <c r="U157492" i="1"/>
  <c r="U157491" i="1"/>
  <c r="U157490" i="1"/>
  <c r="U157489" i="1"/>
  <c r="U157488" i="1"/>
  <c r="U157487" i="1"/>
  <c r="U157486" i="1"/>
  <c r="U157485" i="1"/>
  <c r="U157484" i="1"/>
  <c r="U157483" i="1"/>
  <c r="U157482" i="1"/>
  <c r="U157481" i="1"/>
  <c r="U157480" i="1"/>
  <c r="U157479" i="1"/>
  <c r="U157478" i="1"/>
  <c r="U157477" i="1"/>
  <c r="U157476" i="1"/>
  <c r="U157475" i="1"/>
  <c r="U157474" i="1"/>
  <c r="U157473" i="1"/>
  <c r="U157472" i="1"/>
  <c r="U157471" i="1"/>
  <c r="U157470" i="1"/>
  <c r="U157469" i="1"/>
  <c r="U157468" i="1"/>
  <c r="U157467" i="1"/>
  <c r="U157466" i="1"/>
  <c r="U157465" i="1"/>
  <c r="U157464" i="1"/>
  <c r="U157463" i="1"/>
  <c r="U157462" i="1"/>
  <c r="U157461" i="1"/>
  <c r="U157460" i="1"/>
  <c r="U157459" i="1"/>
  <c r="U157458" i="1"/>
  <c r="U157457" i="1"/>
  <c r="U157456" i="1"/>
  <c r="U157455" i="1"/>
  <c r="U157454" i="1"/>
  <c r="U157453" i="1"/>
  <c r="U157452" i="1"/>
  <c r="U157451" i="1"/>
  <c r="U157450" i="1"/>
  <c r="U157449" i="1"/>
  <c r="U157448" i="1"/>
  <c r="U157447" i="1"/>
  <c r="U157446" i="1"/>
  <c r="U157445" i="1"/>
  <c r="U157444" i="1"/>
  <c r="U157443" i="1"/>
  <c r="U157442" i="1"/>
  <c r="U157441" i="1"/>
  <c r="U157440" i="1"/>
  <c r="U157439" i="1"/>
  <c r="U157438" i="1"/>
  <c r="U157437" i="1"/>
  <c r="U157436" i="1"/>
  <c r="U157435" i="1"/>
  <c r="U157434" i="1"/>
  <c r="U157433" i="1"/>
  <c r="U157432" i="1"/>
  <c r="U157431" i="1"/>
  <c r="U157430" i="1"/>
  <c r="U157429" i="1"/>
  <c r="U157428" i="1"/>
  <c r="U157427" i="1"/>
  <c r="U157426" i="1"/>
  <c r="U157425" i="1"/>
  <c r="U157424" i="1"/>
  <c r="U157423" i="1"/>
  <c r="U157422" i="1"/>
  <c r="U157421" i="1"/>
  <c r="U157420" i="1"/>
  <c r="U157419" i="1"/>
  <c r="U157418" i="1"/>
  <c r="U157417" i="1"/>
  <c r="U157416" i="1"/>
  <c r="U157415" i="1"/>
  <c r="U157414" i="1"/>
  <c r="U157413" i="1"/>
  <c r="U157412" i="1"/>
  <c r="U157411" i="1"/>
  <c r="U157410" i="1"/>
  <c r="U157409" i="1"/>
  <c r="U157408" i="1"/>
  <c r="U157407" i="1"/>
  <c r="U157406" i="1"/>
  <c r="U157405" i="1"/>
  <c r="U157404" i="1"/>
  <c r="U157403" i="1"/>
  <c r="U157402" i="1"/>
  <c r="U157401" i="1"/>
  <c r="U157400" i="1"/>
  <c r="U157399" i="1"/>
  <c r="U157398" i="1"/>
  <c r="U157397" i="1"/>
  <c r="U157396" i="1"/>
  <c r="U157395" i="1"/>
  <c r="U157394" i="1"/>
  <c r="U157393" i="1"/>
  <c r="U157392" i="1"/>
  <c r="U157391" i="1"/>
  <c r="U157390" i="1"/>
  <c r="U157389" i="1"/>
  <c r="U157388" i="1"/>
  <c r="U157387" i="1"/>
  <c r="U157386" i="1"/>
  <c r="U157385" i="1"/>
  <c r="U157384" i="1"/>
  <c r="U157383" i="1"/>
  <c r="U157382" i="1"/>
  <c r="U157381" i="1"/>
  <c r="U157380" i="1"/>
  <c r="U157379" i="1"/>
  <c r="U157378" i="1"/>
  <c r="U157377" i="1"/>
  <c r="U157376" i="1"/>
  <c r="U157375" i="1"/>
  <c r="U157374" i="1"/>
  <c r="U157373" i="1"/>
  <c r="U157372" i="1"/>
  <c r="U157371" i="1"/>
  <c r="U157370" i="1"/>
  <c r="U157369" i="1"/>
  <c r="U157368" i="1"/>
  <c r="U157367" i="1"/>
  <c r="U157366" i="1"/>
  <c r="U157365" i="1"/>
  <c r="U157364" i="1"/>
  <c r="U157363" i="1"/>
  <c r="U157362" i="1"/>
  <c r="U157361" i="1"/>
  <c r="U157360" i="1"/>
  <c r="U157359" i="1"/>
  <c r="U157358" i="1"/>
  <c r="U157357" i="1"/>
  <c r="U157356" i="1"/>
  <c r="U157355" i="1"/>
  <c r="U157354" i="1"/>
  <c r="U157353" i="1"/>
  <c r="U157352" i="1"/>
  <c r="U157351" i="1"/>
  <c r="U157350" i="1"/>
  <c r="U157349" i="1"/>
  <c r="U157348" i="1"/>
  <c r="U157347" i="1"/>
  <c r="U157346" i="1"/>
  <c r="U157345" i="1"/>
  <c r="U157344" i="1"/>
  <c r="U157343" i="1"/>
  <c r="U157342" i="1"/>
  <c r="U157341" i="1"/>
  <c r="U157340" i="1"/>
  <c r="U157339" i="1"/>
  <c r="U157338" i="1"/>
  <c r="U157337" i="1"/>
  <c r="U157336" i="1"/>
  <c r="U157335" i="1"/>
  <c r="U157334" i="1"/>
  <c r="U157333" i="1"/>
  <c r="U157332" i="1"/>
  <c r="U157331" i="1"/>
  <c r="U157330" i="1"/>
  <c r="U157329" i="1"/>
  <c r="U157328" i="1"/>
  <c r="U157327" i="1"/>
  <c r="U157326" i="1"/>
  <c r="U157325" i="1"/>
  <c r="U157324" i="1"/>
  <c r="U157323" i="1"/>
  <c r="U157322" i="1"/>
  <c r="U157321" i="1"/>
  <c r="U157320" i="1"/>
  <c r="U157319" i="1"/>
  <c r="U157318" i="1"/>
  <c r="U157317" i="1"/>
  <c r="U157316" i="1"/>
  <c r="U157315" i="1"/>
  <c r="U157314" i="1"/>
  <c r="U157313" i="1"/>
  <c r="U157312" i="1"/>
  <c r="U157311" i="1"/>
  <c r="U157310" i="1"/>
  <c r="U157309" i="1"/>
  <c r="U157308" i="1"/>
  <c r="U157307" i="1"/>
  <c r="U157306" i="1"/>
  <c r="U157305" i="1"/>
  <c r="U157304" i="1"/>
  <c r="U157303" i="1"/>
  <c r="U157302" i="1"/>
  <c r="U157301" i="1"/>
  <c r="U157300" i="1"/>
  <c r="U157299" i="1"/>
  <c r="U157298" i="1"/>
  <c r="U157297" i="1"/>
  <c r="U157296" i="1"/>
  <c r="U157295" i="1"/>
  <c r="U157294" i="1"/>
  <c r="U157293" i="1"/>
  <c r="U157292" i="1"/>
  <c r="U157291" i="1"/>
  <c r="U157290" i="1"/>
  <c r="U157289" i="1"/>
  <c r="U157288" i="1"/>
  <c r="U157287" i="1"/>
  <c r="U157286" i="1"/>
  <c r="U157285" i="1"/>
  <c r="U157284" i="1"/>
  <c r="U157283" i="1"/>
  <c r="U157282" i="1"/>
  <c r="U157281" i="1"/>
  <c r="U157280" i="1"/>
  <c r="U157279" i="1"/>
  <c r="U157278" i="1"/>
  <c r="U157277" i="1"/>
  <c r="U157276" i="1"/>
  <c r="U157275" i="1"/>
  <c r="U157274" i="1"/>
  <c r="U157273" i="1"/>
  <c r="U157272" i="1"/>
  <c r="U157271" i="1"/>
  <c r="U157270" i="1"/>
  <c r="U157269" i="1"/>
  <c r="U157268" i="1"/>
  <c r="U157267" i="1"/>
  <c r="U157266" i="1"/>
  <c r="U157265" i="1"/>
  <c r="U157264" i="1"/>
  <c r="U157263" i="1"/>
  <c r="U157262" i="1"/>
  <c r="U157261" i="1"/>
  <c r="U157260" i="1"/>
  <c r="U157259" i="1"/>
  <c r="U157258" i="1"/>
  <c r="U157257" i="1"/>
  <c r="U157256" i="1"/>
  <c r="U157255" i="1"/>
  <c r="U157254" i="1"/>
  <c r="U157253" i="1"/>
  <c r="U157252" i="1"/>
  <c r="U157251" i="1"/>
  <c r="U157250" i="1"/>
  <c r="U157249" i="1"/>
  <c r="U157248" i="1"/>
  <c r="U157247" i="1"/>
  <c r="U157246" i="1"/>
  <c r="U157245" i="1"/>
  <c r="U157244" i="1"/>
  <c r="U157243" i="1"/>
  <c r="U157242" i="1"/>
  <c r="U157241" i="1"/>
  <c r="U157240" i="1"/>
  <c r="U157239" i="1"/>
  <c r="U157238" i="1"/>
  <c r="U157237" i="1"/>
  <c r="U157236" i="1"/>
  <c r="U157235" i="1"/>
  <c r="U157234" i="1"/>
  <c r="U157233" i="1"/>
  <c r="U157232" i="1"/>
  <c r="U157231" i="1"/>
  <c r="U157230" i="1"/>
  <c r="U157229" i="1"/>
  <c r="U157228" i="1"/>
  <c r="U157227" i="1"/>
  <c r="U157226" i="1"/>
  <c r="U157225" i="1"/>
  <c r="U157224" i="1"/>
  <c r="U157223" i="1"/>
  <c r="U157222" i="1"/>
  <c r="U157221" i="1"/>
  <c r="U157220" i="1"/>
  <c r="U157219" i="1"/>
  <c r="U157218" i="1"/>
  <c r="U157217" i="1"/>
  <c r="U157216" i="1"/>
  <c r="U157215" i="1"/>
  <c r="U157214" i="1"/>
  <c r="U157213" i="1"/>
  <c r="U157212" i="1"/>
  <c r="U157211" i="1"/>
  <c r="U157210" i="1"/>
  <c r="U157209" i="1"/>
  <c r="U157208" i="1"/>
  <c r="U157207" i="1"/>
  <c r="U157206" i="1"/>
  <c r="U157205" i="1"/>
  <c r="U157204" i="1"/>
  <c r="U157203" i="1"/>
  <c r="U157202" i="1"/>
  <c r="U157201" i="1"/>
  <c r="U157200" i="1"/>
  <c r="U157199" i="1"/>
  <c r="U157198" i="1"/>
  <c r="U157197" i="1"/>
  <c r="U157196" i="1"/>
  <c r="U157195" i="1"/>
  <c r="U157194" i="1"/>
  <c r="U157193" i="1"/>
  <c r="U157192" i="1"/>
  <c r="U157191" i="1"/>
  <c r="U157190" i="1"/>
  <c r="U157189" i="1"/>
  <c r="U157188" i="1"/>
  <c r="U157187" i="1"/>
  <c r="U157186" i="1"/>
  <c r="U157185" i="1"/>
  <c r="U157184" i="1"/>
  <c r="U157183" i="1"/>
  <c r="U157182" i="1"/>
  <c r="U157181" i="1"/>
  <c r="U157180" i="1"/>
  <c r="U157179" i="1"/>
  <c r="U157178" i="1"/>
  <c r="U157177" i="1"/>
  <c r="U157176" i="1"/>
  <c r="U157175" i="1"/>
  <c r="U157174" i="1"/>
  <c r="U157173" i="1"/>
  <c r="U157172" i="1"/>
  <c r="U157171" i="1"/>
  <c r="U157170" i="1"/>
  <c r="U157169" i="1"/>
  <c r="U157168" i="1"/>
  <c r="U157167" i="1"/>
  <c r="U157166" i="1"/>
  <c r="U157165" i="1"/>
  <c r="U157164" i="1"/>
  <c r="U157163" i="1"/>
  <c r="U157162" i="1"/>
  <c r="U157161" i="1"/>
  <c r="U157160" i="1"/>
  <c r="U157159" i="1"/>
  <c r="U157158" i="1"/>
  <c r="U157157" i="1"/>
  <c r="U157156" i="1"/>
  <c r="U157155" i="1"/>
  <c r="U157154" i="1"/>
  <c r="U157153" i="1"/>
  <c r="U157152" i="1"/>
  <c r="U157151" i="1"/>
  <c r="U157150" i="1"/>
  <c r="U157149" i="1"/>
  <c r="U157148" i="1"/>
  <c r="U157147" i="1"/>
  <c r="U157146" i="1"/>
  <c r="U157145" i="1"/>
  <c r="U157144" i="1"/>
  <c r="U157143" i="1"/>
  <c r="U157142" i="1"/>
  <c r="U157141" i="1"/>
  <c r="U157140" i="1"/>
  <c r="U157139" i="1"/>
  <c r="U157138" i="1"/>
  <c r="U157137" i="1"/>
  <c r="U157136" i="1"/>
  <c r="U157135" i="1"/>
  <c r="U157134" i="1"/>
  <c r="U157133" i="1"/>
  <c r="U157132" i="1"/>
  <c r="U157131" i="1"/>
  <c r="U157130" i="1"/>
  <c r="U157129" i="1"/>
  <c r="U157128" i="1"/>
  <c r="U157127" i="1"/>
  <c r="U157126" i="1"/>
  <c r="U157125" i="1"/>
  <c r="U157124" i="1"/>
  <c r="U157123" i="1"/>
  <c r="U157122" i="1"/>
  <c r="U157121" i="1"/>
  <c r="U157120" i="1"/>
  <c r="U157119" i="1"/>
  <c r="U157118" i="1"/>
  <c r="U157117" i="1"/>
  <c r="U157116" i="1"/>
  <c r="U157115" i="1"/>
  <c r="U157114" i="1"/>
  <c r="U157113" i="1"/>
  <c r="U157112" i="1"/>
  <c r="U157111" i="1"/>
  <c r="U157110" i="1"/>
  <c r="U157109" i="1"/>
  <c r="U157108" i="1"/>
  <c r="U157107" i="1"/>
  <c r="U157106" i="1"/>
  <c r="U157105" i="1"/>
  <c r="U157104" i="1"/>
  <c r="U157103" i="1"/>
  <c r="U157102" i="1"/>
  <c r="U157101" i="1"/>
  <c r="U157100" i="1"/>
  <c r="U157099" i="1"/>
  <c r="U157098" i="1"/>
  <c r="U157097" i="1"/>
  <c r="U157096" i="1"/>
  <c r="U157095" i="1"/>
  <c r="U157094" i="1"/>
  <c r="U157093" i="1"/>
  <c r="U157092" i="1"/>
  <c r="U157091" i="1"/>
  <c r="U157090" i="1"/>
  <c r="U157089" i="1"/>
  <c r="U157088" i="1"/>
  <c r="U157087" i="1"/>
  <c r="U157086" i="1"/>
  <c r="U157085" i="1"/>
  <c r="U157084" i="1"/>
  <c r="U157083" i="1"/>
  <c r="U157082" i="1"/>
  <c r="U157081" i="1"/>
  <c r="U157080" i="1"/>
  <c r="U157079" i="1"/>
  <c r="U157078" i="1"/>
  <c r="U157077" i="1"/>
  <c r="U157076" i="1"/>
  <c r="U157075" i="1"/>
  <c r="U157074" i="1"/>
  <c r="U157073" i="1"/>
  <c r="U157072" i="1"/>
  <c r="U157071" i="1"/>
  <c r="U157070" i="1"/>
  <c r="U157069" i="1"/>
  <c r="U157068" i="1"/>
  <c r="U157067" i="1"/>
  <c r="U157066" i="1"/>
  <c r="U157065" i="1"/>
  <c r="U157064" i="1"/>
  <c r="U157063" i="1"/>
  <c r="U157062" i="1"/>
  <c r="U157061" i="1"/>
  <c r="U157060" i="1"/>
  <c r="U157059" i="1"/>
  <c r="U157058" i="1"/>
  <c r="U157057" i="1"/>
  <c r="U157056" i="1"/>
  <c r="U157055" i="1"/>
  <c r="U157054" i="1"/>
  <c r="U157053" i="1"/>
  <c r="U157052" i="1"/>
  <c r="U157051" i="1"/>
  <c r="U157050" i="1"/>
  <c r="U157049" i="1"/>
  <c r="U157048" i="1"/>
  <c r="U157047" i="1"/>
  <c r="U157046" i="1"/>
  <c r="U157045" i="1"/>
  <c r="U157044" i="1"/>
  <c r="U157043" i="1"/>
  <c r="U157042" i="1"/>
  <c r="U157041" i="1"/>
  <c r="U157040" i="1"/>
  <c r="U157039" i="1"/>
  <c r="U157038" i="1"/>
  <c r="U157037" i="1"/>
  <c r="U157036" i="1"/>
  <c r="U157035" i="1"/>
  <c r="U157034" i="1"/>
  <c r="U157033" i="1"/>
  <c r="U157032" i="1"/>
  <c r="U157031" i="1"/>
  <c r="U157030" i="1"/>
  <c r="U157029" i="1"/>
  <c r="U157028" i="1"/>
  <c r="U157027" i="1"/>
  <c r="U157026" i="1"/>
  <c r="U157025" i="1"/>
  <c r="U157024" i="1"/>
  <c r="U157023" i="1"/>
  <c r="U157022" i="1"/>
  <c r="U157021" i="1"/>
  <c r="U157020" i="1"/>
  <c r="U157019" i="1"/>
  <c r="U157018" i="1"/>
  <c r="U157017" i="1"/>
  <c r="U157016" i="1"/>
  <c r="U157015" i="1"/>
  <c r="U157014" i="1"/>
  <c r="U157013" i="1"/>
  <c r="U157012" i="1"/>
  <c r="U157011" i="1"/>
  <c r="U157010" i="1"/>
  <c r="U157009" i="1"/>
  <c r="U157008" i="1"/>
  <c r="U157007" i="1"/>
  <c r="U157006" i="1"/>
  <c r="U157005" i="1"/>
  <c r="U157004" i="1"/>
  <c r="U157003" i="1"/>
  <c r="U157002" i="1"/>
  <c r="U157001" i="1"/>
  <c r="U157000" i="1"/>
  <c r="U156999" i="1"/>
  <c r="U156998" i="1"/>
  <c r="U156997" i="1"/>
  <c r="U156996" i="1"/>
  <c r="U156995" i="1"/>
  <c r="U156994" i="1"/>
  <c r="U156993" i="1"/>
  <c r="U156992" i="1"/>
  <c r="U156991" i="1"/>
  <c r="U156990" i="1"/>
  <c r="U156989" i="1"/>
  <c r="U156988" i="1"/>
  <c r="U156987" i="1"/>
  <c r="U156986" i="1"/>
  <c r="U156985" i="1"/>
  <c r="U156984" i="1"/>
  <c r="U156983" i="1"/>
  <c r="U156982" i="1"/>
  <c r="U156981" i="1"/>
  <c r="U156980" i="1"/>
  <c r="U156979" i="1"/>
  <c r="U156978" i="1"/>
  <c r="U156977" i="1"/>
  <c r="U156976" i="1"/>
  <c r="U156975" i="1"/>
  <c r="U156974" i="1"/>
  <c r="U156973" i="1"/>
  <c r="U156972" i="1"/>
  <c r="U156971" i="1"/>
  <c r="U156970" i="1"/>
  <c r="U156969" i="1"/>
  <c r="U156968" i="1"/>
  <c r="U156967" i="1"/>
  <c r="U156966" i="1"/>
  <c r="U156965" i="1"/>
  <c r="U156964" i="1"/>
  <c r="U156963" i="1"/>
  <c r="U156962" i="1"/>
  <c r="U156961" i="1"/>
  <c r="U156960" i="1"/>
  <c r="U156959" i="1"/>
  <c r="U156958" i="1"/>
  <c r="U156957" i="1"/>
  <c r="U156956" i="1"/>
  <c r="U156955" i="1"/>
  <c r="U156954" i="1"/>
  <c r="U156953" i="1"/>
  <c r="U156952" i="1"/>
  <c r="U156951" i="1"/>
  <c r="U156950" i="1"/>
  <c r="U156949" i="1"/>
  <c r="U156948" i="1"/>
  <c r="U156947" i="1"/>
  <c r="U156946" i="1"/>
  <c r="U156945" i="1"/>
  <c r="U156944" i="1"/>
  <c r="U156943" i="1"/>
  <c r="U156942" i="1"/>
  <c r="U156941" i="1"/>
  <c r="U156940" i="1"/>
  <c r="U156939" i="1"/>
  <c r="U156938" i="1"/>
  <c r="U156937" i="1"/>
  <c r="U156936" i="1"/>
  <c r="U156935" i="1"/>
  <c r="U156934" i="1"/>
  <c r="U156933" i="1"/>
  <c r="U156932" i="1"/>
  <c r="U156931" i="1"/>
  <c r="U156930" i="1"/>
  <c r="U156929" i="1"/>
  <c r="U156928" i="1"/>
  <c r="U156927" i="1"/>
  <c r="U156926" i="1"/>
  <c r="U156925" i="1"/>
  <c r="U156924" i="1"/>
  <c r="U156923" i="1"/>
  <c r="U156922" i="1"/>
  <c r="U156921" i="1"/>
  <c r="U156920" i="1"/>
  <c r="U156919" i="1"/>
  <c r="U156918" i="1"/>
  <c r="U156917" i="1"/>
  <c r="U156916" i="1"/>
  <c r="U156915" i="1"/>
  <c r="U156914" i="1"/>
  <c r="U156913" i="1"/>
  <c r="U156912" i="1"/>
  <c r="U156911" i="1"/>
  <c r="U156910" i="1"/>
  <c r="U156909" i="1"/>
  <c r="U156908" i="1"/>
  <c r="U156907" i="1"/>
  <c r="U156906" i="1"/>
  <c r="U156905" i="1"/>
  <c r="U156904" i="1"/>
  <c r="U156903" i="1"/>
  <c r="U156902" i="1"/>
  <c r="U156901" i="1"/>
  <c r="U156900" i="1"/>
  <c r="U156899" i="1"/>
  <c r="U156898" i="1"/>
  <c r="U156897" i="1"/>
  <c r="U156896" i="1"/>
  <c r="U156895" i="1"/>
  <c r="U156894" i="1"/>
  <c r="U156893" i="1"/>
  <c r="U156892" i="1"/>
  <c r="U156891" i="1"/>
  <c r="U156890" i="1"/>
  <c r="U156889" i="1"/>
  <c r="U156888" i="1"/>
  <c r="U156887" i="1"/>
  <c r="U156886" i="1"/>
  <c r="U156885" i="1"/>
  <c r="U156884" i="1"/>
  <c r="U156883" i="1"/>
  <c r="U156882" i="1"/>
  <c r="U156881" i="1"/>
  <c r="U156880" i="1"/>
  <c r="U156879" i="1"/>
  <c r="U156878" i="1"/>
  <c r="U156877" i="1"/>
  <c r="U156876" i="1"/>
  <c r="U156875" i="1"/>
  <c r="U156874" i="1"/>
  <c r="U156873" i="1"/>
  <c r="U156872" i="1"/>
  <c r="U156871" i="1"/>
  <c r="U156870" i="1"/>
  <c r="U156869" i="1"/>
  <c r="U156868" i="1"/>
  <c r="U156867" i="1"/>
  <c r="U156866" i="1"/>
  <c r="U156865" i="1"/>
  <c r="U156864" i="1"/>
  <c r="U156863" i="1"/>
  <c r="U156862" i="1"/>
  <c r="U156861" i="1"/>
  <c r="U156860" i="1"/>
  <c r="U156859" i="1"/>
  <c r="U156858" i="1"/>
  <c r="U156857" i="1"/>
  <c r="U156856" i="1"/>
  <c r="U156855" i="1"/>
  <c r="U156854" i="1"/>
  <c r="U156853" i="1"/>
  <c r="U156852" i="1"/>
  <c r="U156851" i="1"/>
  <c r="U156850" i="1"/>
  <c r="U156849" i="1"/>
  <c r="U156848" i="1"/>
  <c r="U156847" i="1"/>
  <c r="U156846" i="1"/>
  <c r="U156845" i="1"/>
  <c r="U156844" i="1"/>
  <c r="U156843" i="1"/>
  <c r="U156842" i="1"/>
  <c r="U156841" i="1"/>
  <c r="U156840" i="1"/>
  <c r="U156839" i="1"/>
  <c r="U156838" i="1"/>
  <c r="U156837" i="1"/>
  <c r="U156836" i="1"/>
  <c r="U156835" i="1"/>
  <c r="U156834" i="1"/>
  <c r="U156833" i="1"/>
  <c r="U156832" i="1"/>
  <c r="U156831" i="1"/>
  <c r="U156830" i="1"/>
  <c r="U156829" i="1"/>
  <c r="U156828" i="1"/>
  <c r="U156827" i="1"/>
  <c r="U156826" i="1"/>
  <c r="U156825" i="1"/>
  <c r="U156824" i="1"/>
  <c r="U156823" i="1"/>
  <c r="U156822" i="1"/>
  <c r="U156821" i="1"/>
  <c r="U156820" i="1"/>
  <c r="U156819" i="1"/>
  <c r="U156818" i="1"/>
  <c r="U156817" i="1"/>
  <c r="U156816" i="1"/>
  <c r="U156815" i="1"/>
  <c r="U156814" i="1"/>
  <c r="U156813" i="1"/>
  <c r="U156812" i="1"/>
  <c r="U156811" i="1"/>
  <c r="U156810" i="1"/>
  <c r="U156809" i="1"/>
  <c r="U156808" i="1"/>
  <c r="U156807" i="1"/>
  <c r="U156806" i="1"/>
  <c r="U156805" i="1"/>
  <c r="U156804" i="1"/>
  <c r="U156803" i="1"/>
  <c r="U156802" i="1"/>
  <c r="U156801" i="1"/>
  <c r="U156800" i="1"/>
  <c r="U156799" i="1"/>
  <c r="U156798" i="1"/>
  <c r="U156797" i="1"/>
  <c r="U156796" i="1"/>
  <c r="U156795" i="1"/>
  <c r="U156794" i="1"/>
  <c r="U156793" i="1"/>
  <c r="U156792" i="1"/>
  <c r="U156791" i="1"/>
  <c r="U156790" i="1"/>
  <c r="U156789" i="1"/>
  <c r="U156788" i="1"/>
  <c r="U156787" i="1"/>
  <c r="U156786" i="1"/>
  <c r="U156785" i="1"/>
  <c r="U156784" i="1"/>
  <c r="U156783" i="1"/>
  <c r="U156782" i="1"/>
  <c r="U156781" i="1"/>
  <c r="U156780" i="1"/>
  <c r="U156779" i="1"/>
  <c r="U156778" i="1"/>
  <c r="U156777" i="1"/>
  <c r="U156776" i="1"/>
  <c r="U156775" i="1"/>
  <c r="U156774" i="1"/>
  <c r="U156773" i="1"/>
  <c r="U156772" i="1"/>
  <c r="U156771" i="1"/>
  <c r="U156770" i="1"/>
  <c r="U156769" i="1"/>
  <c r="U156768" i="1"/>
  <c r="U156767" i="1"/>
  <c r="U156766" i="1"/>
  <c r="U156765" i="1"/>
  <c r="U156764" i="1"/>
  <c r="U156763" i="1"/>
  <c r="U156762" i="1"/>
  <c r="U156761" i="1"/>
  <c r="U156760" i="1"/>
  <c r="U156759" i="1"/>
  <c r="U156758" i="1"/>
  <c r="U156757" i="1"/>
  <c r="U156756" i="1"/>
  <c r="U156755" i="1"/>
  <c r="U156754" i="1"/>
  <c r="U156753" i="1"/>
  <c r="U156752" i="1"/>
  <c r="U156751" i="1"/>
  <c r="U156750" i="1"/>
  <c r="U156749" i="1"/>
  <c r="U156748" i="1"/>
  <c r="U156747" i="1"/>
  <c r="U156746" i="1"/>
  <c r="U156745" i="1"/>
  <c r="U156744" i="1"/>
  <c r="U156743" i="1"/>
  <c r="U156742" i="1"/>
  <c r="U156741" i="1"/>
  <c r="U156740" i="1"/>
  <c r="U156739" i="1"/>
  <c r="U156738" i="1"/>
  <c r="U156737" i="1"/>
  <c r="U156736" i="1"/>
  <c r="U156735" i="1"/>
  <c r="U156734" i="1"/>
  <c r="U156733" i="1"/>
  <c r="U156732" i="1"/>
  <c r="U156731" i="1"/>
  <c r="U156730" i="1"/>
  <c r="U156729" i="1"/>
  <c r="U156728" i="1"/>
  <c r="U156727" i="1"/>
  <c r="U156726" i="1"/>
  <c r="U156725" i="1"/>
  <c r="U156724" i="1"/>
  <c r="U156723" i="1"/>
  <c r="U156722" i="1"/>
  <c r="U156721" i="1"/>
  <c r="U156720" i="1"/>
  <c r="U156719" i="1"/>
  <c r="U156718" i="1"/>
  <c r="U156717" i="1"/>
  <c r="U156716" i="1"/>
  <c r="U156715" i="1"/>
  <c r="U156714" i="1"/>
  <c r="U156713" i="1"/>
  <c r="U156712" i="1"/>
  <c r="U156711" i="1"/>
  <c r="U156710" i="1"/>
  <c r="U156709" i="1"/>
  <c r="U156708" i="1"/>
  <c r="U156707" i="1"/>
  <c r="U156706" i="1"/>
  <c r="U156705" i="1"/>
  <c r="U156704" i="1"/>
  <c r="U156703" i="1"/>
  <c r="U156702" i="1"/>
  <c r="U156701" i="1"/>
  <c r="U156700" i="1"/>
  <c r="U156699" i="1"/>
  <c r="U156698" i="1"/>
  <c r="U156697" i="1"/>
  <c r="U156696" i="1"/>
  <c r="U156695" i="1"/>
  <c r="U156694" i="1"/>
  <c r="U156693" i="1"/>
  <c r="U156692" i="1"/>
  <c r="U156691" i="1"/>
  <c r="U156690" i="1"/>
  <c r="U156689" i="1"/>
  <c r="U156688" i="1"/>
  <c r="U156687" i="1"/>
  <c r="U156686" i="1"/>
  <c r="U156685" i="1"/>
  <c r="U156684" i="1"/>
  <c r="U156683" i="1"/>
  <c r="U156682" i="1"/>
  <c r="U156681" i="1"/>
  <c r="U156680" i="1"/>
  <c r="U156679" i="1"/>
  <c r="U156678" i="1"/>
  <c r="U156677" i="1"/>
  <c r="U156676" i="1"/>
  <c r="U156675" i="1"/>
  <c r="U156674" i="1"/>
  <c r="U156673" i="1"/>
  <c r="U156672" i="1"/>
  <c r="U156671" i="1"/>
  <c r="U156670" i="1"/>
  <c r="U156669" i="1"/>
  <c r="U156668" i="1"/>
  <c r="U156667" i="1"/>
  <c r="U156666" i="1"/>
  <c r="U156665" i="1"/>
  <c r="U156664" i="1"/>
  <c r="U156663" i="1"/>
  <c r="U156662" i="1"/>
  <c r="U156661" i="1"/>
  <c r="U156660" i="1"/>
  <c r="U156659" i="1"/>
  <c r="U156658" i="1"/>
  <c r="U156657" i="1"/>
  <c r="U156656" i="1"/>
  <c r="U156655" i="1"/>
  <c r="U156654" i="1"/>
  <c r="U156653" i="1"/>
  <c r="U156652" i="1"/>
  <c r="U156651" i="1"/>
  <c r="U156650" i="1"/>
  <c r="U156649" i="1"/>
  <c r="U156648" i="1"/>
  <c r="U156647" i="1"/>
  <c r="U156646" i="1"/>
  <c r="U156645" i="1"/>
  <c r="U156644" i="1"/>
  <c r="U156643" i="1"/>
  <c r="U156642" i="1"/>
  <c r="U156641" i="1"/>
  <c r="U156640" i="1"/>
  <c r="U156639" i="1"/>
  <c r="U156638" i="1"/>
  <c r="U156637" i="1"/>
  <c r="U156636" i="1"/>
  <c r="U156635" i="1"/>
  <c r="U156634" i="1"/>
  <c r="U156633" i="1"/>
  <c r="U156632" i="1"/>
  <c r="U156631" i="1"/>
  <c r="U156630" i="1"/>
  <c r="U156629" i="1"/>
  <c r="U156628" i="1"/>
  <c r="U156627" i="1"/>
  <c r="U156626" i="1"/>
  <c r="U156625" i="1"/>
  <c r="U156624" i="1"/>
  <c r="U156623" i="1"/>
  <c r="U156622" i="1"/>
  <c r="U156621" i="1"/>
  <c r="U156620" i="1"/>
  <c r="U156619" i="1"/>
  <c r="U156618" i="1"/>
  <c r="U156617" i="1"/>
  <c r="U156616" i="1"/>
  <c r="U156615" i="1"/>
  <c r="U156614" i="1"/>
  <c r="U156613" i="1"/>
  <c r="U156612" i="1"/>
  <c r="U156611" i="1"/>
  <c r="U156610" i="1"/>
  <c r="U156609" i="1"/>
  <c r="U156608" i="1"/>
  <c r="U156607" i="1"/>
  <c r="U156606" i="1"/>
  <c r="U156605" i="1"/>
  <c r="U156604" i="1"/>
  <c r="U156603" i="1"/>
  <c r="U156602" i="1"/>
  <c r="U156601" i="1"/>
  <c r="U156600" i="1"/>
  <c r="U156599" i="1"/>
  <c r="U156598" i="1"/>
  <c r="U156597" i="1"/>
  <c r="U156596" i="1"/>
  <c r="U156595" i="1"/>
  <c r="U156594" i="1"/>
  <c r="U156593" i="1"/>
  <c r="U156592" i="1"/>
  <c r="U156591" i="1"/>
  <c r="U156590" i="1"/>
  <c r="U156589" i="1"/>
  <c r="U156588" i="1"/>
  <c r="U156587" i="1"/>
  <c r="U156586" i="1"/>
  <c r="U156585" i="1"/>
  <c r="U156584" i="1"/>
  <c r="U156583" i="1"/>
  <c r="U156582" i="1"/>
  <c r="U156581" i="1"/>
  <c r="U156580" i="1"/>
  <c r="U156579" i="1"/>
  <c r="U156578" i="1"/>
  <c r="U156577" i="1"/>
  <c r="U156576" i="1"/>
  <c r="U156575" i="1"/>
  <c r="U156574" i="1"/>
  <c r="U156573" i="1"/>
  <c r="U156572" i="1"/>
  <c r="U156571" i="1"/>
  <c r="U156570" i="1"/>
  <c r="U156569" i="1"/>
  <c r="U156568" i="1"/>
  <c r="U156567" i="1"/>
  <c r="U156566" i="1"/>
  <c r="U156565" i="1"/>
  <c r="U156564" i="1"/>
  <c r="U156563" i="1"/>
  <c r="U156562" i="1"/>
  <c r="U156561" i="1"/>
  <c r="U156560" i="1"/>
  <c r="U156559" i="1"/>
  <c r="U156558" i="1"/>
  <c r="U156557" i="1"/>
  <c r="U156556" i="1"/>
  <c r="U156555" i="1"/>
  <c r="U156554" i="1"/>
  <c r="U156553" i="1"/>
  <c r="U156552" i="1"/>
  <c r="U156551" i="1"/>
  <c r="U156550" i="1"/>
  <c r="U156549" i="1"/>
  <c r="U156548" i="1"/>
  <c r="U156547" i="1"/>
  <c r="U156546" i="1"/>
  <c r="U156545" i="1"/>
  <c r="U156544" i="1"/>
  <c r="U156543" i="1"/>
  <c r="U156542" i="1"/>
  <c r="U156541" i="1"/>
  <c r="U156540" i="1"/>
  <c r="U156539" i="1"/>
  <c r="U156538" i="1"/>
  <c r="U156537" i="1"/>
  <c r="U156536" i="1"/>
  <c r="U156535" i="1"/>
  <c r="U156534" i="1"/>
  <c r="U156533" i="1"/>
  <c r="U156532" i="1"/>
  <c r="U156531" i="1"/>
  <c r="U156530" i="1"/>
  <c r="U156529" i="1"/>
  <c r="U156528" i="1"/>
  <c r="U156527" i="1"/>
  <c r="U156526" i="1"/>
  <c r="U156525" i="1"/>
  <c r="U156524" i="1"/>
  <c r="U156523" i="1"/>
  <c r="U156522" i="1"/>
  <c r="U156521" i="1"/>
  <c r="U156520" i="1"/>
  <c r="U156519" i="1"/>
  <c r="U156518" i="1"/>
  <c r="U156517" i="1"/>
  <c r="U156516" i="1"/>
  <c r="U156515" i="1"/>
  <c r="U156514" i="1"/>
  <c r="U156513" i="1"/>
  <c r="U156512" i="1"/>
  <c r="U156511" i="1"/>
  <c r="U156510" i="1"/>
  <c r="U156509" i="1"/>
  <c r="U156508" i="1"/>
  <c r="U156507" i="1"/>
  <c r="U156506" i="1"/>
  <c r="U156505" i="1"/>
  <c r="U156504" i="1"/>
  <c r="U156503" i="1"/>
  <c r="U156502" i="1"/>
  <c r="U156501" i="1"/>
  <c r="U156500" i="1"/>
  <c r="U156499" i="1"/>
  <c r="U156498" i="1"/>
  <c r="U156497" i="1"/>
  <c r="U156496" i="1"/>
  <c r="U156495" i="1"/>
  <c r="U156494" i="1"/>
  <c r="U156493" i="1"/>
  <c r="U156492" i="1"/>
  <c r="U156491" i="1"/>
  <c r="U156490" i="1"/>
  <c r="U156489" i="1"/>
  <c r="U156488" i="1"/>
  <c r="U156487" i="1"/>
  <c r="U156486" i="1"/>
  <c r="U156485" i="1"/>
  <c r="U156484" i="1"/>
  <c r="U156483" i="1"/>
  <c r="U156482" i="1"/>
  <c r="U156481" i="1"/>
  <c r="U156480" i="1"/>
  <c r="U156479" i="1"/>
  <c r="U156478" i="1"/>
  <c r="U156477" i="1"/>
  <c r="U156476" i="1"/>
  <c r="U156475" i="1"/>
  <c r="U156474" i="1"/>
  <c r="U156473" i="1"/>
  <c r="U156472" i="1"/>
  <c r="U156471" i="1"/>
  <c r="U156470" i="1"/>
  <c r="U156469" i="1"/>
  <c r="U156468" i="1"/>
  <c r="U156467" i="1"/>
  <c r="U156466" i="1"/>
  <c r="U156465" i="1"/>
  <c r="U156464" i="1"/>
  <c r="U156463" i="1"/>
  <c r="U156462" i="1"/>
  <c r="U156461" i="1"/>
  <c r="U156460" i="1"/>
  <c r="U156459" i="1"/>
  <c r="U156458" i="1"/>
  <c r="U156457" i="1"/>
  <c r="U156456" i="1"/>
  <c r="U156455" i="1"/>
  <c r="U156454" i="1"/>
  <c r="U156453" i="1"/>
  <c r="U156452" i="1"/>
  <c r="U156451" i="1"/>
  <c r="U156450" i="1"/>
  <c r="U156449" i="1"/>
  <c r="U156448" i="1"/>
  <c r="U156447" i="1"/>
  <c r="U156446" i="1"/>
  <c r="U156445" i="1"/>
  <c r="U156444" i="1"/>
  <c r="U156443" i="1"/>
  <c r="U156442" i="1"/>
  <c r="U156441" i="1"/>
  <c r="U156440" i="1"/>
  <c r="U156439" i="1"/>
  <c r="U156438" i="1"/>
  <c r="U156437" i="1"/>
  <c r="U156436" i="1"/>
  <c r="U156435" i="1"/>
  <c r="U156434" i="1"/>
  <c r="U156433" i="1"/>
  <c r="U156432" i="1"/>
  <c r="U156431" i="1"/>
  <c r="U156430" i="1"/>
  <c r="U156429" i="1"/>
  <c r="U156428" i="1"/>
  <c r="U156427" i="1"/>
  <c r="U156426" i="1"/>
  <c r="U156425" i="1"/>
  <c r="U156424" i="1"/>
  <c r="U156423" i="1"/>
  <c r="U156422" i="1"/>
  <c r="U156421" i="1"/>
  <c r="U156420" i="1"/>
  <c r="U156419" i="1"/>
  <c r="U156418" i="1"/>
  <c r="U156417" i="1"/>
  <c r="U156416" i="1"/>
  <c r="U156415" i="1"/>
  <c r="U156414" i="1"/>
  <c r="U156413" i="1"/>
  <c r="U156412" i="1"/>
  <c r="U156411" i="1"/>
  <c r="U156410" i="1"/>
  <c r="U156409" i="1"/>
  <c r="U156408" i="1"/>
  <c r="U156407" i="1"/>
  <c r="U156406" i="1"/>
  <c r="U156405" i="1"/>
  <c r="U156404" i="1"/>
  <c r="U156403" i="1"/>
  <c r="U156402" i="1"/>
  <c r="U156401" i="1"/>
  <c r="U156400" i="1"/>
  <c r="U156399" i="1"/>
  <c r="U156398" i="1"/>
  <c r="U156397" i="1"/>
  <c r="U156396" i="1"/>
  <c r="U156395" i="1"/>
  <c r="U156394" i="1"/>
  <c r="U156393" i="1"/>
  <c r="U156392" i="1"/>
  <c r="U156391" i="1"/>
  <c r="U156390" i="1"/>
  <c r="U156389" i="1"/>
  <c r="U156388" i="1"/>
  <c r="U156387" i="1"/>
  <c r="U156386" i="1"/>
  <c r="U156385" i="1"/>
  <c r="U156384" i="1"/>
  <c r="U156383" i="1"/>
  <c r="U156382" i="1"/>
  <c r="U156381" i="1"/>
  <c r="U156380" i="1"/>
  <c r="U156379" i="1"/>
  <c r="U156378" i="1"/>
  <c r="U156377" i="1"/>
  <c r="U156376" i="1"/>
  <c r="U156375" i="1"/>
  <c r="U156374" i="1"/>
  <c r="U156373" i="1"/>
  <c r="U156372" i="1"/>
  <c r="U156371" i="1"/>
  <c r="U156370" i="1"/>
  <c r="U156369" i="1"/>
  <c r="U156368" i="1"/>
  <c r="U156367" i="1"/>
  <c r="U156366" i="1"/>
  <c r="U156365" i="1"/>
  <c r="U156364" i="1"/>
  <c r="U156363" i="1"/>
  <c r="U156362" i="1"/>
  <c r="U156361" i="1"/>
  <c r="U156360" i="1"/>
  <c r="U156359" i="1"/>
  <c r="U156358" i="1"/>
  <c r="U156357" i="1"/>
  <c r="U156356" i="1"/>
  <c r="U156355" i="1"/>
  <c r="U156354" i="1"/>
  <c r="U156353" i="1"/>
  <c r="U156352" i="1"/>
  <c r="U156351" i="1"/>
  <c r="U156350" i="1"/>
  <c r="U156349" i="1"/>
  <c r="U156348" i="1"/>
  <c r="U156347" i="1"/>
  <c r="U156346" i="1"/>
  <c r="U156345" i="1"/>
  <c r="U156344" i="1"/>
  <c r="U156343" i="1"/>
  <c r="U156342" i="1"/>
  <c r="U156341" i="1"/>
  <c r="U156340" i="1"/>
  <c r="U156339" i="1"/>
  <c r="U156338" i="1"/>
  <c r="U156337" i="1"/>
  <c r="U156336" i="1"/>
  <c r="U156335" i="1"/>
  <c r="U156334" i="1"/>
  <c r="U156333" i="1"/>
  <c r="U156332" i="1"/>
  <c r="U156331" i="1"/>
  <c r="U156330" i="1"/>
  <c r="U156329" i="1"/>
  <c r="U156328" i="1"/>
  <c r="U156327" i="1"/>
  <c r="U156326" i="1"/>
  <c r="U156325" i="1"/>
  <c r="U156324" i="1"/>
  <c r="U156323" i="1"/>
  <c r="U156322" i="1"/>
  <c r="U156321" i="1"/>
  <c r="U156320" i="1"/>
  <c r="U156319" i="1"/>
  <c r="U156318" i="1"/>
  <c r="U156317" i="1"/>
  <c r="U156316" i="1"/>
  <c r="U156315" i="1"/>
  <c r="U156314" i="1"/>
  <c r="U156313" i="1"/>
  <c r="U156312" i="1"/>
  <c r="U156311" i="1"/>
  <c r="U156310" i="1"/>
  <c r="U156309" i="1"/>
  <c r="U156308" i="1"/>
  <c r="U156307" i="1"/>
  <c r="U156306" i="1"/>
  <c r="U156305" i="1"/>
  <c r="U156304" i="1"/>
  <c r="U156303" i="1"/>
  <c r="U156302" i="1"/>
  <c r="U156301" i="1"/>
  <c r="U156300" i="1"/>
  <c r="U156299" i="1"/>
  <c r="U156298" i="1"/>
  <c r="U156297" i="1"/>
  <c r="U156296" i="1"/>
  <c r="U156295" i="1"/>
  <c r="U156294" i="1"/>
  <c r="U156293" i="1"/>
  <c r="U156292" i="1"/>
  <c r="U156291" i="1"/>
  <c r="U156290" i="1"/>
  <c r="U156289" i="1"/>
  <c r="U156288" i="1"/>
  <c r="U156287" i="1"/>
  <c r="U156286" i="1"/>
  <c r="U156285" i="1"/>
  <c r="U156284" i="1"/>
  <c r="U156283" i="1"/>
  <c r="U156282" i="1"/>
  <c r="U156281" i="1"/>
  <c r="U156280" i="1"/>
  <c r="U156279" i="1"/>
  <c r="U156278" i="1"/>
  <c r="U156277" i="1"/>
  <c r="U156276" i="1"/>
  <c r="U156275" i="1"/>
  <c r="U156274" i="1"/>
  <c r="U156273" i="1"/>
  <c r="U156272" i="1"/>
  <c r="U156271" i="1"/>
  <c r="U156270" i="1"/>
  <c r="U156269" i="1"/>
  <c r="U156268" i="1"/>
  <c r="U156267" i="1"/>
  <c r="U156266" i="1"/>
  <c r="U156265" i="1"/>
  <c r="U156264" i="1"/>
  <c r="U156263" i="1"/>
  <c r="U156262" i="1"/>
  <c r="U156261" i="1"/>
  <c r="U156260" i="1"/>
  <c r="U156259" i="1"/>
  <c r="U156258" i="1"/>
  <c r="U156257" i="1"/>
  <c r="U156256" i="1"/>
  <c r="U156255" i="1"/>
  <c r="U156254" i="1"/>
  <c r="U156253" i="1"/>
  <c r="U156252" i="1"/>
  <c r="U156251" i="1"/>
  <c r="U156250" i="1"/>
  <c r="U156249" i="1"/>
  <c r="U156248" i="1"/>
  <c r="U156247" i="1"/>
  <c r="U156246" i="1"/>
  <c r="U156245" i="1"/>
  <c r="U156244" i="1"/>
  <c r="U156243" i="1"/>
  <c r="U156242" i="1"/>
  <c r="U156241" i="1"/>
  <c r="U156240" i="1"/>
  <c r="U156239" i="1"/>
  <c r="U156238" i="1"/>
  <c r="U156237" i="1"/>
  <c r="U156236" i="1"/>
  <c r="U156235" i="1"/>
  <c r="U156234" i="1"/>
  <c r="U156233" i="1"/>
  <c r="U156232" i="1"/>
  <c r="U156231" i="1"/>
  <c r="U156230" i="1"/>
  <c r="U156229" i="1"/>
  <c r="U156228" i="1"/>
  <c r="U156227" i="1"/>
  <c r="U156226" i="1"/>
  <c r="U156225" i="1"/>
  <c r="U156224" i="1"/>
  <c r="U156223" i="1"/>
  <c r="U156222" i="1"/>
  <c r="U156221" i="1"/>
  <c r="U156220" i="1"/>
  <c r="U156219" i="1"/>
  <c r="U156218" i="1"/>
  <c r="U156217" i="1"/>
  <c r="U156216" i="1"/>
  <c r="U156215" i="1"/>
  <c r="U156214" i="1"/>
  <c r="U156213" i="1"/>
  <c r="U156212" i="1"/>
  <c r="U156211" i="1"/>
  <c r="U156210" i="1"/>
  <c r="U156209" i="1"/>
  <c r="U156208" i="1"/>
  <c r="U156207" i="1"/>
  <c r="U156206" i="1"/>
  <c r="U156205" i="1"/>
  <c r="U156204" i="1"/>
  <c r="U156203" i="1"/>
  <c r="U156202" i="1"/>
  <c r="U156201" i="1"/>
  <c r="U156200" i="1"/>
  <c r="U156199" i="1"/>
  <c r="U156198" i="1"/>
  <c r="U156197" i="1"/>
  <c r="U156196" i="1"/>
  <c r="U156195" i="1"/>
  <c r="U156194" i="1"/>
  <c r="U156193" i="1"/>
  <c r="U156192" i="1"/>
  <c r="U156191" i="1"/>
  <c r="U156190" i="1"/>
  <c r="U156189" i="1"/>
  <c r="U156188" i="1"/>
  <c r="U156187" i="1"/>
  <c r="U156186" i="1"/>
  <c r="U156185" i="1"/>
  <c r="U156184" i="1"/>
  <c r="U156183" i="1"/>
  <c r="U156182" i="1"/>
  <c r="U156181" i="1"/>
  <c r="U156180" i="1"/>
  <c r="U156179" i="1"/>
  <c r="U156178" i="1"/>
  <c r="U156177" i="1"/>
  <c r="U156176" i="1"/>
  <c r="U156175" i="1"/>
  <c r="U156174" i="1"/>
  <c r="U156173" i="1"/>
  <c r="U156172" i="1"/>
  <c r="U156171" i="1"/>
  <c r="U156170" i="1"/>
  <c r="U156169" i="1"/>
  <c r="U156168" i="1"/>
  <c r="U156167" i="1"/>
  <c r="U156166" i="1"/>
  <c r="U156165" i="1"/>
  <c r="U156164" i="1"/>
  <c r="U156163" i="1"/>
  <c r="U156162" i="1"/>
  <c r="U156161" i="1"/>
  <c r="U156160" i="1"/>
  <c r="U156159" i="1"/>
  <c r="U156158" i="1"/>
  <c r="U156157" i="1"/>
  <c r="U156156" i="1"/>
  <c r="U156155" i="1"/>
  <c r="U156154" i="1"/>
  <c r="U156153" i="1"/>
  <c r="U156152" i="1"/>
  <c r="U156151" i="1"/>
  <c r="U156150" i="1"/>
  <c r="U156149" i="1"/>
  <c r="U156148" i="1"/>
  <c r="U156147" i="1"/>
  <c r="U156146" i="1"/>
  <c r="U156145" i="1"/>
  <c r="U156144" i="1"/>
  <c r="U156143" i="1"/>
  <c r="U156142" i="1"/>
  <c r="U156141" i="1"/>
  <c r="U156140" i="1"/>
  <c r="U156139" i="1"/>
  <c r="U156138" i="1"/>
  <c r="U156137" i="1"/>
  <c r="U156136" i="1"/>
  <c r="U156135" i="1"/>
  <c r="U156134" i="1"/>
  <c r="U156133" i="1"/>
  <c r="U156132" i="1"/>
  <c r="U156131" i="1"/>
  <c r="U156130" i="1"/>
  <c r="U156129" i="1"/>
  <c r="U156128" i="1"/>
  <c r="U156127" i="1"/>
  <c r="U156126" i="1"/>
  <c r="U156125" i="1"/>
  <c r="U156124" i="1"/>
  <c r="U156123" i="1"/>
  <c r="U156122" i="1"/>
  <c r="U156121" i="1"/>
  <c r="U156120" i="1"/>
  <c r="U156119" i="1"/>
  <c r="U156118" i="1"/>
  <c r="U156117" i="1"/>
  <c r="U156116" i="1"/>
  <c r="U156115" i="1"/>
  <c r="U156114" i="1"/>
  <c r="U156113" i="1"/>
  <c r="U156112" i="1"/>
  <c r="U156111" i="1"/>
  <c r="U156110" i="1"/>
  <c r="U156109" i="1"/>
  <c r="U156108" i="1"/>
  <c r="U156107" i="1"/>
  <c r="U156106" i="1"/>
  <c r="U156105" i="1"/>
  <c r="U156104" i="1"/>
  <c r="U156103" i="1"/>
  <c r="U156102" i="1"/>
  <c r="U156101" i="1"/>
  <c r="U156100" i="1"/>
  <c r="U156099" i="1"/>
  <c r="U156098" i="1"/>
  <c r="U156097" i="1"/>
  <c r="U156096" i="1"/>
  <c r="U156095" i="1"/>
  <c r="U156094" i="1"/>
  <c r="U156093" i="1"/>
  <c r="U156092" i="1"/>
  <c r="U156091" i="1"/>
  <c r="U156090" i="1"/>
  <c r="U156089" i="1"/>
  <c r="U156088" i="1"/>
  <c r="U156087" i="1"/>
  <c r="U156086" i="1"/>
  <c r="U156085" i="1"/>
  <c r="U156084" i="1"/>
  <c r="U156083" i="1"/>
  <c r="U156082" i="1"/>
  <c r="U156081" i="1"/>
  <c r="U156080" i="1"/>
  <c r="U156079" i="1"/>
  <c r="U156078" i="1"/>
  <c r="U156077" i="1"/>
  <c r="U156076" i="1"/>
  <c r="U156075" i="1"/>
  <c r="U156074" i="1"/>
  <c r="U156073" i="1"/>
  <c r="U156072" i="1"/>
  <c r="U156071" i="1"/>
  <c r="U156070" i="1"/>
  <c r="U156069" i="1"/>
  <c r="U156068" i="1"/>
  <c r="U156067" i="1"/>
  <c r="U156066" i="1"/>
  <c r="U156065" i="1"/>
  <c r="U156064" i="1"/>
  <c r="U156063" i="1"/>
  <c r="U156062" i="1"/>
  <c r="U156061" i="1"/>
  <c r="U156060" i="1"/>
  <c r="U156059" i="1"/>
  <c r="U156058" i="1"/>
  <c r="U156057" i="1"/>
  <c r="U156056" i="1"/>
  <c r="U156055" i="1"/>
  <c r="U156054" i="1"/>
  <c r="U156053" i="1"/>
  <c r="U156052" i="1"/>
  <c r="U156051" i="1"/>
  <c r="U156050" i="1"/>
  <c r="U156049" i="1"/>
  <c r="U156048" i="1"/>
  <c r="U156047" i="1"/>
  <c r="U156046" i="1"/>
  <c r="U156045" i="1"/>
  <c r="U156044" i="1"/>
  <c r="U156043" i="1"/>
  <c r="U156042" i="1"/>
  <c r="U156041" i="1"/>
  <c r="U156040" i="1"/>
  <c r="U156039" i="1"/>
  <c r="U156038" i="1"/>
  <c r="U156037" i="1"/>
  <c r="U156036" i="1"/>
  <c r="U156035" i="1"/>
  <c r="U156034" i="1"/>
  <c r="U156033" i="1"/>
  <c r="U156032" i="1"/>
  <c r="U156031" i="1"/>
  <c r="U156030" i="1"/>
  <c r="U156029" i="1"/>
  <c r="U156028" i="1"/>
  <c r="U156027" i="1"/>
  <c r="U156026" i="1"/>
  <c r="U156025" i="1"/>
  <c r="U156024" i="1"/>
  <c r="U156023" i="1"/>
  <c r="U156022" i="1"/>
  <c r="U156021" i="1"/>
  <c r="U156020" i="1"/>
  <c r="U156019" i="1"/>
  <c r="U156018" i="1"/>
  <c r="U156017" i="1"/>
  <c r="U156016" i="1"/>
  <c r="U156015" i="1"/>
  <c r="U156014" i="1"/>
  <c r="U156013" i="1"/>
  <c r="U156012" i="1"/>
  <c r="U156011" i="1"/>
  <c r="U156010" i="1"/>
  <c r="U156009" i="1"/>
  <c r="U156008" i="1"/>
  <c r="U156007" i="1"/>
  <c r="U156006" i="1"/>
  <c r="U156005" i="1"/>
  <c r="U156004" i="1"/>
  <c r="U156003" i="1"/>
  <c r="U156002" i="1"/>
  <c r="U156001" i="1"/>
  <c r="U156000" i="1"/>
  <c r="U155999" i="1"/>
  <c r="U155998" i="1"/>
  <c r="U155997" i="1"/>
  <c r="U155996" i="1"/>
  <c r="U155995" i="1"/>
  <c r="U155994" i="1"/>
  <c r="U155993" i="1"/>
  <c r="U155992" i="1"/>
  <c r="U155991" i="1"/>
  <c r="U155990" i="1"/>
  <c r="U155989" i="1"/>
  <c r="U155988" i="1"/>
  <c r="U155987" i="1"/>
  <c r="U155986" i="1"/>
  <c r="U155985" i="1"/>
  <c r="U155984" i="1"/>
  <c r="U155983" i="1"/>
  <c r="U155982" i="1"/>
  <c r="U155981" i="1"/>
  <c r="U155980" i="1"/>
  <c r="U155979" i="1"/>
  <c r="U155978" i="1"/>
  <c r="U155977" i="1"/>
  <c r="U155976" i="1"/>
  <c r="U155975" i="1"/>
  <c r="U155974" i="1"/>
  <c r="U155973" i="1"/>
  <c r="U155972" i="1"/>
  <c r="U155971" i="1"/>
  <c r="U155970" i="1"/>
  <c r="U155969" i="1"/>
  <c r="U155968" i="1"/>
  <c r="U155967" i="1"/>
  <c r="U155966" i="1"/>
  <c r="U155965" i="1"/>
  <c r="U155964" i="1"/>
  <c r="U155963" i="1"/>
  <c r="U155962" i="1"/>
  <c r="U155961" i="1"/>
  <c r="U155960" i="1"/>
  <c r="U155959" i="1"/>
  <c r="U155958" i="1"/>
  <c r="U155957" i="1"/>
  <c r="U155956" i="1"/>
  <c r="U155955" i="1"/>
  <c r="U155954" i="1"/>
  <c r="U155953" i="1"/>
  <c r="U155952" i="1"/>
  <c r="U155951" i="1"/>
  <c r="U155950" i="1"/>
  <c r="U155949" i="1"/>
  <c r="U155948" i="1"/>
  <c r="U155947" i="1"/>
  <c r="U155946" i="1"/>
  <c r="U155945" i="1"/>
  <c r="U155944" i="1"/>
  <c r="U155943" i="1"/>
  <c r="U155942" i="1"/>
  <c r="U155941" i="1"/>
  <c r="U155940" i="1"/>
  <c r="U155939" i="1"/>
  <c r="U155938" i="1"/>
  <c r="U155937" i="1"/>
  <c r="U155936" i="1"/>
  <c r="U155935" i="1"/>
  <c r="U155934" i="1"/>
  <c r="U155933" i="1"/>
  <c r="U155932" i="1"/>
  <c r="U155931" i="1"/>
  <c r="U155930" i="1"/>
  <c r="U155929" i="1"/>
  <c r="U155928" i="1"/>
  <c r="U155927" i="1"/>
  <c r="U155926" i="1"/>
  <c r="U155925" i="1"/>
  <c r="U155924" i="1"/>
  <c r="U155923" i="1"/>
  <c r="U155922" i="1"/>
  <c r="U155921" i="1"/>
  <c r="U155920" i="1"/>
  <c r="U155919" i="1"/>
  <c r="U155918" i="1"/>
  <c r="U155917" i="1"/>
  <c r="U155916" i="1"/>
  <c r="U155915" i="1"/>
  <c r="U155914" i="1"/>
  <c r="U155913" i="1"/>
  <c r="U155912" i="1"/>
  <c r="U155911" i="1"/>
  <c r="U155910" i="1"/>
  <c r="U155909" i="1"/>
  <c r="U155908" i="1"/>
  <c r="U155907" i="1"/>
  <c r="U155906" i="1"/>
  <c r="U155905" i="1"/>
  <c r="U155904" i="1"/>
  <c r="U155903" i="1"/>
  <c r="U155902" i="1"/>
  <c r="U155901" i="1"/>
  <c r="U155900" i="1"/>
  <c r="U155899" i="1"/>
  <c r="U155898" i="1"/>
  <c r="U155897" i="1"/>
  <c r="U155896" i="1"/>
  <c r="U155895" i="1"/>
  <c r="U155894" i="1"/>
  <c r="U155893" i="1"/>
  <c r="U155892" i="1"/>
  <c r="U155891" i="1"/>
  <c r="U155890" i="1"/>
  <c r="U155889" i="1"/>
  <c r="U155888" i="1"/>
  <c r="U155887" i="1"/>
  <c r="U155886" i="1"/>
  <c r="U155885" i="1"/>
  <c r="U155884" i="1"/>
  <c r="U155883" i="1"/>
  <c r="U155882" i="1"/>
  <c r="U155881" i="1"/>
  <c r="U155880" i="1"/>
  <c r="U155879" i="1"/>
  <c r="U155878" i="1"/>
  <c r="U155877" i="1"/>
  <c r="U155876" i="1"/>
  <c r="U155875" i="1"/>
  <c r="U155874" i="1"/>
  <c r="U155873" i="1"/>
  <c r="U155872" i="1"/>
  <c r="U155871" i="1"/>
  <c r="U155870" i="1"/>
  <c r="U155869" i="1"/>
  <c r="U155868" i="1"/>
  <c r="U155867" i="1"/>
  <c r="U155866" i="1"/>
  <c r="U155865" i="1"/>
  <c r="U155864" i="1"/>
  <c r="U155863" i="1"/>
  <c r="U155862" i="1"/>
  <c r="U155861" i="1"/>
  <c r="U155860" i="1"/>
  <c r="U155859" i="1"/>
  <c r="U155858" i="1"/>
  <c r="U155857" i="1"/>
  <c r="U155856" i="1"/>
  <c r="U155855" i="1"/>
  <c r="U155854" i="1"/>
  <c r="U155853" i="1"/>
  <c r="U155852" i="1"/>
  <c r="U155851" i="1"/>
  <c r="U155850" i="1"/>
  <c r="U155849" i="1"/>
  <c r="U155848" i="1"/>
  <c r="U155847" i="1"/>
  <c r="U155846" i="1"/>
  <c r="U155845" i="1"/>
  <c r="U155844" i="1"/>
  <c r="U155843" i="1"/>
  <c r="U155842" i="1"/>
  <c r="U155841" i="1"/>
  <c r="U155840" i="1"/>
  <c r="U155839" i="1"/>
  <c r="U155838" i="1"/>
  <c r="U155837" i="1"/>
  <c r="U155836" i="1"/>
  <c r="U155835" i="1"/>
  <c r="U155834" i="1"/>
  <c r="U155833" i="1"/>
  <c r="U155832" i="1"/>
  <c r="U155831" i="1"/>
  <c r="U155830" i="1"/>
  <c r="U155829" i="1"/>
  <c r="U155828" i="1"/>
  <c r="U155827" i="1"/>
  <c r="U155826" i="1"/>
  <c r="U155825" i="1"/>
  <c r="U155824" i="1"/>
  <c r="U155823" i="1"/>
  <c r="U155822" i="1"/>
  <c r="U155821" i="1"/>
  <c r="U155820" i="1"/>
  <c r="U155819" i="1"/>
  <c r="U155818" i="1"/>
  <c r="U155817" i="1"/>
  <c r="U155816" i="1"/>
  <c r="U155815" i="1"/>
  <c r="U155814" i="1"/>
  <c r="U155813" i="1"/>
  <c r="U155812" i="1"/>
  <c r="U155811" i="1"/>
  <c r="U155810" i="1"/>
  <c r="U155809" i="1"/>
  <c r="U155808" i="1"/>
  <c r="U155807" i="1"/>
  <c r="U155806" i="1"/>
  <c r="U155805" i="1"/>
  <c r="U155804" i="1"/>
  <c r="U155803" i="1"/>
  <c r="U155802" i="1"/>
  <c r="U155801" i="1"/>
  <c r="U155800" i="1"/>
  <c r="U155799" i="1"/>
  <c r="U155798" i="1"/>
  <c r="U155797" i="1"/>
  <c r="U155796" i="1"/>
  <c r="U155795" i="1"/>
  <c r="U155794" i="1"/>
  <c r="U155793" i="1"/>
  <c r="U155792" i="1"/>
  <c r="U155791" i="1"/>
  <c r="U155790" i="1"/>
  <c r="U155789" i="1"/>
  <c r="U155788" i="1"/>
  <c r="U155787" i="1"/>
  <c r="U155786" i="1"/>
  <c r="U155785" i="1"/>
  <c r="U155784" i="1"/>
  <c r="U155783" i="1"/>
  <c r="U155782" i="1"/>
  <c r="U155781" i="1"/>
  <c r="U155780" i="1"/>
  <c r="U155779" i="1"/>
  <c r="U155778" i="1"/>
  <c r="U155777" i="1"/>
  <c r="U155776" i="1"/>
  <c r="U155775" i="1"/>
  <c r="U155774" i="1"/>
  <c r="U155773" i="1"/>
  <c r="U155772" i="1"/>
  <c r="U155771" i="1"/>
  <c r="U155770" i="1"/>
  <c r="U155769" i="1"/>
  <c r="U155768" i="1"/>
  <c r="U155767" i="1"/>
  <c r="U155766" i="1"/>
  <c r="U155765" i="1"/>
  <c r="U155764" i="1"/>
  <c r="U155763" i="1"/>
  <c r="U155762" i="1"/>
  <c r="U155761" i="1"/>
  <c r="U155760" i="1"/>
  <c r="U155759" i="1"/>
  <c r="U155758" i="1"/>
  <c r="U155757" i="1"/>
  <c r="U155756" i="1"/>
  <c r="U155755" i="1"/>
  <c r="U155754" i="1"/>
  <c r="U155753" i="1"/>
  <c r="U155752" i="1"/>
  <c r="U155751" i="1"/>
  <c r="U155750" i="1"/>
  <c r="U155749" i="1"/>
  <c r="U155748" i="1"/>
  <c r="U155747" i="1"/>
  <c r="U155746" i="1"/>
  <c r="U155745" i="1"/>
  <c r="U155744" i="1"/>
  <c r="U155743" i="1"/>
  <c r="U155742" i="1"/>
  <c r="U155741" i="1"/>
  <c r="U155740" i="1"/>
  <c r="U155739" i="1"/>
  <c r="U155738" i="1"/>
  <c r="U155737" i="1"/>
  <c r="U155736" i="1"/>
  <c r="U155735" i="1"/>
  <c r="U155734" i="1"/>
  <c r="U155733" i="1"/>
  <c r="U155732" i="1"/>
  <c r="U155731" i="1"/>
  <c r="U155730" i="1"/>
  <c r="U155729" i="1"/>
  <c r="U155728" i="1"/>
  <c r="U155727" i="1"/>
  <c r="U155726" i="1"/>
  <c r="U155725" i="1"/>
  <c r="U155724" i="1"/>
  <c r="U155723" i="1"/>
  <c r="U155722" i="1"/>
  <c r="U155721" i="1"/>
  <c r="U155720" i="1"/>
  <c r="U155719" i="1"/>
  <c r="U155718" i="1"/>
  <c r="U155717" i="1"/>
  <c r="U155716" i="1"/>
  <c r="U155715" i="1"/>
  <c r="U155714" i="1"/>
  <c r="U155713" i="1"/>
  <c r="U155712" i="1"/>
  <c r="U155711" i="1"/>
  <c r="U155710" i="1"/>
  <c r="U155709" i="1"/>
  <c r="U155708" i="1"/>
  <c r="U155707" i="1"/>
  <c r="U155706" i="1"/>
  <c r="U155705" i="1"/>
  <c r="U155704" i="1"/>
  <c r="U155703" i="1"/>
  <c r="U155702" i="1"/>
  <c r="U155701" i="1"/>
  <c r="U155700" i="1"/>
  <c r="U155699" i="1"/>
  <c r="U155698" i="1"/>
  <c r="U155697" i="1"/>
  <c r="U155696" i="1"/>
  <c r="U155695" i="1"/>
  <c r="U155694" i="1"/>
  <c r="U155693" i="1"/>
  <c r="U155692" i="1"/>
  <c r="U155691" i="1"/>
  <c r="U155690" i="1"/>
  <c r="U155689" i="1"/>
  <c r="U155688" i="1"/>
  <c r="U155687" i="1"/>
  <c r="U155686" i="1"/>
  <c r="U155685" i="1"/>
  <c r="U155684" i="1"/>
  <c r="U155683" i="1"/>
  <c r="U155682" i="1"/>
  <c r="U155681" i="1"/>
  <c r="U155680" i="1"/>
  <c r="U155679" i="1"/>
  <c r="U155678" i="1"/>
  <c r="U155677" i="1"/>
  <c r="U155676" i="1"/>
  <c r="U155675" i="1"/>
  <c r="U155674" i="1"/>
  <c r="U155673" i="1"/>
  <c r="U155672" i="1"/>
  <c r="U155671" i="1"/>
  <c r="U155670" i="1"/>
  <c r="U155669" i="1"/>
  <c r="U155668" i="1"/>
  <c r="U155667" i="1"/>
  <c r="U155666" i="1"/>
  <c r="U155665" i="1"/>
  <c r="U155664" i="1"/>
  <c r="U155663" i="1"/>
  <c r="U155662" i="1"/>
  <c r="U155661" i="1"/>
  <c r="U155660" i="1"/>
  <c r="U155659" i="1"/>
  <c r="U155658" i="1"/>
  <c r="U155657" i="1"/>
  <c r="U155656" i="1"/>
  <c r="U155655" i="1"/>
  <c r="U155654" i="1"/>
  <c r="U155653" i="1"/>
  <c r="U155652" i="1"/>
  <c r="U155651" i="1"/>
  <c r="U155650" i="1"/>
  <c r="U155649" i="1"/>
  <c r="U155648" i="1"/>
  <c r="U155647" i="1"/>
  <c r="U155646" i="1"/>
  <c r="U155645" i="1"/>
  <c r="U155644" i="1"/>
  <c r="U155643" i="1"/>
  <c r="U155642" i="1"/>
  <c r="U155641" i="1"/>
  <c r="U155640" i="1"/>
  <c r="U155639" i="1"/>
  <c r="U155638" i="1"/>
  <c r="U155637" i="1"/>
  <c r="U155636" i="1"/>
  <c r="U155635" i="1"/>
  <c r="U155634" i="1"/>
  <c r="U155633" i="1"/>
  <c r="U155632" i="1"/>
  <c r="U155631" i="1"/>
  <c r="U155630" i="1"/>
  <c r="U155629" i="1"/>
  <c r="U155628" i="1"/>
  <c r="U155627" i="1"/>
  <c r="U155626" i="1"/>
  <c r="U155625" i="1"/>
  <c r="U155624" i="1"/>
  <c r="U155623" i="1"/>
  <c r="U155622" i="1"/>
  <c r="U155621" i="1"/>
  <c r="U155620" i="1"/>
  <c r="U155619" i="1"/>
  <c r="U155618" i="1"/>
  <c r="U155617" i="1"/>
  <c r="U155616" i="1"/>
  <c r="U155615" i="1"/>
  <c r="U155614" i="1"/>
  <c r="U155613" i="1"/>
  <c r="U155612" i="1"/>
  <c r="U155611" i="1"/>
  <c r="U155610" i="1"/>
  <c r="U155609" i="1"/>
  <c r="U155608" i="1"/>
  <c r="U155607" i="1"/>
  <c r="U155606" i="1"/>
  <c r="U155605" i="1"/>
  <c r="U155604" i="1"/>
  <c r="U155603" i="1"/>
  <c r="U155602" i="1"/>
  <c r="U155601" i="1"/>
  <c r="U155600" i="1"/>
  <c r="U155599" i="1"/>
  <c r="U155598" i="1"/>
  <c r="U155597" i="1"/>
  <c r="U155596" i="1"/>
  <c r="U155595" i="1"/>
  <c r="U155594" i="1"/>
  <c r="U155593" i="1"/>
  <c r="U155592" i="1"/>
  <c r="U155591" i="1"/>
  <c r="U155590" i="1"/>
  <c r="U155589" i="1"/>
  <c r="U155588" i="1"/>
  <c r="U155587" i="1"/>
  <c r="U155586" i="1"/>
  <c r="U155585" i="1"/>
  <c r="U155584" i="1"/>
  <c r="U155583" i="1"/>
  <c r="U155582" i="1"/>
  <c r="U155581" i="1"/>
  <c r="U155580" i="1"/>
  <c r="U155579" i="1"/>
  <c r="U155578" i="1"/>
  <c r="U155577" i="1"/>
  <c r="U155576" i="1"/>
  <c r="U155575" i="1"/>
  <c r="U155574" i="1"/>
  <c r="U155573" i="1"/>
  <c r="U155572" i="1"/>
  <c r="U155571" i="1"/>
  <c r="U155570" i="1"/>
  <c r="U155569" i="1"/>
  <c r="U155568" i="1"/>
  <c r="U155567" i="1"/>
  <c r="U155566" i="1"/>
  <c r="U155565" i="1"/>
  <c r="U155564" i="1"/>
  <c r="U155563" i="1"/>
  <c r="U155562" i="1"/>
  <c r="U155561" i="1"/>
  <c r="U155560" i="1"/>
  <c r="U155559" i="1"/>
  <c r="U155558" i="1"/>
  <c r="U155557" i="1"/>
  <c r="U155556" i="1"/>
  <c r="U155555" i="1"/>
  <c r="U155554" i="1"/>
  <c r="U155553" i="1"/>
  <c r="U155552" i="1"/>
  <c r="U155551" i="1"/>
  <c r="U155550" i="1"/>
  <c r="U155549" i="1"/>
  <c r="U155548" i="1"/>
  <c r="U155547" i="1"/>
  <c r="U155546" i="1"/>
  <c r="U155545" i="1"/>
  <c r="U155544" i="1"/>
  <c r="U155543" i="1"/>
  <c r="U155542" i="1"/>
  <c r="U155541" i="1"/>
  <c r="U155540" i="1"/>
  <c r="U155539" i="1"/>
  <c r="U155538" i="1"/>
  <c r="U155537" i="1"/>
  <c r="U155536" i="1"/>
  <c r="U155535" i="1"/>
  <c r="U155534" i="1"/>
  <c r="U155533" i="1"/>
  <c r="U155532" i="1"/>
  <c r="U155531" i="1"/>
  <c r="U155530" i="1"/>
  <c r="U155529" i="1"/>
  <c r="U155528" i="1"/>
  <c r="U155527" i="1"/>
  <c r="U155526" i="1"/>
  <c r="U155525" i="1"/>
  <c r="U155524" i="1"/>
  <c r="U155523" i="1"/>
  <c r="U155522" i="1"/>
  <c r="U155521" i="1"/>
  <c r="U155520" i="1"/>
  <c r="U155519" i="1"/>
  <c r="U155518" i="1"/>
  <c r="U155517" i="1"/>
  <c r="U155516" i="1"/>
  <c r="U155515" i="1"/>
  <c r="U155514" i="1"/>
  <c r="U155513" i="1"/>
  <c r="U155512" i="1"/>
  <c r="U155511" i="1"/>
  <c r="U155510" i="1"/>
  <c r="U155509" i="1"/>
  <c r="U155508" i="1"/>
  <c r="U155507" i="1"/>
  <c r="U155506" i="1"/>
  <c r="U155505" i="1"/>
  <c r="U155504" i="1"/>
  <c r="U155503" i="1"/>
  <c r="U155502" i="1"/>
  <c r="U155501" i="1"/>
  <c r="U155500" i="1"/>
  <c r="U155499" i="1"/>
  <c r="U155498" i="1"/>
  <c r="U155497" i="1"/>
  <c r="U155496" i="1"/>
  <c r="U155495" i="1"/>
  <c r="U155494" i="1"/>
  <c r="U155493" i="1"/>
  <c r="U155492" i="1"/>
  <c r="U155491" i="1"/>
  <c r="U155490" i="1"/>
  <c r="U155489" i="1"/>
  <c r="U155488" i="1"/>
  <c r="U155487" i="1"/>
  <c r="U155486" i="1"/>
  <c r="U155485" i="1"/>
  <c r="U155484" i="1"/>
  <c r="U155483" i="1"/>
  <c r="U155482" i="1"/>
  <c r="U155481" i="1"/>
  <c r="U155480" i="1"/>
  <c r="U155479" i="1"/>
  <c r="U155478" i="1"/>
  <c r="U155477" i="1"/>
  <c r="U155476" i="1"/>
  <c r="U155475" i="1"/>
  <c r="U155474" i="1"/>
  <c r="U155473" i="1"/>
  <c r="U155472" i="1"/>
  <c r="U155471" i="1"/>
  <c r="U155470" i="1"/>
  <c r="U155469" i="1"/>
  <c r="U155468" i="1"/>
  <c r="U155467" i="1"/>
  <c r="U155466" i="1"/>
  <c r="U155465" i="1"/>
  <c r="U155464" i="1"/>
  <c r="U155463" i="1"/>
  <c r="U155462" i="1"/>
  <c r="U155461" i="1"/>
  <c r="U155460" i="1"/>
  <c r="U155459" i="1"/>
  <c r="U155458" i="1"/>
  <c r="U155457" i="1"/>
  <c r="U155456" i="1"/>
  <c r="U155455" i="1"/>
  <c r="U155454" i="1"/>
  <c r="U155453" i="1"/>
  <c r="U155452" i="1"/>
  <c r="U155451" i="1"/>
  <c r="U155450" i="1"/>
  <c r="U155449" i="1"/>
  <c r="U155448" i="1"/>
  <c r="U155447" i="1"/>
  <c r="U155446" i="1"/>
  <c r="U155445" i="1"/>
  <c r="U155444" i="1"/>
  <c r="U155443" i="1"/>
  <c r="U155442" i="1"/>
  <c r="U155441" i="1"/>
  <c r="U155440" i="1"/>
  <c r="U155439" i="1"/>
  <c r="U155438" i="1"/>
  <c r="U155437" i="1"/>
  <c r="U155436" i="1"/>
  <c r="U155435" i="1"/>
  <c r="U155434" i="1"/>
  <c r="U155433" i="1"/>
  <c r="U155432" i="1"/>
  <c r="U155431" i="1"/>
  <c r="U155430" i="1"/>
  <c r="U155429" i="1"/>
  <c r="U155428" i="1"/>
  <c r="U155427" i="1"/>
  <c r="U155426" i="1"/>
  <c r="U155425" i="1"/>
  <c r="U155424" i="1"/>
  <c r="U155423" i="1"/>
  <c r="U155422" i="1"/>
  <c r="U155421" i="1"/>
  <c r="U155420" i="1"/>
  <c r="U155419" i="1"/>
  <c r="U155418" i="1"/>
  <c r="U155417" i="1"/>
  <c r="U155416" i="1"/>
  <c r="U155415" i="1"/>
  <c r="U155414" i="1"/>
  <c r="U155413" i="1"/>
  <c r="U155412" i="1"/>
  <c r="U155411" i="1"/>
  <c r="U155410" i="1"/>
  <c r="U155409" i="1"/>
  <c r="U155408" i="1"/>
  <c r="U155407" i="1"/>
  <c r="U155406" i="1"/>
  <c r="U155405" i="1"/>
  <c r="U155404" i="1"/>
  <c r="U155403" i="1"/>
  <c r="U155402" i="1"/>
  <c r="U155401" i="1"/>
  <c r="U155400" i="1"/>
  <c r="U155399" i="1"/>
  <c r="U155398" i="1"/>
  <c r="U155397" i="1"/>
  <c r="U155396" i="1"/>
  <c r="U155395" i="1"/>
  <c r="U155394" i="1"/>
  <c r="U155393" i="1"/>
  <c r="U155392" i="1"/>
  <c r="U155391" i="1"/>
  <c r="U155390" i="1"/>
  <c r="U155389" i="1"/>
  <c r="U155388" i="1"/>
  <c r="U155387" i="1"/>
  <c r="U155386" i="1"/>
  <c r="U155385" i="1"/>
  <c r="U155384" i="1"/>
  <c r="U155383" i="1"/>
  <c r="U155382" i="1"/>
  <c r="U155381" i="1"/>
  <c r="U155380" i="1"/>
  <c r="U155379" i="1"/>
  <c r="U155378" i="1"/>
  <c r="U155377" i="1"/>
  <c r="U155376" i="1"/>
  <c r="U155375" i="1"/>
  <c r="U155374" i="1"/>
  <c r="U155373" i="1"/>
  <c r="U155372" i="1"/>
  <c r="U155371" i="1"/>
  <c r="U155370" i="1"/>
  <c r="U155369" i="1"/>
  <c r="U155368" i="1"/>
  <c r="U155367" i="1"/>
  <c r="U155366" i="1"/>
  <c r="U155365" i="1"/>
  <c r="U155364" i="1"/>
  <c r="U155363" i="1"/>
  <c r="U155362" i="1"/>
  <c r="U155361" i="1"/>
  <c r="U155360" i="1"/>
  <c r="U155359" i="1"/>
  <c r="U155358" i="1"/>
  <c r="U155357" i="1"/>
  <c r="U155356" i="1"/>
  <c r="U155355" i="1"/>
  <c r="U155354" i="1"/>
  <c r="U155353" i="1"/>
  <c r="U155352" i="1"/>
  <c r="U155351" i="1"/>
  <c r="U155350" i="1"/>
  <c r="U155349" i="1"/>
  <c r="U155348" i="1"/>
  <c r="U155347" i="1"/>
  <c r="U155346" i="1"/>
  <c r="U155345" i="1"/>
  <c r="U155344" i="1"/>
  <c r="U155343" i="1"/>
  <c r="U155342" i="1"/>
  <c r="U155341" i="1"/>
  <c r="U155340" i="1"/>
  <c r="U155339" i="1"/>
  <c r="U155338" i="1"/>
  <c r="U155337" i="1"/>
  <c r="U155336" i="1"/>
  <c r="U155335" i="1"/>
  <c r="U155334" i="1"/>
  <c r="U155333" i="1"/>
  <c r="U155332" i="1"/>
  <c r="U155331" i="1"/>
  <c r="U155330" i="1"/>
  <c r="U155329" i="1"/>
  <c r="U155328" i="1"/>
  <c r="U155327" i="1"/>
  <c r="U155326" i="1"/>
  <c r="U155325" i="1"/>
  <c r="U155324" i="1"/>
  <c r="U155323" i="1"/>
  <c r="U155322" i="1"/>
  <c r="U155321" i="1"/>
  <c r="U155320" i="1"/>
  <c r="U155319" i="1"/>
  <c r="U155318" i="1"/>
  <c r="U155317" i="1"/>
  <c r="U155316" i="1"/>
  <c r="U155315" i="1"/>
  <c r="U155314" i="1"/>
  <c r="U155313" i="1"/>
  <c r="U155312" i="1"/>
  <c r="U155311" i="1"/>
  <c r="U155310" i="1"/>
  <c r="U155309" i="1"/>
  <c r="U155308" i="1"/>
  <c r="U155307" i="1"/>
  <c r="U155306" i="1"/>
  <c r="U155305" i="1"/>
  <c r="U155304" i="1"/>
  <c r="U155303" i="1"/>
  <c r="U155302" i="1"/>
  <c r="U155301" i="1"/>
  <c r="U155300" i="1"/>
  <c r="U155299" i="1"/>
  <c r="U155298" i="1"/>
  <c r="U155297" i="1"/>
  <c r="U155296" i="1"/>
  <c r="U155295" i="1"/>
  <c r="U155294" i="1"/>
  <c r="U155293" i="1"/>
  <c r="U155292" i="1"/>
  <c r="U155291" i="1"/>
  <c r="U155290" i="1"/>
  <c r="U155289" i="1"/>
  <c r="U155288" i="1"/>
  <c r="U155287" i="1"/>
  <c r="U155286" i="1"/>
  <c r="U155285" i="1"/>
  <c r="U155284" i="1"/>
  <c r="U155283" i="1"/>
  <c r="U155282" i="1"/>
  <c r="U155281" i="1"/>
  <c r="U155280" i="1"/>
  <c r="U155279" i="1"/>
  <c r="U155278" i="1"/>
  <c r="U155277" i="1"/>
  <c r="U155276" i="1"/>
  <c r="U155275" i="1"/>
  <c r="U155274" i="1"/>
  <c r="U155273" i="1"/>
  <c r="U155272" i="1"/>
  <c r="U155271" i="1"/>
  <c r="U155270" i="1"/>
  <c r="U155269" i="1"/>
  <c r="U155268" i="1"/>
  <c r="U155267" i="1"/>
  <c r="U155266" i="1"/>
  <c r="U155265" i="1"/>
  <c r="U155264" i="1"/>
  <c r="U155263" i="1"/>
  <c r="U155262" i="1"/>
  <c r="U155261" i="1"/>
  <c r="U155260" i="1"/>
  <c r="U155259" i="1"/>
  <c r="U155258" i="1"/>
  <c r="U155257" i="1"/>
  <c r="U155256" i="1"/>
  <c r="U155255" i="1"/>
  <c r="U155254" i="1"/>
  <c r="U155253" i="1"/>
  <c r="U155252" i="1"/>
  <c r="U155251" i="1"/>
  <c r="U155250" i="1"/>
  <c r="U155249" i="1"/>
  <c r="U155248" i="1"/>
  <c r="U155247" i="1"/>
  <c r="U155246" i="1"/>
  <c r="U155245" i="1"/>
  <c r="U155244" i="1"/>
  <c r="U155243" i="1"/>
  <c r="U155242" i="1"/>
  <c r="U155241" i="1"/>
  <c r="U155240" i="1"/>
  <c r="U155239" i="1"/>
  <c r="U155238" i="1"/>
  <c r="U155237" i="1"/>
  <c r="U155236" i="1"/>
  <c r="U155235" i="1"/>
  <c r="U155234" i="1"/>
  <c r="U155233" i="1"/>
  <c r="U155232" i="1"/>
  <c r="U155231" i="1"/>
  <c r="U155230" i="1"/>
  <c r="U155229" i="1"/>
  <c r="U155228" i="1"/>
  <c r="U155227" i="1"/>
  <c r="U155226" i="1"/>
  <c r="U155225" i="1"/>
  <c r="U155224" i="1"/>
  <c r="U155223" i="1"/>
  <c r="U155222" i="1"/>
  <c r="U155221" i="1"/>
  <c r="U155220" i="1"/>
  <c r="U155219" i="1"/>
  <c r="U155218" i="1"/>
  <c r="U155217" i="1"/>
  <c r="U155216" i="1"/>
  <c r="U155215" i="1"/>
  <c r="U155214" i="1"/>
  <c r="U155213" i="1"/>
  <c r="U155212" i="1"/>
  <c r="U155211" i="1"/>
  <c r="U155210" i="1"/>
  <c r="U155209" i="1"/>
  <c r="U155208" i="1"/>
  <c r="U155207" i="1"/>
  <c r="U155206" i="1"/>
  <c r="U155205" i="1"/>
  <c r="U155204" i="1"/>
  <c r="U155203" i="1"/>
  <c r="U155202" i="1"/>
  <c r="U155201" i="1"/>
  <c r="U155200" i="1"/>
  <c r="U155199" i="1"/>
  <c r="U155198" i="1"/>
  <c r="U155197" i="1"/>
  <c r="U155196" i="1"/>
  <c r="U155195" i="1"/>
  <c r="U155194" i="1"/>
  <c r="U155193" i="1"/>
  <c r="U155192" i="1"/>
  <c r="U155191" i="1"/>
  <c r="U155190" i="1"/>
  <c r="U155189" i="1"/>
  <c r="U155188" i="1"/>
  <c r="U155187" i="1"/>
  <c r="U155186" i="1"/>
  <c r="U155185" i="1"/>
  <c r="U155184" i="1"/>
  <c r="U155183" i="1"/>
  <c r="U155182" i="1"/>
  <c r="U155181" i="1"/>
  <c r="U155180" i="1"/>
  <c r="U155179" i="1"/>
  <c r="U155178" i="1"/>
  <c r="U155177" i="1"/>
  <c r="U155176" i="1"/>
  <c r="U155175" i="1"/>
  <c r="U155174" i="1"/>
  <c r="U155173" i="1"/>
  <c r="U155172" i="1"/>
  <c r="U155171" i="1"/>
  <c r="U155170" i="1"/>
  <c r="U155169" i="1"/>
  <c r="U155168" i="1"/>
  <c r="U155167" i="1"/>
  <c r="U155166" i="1"/>
  <c r="U155165" i="1"/>
  <c r="U155164" i="1"/>
  <c r="U155163" i="1"/>
  <c r="U155162" i="1"/>
  <c r="U155161" i="1"/>
  <c r="U155160" i="1"/>
  <c r="U155159" i="1"/>
  <c r="U155158" i="1"/>
  <c r="U155157" i="1"/>
  <c r="U155156" i="1"/>
  <c r="U155155" i="1"/>
  <c r="U155154" i="1"/>
  <c r="U155153" i="1"/>
  <c r="U155152" i="1"/>
  <c r="U155151" i="1"/>
  <c r="U155150" i="1"/>
  <c r="U155149" i="1"/>
  <c r="U155148" i="1"/>
  <c r="U155147" i="1"/>
  <c r="U155146" i="1"/>
  <c r="U155145" i="1"/>
  <c r="U155144" i="1"/>
  <c r="U155143" i="1"/>
  <c r="U155142" i="1"/>
  <c r="U155141" i="1"/>
  <c r="U155140" i="1"/>
  <c r="U155139" i="1"/>
  <c r="U155138" i="1"/>
  <c r="U155137" i="1"/>
  <c r="U155136" i="1"/>
  <c r="U155135" i="1"/>
  <c r="U155134" i="1"/>
  <c r="U155133" i="1"/>
  <c r="U155132" i="1"/>
  <c r="U155131" i="1"/>
  <c r="U155130" i="1"/>
  <c r="U155129" i="1"/>
  <c r="U155128" i="1"/>
  <c r="U155127" i="1"/>
  <c r="U155126" i="1"/>
  <c r="U155125" i="1"/>
  <c r="U155124" i="1"/>
  <c r="U155123" i="1"/>
  <c r="U155122" i="1"/>
  <c r="U155121" i="1"/>
  <c r="U155120" i="1"/>
  <c r="U155119" i="1"/>
  <c r="U155118" i="1"/>
  <c r="U155117" i="1"/>
  <c r="U155116" i="1"/>
  <c r="U155115" i="1"/>
  <c r="U155114" i="1"/>
  <c r="U155113" i="1"/>
  <c r="U155112" i="1"/>
  <c r="U155111" i="1"/>
  <c r="U155110" i="1"/>
  <c r="U155109" i="1"/>
  <c r="U155108" i="1"/>
  <c r="U155107" i="1"/>
  <c r="U155106" i="1"/>
  <c r="U155105" i="1"/>
  <c r="U155104" i="1"/>
  <c r="U155103" i="1"/>
  <c r="U155102" i="1"/>
  <c r="U155101" i="1"/>
  <c r="U155100" i="1"/>
  <c r="U155099" i="1"/>
  <c r="U155098" i="1"/>
  <c r="U155097" i="1"/>
  <c r="U155096" i="1"/>
  <c r="U155095" i="1"/>
  <c r="U155094" i="1"/>
  <c r="U155093" i="1"/>
  <c r="U155092" i="1"/>
  <c r="U155091" i="1"/>
  <c r="U155090" i="1"/>
  <c r="U155089" i="1"/>
  <c r="U155088" i="1"/>
  <c r="U155087" i="1"/>
  <c r="U155086" i="1"/>
  <c r="U155085" i="1"/>
  <c r="U155084" i="1"/>
  <c r="U155083" i="1"/>
  <c r="U155082" i="1"/>
  <c r="U155081" i="1"/>
  <c r="U155080" i="1"/>
  <c r="U155079" i="1"/>
  <c r="U155078" i="1"/>
  <c r="U155077" i="1"/>
  <c r="U155076" i="1"/>
  <c r="U155075" i="1"/>
  <c r="U155074" i="1"/>
  <c r="U155073" i="1"/>
  <c r="U155072" i="1"/>
  <c r="U155071" i="1"/>
  <c r="U155070" i="1"/>
  <c r="U155069" i="1"/>
  <c r="U155068" i="1"/>
  <c r="U155067" i="1"/>
  <c r="U155066" i="1"/>
  <c r="U155065" i="1"/>
  <c r="U155064" i="1"/>
  <c r="U155063" i="1"/>
  <c r="U155062" i="1"/>
  <c r="U155061" i="1"/>
  <c r="U155060" i="1"/>
  <c r="U155059" i="1"/>
  <c r="U155058" i="1"/>
  <c r="U155057" i="1"/>
  <c r="U155056" i="1"/>
  <c r="U155055" i="1"/>
  <c r="U155054" i="1"/>
  <c r="U155053" i="1"/>
  <c r="U155052" i="1"/>
  <c r="U155051" i="1"/>
  <c r="U155050" i="1"/>
  <c r="U155049" i="1"/>
  <c r="U155048" i="1"/>
  <c r="U155047" i="1"/>
  <c r="U155046" i="1"/>
  <c r="U155045" i="1"/>
  <c r="U155044" i="1"/>
  <c r="U155043" i="1"/>
  <c r="U155042" i="1"/>
  <c r="U155041" i="1"/>
  <c r="U155040" i="1"/>
  <c r="U155039" i="1"/>
  <c r="U155038" i="1"/>
  <c r="U155037" i="1"/>
  <c r="U155036" i="1"/>
  <c r="U155035" i="1"/>
  <c r="U155034" i="1"/>
  <c r="U155033" i="1"/>
  <c r="U155032" i="1"/>
  <c r="U155031" i="1"/>
  <c r="U155030" i="1"/>
  <c r="U155029" i="1"/>
  <c r="U155028" i="1"/>
  <c r="U155027" i="1"/>
  <c r="U155026" i="1"/>
  <c r="U155025" i="1"/>
  <c r="U155024" i="1"/>
  <c r="U155023" i="1"/>
  <c r="U155022" i="1"/>
  <c r="U155021" i="1"/>
  <c r="U155020" i="1"/>
  <c r="U155019" i="1"/>
  <c r="U155018" i="1"/>
  <c r="U155017" i="1"/>
  <c r="U155016" i="1"/>
  <c r="U155015" i="1"/>
  <c r="U155014" i="1"/>
  <c r="U155013" i="1"/>
  <c r="U155012" i="1"/>
  <c r="U155011" i="1"/>
  <c r="U155010" i="1"/>
  <c r="U155009" i="1"/>
  <c r="U155008" i="1"/>
  <c r="U155007" i="1"/>
  <c r="U155006" i="1"/>
  <c r="U155005" i="1"/>
  <c r="U155004" i="1"/>
  <c r="U155003" i="1"/>
  <c r="U155002" i="1"/>
  <c r="U155001" i="1"/>
  <c r="U155000" i="1"/>
  <c r="U154999" i="1"/>
  <c r="U154998" i="1"/>
  <c r="U154997" i="1"/>
  <c r="U154996" i="1"/>
  <c r="U154995" i="1"/>
  <c r="U154994" i="1"/>
  <c r="U154993" i="1"/>
  <c r="U154992" i="1"/>
  <c r="U154991" i="1"/>
  <c r="U154990" i="1"/>
  <c r="U154989" i="1"/>
  <c r="U154988" i="1"/>
  <c r="U154987" i="1"/>
  <c r="U154986" i="1"/>
  <c r="U154985" i="1"/>
  <c r="U154984" i="1"/>
  <c r="U154983" i="1"/>
  <c r="U154982" i="1"/>
  <c r="U154981" i="1"/>
  <c r="U154980" i="1"/>
  <c r="U154979" i="1"/>
  <c r="U154978" i="1"/>
  <c r="U154977" i="1"/>
  <c r="U154976" i="1"/>
  <c r="U154975" i="1"/>
  <c r="U154974" i="1"/>
  <c r="U154973" i="1"/>
  <c r="U154972" i="1"/>
  <c r="U154971" i="1"/>
  <c r="U154970" i="1"/>
  <c r="U154969" i="1"/>
  <c r="U154968" i="1"/>
  <c r="U154967" i="1"/>
  <c r="U154966" i="1"/>
  <c r="U154965" i="1"/>
  <c r="U154964" i="1"/>
  <c r="U154963" i="1"/>
  <c r="U154962" i="1"/>
  <c r="U154961" i="1"/>
  <c r="U154960" i="1"/>
  <c r="U154959" i="1"/>
  <c r="U154958" i="1"/>
  <c r="U154957" i="1"/>
  <c r="U154956" i="1"/>
  <c r="U154955" i="1"/>
  <c r="U154954" i="1"/>
  <c r="U154953" i="1"/>
  <c r="U154952" i="1"/>
  <c r="U154951" i="1"/>
  <c r="U154950" i="1"/>
  <c r="U154949" i="1"/>
  <c r="U154948" i="1"/>
  <c r="U154947" i="1"/>
  <c r="U154946" i="1"/>
  <c r="U154945" i="1"/>
  <c r="U154944" i="1"/>
  <c r="U154943" i="1"/>
  <c r="U154942" i="1"/>
  <c r="U154941" i="1"/>
  <c r="U154940" i="1"/>
  <c r="U154939" i="1"/>
  <c r="U154938" i="1"/>
  <c r="U154937" i="1"/>
  <c r="U154936" i="1"/>
  <c r="U154935" i="1"/>
  <c r="U154934" i="1"/>
  <c r="U154933" i="1"/>
  <c r="U154932" i="1"/>
  <c r="U154931" i="1"/>
  <c r="U154930" i="1"/>
  <c r="U154929" i="1"/>
  <c r="U154928" i="1"/>
  <c r="U154927" i="1"/>
  <c r="U154926" i="1"/>
  <c r="U154925" i="1"/>
  <c r="U154924" i="1"/>
  <c r="U154923" i="1"/>
  <c r="U154922" i="1"/>
  <c r="U154921" i="1"/>
  <c r="U154920" i="1"/>
  <c r="U154919" i="1"/>
  <c r="U154918" i="1"/>
  <c r="U154917" i="1"/>
  <c r="U154916" i="1"/>
  <c r="U154915" i="1"/>
  <c r="U154914" i="1"/>
  <c r="U154913" i="1"/>
  <c r="U154912" i="1"/>
  <c r="U154911" i="1"/>
  <c r="U154910" i="1"/>
  <c r="U154909" i="1"/>
  <c r="U154908" i="1"/>
  <c r="U154907" i="1"/>
  <c r="U154906" i="1"/>
  <c r="U154905" i="1"/>
  <c r="U154904" i="1"/>
  <c r="U154903" i="1"/>
  <c r="U154902" i="1"/>
  <c r="U154901" i="1"/>
  <c r="U154900" i="1"/>
  <c r="U154899" i="1"/>
  <c r="U154898" i="1"/>
  <c r="U154897" i="1"/>
  <c r="U154896" i="1"/>
  <c r="U154895" i="1"/>
  <c r="U154894" i="1"/>
  <c r="U154893" i="1"/>
  <c r="U154892" i="1"/>
  <c r="U154891" i="1"/>
  <c r="U154890" i="1"/>
  <c r="U154889" i="1"/>
  <c r="U154888" i="1"/>
  <c r="U154887" i="1"/>
  <c r="U154886" i="1"/>
  <c r="U154885" i="1"/>
  <c r="U154884" i="1"/>
  <c r="U154883" i="1"/>
  <c r="U154882" i="1"/>
  <c r="U154881" i="1"/>
  <c r="U154880" i="1"/>
  <c r="U154879" i="1"/>
  <c r="U154878" i="1"/>
  <c r="U154877" i="1"/>
  <c r="U154876" i="1"/>
  <c r="U154875" i="1"/>
  <c r="U154874" i="1"/>
  <c r="U154873" i="1"/>
  <c r="U154872" i="1"/>
  <c r="U154871" i="1"/>
  <c r="U154870" i="1"/>
  <c r="U154869" i="1"/>
  <c r="U154868" i="1"/>
  <c r="U154867" i="1"/>
  <c r="U154866" i="1"/>
  <c r="U154865" i="1"/>
  <c r="U154864" i="1"/>
  <c r="U154863" i="1"/>
  <c r="U154862" i="1"/>
  <c r="U154861" i="1"/>
  <c r="U154860" i="1"/>
  <c r="U154859" i="1"/>
  <c r="U154858" i="1"/>
  <c r="U154857" i="1"/>
  <c r="U154856" i="1"/>
  <c r="U154855" i="1"/>
  <c r="U154854" i="1"/>
  <c r="U154853" i="1"/>
  <c r="U154852" i="1"/>
  <c r="U154851" i="1"/>
  <c r="U154850" i="1"/>
  <c r="U154849" i="1"/>
  <c r="U154848" i="1"/>
  <c r="U154847" i="1"/>
  <c r="U154846" i="1"/>
  <c r="U154845" i="1"/>
  <c r="U154844" i="1"/>
  <c r="U154843" i="1"/>
  <c r="U154842" i="1"/>
  <c r="U154841" i="1"/>
  <c r="U154840" i="1"/>
  <c r="U154839" i="1"/>
  <c r="U154838" i="1"/>
  <c r="U154837" i="1"/>
  <c r="U154836" i="1"/>
  <c r="U154835" i="1"/>
  <c r="U154834" i="1"/>
  <c r="U154833" i="1"/>
  <c r="U154832" i="1"/>
  <c r="U154831" i="1"/>
  <c r="U154830" i="1"/>
  <c r="U154829" i="1"/>
  <c r="U154828" i="1"/>
  <c r="U154827" i="1"/>
  <c r="U154826" i="1"/>
  <c r="U154825" i="1"/>
  <c r="U154824" i="1"/>
  <c r="U154823" i="1"/>
  <c r="U154822" i="1"/>
  <c r="U154821" i="1"/>
  <c r="U154820" i="1"/>
  <c r="U154819" i="1"/>
  <c r="U154818" i="1"/>
  <c r="U154817" i="1"/>
  <c r="U154816" i="1"/>
  <c r="U154815" i="1"/>
  <c r="U154814" i="1"/>
  <c r="U154813" i="1"/>
  <c r="U154812" i="1"/>
  <c r="U154811" i="1"/>
  <c r="U154810" i="1"/>
  <c r="U154809" i="1"/>
  <c r="U154808" i="1"/>
  <c r="U154807" i="1"/>
  <c r="U154806" i="1"/>
  <c r="U154805" i="1"/>
  <c r="U154804" i="1"/>
  <c r="U154803" i="1"/>
  <c r="U154802" i="1"/>
  <c r="U154801" i="1"/>
  <c r="U154800" i="1"/>
  <c r="U154799" i="1"/>
  <c r="U154798" i="1"/>
  <c r="U154797" i="1"/>
  <c r="U154796" i="1"/>
  <c r="U154795" i="1"/>
  <c r="U154794" i="1"/>
  <c r="U154793" i="1"/>
  <c r="U154792" i="1"/>
  <c r="U154791" i="1"/>
  <c r="U154790" i="1"/>
  <c r="U154789" i="1"/>
  <c r="U154788" i="1"/>
  <c r="U154787" i="1"/>
  <c r="U154786" i="1"/>
  <c r="U154785" i="1"/>
  <c r="U154784" i="1"/>
  <c r="U154783" i="1"/>
  <c r="U154782" i="1"/>
  <c r="U154781" i="1"/>
  <c r="U154780" i="1"/>
  <c r="U154779" i="1"/>
  <c r="U154778" i="1"/>
  <c r="U154777" i="1"/>
  <c r="U154776" i="1"/>
  <c r="U154775" i="1"/>
  <c r="U154774" i="1"/>
  <c r="U154773" i="1"/>
  <c r="U154772" i="1"/>
  <c r="U154771" i="1"/>
  <c r="U154770" i="1"/>
  <c r="U154769" i="1"/>
  <c r="U154768" i="1"/>
  <c r="U154767" i="1"/>
  <c r="U154766" i="1"/>
  <c r="U154765" i="1"/>
  <c r="U154764" i="1"/>
  <c r="U154763" i="1"/>
  <c r="U154762" i="1"/>
  <c r="U154761" i="1"/>
  <c r="U154760" i="1"/>
  <c r="U154759" i="1"/>
  <c r="U154758" i="1"/>
  <c r="U154757" i="1"/>
  <c r="U154756" i="1"/>
  <c r="U154755" i="1"/>
  <c r="U154754" i="1"/>
  <c r="U154753" i="1"/>
  <c r="U154752" i="1"/>
  <c r="U154751" i="1"/>
  <c r="U154750" i="1"/>
  <c r="U154749" i="1"/>
  <c r="U154748" i="1"/>
  <c r="U154747" i="1"/>
  <c r="U154746" i="1"/>
  <c r="U154745" i="1"/>
  <c r="U154744" i="1"/>
  <c r="U154743" i="1"/>
  <c r="U154742" i="1"/>
  <c r="U154741" i="1"/>
  <c r="U154740" i="1"/>
  <c r="U154739" i="1"/>
  <c r="U154738" i="1"/>
  <c r="U154737" i="1"/>
  <c r="U154736" i="1"/>
  <c r="U154735" i="1"/>
  <c r="U154734" i="1"/>
  <c r="U154733" i="1"/>
  <c r="U154732" i="1"/>
  <c r="U154731" i="1"/>
  <c r="U154730" i="1"/>
  <c r="U154729" i="1"/>
  <c r="U154728" i="1"/>
  <c r="U154727" i="1"/>
  <c r="U154726" i="1"/>
  <c r="U154725" i="1"/>
  <c r="U154724" i="1"/>
  <c r="U154723" i="1"/>
  <c r="U154722" i="1"/>
  <c r="U154721" i="1"/>
  <c r="U154720" i="1"/>
  <c r="U154719" i="1"/>
  <c r="U154718" i="1"/>
  <c r="U154717" i="1"/>
  <c r="U154716" i="1"/>
  <c r="U154715" i="1"/>
  <c r="U154714" i="1"/>
  <c r="U154713" i="1"/>
  <c r="U154712" i="1"/>
  <c r="U154711" i="1"/>
  <c r="U154710" i="1"/>
  <c r="U154709" i="1"/>
  <c r="U154708" i="1"/>
  <c r="U154707" i="1"/>
  <c r="U154706" i="1"/>
  <c r="U154705" i="1"/>
  <c r="U154704" i="1"/>
  <c r="U154703" i="1"/>
  <c r="U154702" i="1"/>
  <c r="U154701" i="1"/>
  <c r="U154700" i="1"/>
  <c r="U154699" i="1"/>
  <c r="U154698" i="1"/>
  <c r="U154697" i="1"/>
  <c r="U154696" i="1"/>
  <c r="U154695" i="1"/>
  <c r="U154694" i="1"/>
  <c r="U154693" i="1"/>
  <c r="U154692" i="1"/>
  <c r="U154691" i="1"/>
  <c r="U154690" i="1"/>
  <c r="U154689" i="1"/>
  <c r="U154688" i="1"/>
  <c r="U154687" i="1"/>
  <c r="U154686" i="1"/>
  <c r="U154685" i="1"/>
  <c r="U154684" i="1"/>
  <c r="U154683" i="1"/>
  <c r="U154682" i="1"/>
  <c r="U154681" i="1"/>
  <c r="U154680" i="1"/>
  <c r="U154679" i="1"/>
  <c r="U154678" i="1"/>
  <c r="U154677" i="1"/>
  <c r="U154676" i="1"/>
  <c r="U154675" i="1"/>
  <c r="U154674" i="1"/>
  <c r="U154673" i="1"/>
  <c r="U154672" i="1"/>
  <c r="U154671" i="1"/>
  <c r="U154670" i="1"/>
  <c r="U154669" i="1"/>
  <c r="U154668" i="1"/>
  <c r="U154667" i="1"/>
  <c r="U154666" i="1"/>
  <c r="U154665" i="1"/>
  <c r="U154664" i="1"/>
  <c r="U154663" i="1"/>
  <c r="U154662" i="1"/>
  <c r="U154661" i="1"/>
  <c r="U154660" i="1"/>
  <c r="U154659" i="1"/>
  <c r="U154658" i="1"/>
  <c r="U154657" i="1"/>
  <c r="U154656" i="1"/>
  <c r="U154655" i="1"/>
  <c r="U154654" i="1"/>
  <c r="U154653" i="1"/>
  <c r="U154652" i="1"/>
  <c r="U154651" i="1"/>
  <c r="U154650" i="1"/>
  <c r="U154649" i="1"/>
  <c r="U154648" i="1"/>
  <c r="U154647" i="1"/>
  <c r="U154646" i="1"/>
  <c r="U154645" i="1"/>
  <c r="U154644" i="1"/>
  <c r="U154643" i="1"/>
  <c r="U154642" i="1"/>
  <c r="U154641" i="1"/>
  <c r="U154640" i="1"/>
  <c r="U154639" i="1"/>
  <c r="U154638" i="1"/>
  <c r="U154637" i="1"/>
  <c r="U154636" i="1"/>
  <c r="U154635" i="1"/>
  <c r="U154634" i="1"/>
  <c r="U154633" i="1"/>
  <c r="U154632" i="1"/>
  <c r="U154631" i="1"/>
  <c r="U154630" i="1"/>
  <c r="U154629" i="1"/>
  <c r="U154628" i="1"/>
  <c r="U154627" i="1"/>
  <c r="U154626" i="1"/>
  <c r="U154625" i="1"/>
  <c r="U154624" i="1"/>
  <c r="U154623" i="1"/>
  <c r="U154622" i="1"/>
  <c r="U154621" i="1"/>
  <c r="U154620" i="1"/>
  <c r="U154619" i="1"/>
  <c r="U154618" i="1"/>
  <c r="U154617" i="1"/>
  <c r="U154616" i="1"/>
  <c r="U154615" i="1"/>
  <c r="U154614" i="1"/>
  <c r="U154613" i="1"/>
  <c r="U154612" i="1"/>
  <c r="U154611" i="1"/>
  <c r="U154610" i="1"/>
  <c r="U154609" i="1"/>
  <c r="U154608" i="1"/>
  <c r="U154607" i="1"/>
  <c r="U154606" i="1"/>
  <c r="U154605" i="1"/>
  <c r="U154604" i="1"/>
  <c r="U154603" i="1"/>
  <c r="U154602" i="1"/>
  <c r="U154601" i="1"/>
  <c r="U154600" i="1"/>
  <c r="U154599" i="1"/>
  <c r="U154598" i="1"/>
  <c r="U154597" i="1"/>
  <c r="U154596" i="1"/>
  <c r="U154595" i="1"/>
  <c r="U154594" i="1"/>
  <c r="U154593" i="1"/>
  <c r="U154592" i="1"/>
  <c r="U154591" i="1"/>
  <c r="U154590" i="1"/>
  <c r="U154589" i="1"/>
  <c r="U154588" i="1"/>
  <c r="U154587" i="1"/>
  <c r="U154586" i="1"/>
  <c r="U154585" i="1"/>
  <c r="U154584" i="1"/>
  <c r="U154583" i="1"/>
  <c r="U154582" i="1"/>
  <c r="U154581" i="1"/>
  <c r="U154580" i="1"/>
  <c r="U154579" i="1"/>
  <c r="U154578" i="1"/>
  <c r="U154577" i="1"/>
  <c r="U154576" i="1"/>
  <c r="U154575" i="1"/>
  <c r="U154574" i="1"/>
  <c r="U154573" i="1"/>
  <c r="U154572" i="1"/>
  <c r="U154571" i="1"/>
  <c r="U154570" i="1"/>
  <c r="U154569" i="1"/>
  <c r="U154568" i="1"/>
  <c r="U154567" i="1"/>
  <c r="U154566" i="1"/>
  <c r="U154565" i="1"/>
  <c r="U154564" i="1"/>
  <c r="U154563" i="1"/>
  <c r="U154562" i="1"/>
  <c r="U154561" i="1"/>
  <c r="U154560" i="1"/>
  <c r="U154559" i="1"/>
  <c r="U154558" i="1"/>
  <c r="U154557" i="1"/>
  <c r="U154556" i="1"/>
  <c r="U154555" i="1"/>
  <c r="U154554" i="1"/>
  <c r="U154553" i="1"/>
  <c r="U154552" i="1"/>
  <c r="U154551" i="1"/>
  <c r="U154550" i="1"/>
  <c r="U154549" i="1"/>
  <c r="U154548" i="1"/>
  <c r="U154547" i="1"/>
  <c r="U154546" i="1"/>
  <c r="U154545" i="1"/>
  <c r="U154544" i="1"/>
  <c r="U154543" i="1"/>
  <c r="U154542" i="1"/>
  <c r="U154541" i="1"/>
  <c r="U154540" i="1"/>
  <c r="U154539" i="1"/>
  <c r="U154538" i="1"/>
  <c r="U154537" i="1"/>
  <c r="U154536" i="1"/>
  <c r="U154535" i="1"/>
  <c r="U154534" i="1"/>
  <c r="U154533" i="1"/>
  <c r="U154532" i="1"/>
  <c r="U154531" i="1"/>
  <c r="U154530" i="1"/>
  <c r="U154529" i="1"/>
  <c r="U154528" i="1"/>
  <c r="U154527" i="1"/>
  <c r="U154526" i="1"/>
  <c r="U154525" i="1"/>
  <c r="U154524" i="1"/>
  <c r="U154523" i="1"/>
  <c r="U154522" i="1"/>
  <c r="U154521" i="1"/>
  <c r="U154520" i="1"/>
  <c r="U154519" i="1"/>
  <c r="U154518" i="1"/>
  <c r="U154517" i="1"/>
  <c r="U154516" i="1"/>
  <c r="U154515" i="1"/>
  <c r="U154514" i="1"/>
  <c r="U154513" i="1"/>
  <c r="U154512" i="1"/>
  <c r="U154511" i="1"/>
  <c r="U154510" i="1"/>
  <c r="U154509" i="1"/>
  <c r="U154508" i="1"/>
  <c r="U154507" i="1"/>
  <c r="U154506" i="1"/>
  <c r="U154505" i="1"/>
  <c r="U154504" i="1"/>
  <c r="U154503" i="1"/>
  <c r="U154502" i="1"/>
  <c r="U154501" i="1"/>
  <c r="U154500" i="1"/>
  <c r="U154499" i="1"/>
  <c r="U154498" i="1"/>
  <c r="U154497" i="1"/>
  <c r="U154496" i="1"/>
  <c r="U154495" i="1"/>
  <c r="U154494" i="1"/>
  <c r="U154493" i="1"/>
  <c r="U154492" i="1"/>
  <c r="U154491" i="1"/>
  <c r="U154490" i="1"/>
  <c r="U154489" i="1"/>
  <c r="U154488" i="1"/>
  <c r="U154487" i="1"/>
  <c r="U154486" i="1"/>
  <c r="U154485" i="1"/>
  <c r="U154484" i="1"/>
  <c r="U154483" i="1"/>
  <c r="U154482" i="1"/>
  <c r="U154481" i="1"/>
  <c r="U154480" i="1"/>
  <c r="U154479" i="1"/>
  <c r="U154478" i="1"/>
  <c r="U154477" i="1"/>
  <c r="U154476" i="1"/>
  <c r="U154475" i="1"/>
  <c r="U154474" i="1"/>
  <c r="U154473" i="1"/>
  <c r="U154472" i="1"/>
  <c r="U154471" i="1"/>
  <c r="U154470" i="1"/>
  <c r="U154469" i="1"/>
  <c r="U154468" i="1"/>
  <c r="U154467" i="1"/>
  <c r="U154466" i="1"/>
  <c r="U154465" i="1"/>
  <c r="U154464" i="1"/>
  <c r="U154463" i="1"/>
  <c r="U154462" i="1"/>
  <c r="U154461" i="1"/>
  <c r="U154460" i="1"/>
  <c r="U154459" i="1"/>
  <c r="U154458" i="1"/>
  <c r="U154457" i="1"/>
  <c r="U154456" i="1"/>
  <c r="U154455" i="1"/>
  <c r="U154454" i="1"/>
  <c r="U154453" i="1"/>
  <c r="U154452" i="1"/>
  <c r="U154451" i="1"/>
  <c r="U154450" i="1"/>
  <c r="U154449" i="1"/>
  <c r="U154448" i="1"/>
  <c r="U154447" i="1"/>
  <c r="U154446" i="1"/>
  <c r="U154445" i="1"/>
  <c r="U154444" i="1"/>
  <c r="U154443" i="1"/>
  <c r="U154442" i="1"/>
  <c r="U154441" i="1"/>
  <c r="U154440" i="1"/>
  <c r="U154439" i="1"/>
  <c r="U154438" i="1"/>
  <c r="U154437" i="1"/>
  <c r="U154436" i="1"/>
  <c r="U154435" i="1"/>
  <c r="U154434" i="1"/>
  <c r="U154433" i="1"/>
  <c r="U154432" i="1"/>
  <c r="U154431" i="1"/>
  <c r="U154430" i="1"/>
  <c r="U154429" i="1"/>
  <c r="U154428" i="1"/>
  <c r="U154427" i="1"/>
  <c r="U154426" i="1"/>
  <c r="U154425" i="1"/>
  <c r="U154424" i="1"/>
  <c r="U154423" i="1"/>
  <c r="U154422" i="1"/>
  <c r="U154421" i="1"/>
  <c r="U154420" i="1"/>
  <c r="U154419" i="1"/>
  <c r="U154418" i="1"/>
  <c r="U154417" i="1"/>
  <c r="U154416" i="1"/>
  <c r="U154415" i="1"/>
  <c r="U154414" i="1"/>
  <c r="U154413" i="1"/>
  <c r="U154412" i="1"/>
  <c r="U154411" i="1"/>
  <c r="U154410" i="1"/>
  <c r="U154409" i="1"/>
  <c r="U154408" i="1"/>
  <c r="U154407" i="1"/>
  <c r="U154406" i="1"/>
  <c r="U154405" i="1"/>
  <c r="U154404" i="1"/>
  <c r="U154403" i="1"/>
  <c r="U154402" i="1"/>
  <c r="U154401" i="1"/>
  <c r="U154400" i="1"/>
  <c r="U154399" i="1"/>
  <c r="U154398" i="1"/>
  <c r="U154397" i="1"/>
  <c r="U154396" i="1"/>
  <c r="U154395" i="1"/>
  <c r="U154394" i="1"/>
  <c r="U154393" i="1"/>
  <c r="U154392" i="1"/>
  <c r="U154391" i="1"/>
  <c r="U154390" i="1"/>
  <c r="U154389" i="1"/>
  <c r="U154388" i="1"/>
  <c r="U154387" i="1"/>
  <c r="U154386" i="1"/>
  <c r="U154385" i="1"/>
  <c r="U154384" i="1"/>
  <c r="U154383" i="1"/>
  <c r="U154382" i="1"/>
  <c r="U154381" i="1"/>
  <c r="U154380" i="1"/>
  <c r="U154379" i="1"/>
  <c r="U154378" i="1"/>
  <c r="U154377" i="1"/>
  <c r="U154376" i="1"/>
  <c r="U154375" i="1"/>
  <c r="U154374" i="1"/>
  <c r="U154373" i="1"/>
  <c r="U154372" i="1"/>
  <c r="U154371" i="1"/>
  <c r="U154370" i="1"/>
  <c r="U154369" i="1"/>
  <c r="U154368" i="1"/>
  <c r="U154367" i="1"/>
  <c r="U154366" i="1"/>
  <c r="U154365" i="1"/>
  <c r="U154364" i="1"/>
  <c r="U154363" i="1"/>
  <c r="U154362" i="1"/>
  <c r="U154361" i="1"/>
  <c r="U154360" i="1"/>
  <c r="U154359" i="1"/>
  <c r="U154358" i="1"/>
  <c r="U154357" i="1"/>
  <c r="U154356" i="1"/>
  <c r="U154355" i="1"/>
  <c r="U154354" i="1"/>
  <c r="U154353" i="1"/>
  <c r="U154352" i="1"/>
  <c r="U154351" i="1"/>
  <c r="U154350" i="1"/>
  <c r="U154349" i="1"/>
  <c r="U154348" i="1"/>
  <c r="U154347" i="1"/>
  <c r="U154346" i="1"/>
  <c r="U154345" i="1"/>
  <c r="U154344" i="1"/>
  <c r="U154343" i="1"/>
  <c r="U154342" i="1"/>
  <c r="U154341" i="1"/>
  <c r="U154340" i="1"/>
  <c r="U154339" i="1"/>
  <c r="U154338" i="1"/>
  <c r="U154337" i="1"/>
  <c r="U154336" i="1"/>
  <c r="U154335" i="1"/>
  <c r="U154334" i="1"/>
  <c r="U154333" i="1"/>
  <c r="U154332" i="1"/>
  <c r="U154331" i="1"/>
  <c r="U154330" i="1"/>
  <c r="U154329" i="1"/>
  <c r="U154328" i="1"/>
  <c r="U154327" i="1"/>
  <c r="U154326" i="1"/>
  <c r="U154325" i="1"/>
  <c r="U154324" i="1"/>
  <c r="U154323" i="1"/>
  <c r="U154322" i="1"/>
  <c r="U154321" i="1"/>
  <c r="U154320" i="1"/>
  <c r="U154319" i="1"/>
  <c r="U154318" i="1"/>
  <c r="U154317" i="1"/>
  <c r="U154316" i="1"/>
  <c r="U154315" i="1"/>
  <c r="U154314" i="1"/>
  <c r="U154313" i="1"/>
  <c r="U154312" i="1"/>
  <c r="U154311" i="1"/>
  <c r="U154310" i="1"/>
  <c r="U154309" i="1"/>
  <c r="U154308" i="1"/>
  <c r="U154307" i="1"/>
  <c r="U154306" i="1"/>
  <c r="U154305" i="1"/>
  <c r="U154304" i="1"/>
  <c r="U154303" i="1"/>
  <c r="U154302" i="1"/>
  <c r="U154301" i="1"/>
  <c r="U154300" i="1"/>
  <c r="U154299" i="1"/>
  <c r="U154298" i="1"/>
  <c r="U154297" i="1"/>
  <c r="U154296" i="1"/>
  <c r="U154295" i="1"/>
  <c r="U154294" i="1"/>
  <c r="U154293" i="1"/>
  <c r="U154292" i="1"/>
  <c r="U154291" i="1"/>
  <c r="U154290" i="1"/>
  <c r="U154289" i="1"/>
  <c r="U154288" i="1"/>
  <c r="U154287" i="1"/>
  <c r="U154286" i="1"/>
  <c r="U154285" i="1"/>
  <c r="U154284" i="1"/>
  <c r="U154283" i="1"/>
  <c r="U154282" i="1"/>
  <c r="U154281" i="1"/>
  <c r="U154280" i="1"/>
  <c r="U154279" i="1"/>
  <c r="U154278" i="1"/>
  <c r="U154277" i="1"/>
  <c r="U154276" i="1"/>
  <c r="U154275" i="1"/>
  <c r="U154274" i="1"/>
  <c r="U154273" i="1"/>
  <c r="U154272" i="1"/>
  <c r="U154271" i="1"/>
  <c r="U154270" i="1"/>
  <c r="U154269" i="1"/>
  <c r="U154268" i="1"/>
  <c r="U154267" i="1"/>
  <c r="U154266" i="1"/>
  <c r="U154265" i="1"/>
  <c r="U154264" i="1"/>
  <c r="U154263" i="1"/>
  <c r="U154262" i="1"/>
  <c r="U154261" i="1"/>
  <c r="U154260" i="1"/>
  <c r="U154259" i="1"/>
  <c r="U154258" i="1"/>
  <c r="U154257" i="1"/>
  <c r="U154256" i="1"/>
  <c r="U154255" i="1"/>
  <c r="U154254" i="1"/>
  <c r="U154253" i="1"/>
  <c r="U154252" i="1"/>
  <c r="U154251" i="1"/>
  <c r="U154250" i="1"/>
  <c r="U154249" i="1"/>
  <c r="U154248" i="1"/>
  <c r="U154247" i="1"/>
  <c r="U154246" i="1"/>
  <c r="U154245" i="1"/>
  <c r="U154244" i="1"/>
  <c r="U154243" i="1"/>
  <c r="U154242" i="1"/>
  <c r="U154241" i="1"/>
  <c r="U154240" i="1"/>
  <c r="U154239" i="1"/>
  <c r="U154238" i="1"/>
  <c r="U154237" i="1"/>
  <c r="U154236" i="1"/>
  <c r="U154235" i="1"/>
  <c r="U154234" i="1"/>
  <c r="U154233" i="1"/>
  <c r="U154232" i="1"/>
  <c r="U154231" i="1"/>
  <c r="U154230" i="1"/>
  <c r="U154229" i="1"/>
  <c r="U154228" i="1"/>
  <c r="U154227" i="1"/>
  <c r="U154226" i="1"/>
  <c r="U154225" i="1"/>
  <c r="U154224" i="1"/>
  <c r="U154223" i="1"/>
  <c r="U154222" i="1"/>
  <c r="U154221" i="1"/>
  <c r="U154220" i="1"/>
  <c r="U154219" i="1"/>
  <c r="U154218" i="1"/>
  <c r="U154217" i="1"/>
  <c r="U154216" i="1"/>
  <c r="U154215" i="1"/>
  <c r="U154214" i="1"/>
  <c r="U154213" i="1"/>
  <c r="U154212" i="1"/>
  <c r="U154211" i="1"/>
  <c r="U154210" i="1"/>
  <c r="U154209" i="1"/>
  <c r="U154208" i="1"/>
  <c r="U154207" i="1"/>
  <c r="U154206" i="1"/>
  <c r="U154205" i="1"/>
  <c r="U154204" i="1"/>
  <c r="U154203" i="1"/>
  <c r="U154202" i="1"/>
  <c r="U154201" i="1"/>
  <c r="U154200" i="1"/>
  <c r="U154199" i="1"/>
  <c r="U154198" i="1"/>
  <c r="U154197" i="1"/>
  <c r="U154196" i="1"/>
  <c r="U154195" i="1"/>
  <c r="U154194" i="1"/>
  <c r="U154193" i="1"/>
  <c r="U154192" i="1"/>
  <c r="U154191" i="1"/>
  <c r="U154190" i="1"/>
  <c r="U154189" i="1"/>
  <c r="U154188" i="1"/>
  <c r="U154187" i="1"/>
  <c r="U154186" i="1"/>
  <c r="U154185" i="1"/>
  <c r="U154184" i="1"/>
  <c r="U154183" i="1"/>
  <c r="U154182" i="1"/>
  <c r="U154181" i="1"/>
  <c r="U154180" i="1"/>
  <c r="U154179" i="1"/>
  <c r="U154178" i="1"/>
  <c r="U154177" i="1"/>
  <c r="U154176" i="1"/>
  <c r="U154175" i="1"/>
  <c r="U154174" i="1"/>
  <c r="U154173" i="1"/>
  <c r="U154172" i="1"/>
  <c r="U154171" i="1"/>
  <c r="U154170" i="1"/>
  <c r="U154169" i="1"/>
  <c r="U154168" i="1"/>
  <c r="U154167" i="1"/>
  <c r="U154166" i="1"/>
  <c r="U154165" i="1"/>
  <c r="U154164" i="1"/>
  <c r="U154163" i="1"/>
  <c r="U154162" i="1"/>
  <c r="U154161" i="1"/>
  <c r="U154160" i="1"/>
  <c r="U154159" i="1"/>
  <c r="U154158" i="1"/>
  <c r="U154157" i="1"/>
  <c r="U154156" i="1"/>
  <c r="U154155" i="1"/>
  <c r="U154154" i="1"/>
  <c r="U154153" i="1"/>
  <c r="U154152" i="1"/>
  <c r="U154151" i="1"/>
  <c r="U154150" i="1"/>
  <c r="U154149" i="1"/>
  <c r="U154148" i="1"/>
  <c r="U154147" i="1"/>
  <c r="U154146" i="1"/>
  <c r="U154145" i="1"/>
  <c r="U154144" i="1"/>
  <c r="U154143" i="1"/>
  <c r="U154142" i="1"/>
  <c r="U154141" i="1"/>
  <c r="U154140" i="1"/>
  <c r="U154139" i="1"/>
  <c r="U154138" i="1"/>
  <c r="U154137" i="1"/>
  <c r="U154136" i="1"/>
  <c r="U154135" i="1"/>
  <c r="U154134" i="1"/>
  <c r="U154133" i="1"/>
  <c r="U154132" i="1"/>
  <c r="U154131" i="1"/>
  <c r="U154130" i="1"/>
  <c r="U154129" i="1"/>
  <c r="U154128" i="1"/>
  <c r="U154127" i="1"/>
  <c r="U154126" i="1"/>
  <c r="U154125" i="1"/>
  <c r="U154124" i="1"/>
  <c r="U154123" i="1"/>
  <c r="U154122" i="1"/>
  <c r="U154121" i="1"/>
  <c r="U154120" i="1"/>
  <c r="U154119" i="1"/>
  <c r="U154118" i="1"/>
  <c r="U154117" i="1"/>
  <c r="U154116" i="1"/>
  <c r="U154115" i="1"/>
  <c r="U154114" i="1"/>
  <c r="U154113" i="1"/>
  <c r="U154112" i="1"/>
  <c r="U154111" i="1"/>
  <c r="U154110" i="1"/>
  <c r="U154109" i="1"/>
  <c r="U154108" i="1"/>
  <c r="U154107" i="1"/>
  <c r="U154106" i="1"/>
  <c r="U154105" i="1"/>
  <c r="U154104" i="1"/>
  <c r="U154103" i="1"/>
  <c r="U154102" i="1"/>
  <c r="U154101" i="1"/>
  <c r="U154100" i="1"/>
  <c r="U154099" i="1"/>
  <c r="U154098" i="1"/>
  <c r="U154097" i="1"/>
  <c r="U154096" i="1"/>
  <c r="U154095" i="1"/>
  <c r="U154094" i="1"/>
  <c r="U154093" i="1"/>
  <c r="U154092" i="1"/>
  <c r="U154091" i="1"/>
  <c r="U154090" i="1"/>
  <c r="U154089" i="1"/>
  <c r="U154088" i="1"/>
  <c r="U154087" i="1"/>
  <c r="U154086" i="1"/>
  <c r="U154085" i="1"/>
  <c r="U154084" i="1"/>
  <c r="U154083" i="1"/>
  <c r="U154082" i="1"/>
  <c r="U154081" i="1"/>
  <c r="U154080" i="1"/>
  <c r="U154079" i="1"/>
  <c r="U154078" i="1"/>
  <c r="U154077" i="1"/>
  <c r="U154076" i="1"/>
  <c r="U154075" i="1"/>
  <c r="U154074" i="1"/>
  <c r="U154073" i="1"/>
  <c r="U154072" i="1"/>
  <c r="U154071" i="1"/>
  <c r="U154070" i="1"/>
  <c r="U154069" i="1"/>
  <c r="U154068" i="1"/>
  <c r="U154067" i="1"/>
  <c r="U154066" i="1"/>
  <c r="U154065" i="1"/>
  <c r="U154064" i="1"/>
  <c r="U154063" i="1"/>
  <c r="U154062" i="1"/>
  <c r="U154061" i="1"/>
  <c r="U154060" i="1"/>
  <c r="U154059" i="1"/>
  <c r="U154058" i="1"/>
  <c r="U154057" i="1"/>
  <c r="U154056" i="1"/>
  <c r="U154055" i="1"/>
  <c r="U154054" i="1"/>
  <c r="U154053" i="1"/>
  <c r="U154052" i="1"/>
  <c r="U154051" i="1"/>
  <c r="U154050" i="1"/>
  <c r="U154049" i="1"/>
  <c r="U154048" i="1"/>
  <c r="U154047" i="1"/>
  <c r="U154046" i="1"/>
  <c r="U154045" i="1"/>
  <c r="U154044" i="1"/>
  <c r="U154043" i="1"/>
  <c r="U154042" i="1"/>
  <c r="U154041" i="1"/>
  <c r="U154040" i="1"/>
  <c r="U154039" i="1"/>
  <c r="U154038" i="1"/>
  <c r="U154037" i="1"/>
  <c r="U154036" i="1"/>
  <c r="U154035" i="1"/>
  <c r="U154034" i="1"/>
  <c r="U154033" i="1"/>
  <c r="U154032" i="1"/>
  <c r="U154031" i="1"/>
  <c r="U154030" i="1"/>
  <c r="U154029" i="1"/>
  <c r="U154028" i="1"/>
  <c r="U154027" i="1"/>
  <c r="U154026" i="1"/>
  <c r="U154025" i="1"/>
  <c r="U154024" i="1"/>
  <c r="U154023" i="1"/>
  <c r="U154022" i="1"/>
  <c r="U154021" i="1"/>
  <c r="U154020" i="1"/>
  <c r="U154019" i="1"/>
  <c r="U154018" i="1"/>
  <c r="U154017" i="1"/>
  <c r="U154016" i="1"/>
  <c r="U154015" i="1"/>
  <c r="U154014" i="1"/>
  <c r="U154013" i="1"/>
  <c r="U154012" i="1"/>
  <c r="U154011" i="1"/>
  <c r="U154010" i="1"/>
  <c r="U154009" i="1"/>
  <c r="U154008" i="1"/>
  <c r="U154007" i="1"/>
  <c r="U154006" i="1"/>
  <c r="U154005" i="1"/>
  <c r="U154004" i="1"/>
  <c r="U154003" i="1"/>
  <c r="U154002" i="1"/>
  <c r="U154001" i="1"/>
  <c r="U154000" i="1"/>
  <c r="U153999" i="1"/>
  <c r="U153998" i="1"/>
  <c r="U153997" i="1"/>
  <c r="U153996" i="1"/>
  <c r="U153995" i="1"/>
  <c r="U153994" i="1"/>
  <c r="U153993" i="1"/>
  <c r="U153992" i="1"/>
  <c r="U153991" i="1"/>
  <c r="U153990" i="1"/>
  <c r="U153989" i="1"/>
  <c r="U153988" i="1"/>
  <c r="U153987" i="1"/>
  <c r="U153986" i="1"/>
  <c r="U153985" i="1"/>
  <c r="U153984" i="1"/>
  <c r="U153983" i="1"/>
  <c r="U153982" i="1"/>
  <c r="U153981" i="1"/>
  <c r="U153980" i="1"/>
  <c r="U153979" i="1"/>
  <c r="U153978" i="1"/>
  <c r="U153977" i="1"/>
  <c r="U153976" i="1"/>
  <c r="U153975" i="1"/>
  <c r="U153974" i="1"/>
  <c r="U153973" i="1"/>
  <c r="U153972" i="1"/>
  <c r="U153971" i="1"/>
  <c r="U153970" i="1"/>
  <c r="U153969" i="1"/>
  <c r="U153968" i="1"/>
  <c r="U153967" i="1"/>
  <c r="U153966" i="1"/>
  <c r="U153965" i="1"/>
  <c r="U153964" i="1"/>
  <c r="U153963" i="1"/>
  <c r="U153962" i="1"/>
  <c r="U153961" i="1"/>
  <c r="U153960" i="1"/>
  <c r="U153959" i="1"/>
  <c r="U153958" i="1"/>
  <c r="U153957" i="1"/>
  <c r="U153956" i="1"/>
  <c r="U153955" i="1"/>
  <c r="U153954" i="1"/>
  <c r="U153953" i="1"/>
  <c r="U153952" i="1"/>
  <c r="U153951" i="1"/>
  <c r="U153950" i="1"/>
  <c r="U153949" i="1"/>
  <c r="U153948" i="1"/>
  <c r="U153947" i="1"/>
  <c r="U153946" i="1"/>
  <c r="U153945" i="1"/>
  <c r="U153944" i="1"/>
  <c r="U153943" i="1"/>
  <c r="U153942" i="1"/>
  <c r="U153941" i="1"/>
  <c r="U153940" i="1"/>
  <c r="U153939" i="1"/>
  <c r="U153938" i="1"/>
  <c r="U153937" i="1"/>
  <c r="U153936" i="1"/>
  <c r="U153935" i="1"/>
  <c r="U153934" i="1"/>
  <c r="U153933" i="1"/>
  <c r="U153932" i="1"/>
  <c r="U153931" i="1"/>
  <c r="U153930" i="1"/>
  <c r="U153929" i="1"/>
  <c r="U153928" i="1"/>
  <c r="U153927" i="1"/>
  <c r="U153926" i="1"/>
  <c r="U153925" i="1"/>
  <c r="U153924" i="1"/>
  <c r="U153923" i="1"/>
  <c r="U153922" i="1"/>
  <c r="U153921" i="1"/>
  <c r="U153920" i="1"/>
  <c r="U153919" i="1"/>
  <c r="U153918" i="1"/>
  <c r="U153917" i="1"/>
  <c r="U153916" i="1"/>
  <c r="U153915" i="1"/>
  <c r="U153914" i="1"/>
  <c r="U153913" i="1"/>
  <c r="U153912" i="1"/>
  <c r="U153911" i="1"/>
  <c r="U153910" i="1"/>
  <c r="U153909" i="1"/>
  <c r="U153908" i="1"/>
  <c r="U153907" i="1"/>
  <c r="U153906" i="1"/>
  <c r="U153905" i="1"/>
  <c r="U153904" i="1"/>
  <c r="U153903" i="1"/>
  <c r="U153902" i="1"/>
  <c r="U153901" i="1"/>
  <c r="U153900" i="1"/>
  <c r="U153899" i="1"/>
  <c r="U153898" i="1"/>
  <c r="U153897" i="1"/>
  <c r="U153896" i="1"/>
  <c r="U153895" i="1"/>
  <c r="U153894" i="1"/>
  <c r="U153893" i="1"/>
  <c r="U153892" i="1"/>
  <c r="U153891" i="1"/>
  <c r="U153890" i="1"/>
  <c r="U153889" i="1"/>
  <c r="U153888" i="1"/>
  <c r="U153887" i="1"/>
  <c r="U153886" i="1"/>
  <c r="U153885" i="1"/>
  <c r="U153884" i="1"/>
  <c r="U153883" i="1"/>
  <c r="U153882" i="1"/>
  <c r="U153881" i="1"/>
  <c r="U153880" i="1"/>
  <c r="U153879" i="1"/>
  <c r="U153878" i="1"/>
  <c r="U153877" i="1"/>
  <c r="U153876" i="1"/>
  <c r="U153875" i="1"/>
  <c r="U153874" i="1"/>
  <c r="U153873" i="1"/>
  <c r="U153872" i="1"/>
  <c r="U153871" i="1"/>
  <c r="U153870" i="1"/>
  <c r="U153869" i="1"/>
  <c r="U153868" i="1"/>
  <c r="U153867" i="1"/>
  <c r="U153866" i="1"/>
  <c r="U153865" i="1"/>
  <c r="U153864" i="1"/>
  <c r="U153863" i="1"/>
  <c r="U153862" i="1"/>
  <c r="U153861" i="1"/>
  <c r="U153860" i="1"/>
  <c r="U153859" i="1"/>
  <c r="U153858" i="1"/>
  <c r="U153857" i="1"/>
  <c r="U153856" i="1"/>
  <c r="U153855" i="1"/>
  <c r="U153854" i="1"/>
  <c r="U153853" i="1"/>
  <c r="U153852" i="1"/>
  <c r="U153851" i="1"/>
  <c r="U153850" i="1"/>
  <c r="U153849" i="1"/>
  <c r="U153848" i="1"/>
  <c r="U153847" i="1"/>
  <c r="U153846" i="1"/>
  <c r="U153845" i="1"/>
  <c r="U153844" i="1"/>
  <c r="U153843" i="1"/>
  <c r="U153842" i="1"/>
  <c r="U153841" i="1"/>
  <c r="U153840" i="1"/>
  <c r="U153839" i="1"/>
  <c r="U153838" i="1"/>
  <c r="U153837" i="1"/>
  <c r="U153836" i="1"/>
  <c r="U153835" i="1"/>
  <c r="U153834" i="1"/>
  <c r="U153833" i="1"/>
  <c r="U153832" i="1"/>
  <c r="U153831" i="1"/>
  <c r="U153830" i="1"/>
  <c r="U153829" i="1"/>
  <c r="U153828" i="1"/>
  <c r="U153827" i="1"/>
  <c r="U153826" i="1"/>
  <c r="U153825" i="1"/>
  <c r="U153824" i="1"/>
  <c r="U153823" i="1"/>
  <c r="U153822" i="1"/>
  <c r="U153821" i="1"/>
  <c r="U153820" i="1"/>
  <c r="U153819" i="1"/>
  <c r="U153818" i="1"/>
  <c r="U153817" i="1"/>
  <c r="U153816" i="1"/>
  <c r="U153815" i="1"/>
  <c r="U153814" i="1"/>
  <c r="U153813" i="1"/>
  <c r="U153812" i="1"/>
  <c r="U153811" i="1"/>
  <c r="U153810" i="1"/>
  <c r="U153809" i="1"/>
  <c r="U153808" i="1"/>
  <c r="U153807" i="1"/>
  <c r="U153806" i="1"/>
  <c r="U153805" i="1"/>
  <c r="U153804" i="1"/>
  <c r="U153803" i="1"/>
  <c r="U153802" i="1"/>
  <c r="U153801" i="1"/>
  <c r="U153800" i="1"/>
  <c r="U153799" i="1"/>
  <c r="U153798" i="1"/>
  <c r="U153797" i="1"/>
  <c r="U153796" i="1"/>
  <c r="U153795" i="1"/>
  <c r="U153794" i="1"/>
  <c r="U153793" i="1"/>
  <c r="U153792" i="1"/>
  <c r="U153791" i="1"/>
  <c r="U153790" i="1"/>
  <c r="U153789" i="1"/>
  <c r="U153788" i="1"/>
  <c r="U153787" i="1"/>
  <c r="U153786" i="1"/>
  <c r="U153785" i="1"/>
  <c r="U153784" i="1"/>
  <c r="U153783" i="1"/>
  <c r="U153782" i="1"/>
  <c r="U153781" i="1"/>
  <c r="U153780" i="1"/>
  <c r="U153779" i="1"/>
  <c r="U153778" i="1"/>
  <c r="U153777" i="1"/>
  <c r="U153776" i="1"/>
  <c r="U153775" i="1"/>
  <c r="U153774" i="1"/>
  <c r="U153773" i="1"/>
  <c r="U153772" i="1"/>
  <c r="U153771" i="1"/>
  <c r="U153770" i="1"/>
  <c r="U153769" i="1"/>
  <c r="U153768" i="1"/>
  <c r="U153767" i="1"/>
  <c r="U153766" i="1"/>
  <c r="U153765" i="1"/>
  <c r="U153764" i="1"/>
  <c r="U153763" i="1"/>
  <c r="U153762" i="1"/>
  <c r="U153761" i="1"/>
  <c r="U153760" i="1"/>
  <c r="U153759" i="1"/>
  <c r="U153758" i="1"/>
  <c r="U153757" i="1"/>
  <c r="U153756" i="1"/>
  <c r="U153755" i="1"/>
  <c r="U153754" i="1"/>
  <c r="U153753" i="1"/>
  <c r="U153752" i="1"/>
  <c r="U153751" i="1"/>
  <c r="U153750" i="1"/>
  <c r="U153749" i="1"/>
  <c r="U153748" i="1"/>
  <c r="U153747" i="1"/>
  <c r="U153746" i="1"/>
  <c r="U153745" i="1"/>
  <c r="U153744" i="1"/>
  <c r="U153743" i="1"/>
  <c r="U153742" i="1"/>
  <c r="U153741" i="1"/>
  <c r="U153740" i="1"/>
  <c r="U153739" i="1"/>
  <c r="U153738" i="1"/>
  <c r="U153737" i="1"/>
  <c r="U153736" i="1"/>
  <c r="U153735" i="1"/>
  <c r="U153734" i="1"/>
  <c r="U153733" i="1"/>
  <c r="U153732" i="1"/>
  <c r="U153731" i="1"/>
  <c r="U153730" i="1"/>
  <c r="U153729" i="1"/>
  <c r="U153728" i="1"/>
  <c r="U153727" i="1"/>
  <c r="U153726" i="1"/>
  <c r="U153725" i="1"/>
  <c r="U153724" i="1"/>
  <c r="U153723" i="1"/>
  <c r="U153722" i="1"/>
  <c r="U153721" i="1"/>
  <c r="U153720" i="1"/>
  <c r="U153719" i="1"/>
  <c r="U153718" i="1"/>
  <c r="U153717" i="1"/>
  <c r="U153716" i="1"/>
  <c r="U153715" i="1"/>
  <c r="U153714" i="1"/>
  <c r="U153713" i="1"/>
  <c r="U153712" i="1"/>
  <c r="U153711" i="1"/>
  <c r="U153710" i="1"/>
  <c r="U153709" i="1"/>
  <c r="U153708" i="1"/>
  <c r="U153707" i="1"/>
  <c r="U153706" i="1"/>
  <c r="U153705" i="1"/>
  <c r="U153704" i="1"/>
  <c r="U153703" i="1"/>
  <c r="U153702" i="1"/>
  <c r="U153701" i="1"/>
  <c r="U153700" i="1"/>
  <c r="U153699" i="1"/>
  <c r="U153698" i="1"/>
  <c r="U153697" i="1"/>
  <c r="U153696" i="1"/>
  <c r="U153695" i="1"/>
  <c r="U153694" i="1"/>
  <c r="U153693" i="1"/>
  <c r="U153692" i="1"/>
  <c r="U153691" i="1"/>
  <c r="U153690" i="1"/>
  <c r="U153689" i="1"/>
  <c r="U153688" i="1"/>
  <c r="U153687" i="1"/>
  <c r="U153686" i="1"/>
  <c r="U153685" i="1"/>
  <c r="U153684" i="1"/>
  <c r="U153683" i="1"/>
  <c r="U153682" i="1"/>
  <c r="U153681" i="1"/>
  <c r="U153680" i="1"/>
  <c r="U153679" i="1"/>
  <c r="U153678" i="1"/>
  <c r="U153677" i="1"/>
  <c r="U153676" i="1"/>
  <c r="U153675" i="1"/>
  <c r="U153674" i="1"/>
  <c r="U153673" i="1"/>
  <c r="U153672" i="1"/>
  <c r="U153671" i="1"/>
  <c r="U153670" i="1"/>
  <c r="U153669" i="1"/>
  <c r="U153668" i="1"/>
  <c r="U153667" i="1"/>
  <c r="U153666" i="1"/>
  <c r="U153665" i="1"/>
  <c r="U153664" i="1"/>
  <c r="U153663" i="1"/>
  <c r="U153662" i="1"/>
  <c r="U153661" i="1"/>
  <c r="U153660" i="1"/>
  <c r="U153659" i="1"/>
  <c r="U153658" i="1"/>
  <c r="U153657" i="1"/>
  <c r="U153656" i="1"/>
  <c r="U153655" i="1"/>
  <c r="U153654" i="1"/>
  <c r="U153653" i="1"/>
  <c r="U153652" i="1"/>
  <c r="U153651" i="1"/>
  <c r="U153650" i="1"/>
  <c r="U153649" i="1"/>
  <c r="U153648" i="1"/>
  <c r="U153647" i="1"/>
  <c r="U153646" i="1"/>
  <c r="U153645" i="1"/>
  <c r="U153644" i="1"/>
  <c r="U153643" i="1"/>
  <c r="U153642" i="1"/>
  <c r="U153641" i="1"/>
  <c r="U153640" i="1"/>
  <c r="U153639" i="1"/>
  <c r="U153638" i="1"/>
  <c r="U153637" i="1"/>
  <c r="U153636" i="1"/>
  <c r="U153635" i="1"/>
  <c r="U153634" i="1"/>
  <c r="U153633" i="1"/>
  <c r="U153632" i="1"/>
  <c r="U153631" i="1"/>
  <c r="U153630" i="1"/>
  <c r="U153629" i="1"/>
  <c r="U153628" i="1"/>
  <c r="U153627" i="1"/>
  <c r="U153626" i="1"/>
  <c r="U153625" i="1"/>
  <c r="U153624" i="1"/>
  <c r="U153623" i="1"/>
  <c r="U153622" i="1"/>
  <c r="U153621" i="1"/>
  <c r="U153620" i="1"/>
  <c r="U153619" i="1"/>
  <c r="U153618" i="1"/>
  <c r="U153617" i="1"/>
  <c r="U153616" i="1"/>
  <c r="U153615" i="1"/>
  <c r="U153614" i="1"/>
  <c r="U153613" i="1"/>
  <c r="U153612" i="1"/>
  <c r="U153611" i="1"/>
  <c r="U153610" i="1"/>
  <c r="U153609" i="1"/>
  <c r="U153608" i="1"/>
  <c r="U153607" i="1"/>
  <c r="U153606" i="1"/>
  <c r="U153605" i="1"/>
  <c r="U153604" i="1"/>
  <c r="U153603" i="1"/>
  <c r="U153602" i="1"/>
  <c r="U153601" i="1"/>
  <c r="U153600" i="1"/>
  <c r="U153599" i="1"/>
  <c r="U153598" i="1"/>
  <c r="U153597" i="1"/>
  <c r="U153596" i="1"/>
  <c r="U153595" i="1"/>
  <c r="U153594" i="1"/>
  <c r="U153593" i="1"/>
  <c r="U153592" i="1"/>
  <c r="U153591" i="1"/>
  <c r="U153590" i="1"/>
  <c r="U153589" i="1"/>
  <c r="U153588" i="1"/>
  <c r="U153587" i="1"/>
  <c r="U153586" i="1"/>
  <c r="U153585" i="1"/>
  <c r="U153584" i="1"/>
  <c r="U153583" i="1"/>
  <c r="U153582" i="1"/>
  <c r="U153581" i="1"/>
  <c r="U153580" i="1"/>
  <c r="U153579" i="1"/>
  <c r="U153578" i="1"/>
  <c r="U153577" i="1"/>
  <c r="U153576" i="1"/>
  <c r="U153575" i="1"/>
  <c r="U153574" i="1"/>
  <c r="U153573" i="1"/>
  <c r="U153572" i="1"/>
  <c r="U153571" i="1"/>
  <c r="U153570" i="1"/>
  <c r="U153569" i="1"/>
  <c r="U153568" i="1"/>
  <c r="U153567" i="1"/>
  <c r="U153566" i="1"/>
  <c r="U153565" i="1"/>
  <c r="U153564" i="1"/>
  <c r="U153563" i="1"/>
  <c r="U153562" i="1"/>
  <c r="U153561" i="1"/>
  <c r="U153560" i="1"/>
  <c r="U153559" i="1"/>
  <c r="U153558" i="1"/>
  <c r="U153557" i="1"/>
  <c r="U153556" i="1"/>
  <c r="U153555" i="1"/>
  <c r="U153554" i="1"/>
  <c r="U153553" i="1"/>
  <c r="U153552" i="1"/>
  <c r="U153551" i="1"/>
  <c r="U153550" i="1"/>
  <c r="U153549" i="1"/>
  <c r="U153548" i="1"/>
  <c r="U153547" i="1"/>
  <c r="U153546" i="1"/>
  <c r="U153545" i="1"/>
  <c r="U153544" i="1"/>
  <c r="U153543" i="1"/>
  <c r="U153542" i="1"/>
  <c r="U153541" i="1"/>
  <c r="U153540" i="1"/>
  <c r="U153539" i="1"/>
  <c r="U153538" i="1"/>
  <c r="U153537" i="1"/>
  <c r="U153536" i="1"/>
  <c r="U153535" i="1"/>
  <c r="U153534" i="1"/>
  <c r="U153533" i="1"/>
  <c r="U153532" i="1"/>
  <c r="U153531" i="1"/>
  <c r="U153530" i="1"/>
  <c r="U153529" i="1"/>
  <c r="U153528" i="1"/>
  <c r="U153527" i="1"/>
  <c r="U153526" i="1"/>
  <c r="U153525" i="1"/>
  <c r="U153524" i="1"/>
  <c r="U153523" i="1"/>
  <c r="U153522" i="1"/>
  <c r="U153521" i="1"/>
  <c r="U153520" i="1"/>
  <c r="U153519" i="1"/>
  <c r="U153518" i="1"/>
  <c r="U153517" i="1"/>
  <c r="U153516" i="1"/>
  <c r="U153515" i="1"/>
  <c r="U153514" i="1"/>
  <c r="U153513" i="1"/>
  <c r="U153512" i="1"/>
  <c r="U153511" i="1"/>
  <c r="U153510" i="1"/>
  <c r="U153509" i="1"/>
  <c r="U153508" i="1"/>
  <c r="U153507" i="1"/>
  <c r="U153506" i="1"/>
  <c r="U153505" i="1"/>
  <c r="U153504" i="1"/>
  <c r="U153503" i="1"/>
  <c r="U153502" i="1"/>
  <c r="U153501" i="1"/>
  <c r="U153500" i="1"/>
  <c r="U153499" i="1"/>
  <c r="U153498" i="1"/>
  <c r="U153497" i="1"/>
  <c r="U153496" i="1"/>
  <c r="U153495" i="1"/>
  <c r="U153494" i="1"/>
  <c r="U153493" i="1"/>
  <c r="U153492" i="1"/>
  <c r="U153491" i="1"/>
  <c r="U153490" i="1"/>
  <c r="U153489" i="1"/>
  <c r="U153488" i="1"/>
  <c r="U153487" i="1"/>
  <c r="U153486" i="1"/>
  <c r="U153485" i="1"/>
  <c r="U153484" i="1"/>
  <c r="U153483" i="1"/>
  <c r="U153482" i="1"/>
  <c r="U153481" i="1"/>
  <c r="U153480" i="1"/>
  <c r="U153479" i="1"/>
  <c r="U153478" i="1"/>
  <c r="U153477" i="1"/>
  <c r="U153476" i="1"/>
  <c r="U153475" i="1"/>
  <c r="U153474" i="1"/>
  <c r="U153473" i="1"/>
  <c r="U153472" i="1"/>
  <c r="U153471" i="1"/>
  <c r="U153470" i="1"/>
  <c r="U153469" i="1"/>
  <c r="U153468" i="1"/>
  <c r="U153467" i="1"/>
  <c r="U153466" i="1"/>
  <c r="U153465" i="1"/>
  <c r="U153464" i="1"/>
  <c r="U153463" i="1"/>
  <c r="U153462" i="1"/>
  <c r="U153461" i="1"/>
  <c r="U153460" i="1"/>
  <c r="U153459" i="1"/>
  <c r="U153458" i="1"/>
  <c r="U153457" i="1"/>
  <c r="U153456" i="1"/>
  <c r="U153455" i="1"/>
  <c r="U153454" i="1"/>
  <c r="U153453" i="1"/>
  <c r="U153452" i="1"/>
  <c r="U153451" i="1"/>
  <c r="U153450" i="1"/>
  <c r="U153449" i="1"/>
  <c r="U153448" i="1"/>
  <c r="U153447" i="1"/>
  <c r="U153446" i="1"/>
  <c r="U153445" i="1"/>
  <c r="U153444" i="1"/>
  <c r="U153443" i="1"/>
  <c r="U153442" i="1"/>
  <c r="U153441" i="1"/>
  <c r="U153440" i="1"/>
  <c r="U153439" i="1"/>
  <c r="U153438" i="1"/>
  <c r="U153437" i="1"/>
  <c r="U153436" i="1"/>
  <c r="U153435" i="1"/>
  <c r="U153434" i="1"/>
  <c r="U153433" i="1"/>
  <c r="U153432" i="1"/>
  <c r="U153431" i="1"/>
  <c r="U153430" i="1"/>
  <c r="U153429" i="1"/>
  <c r="U153428" i="1"/>
  <c r="U153427" i="1"/>
  <c r="U153426" i="1"/>
  <c r="U153425" i="1"/>
  <c r="U153424" i="1"/>
  <c r="U153423" i="1"/>
  <c r="U153422" i="1"/>
  <c r="U153421" i="1"/>
  <c r="U153420" i="1"/>
  <c r="U153419" i="1"/>
  <c r="U153418" i="1"/>
  <c r="U153417" i="1"/>
  <c r="U153416" i="1"/>
  <c r="U153415" i="1"/>
  <c r="U153414" i="1"/>
  <c r="U153413" i="1"/>
  <c r="U153412" i="1"/>
  <c r="U153411" i="1"/>
  <c r="U153410" i="1"/>
  <c r="U153409" i="1"/>
  <c r="U153408" i="1"/>
  <c r="U153407" i="1"/>
  <c r="U153406" i="1"/>
  <c r="U153405" i="1"/>
  <c r="U153404" i="1"/>
  <c r="U153403" i="1"/>
  <c r="U153402" i="1"/>
  <c r="U153401" i="1"/>
  <c r="U153400" i="1"/>
  <c r="U153399" i="1"/>
  <c r="U153398" i="1"/>
  <c r="U153397" i="1"/>
  <c r="U153396" i="1"/>
  <c r="U153395" i="1"/>
  <c r="U153394" i="1"/>
  <c r="U153393" i="1"/>
  <c r="U153392" i="1"/>
  <c r="U153391" i="1"/>
  <c r="U153390" i="1"/>
  <c r="U153389" i="1"/>
  <c r="U153388" i="1"/>
  <c r="U153387" i="1"/>
  <c r="U153386" i="1"/>
  <c r="U153385" i="1"/>
  <c r="U153384" i="1"/>
  <c r="U153383" i="1"/>
  <c r="U153382" i="1"/>
  <c r="U153381" i="1"/>
  <c r="U153380" i="1"/>
  <c r="U153379" i="1"/>
  <c r="U153378" i="1"/>
  <c r="U153377" i="1"/>
  <c r="U153376" i="1"/>
  <c r="U153375" i="1"/>
  <c r="U153374" i="1"/>
  <c r="U153373" i="1"/>
  <c r="U153372" i="1"/>
  <c r="U153371" i="1"/>
  <c r="U153370" i="1"/>
  <c r="U153369" i="1"/>
  <c r="U153368" i="1"/>
  <c r="U153367" i="1"/>
  <c r="U153366" i="1"/>
  <c r="U153365" i="1"/>
  <c r="U153364" i="1"/>
  <c r="U153363" i="1"/>
  <c r="U153362" i="1"/>
  <c r="U153361" i="1"/>
  <c r="U153360" i="1"/>
  <c r="U153359" i="1"/>
  <c r="U153358" i="1"/>
  <c r="U153357" i="1"/>
  <c r="U153356" i="1"/>
  <c r="U153355" i="1"/>
  <c r="U153354" i="1"/>
  <c r="U153353" i="1"/>
  <c r="U153352" i="1"/>
  <c r="U153351" i="1"/>
  <c r="U153350" i="1"/>
  <c r="U153349" i="1"/>
  <c r="U153348" i="1"/>
  <c r="U153347" i="1"/>
  <c r="U153346" i="1"/>
  <c r="U153345" i="1"/>
  <c r="U153344" i="1"/>
  <c r="U153343" i="1"/>
  <c r="U153342" i="1"/>
  <c r="U153341" i="1"/>
  <c r="U153340" i="1"/>
  <c r="U153339" i="1"/>
  <c r="U153338" i="1"/>
  <c r="U153337" i="1"/>
  <c r="U153336" i="1"/>
  <c r="U153335" i="1"/>
  <c r="U153334" i="1"/>
  <c r="U153333" i="1"/>
  <c r="U153332" i="1"/>
  <c r="U153331" i="1"/>
  <c r="U153330" i="1"/>
  <c r="U153329" i="1"/>
  <c r="U153328" i="1"/>
  <c r="U153327" i="1"/>
  <c r="U153326" i="1"/>
  <c r="U153325" i="1"/>
  <c r="U153324" i="1"/>
  <c r="U153323" i="1"/>
  <c r="U153322" i="1"/>
  <c r="U153321" i="1"/>
  <c r="U153320" i="1"/>
  <c r="U153319" i="1"/>
  <c r="U153318" i="1"/>
  <c r="U153317" i="1"/>
  <c r="U153316" i="1"/>
  <c r="U153315" i="1"/>
  <c r="U153314" i="1"/>
  <c r="U153313" i="1"/>
  <c r="U153312" i="1"/>
  <c r="U153311" i="1"/>
  <c r="U153310" i="1"/>
  <c r="U153309" i="1"/>
  <c r="U153308" i="1"/>
  <c r="U153307" i="1"/>
  <c r="U153306" i="1"/>
  <c r="U153305" i="1"/>
  <c r="U153304" i="1"/>
  <c r="U153303" i="1"/>
  <c r="U153302" i="1"/>
  <c r="U153301" i="1"/>
  <c r="U153300" i="1"/>
  <c r="U153299" i="1"/>
  <c r="U153298" i="1"/>
  <c r="U153297" i="1"/>
  <c r="U153296" i="1"/>
  <c r="U153295" i="1"/>
  <c r="U153294" i="1"/>
  <c r="U153293" i="1"/>
  <c r="U153292" i="1"/>
  <c r="U153291" i="1"/>
  <c r="U153290" i="1"/>
  <c r="U153289" i="1"/>
  <c r="U153288" i="1"/>
  <c r="U153287" i="1"/>
  <c r="U153286" i="1"/>
  <c r="U153285" i="1"/>
  <c r="U153284" i="1"/>
  <c r="U153283" i="1"/>
  <c r="U153282" i="1"/>
  <c r="U153281" i="1"/>
  <c r="U153280" i="1"/>
  <c r="U153279" i="1"/>
  <c r="U153278" i="1"/>
  <c r="U153277" i="1"/>
  <c r="U153276" i="1"/>
  <c r="U153275" i="1"/>
  <c r="U153274" i="1"/>
  <c r="U153273" i="1"/>
  <c r="U153272" i="1"/>
  <c r="U153271" i="1"/>
  <c r="U153270" i="1"/>
  <c r="U153269" i="1"/>
  <c r="U153268" i="1"/>
  <c r="U153267" i="1"/>
  <c r="U153266" i="1"/>
  <c r="U153265" i="1"/>
  <c r="U153264" i="1"/>
  <c r="U153263" i="1"/>
  <c r="U153262" i="1"/>
  <c r="U153261" i="1"/>
  <c r="U153260" i="1"/>
  <c r="U153259" i="1"/>
  <c r="U153258" i="1"/>
  <c r="U153257" i="1"/>
  <c r="U153256" i="1"/>
  <c r="U153255" i="1"/>
  <c r="U153254" i="1"/>
  <c r="U153253" i="1"/>
  <c r="U153252" i="1"/>
  <c r="U153251" i="1"/>
  <c r="U153250" i="1"/>
  <c r="U153249" i="1"/>
  <c r="U153248" i="1"/>
  <c r="U153247" i="1"/>
  <c r="U153246" i="1"/>
  <c r="U153245" i="1"/>
  <c r="U153244" i="1"/>
  <c r="U153243" i="1"/>
  <c r="U153242" i="1"/>
  <c r="U153241" i="1"/>
  <c r="U153240" i="1"/>
  <c r="U153239" i="1"/>
  <c r="U153238" i="1"/>
  <c r="U153237" i="1"/>
  <c r="U153236" i="1"/>
  <c r="U153235" i="1"/>
  <c r="U153234" i="1"/>
  <c r="U153233" i="1"/>
  <c r="U153232" i="1"/>
  <c r="U153231" i="1"/>
  <c r="U153230" i="1"/>
  <c r="U153229" i="1"/>
  <c r="U153228" i="1"/>
  <c r="U153227" i="1"/>
  <c r="U153226" i="1"/>
  <c r="U153225" i="1"/>
  <c r="U153224" i="1"/>
  <c r="U153223" i="1"/>
  <c r="U153222" i="1"/>
  <c r="U153221" i="1"/>
  <c r="U153220" i="1"/>
  <c r="U153219" i="1"/>
  <c r="U153218" i="1"/>
  <c r="U153217" i="1"/>
  <c r="U153216" i="1"/>
  <c r="U153215" i="1"/>
  <c r="U153214" i="1"/>
  <c r="U153213" i="1"/>
  <c r="U153212" i="1"/>
  <c r="U153211" i="1"/>
  <c r="U153210" i="1"/>
  <c r="U153209" i="1"/>
  <c r="U153208" i="1"/>
  <c r="U153207" i="1"/>
  <c r="U153206" i="1"/>
  <c r="U153205" i="1"/>
  <c r="U153204" i="1"/>
  <c r="U153203" i="1"/>
  <c r="U153202" i="1"/>
  <c r="U153201" i="1"/>
  <c r="U153200" i="1"/>
  <c r="U153199" i="1"/>
  <c r="U153198" i="1"/>
  <c r="U153197" i="1"/>
  <c r="U153196" i="1"/>
  <c r="U153195" i="1"/>
  <c r="U153194" i="1"/>
  <c r="U153193" i="1"/>
  <c r="U153192" i="1"/>
  <c r="U153191" i="1"/>
  <c r="U153190" i="1"/>
  <c r="U153189" i="1"/>
  <c r="U153188" i="1"/>
  <c r="U153187" i="1"/>
  <c r="U153186" i="1"/>
  <c r="U153185" i="1"/>
  <c r="U153184" i="1"/>
  <c r="U153183" i="1"/>
  <c r="U153182" i="1"/>
  <c r="U153181" i="1"/>
  <c r="U153180" i="1"/>
  <c r="U153179" i="1"/>
  <c r="U153178" i="1"/>
  <c r="U153177" i="1"/>
  <c r="U153176" i="1"/>
  <c r="U153175" i="1"/>
  <c r="U153174" i="1"/>
  <c r="U153173" i="1"/>
  <c r="U153172" i="1"/>
  <c r="U153171" i="1"/>
  <c r="U153170" i="1"/>
  <c r="U153169" i="1"/>
  <c r="U153168" i="1"/>
  <c r="U153167" i="1"/>
  <c r="U153166" i="1"/>
  <c r="U153165" i="1"/>
  <c r="U153164" i="1"/>
  <c r="U153163" i="1"/>
  <c r="U153162" i="1"/>
  <c r="U153161" i="1"/>
  <c r="U153160" i="1"/>
  <c r="U153159" i="1"/>
  <c r="U153158" i="1"/>
  <c r="U153157" i="1"/>
  <c r="U153156" i="1"/>
  <c r="U153155" i="1"/>
  <c r="U153154" i="1"/>
  <c r="U153153" i="1"/>
  <c r="U153152" i="1"/>
  <c r="U153151" i="1"/>
  <c r="U153150" i="1"/>
  <c r="U153149" i="1"/>
  <c r="U153148" i="1"/>
  <c r="U153147" i="1"/>
  <c r="U153146" i="1"/>
  <c r="U153145" i="1"/>
  <c r="U153144" i="1"/>
  <c r="U153143" i="1"/>
  <c r="U153142" i="1"/>
  <c r="U153141" i="1"/>
  <c r="U153140" i="1"/>
  <c r="U153139" i="1"/>
  <c r="U153138" i="1"/>
  <c r="U153137" i="1"/>
  <c r="U153136" i="1"/>
  <c r="U153135" i="1"/>
  <c r="U153134" i="1"/>
  <c r="U153133" i="1"/>
  <c r="U153132" i="1"/>
  <c r="U153131" i="1"/>
  <c r="U153130" i="1"/>
  <c r="U153129" i="1"/>
  <c r="U153128" i="1"/>
  <c r="U153127" i="1"/>
  <c r="U153126" i="1"/>
  <c r="U153125" i="1"/>
  <c r="U153124" i="1"/>
  <c r="U153123" i="1"/>
  <c r="U153122" i="1"/>
  <c r="U153121" i="1"/>
  <c r="U153120" i="1"/>
  <c r="U153119" i="1"/>
  <c r="U153118" i="1"/>
  <c r="U153117" i="1"/>
  <c r="U153116" i="1"/>
  <c r="U153115" i="1"/>
  <c r="U153114" i="1"/>
  <c r="U153113" i="1"/>
  <c r="U153112" i="1"/>
  <c r="U153111" i="1"/>
  <c r="U153110" i="1"/>
  <c r="U153109" i="1"/>
  <c r="U153108" i="1"/>
  <c r="U153107" i="1"/>
  <c r="U153106" i="1"/>
  <c r="U153105" i="1"/>
  <c r="U153104" i="1"/>
  <c r="U153103" i="1"/>
  <c r="U153102" i="1"/>
  <c r="U153101" i="1"/>
  <c r="U153100" i="1"/>
  <c r="U153099" i="1"/>
  <c r="U153098" i="1"/>
  <c r="U153097" i="1"/>
  <c r="U153096" i="1"/>
  <c r="U153095" i="1"/>
  <c r="U153094" i="1"/>
  <c r="U153093" i="1"/>
  <c r="U153092" i="1"/>
  <c r="U153091" i="1"/>
  <c r="U153090" i="1"/>
  <c r="U153089" i="1"/>
  <c r="U153088" i="1"/>
  <c r="U153087" i="1"/>
  <c r="U153086" i="1"/>
  <c r="U153085" i="1"/>
  <c r="U153084" i="1"/>
  <c r="U153083" i="1"/>
  <c r="U153082" i="1"/>
  <c r="U153081" i="1"/>
  <c r="U153080" i="1"/>
  <c r="U153079" i="1"/>
  <c r="U153078" i="1"/>
  <c r="U153077" i="1"/>
  <c r="U153076" i="1"/>
  <c r="U153075" i="1"/>
  <c r="U153074" i="1"/>
  <c r="U153073" i="1"/>
  <c r="U153072" i="1"/>
  <c r="U153071" i="1"/>
  <c r="U153070" i="1"/>
  <c r="U153069" i="1"/>
  <c r="U153068" i="1"/>
  <c r="U153067" i="1"/>
  <c r="U153066" i="1"/>
  <c r="U153065" i="1"/>
  <c r="U153064" i="1"/>
  <c r="U153063" i="1"/>
  <c r="U153062" i="1"/>
  <c r="U153061" i="1"/>
  <c r="U153060" i="1"/>
  <c r="U153059" i="1"/>
  <c r="U153058" i="1"/>
  <c r="U153057" i="1"/>
  <c r="U153056" i="1"/>
  <c r="U153055" i="1"/>
  <c r="U153054" i="1"/>
  <c r="U153053" i="1"/>
  <c r="U153052" i="1"/>
  <c r="U153051" i="1"/>
  <c r="U153050" i="1"/>
  <c r="U153049" i="1"/>
  <c r="U153048" i="1"/>
  <c r="U153047" i="1"/>
  <c r="U153046" i="1"/>
  <c r="U153045" i="1"/>
  <c r="U153044" i="1"/>
  <c r="U153043" i="1"/>
  <c r="U153042" i="1"/>
  <c r="U153041" i="1"/>
  <c r="U153040" i="1"/>
  <c r="U153039" i="1"/>
  <c r="U153038" i="1"/>
  <c r="U153037" i="1"/>
  <c r="U153036" i="1"/>
  <c r="U153035" i="1"/>
  <c r="U153034" i="1"/>
  <c r="U153033" i="1"/>
  <c r="U153032" i="1"/>
  <c r="U153031" i="1"/>
  <c r="U153030" i="1"/>
  <c r="U153029" i="1"/>
  <c r="U153028" i="1"/>
  <c r="U153027" i="1"/>
  <c r="U153026" i="1"/>
  <c r="U153025" i="1"/>
  <c r="U153024" i="1"/>
  <c r="U153023" i="1"/>
  <c r="U153022" i="1"/>
  <c r="U153021" i="1"/>
  <c r="U153020" i="1"/>
  <c r="U153019" i="1"/>
  <c r="U153018" i="1"/>
  <c r="U153017" i="1"/>
  <c r="U153016" i="1"/>
  <c r="U153015" i="1"/>
  <c r="U153014" i="1"/>
  <c r="U153013" i="1"/>
  <c r="U153012" i="1"/>
  <c r="U153011" i="1"/>
  <c r="U153010" i="1"/>
  <c r="U153009" i="1"/>
  <c r="U153008" i="1"/>
  <c r="U153007" i="1"/>
  <c r="U153006" i="1"/>
  <c r="U153005" i="1"/>
  <c r="U153004" i="1"/>
  <c r="U153003" i="1"/>
  <c r="U153002" i="1"/>
  <c r="U153001" i="1"/>
  <c r="U153000" i="1"/>
  <c r="U152999" i="1"/>
  <c r="U152998" i="1"/>
  <c r="U152997" i="1"/>
  <c r="U152996" i="1"/>
  <c r="U152995" i="1"/>
  <c r="U152994" i="1"/>
  <c r="U152993" i="1"/>
  <c r="U152992" i="1"/>
  <c r="U152991" i="1"/>
  <c r="U152990" i="1"/>
  <c r="U152989" i="1"/>
  <c r="U152988" i="1"/>
  <c r="U152987" i="1"/>
  <c r="U152986" i="1"/>
  <c r="U152985" i="1"/>
  <c r="U152984" i="1"/>
  <c r="U152983" i="1"/>
  <c r="U152982" i="1"/>
  <c r="U152981" i="1"/>
  <c r="U152980" i="1"/>
  <c r="U152979" i="1"/>
  <c r="U152978" i="1"/>
  <c r="U152977" i="1"/>
  <c r="U152976" i="1"/>
  <c r="U152975" i="1"/>
  <c r="U152974" i="1"/>
  <c r="U152973" i="1"/>
  <c r="U152972" i="1"/>
  <c r="U152971" i="1"/>
  <c r="U152970" i="1"/>
  <c r="U152969" i="1"/>
  <c r="U152968" i="1"/>
  <c r="U152967" i="1"/>
  <c r="U152966" i="1"/>
  <c r="U152965" i="1"/>
  <c r="U152964" i="1"/>
  <c r="U152963" i="1"/>
  <c r="U152962" i="1"/>
  <c r="U152961" i="1"/>
  <c r="U152960" i="1"/>
  <c r="U152959" i="1"/>
  <c r="U152958" i="1"/>
  <c r="U152957" i="1"/>
  <c r="U152956" i="1"/>
  <c r="U152955" i="1"/>
  <c r="U152954" i="1"/>
  <c r="U152953" i="1"/>
  <c r="U152952" i="1"/>
  <c r="U152951" i="1"/>
  <c r="U152950" i="1"/>
  <c r="U152949" i="1"/>
  <c r="U152948" i="1"/>
  <c r="U152947" i="1"/>
  <c r="U152946" i="1"/>
  <c r="U152945" i="1"/>
  <c r="U152944" i="1"/>
  <c r="U152943" i="1"/>
  <c r="U152942" i="1"/>
  <c r="U152941" i="1"/>
  <c r="U152940" i="1"/>
  <c r="U152939" i="1"/>
  <c r="U152938" i="1"/>
  <c r="U152937" i="1"/>
  <c r="U152936" i="1"/>
  <c r="U152935" i="1"/>
  <c r="U152934" i="1"/>
  <c r="U152933" i="1"/>
  <c r="U152932" i="1"/>
  <c r="U152931" i="1"/>
  <c r="U152930" i="1"/>
  <c r="U152929" i="1"/>
  <c r="U152928" i="1"/>
  <c r="U152927" i="1"/>
  <c r="U152926" i="1"/>
  <c r="U152925" i="1"/>
  <c r="U152924" i="1"/>
  <c r="U152923" i="1"/>
  <c r="U152922" i="1"/>
  <c r="U152921" i="1"/>
  <c r="U152920" i="1"/>
  <c r="U152919" i="1"/>
  <c r="U152918" i="1"/>
  <c r="U152917" i="1"/>
  <c r="U152916" i="1"/>
  <c r="U152915" i="1"/>
  <c r="U152914" i="1"/>
  <c r="U152913" i="1"/>
  <c r="U152912" i="1"/>
  <c r="U152911" i="1"/>
  <c r="U152910" i="1"/>
  <c r="U152909" i="1"/>
  <c r="U152908" i="1"/>
  <c r="U152907" i="1"/>
  <c r="U152906" i="1"/>
  <c r="U152905" i="1"/>
  <c r="U152904" i="1"/>
  <c r="U152903" i="1"/>
  <c r="U152902" i="1"/>
  <c r="U152901" i="1"/>
  <c r="U152900" i="1"/>
  <c r="U152899" i="1"/>
  <c r="U152898" i="1"/>
  <c r="U152897" i="1"/>
  <c r="U152896" i="1"/>
  <c r="U152895" i="1"/>
  <c r="U152894" i="1"/>
  <c r="U152893" i="1"/>
  <c r="U152892" i="1"/>
  <c r="U152891" i="1"/>
  <c r="U152890" i="1"/>
  <c r="U152889" i="1"/>
  <c r="U152888" i="1"/>
  <c r="U152887" i="1"/>
  <c r="U152886" i="1"/>
  <c r="U152885" i="1"/>
  <c r="U152884" i="1"/>
  <c r="U152883" i="1"/>
  <c r="U152882" i="1"/>
  <c r="U152881" i="1"/>
  <c r="U152880" i="1"/>
  <c r="U152879" i="1"/>
  <c r="U152878" i="1"/>
  <c r="U152877" i="1"/>
  <c r="U152876" i="1"/>
  <c r="U152875" i="1"/>
  <c r="U152874" i="1"/>
  <c r="U152873" i="1"/>
  <c r="U152872" i="1"/>
  <c r="U152871" i="1"/>
  <c r="U152870" i="1"/>
  <c r="U152869" i="1"/>
  <c r="U152868" i="1"/>
  <c r="U152867" i="1"/>
  <c r="U152866" i="1"/>
  <c r="U152865" i="1"/>
  <c r="U152864" i="1"/>
  <c r="U152863" i="1"/>
  <c r="U152862" i="1"/>
  <c r="U152861" i="1"/>
  <c r="U152860" i="1"/>
  <c r="U152859" i="1"/>
  <c r="U152858" i="1"/>
  <c r="U152857" i="1"/>
  <c r="U152856" i="1"/>
  <c r="U152855" i="1"/>
  <c r="U152854" i="1"/>
  <c r="U152853" i="1"/>
  <c r="U152852" i="1"/>
  <c r="U152851" i="1"/>
  <c r="U152850" i="1"/>
  <c r="U152849" i="1"/>
  <c r="U152848" i="1"/>
  <c r="U152847" i="1"/>
  <c r="U152846" i="1"/>
  <c r="U152845" i="1"/>
  <c r="U152844" i="1"/>
  <c r="U152843" i="1"/>
  <c r="U152842" i="1"/>
  <c r="U152841" i="1"/>
  <c r="U152840" i="1"/>
  <c r="U152839" i="1"/>
  <c r="U152838" i="1"/>
  <c r="U152837" i="1"/>
  <c r="U152836" i="1"/>
  <c r="U152835" i="1"/>
  <c r="U152834" i="1"/>
  <c r="U152833" i="1"/>
  <c r="U152832" i="1"/>
  <c r="U152831" i="1"/>
  <c r="U152830" i="1"/>
  <c r="U152829" i="1"/>
  <c r="U152828" i="1"/>
  <c r="U152827" i="1"/>
  <c r="U152826" i="1"/>
  <c r="U152825" i="1"/>
  <c r="U152824" i="1"/>
  <c r="U152823" i="1"/>
  <c r="U152822" i="1"/>
  <c r="U152821" i="1"/>
  <c r="U152820" i="1"/>
  <c r="U152819" i="1"/>
  <c r="U152818" i="1"/>
  <c r="U152817" i="1"/>
  <c r="U152816" i="1"/>
  <c r="U152815" i="1"/>
  <c r="U152814" i="1"/>
  <c r="U152813" i="1"/>
  <c r="U152812" i="1"/>
  <c r="U152811" i="1"/>
  <c r="U152810" i="1"/>
  <c r="U152809" i="1"/>
  <c r="U152808" i="1"/>
  <c r="U152807" i="1"/>
  <c r="U152806" i="1"/>
  <c r="U152805" i="1"/>
  <c r="U152804" i="1"/>
  <c r="U152803" i="1"/>
  <c r="U152802" i="1"/>
  <c r="U152801" i="1"/>
  <c r="U152800" i="1"/>
  <c r="U152799" i="1"/>
  <c r="U152798" i="1"/>
  <c r="U152797" i="1"/>
  <c r="U152796" i="1"/>
  <c r="U152795" i="1"/>
  <c r="U152794" i="1"/>
  <c r="U152793" i="1"/>
  <c r="U152792" i="1"/>
  <c r="U152791" i="1"/>
  <c r="U152790" i="1"/>
  <c r="U152789" i="1"/>
  <c r="U152788" i="1"/>
  <c r="U152787" i="1"/>
  <c r="U152786" i="1"/>
  <c r="U152785" i="1"/>
  <c r="U152784" i="1"/>
  <c r="U152783" i="1"/>
  <c r="U152782" i="1"/>
  <c r="U152781" i="1"/>
  <c r="U152780" i="1"/>
  <c r="U152779" i="1"/>
  <c r="U152778" i="1"/>
  <c r="U152777" i="1"/>
  <c r="U152776" i="1"/>
  <c r="U152775" i="1"/>
  <c r="U152774" i="1"/>
  <c r="U152773" i="1"/>
  <c r="U152772" i="1"/>
  <c r="U152771" i="1"/>
  <c r="U152770" i="1"/>
  <c r="U152769" i="1"/>
  <c r="U152768" i="1"/>
  <c r="U152767" i="1"/>
  <c r="U152766" i="1"/>
  <c r="U152765" i="1"/>
  <c r="U152764" i="1"/>
  <c r="U152763" i="1"/>
  <c r="U152762" i="1"/>
  <c r="U152761" i="1"/>
  <c r="U152760" i="1"/>
  <c r="U152759" i="1"/>
  <c r="U152758" i="1"/>
  <c r="U152757" i="1"/>
  <c r="U152756" i="1"/>
  <c r="U152755" i="1"/>
  <c r="U152754" i="1"/>
  <c r="U152753" i="1"/>
  <c r="U152752" i="1"/>
  <c r="U152751" i="1"/>
  <c r="U152750" i="1"/>
  <c r="U152749" i="1"/>
  <c r="U152748" i="1"/>
  <c r="U152747" i="1"/>
  <c r="U152746" i="1"/>
  <c r="U152745" i="1"/>
  <c r="U152744" i="1"/>
  <c r="U152743" i="1"/>
  <c r="U152742" i="1"/>
  <c r="U152741" i="1"/>
  <c r="U152740" i="1"/>
  <c r="U152739" i="1"/>
  <c r="U152738" i="1"/>
  <c r="U152737" i="1"/>
  <c r="U152736" i="1"/>
  <c r="U152735" i="1"/>
  <c r="U152734" i="1"/>
  <c r="U152733" i="1"/>
  <c r="U152732" i="1"/>
  <c r="U152731" i="1"/>
  <c r="U152730" i="1"/>
  <c r="U152729" i="1"/>
  <c r="U152728" i="1"/>
  <c r="U152727" i="1"/>
  <c r="U152726" i="1"/>
  <c r="U152725" i="1"/>
  <c r="U152724" i="1"/>
  <c r="U152723" i="1"/>
  <c r="U152722" i="1"/>
  <c r="U152721" i="1"/>
  <c r="U152720" i="1"/>
  <c r="U152719" i="1"/>
  <c r="U152718" i="1"/>
  <c r="U152717" i="1"/>
  <c r="U152716" i="1"/>
  <c r="U152715" i="1"/>
  <c r="U152714" i="1"/>
  <c r="U152713" i="1"/>
  <c r="U152712" i="1"/>
  <c r="U152711" i="1"/>
  <c r="U152710" i="1"/>
  <c r="U152709" i="1"/>
  <c r="U152708" i="1"/>
  <c r="U152707" i="1"/>
  <c r="U152706" i="1"/>
  <c r="U152705" i="1"/>
  <c r="U152704" i="1"/>
  <c r="U152703" i="1"/>
  <c r="U152702" i="1"/>
  <c r="U152701" i="1"/>
  <c r="U152700" i="1"/>
  <c r="U152699" i="1"/>
  <c r="U152698" i="1"/>
  <c r="U152697" i="1"/>
  <c r="U152696" i="1"/>
  <c r="U152695" i="1"/>
  <c r="U152694" i="1"/>
  <c r="U152693" i="1"/>
  <c r="U152692" i="1"/>
  <c r="U152691" i="1"/>
  <c r="U152690" i="1"/>
  <c r="U152689" i="1"/>
  <c r="U152688" i="1"/>
  <c r="U152687" i="1"/>
  <c r="U152686" i="1"/>
  <c r="U152685" i="1"/>
  <c r="U152684" i="1"/>
  <c r="U152683" i="1"/>
  <c r="U152682" i="1"/>
  <c r="U152681" i="1"/>
  <c r="U152680" i="1"/>
  <c r="U152679" i="1"/>
  <c r="U152678" i="1"/>
  <c r="U152677" i="1"/>
  <c r="U152676" i="1"/>
  <c r="U152675" i="1"/>
  <c r="U152674" i="1"/>
  <c r="U152673" i="1"/>
  <c r="U152672" i="1"/>
  <c r="U152671" i="1"/>
  <c r="U152670" i="1"/>
  <c r="U152669" i="1"/>
  <c r="U152668" i="1"/>
  <c r="U152667" i="1"/>
  <c r="U152666" i="1"/>
  <c r="U152665" i="1"/>
  <c r="U152664" i="1"/>
  <c r="U152663" i="1"/>
  <c r="U152662" i="1"/>
  <c r="U152661" i="1"/>
  <c r="U152660" i="1"/>
  <c r="U152659" i="1"/>
  <c r="U152658" i="1"/>
  <c r="U152657" i="1"/>
  <c r="U152656" i="1"/>
  <c r="U152655" i="1"/>
  <c r="U152654" i="1"/>
  <c r="U152653" i="1"/>
  <c r="U152652" i="1"/>
  <c r="U152651" i="1"/>
  <c r="U152650" i="1"/>
  <c r="U152649" i="1"/>
  <c r="U152648" i="1"/>
  <c r="U152647" i="1"/>
  <c r="U152646" i="1"/>
  <c r="U152645" i="1"/>
  <c r="U152644" i="1"/>
  <c r="U152643" i="1"/>
  <c r="U152642" i="1"/>
  <c r="U152641" i="1"/>
  <c r="U152640" i="1"/>
  <c r="U152639" i="1"/>
  <c r="U152638" i="1"/>
  <c r="U152637" i="1"/>
  <c r="U152636" i="1"/>
  <c r="U152635" i="1"/>
  <c r="U152634" i="1"/>
  <c r="U152633" i="1"/>
  <c r="U152632" i="1"/>
  <c r="U152631" i="1"/>
  <c r="U152630" i="1"/>
  <c r="U152629" i="1"/>
  <c r="U152628" i="1"/>
  <c r="U152627" i="1"/>
  <c r="U152626" i="1"/>
  <c r="U152625" i="1"/>
  <c r="U152624" i="1"/>
  <c r="U152623" i="1"/>
  <c r="U152622" i="1"/>
  <c r="U152621" i="1"/>
  <c r="U152620" i="1"/>
  <c r="U152619" i="1"/>
  <c r="U152618" i="1"/>
  <c r="U152617" i="1"/>
  <c r="U152616" i="1"/>
  <c r="U152615" i="1"/>
  <c r="U152614" i="1"/>
  <c r="U152613" i="1"/>
  <c r="U152612" i="1"/>
  <c r="U152611" i="1"/>
  <c r="U152610" i="1"/>
  <c r="U152609" i="1"/>
  <c r="U152608" i="1"/>
  <c r="U152607" i="1"/>
  <c r="U152606" i="1"/>
  <c r="U152605" i="1"/>
  <c r="U152604" i="1"/>
  <c r="U152603" i="1"/>
  <c r="U152602" i="1"/>
  <c r="U152601" i="1"/>
  <c r="U152600" i="1"/>
  <c r="U152599" i="1"/>
  <c r="U152598" i="1"/>
  <c r="U152597" i="1"/>
  <c r="U152596" i="1"/>
  <c r="U152595" i="1"/>
  <c r="U152594" i="1"/>
  <c r="U152593" i="1"/>
  <c r="U152592" i="1"/>
  <c r="U152591" i="1"/>
  <c r="U152590" i="1"/>
  <c r="U152589" i="1"/>
  <c r="U152588" i="1"/>
  <c r="U152587" i="1"/>
  <c r="U152586" i="1"/>
  <c r="U152585" i="1"/>
  <c r="U152584" i="1"/>
  <c r="U152583" i="1"/>
  <c r="U152582" i="1"/>
  <c r="U152581" i="1"/>
  <c r="U152580" i="1"/>
  <c r="U152579" i="1"/>
  <c r="U152578" i="1"/>
  <c r="U152577" i="1"/>
  <c r="U152576" i="1"/>
  <c r="U152575" i="1"/>
  <c r="U152574" i="1"/>
  <c r="U152573" i="1"/>
  <c r="U152572" i="1"/>
  <c r="U152571" i="1"/>
  <c r="U152570" i="1"/>
  <c r="U152569" i="1"/>
  <c r="U152568" i="1"/>
  <c r="U152567" i="1"/>
  <c r="U152566" i="1"/>
  <c r="U152565" i="1"/>
  <c r="U152564" i="1"/>
  <c r="U152563" i="1"/>
  <c r="U152562" i="1"/>
  <c r="U152561" i="1"/>
  <c r="U152560" i="1"/>
  <c r="U152559" i="1"/>
  <c r="U152558" i="1"/>
  <c r="U152557" i="1"/>
  <c r="U152556" i="1"/>
  <c r="U152555" i="1"/>
  <c r="U152554" i="1"/>
  <c r="U152553" i="1"/>
  <c r="U152552" i="1"/>
  <c r="U152551" i="1"/>
  <c r="U152550" i="1"/>
  <c r="U152549" i="1"/>
  <c r="U152548" i="1"/>
  <c r="U152547" i="1"/>
  <c r="U152546" i="1"/>
  <c r="U152545" i="1"/>
  <c r="U152544" i="1"/>
  <c r="U152543" i="1"/>
  <c r="U152542" i="1"/>
  <c r="U152541" i="1"/>
  <c r="U152540" i="1"/>
  <c r="U152539" i="1"/>
  <c r="U152538" i="1"/>
  <c r="U152537" i="1"/>
  <c r="U152536" i="1"/>
  <c r="U152535" i="1"/>
  <c r="U152534" i="1"/>
  <c r="U152533" i="1"/>
  <c r="U152532" i="1"/>
  <c r="U152531" i="1"/>
  <c r="U152530" i="1"/>
  <c r="U152529" i="1"/>
  <c r="U152528" i="1"/>
  <c r="U152527" i="1"/>
  <c r="U152526" i="1"/>
  <c r="U152525" i="1"/>
  <c r="U152524" i="1"/>
  <c r="U152523" i="1"/>
  <c r="U152522" i="1"/>
  <c r="U152521" i="1"/>
  <c r="U152520" i="1"/>
  <c r="U152519" i="1"/>
  <c r="U152518" i="1"/>
  <c r="U152517" i="1"/>
  <c r="U152516" i="1"/>
  <c r="U152515" i="1"/>
  <c r="U152514" i="1"/>
  <c r="U152513" i="1"/>
  <c r="U152512" i="1"/>
  <c r="U152511" i="1"/>
  <c r="U152510" i="1"/>
  <c r="U152509" i="1"/>
  <c r="U152508" i="1"/>
  <c r="U152507" i="1"/>
  <c r="U152506" i="1"/>
  <c r="U152505" i="1"/>
  <c r="U152504" i="1"/>
  <c r="U152503" i="1"/>
  <c r="U152502" i="1"/>
  <c r="U152501" i="1"/>
  <c r="U152500" i="1"/>
  <c r="U152499" i="1"/>
  <c r="U152498" i="1"/>
  <c r="U152497" i="1"/>
  <c r="U152496" i="1"/>
  <c r="U152495" i="1"/>
  <c r="U152494" i="1"/>
  <c r="U152493" i="1"/>
  <c r="U152492" i="1"/>
  <c r="U152491" i="1"/>
  <c r="U152490" i="1"/>
  <c r="U152489" i="1"/>
  <c r="U152488" i="1"/>
  <c r="U152487" i="1"/>
  <c r="U152486" i="1"/>
  <c r="U152485" i="1"/>
  <c r="U152484" i="1"/>
  <c r="U152483" i="1"/>
  <c r="U152482" i="1"/>
  <c r="U152481" i="1"/>
  <c r="U152480" i="1"/>
  <c r="U152479" i="1"/>
  <c r="U152478" i="1"/>
  <c r="U152477" i="1"/>
  <c r="U152476" i="1"/>
  <c r="U152475" i="1"/>
  <c r="U152474" i="1"/>
  <c r="U152473" i="1"/>
  <c r="U152472" i="1"/>
  <c r="U152471" i="1"/>
  <c r="U152470" i="1"/>
  <c r="U152469" i="1"/>
  <c r="U152468" i="1"/>
  <c r="U152467" i="1"/>
  <c r="U152466" i="1"/>
  <c r="U152465" i="1"/>
  <c r="U152464" i="1"/>
  <c r="U152463" i="1"/>
  <c r="U152462" i="1"/>
  <c r="U152461" i="1"/>
  <c r="U152460" i="1"/>
  <c r="U152459" i="1"/>
  <c r="U152458" i="1"/>
  <c r="U152457" i="1"/>
  <c r="U152456" i="1"/>
  <c r="U152455" i="1"/>
  <c r="U152454" i="1"/>
  <c r="U152453" i="1"/>
  <c r="U152452" i="1"/>
  <c r="U152451" i="1"/>
  <c r="U152450" i="1"/>
  <c r="U152449" i="1"/>
  <c r="U152448" i="1"/>
  <c r="U152447" i="1"/>
  <c r="U152446" i="1"/>
  <c r="U152445" i="1"/>
  <c r="U152444" i="1"/>
  <c r="U152443" i="1"/>
  <c r="U152442" i="1"/>
  <c r="U152441" i="1"/>
  <c r="U152440" i="1"/>
  <c r="U152439" i="1"/>
  <c r="U152438" i="1"/>
  <c r="U152437" i="1"/>
  <c r="U152436" i="1"/>
  <c r="U152435" i="1"/>
  <c r="U152434" i="1"/>
  <c r="U152433" i="1"/>
  <c r="U152432" i="1"/>
  <c r="U152431" i="1"/>
  <c r="U152430" i="1"/>
  <c r="U152429" i="1"/>
  <c r="U152428" i="1"/>
  <c r="U152427" i="1"/>
  <c r="U152426" i="1"/>
  <c r="U152425" i="1"/>
  <c r="U152424" i="1"/>
  <c r="U152423" i="1"/>
  <c r="U152422" i="1"/>
  <c r="U152421" i="1"/>
  <c r="U152420" i="1"/>
  <c r="U152419" i="1"/>
  <c r="U152418" i="1"/>
  <c r="U152417" i="1"/>
  <c r="U152416" i="1"/>
  <c r="U152415" i="1"/>
  <c r="U152414" i="1"/>
  <c r="U152413" i="1"/>
  <c r="U152412" i="1"/>
  <c r="U152411" i="1"/>
  <c r="U152410" i="1"/>
  <c r="U152409" i="1"/>
  <c r="U152408" i="1"/>
  <c r="U152407" i="1"/>
  <c r="U152406" i="1"/>
  <c r="U152405" i="1"/>
  <c r="U152404" i="1"/>
  <c r="U152403" i="1"/>
  <c r="U152402" i="1"/>
  <c r="U152401" i="1"/>
  <c r="U152400" i="1"/>
  <c r="U152399" i="1"/>
  <c r="U152398" i="1"/>
  <c r="U152397" i="1"/>
  <c r="U152396" i="1"/>
  <c r="U152395" i="1"/>
  <c r="U152394" i="1"/>
  <c r="U152393" i="1"/>
  <c r="U152392" i="1"/>
  <c r="U152391" i="1"/>
  <c r="U152390" i="1"/>
  <c r="U152389" i="1"/>
  <c r="U152388" i="1"/>
  <c r="U152387" i="1"/>
  <c r="U152386" i="1"/>
  <c r="U152385" i="1"/>
  <c r="U152384" i="1"/>
  <c r="U152383" i="1"/>
  <c r="U152382" i="1"/>
  <c r="U152381" i="1"/>
  <c r="U152380" i="1"/>
  <c r="U152379" i="1"/>
  <c r="U152378" i="1"/>
  <c r="U152377" i="1"/>
  <c r="U152376" i="1"/>
  <c r="U152375" i="1"/>
  <c r="U152374" i="1"/>
  <c r="U152373" i="1"/>
  <c r="U152372" i="1"/>
  <c r="U152371" i="1"/>
  <c r="U152370" i="1"/>
  <c r="U152369" i="1"/>
  <c r="U152368" i="1"/>
  <c r="U152367" i="1"/>
  <c r="U152366" i="1"/>
  <c r="U152365" i="1"/>
  <c r="U152364" i="1"/>
  <c r="U152363" i="1"/>
  <c r="U152362" i="1"/>
  <c r="U152361" i="1"/>
  <c r="U152360" i="1"/>
  <c r="U152359" i="1"/>
  <c r="U152358" i="1"/>
  <c r="U152357" i="1"/>
  <c r="U152356" i="1"/>
  <c r="U152355" i="1"/>
  <c r="U152354" i="1"/>
  <c r="U152353" i="1"/>
  <c r="U152352" i="1"/>
  <c r="U152351" i="1"/>
  <c r="U152350" i="1"/>
  <c r="U152349" i="1"/>
  <c r="U152348" i="1"/>
  <c r="U152347" i="1"/>
  <c r="U152346" i="1"/>
  <c r="U152345" i="1"/>
  <c r="U152344" i="1"/>
  <c r="U152343" i="1"/>
  <c r="U152342" i="1"/>
  <c r="U152341" i="1"/>
  <c r="U152340" i="1"/>
  <c r="U152339" i="1"/>
  <c r="U152338" i="1"/>
  <c r="U152337" i="1"/>
  <c r="U152336" i="1"/>
  <c r="U152335" i="1"/>
  <c r="U152334" i="1"/>
  <c r="U152333" i="1"/>
  <c r="U152332" i="1"/>
  <c r="U152331" i="1"/>
  <c r="U152330" i="1"/>
  <c r="U152329" i="1"/>
  <c r="U152328" i="1"/>
  <c r="U152327" i="1"/>
  <c r="U152326" i="1"/>
  <c r="U152325" i="1"/>
  <c r="U152324" i="1"/>
  <c r="U152323" i="1"/>
  <c r="U152322" i="1"/>
  <c r="U152321" i="1"/>
  <c r="U152320" i="1"/>
  <c r="U152319" i="1"/>
  <c r="U152318" i="1"/>
  <c r="U152317" i="1"/>
  <c r="U152316" i="1"/>
  <c r="U152315" i="1"/>
  <c r="U152314" i="1"/>
  <c r="U152313" i="1"/>
  <c r="U152312" i="1"/>
  <c r="U152311" i="1"/>
  <c r="U152310" i="1"/>
  <c r="U152309" i="1"/>
  <c r="U152308" i="1"/>
  <c r="U152307" i="1"/>
  <c r="U152306" i="1"/>
  <c r="U152305" i="1"/>
  <c r="U152304" i="1"/>
  <c r="U152303" i="1"/>
  <c r="U152302" i="1"/>
  <c r="U152301" i="1"/>
  <c r="U152300" i="1"/>
  <c r="U152299" i="1"/>
  <c r="U152298" i="1"/>
  <c r="U152297" i="1"/>
  <c r="U152296" i="1"/>
  <c r="U152295" i="1"/>
  <c r="U152294" i="1"/>
  <c r="U152293" i="1"/>
  <c r="U152292" i="1"/>
  <c r="U152291" i="1"/>
  <c r="U152290" i="1"/>
  <c r="U152289" i="1"/>
  <c r="U152288" i="1"/>
  <c r="U152287" i="1"/>
  <c r="U152286" i="1"/>
  <c r="U152285" i="1"/>
  <c r="U152284" i="1"/>
  <c r="U152283" i="1"/>
  <c r="U152282" i="1"/>
  <c r="U152281" i="1"/>
  <c r="U152280" i="1"/>
  <c r="U152279" i="1"/>
  <c r="U152278" i="1"/>
  <c r="U152277" i="1"/>
  <c r="U152276" i="1"/>
  <c r="U152275" i="1"/>
  <c r="U152274" i="1"/>
  <c r="U152273" i="1"/>
  <c r="U152272" i="1"/>
  <c r="U152271" i="1"/>
  <c r="U152270" i="1"/>
  <c r="U152269" i="1"/>
  <c r="U152268" i="1"/>
  <c r="U152267" i="1"/>
  <c r="U152266" i="1"/>
  <c r="U152265" i="1"/>
  <c r="U152264" i="1"/>
  <c r="U152263" i="1"/>
  <c r="U152262" i="1"/>
  <c r="U152261" i="1"/>
  <c r="U152260" i="1"/>
  <c r="U152259" i="1"/>
  <c r="U152258" i="1"/>
  <c r="U152257" i="1"/>
  <c r="U152256" i="1"/>
  <c r="U152255" i="1"/>
  <c r="U152254" i="1"/>
  <c r="U152253" i="1"/>
  <c r="U152252" i="1"/>
  <c r="U152251" i="1"/>
  <c r="U152250" i="1"/>
  <c r="U152249" i="1"/>
  <c r="U152248" i="1"/>
  <c r="U152247" i="1"/>
  <c r="U152246" i="1"/>
  <c r="U152245" i="1"/>
  <c r="U152244" i="1"/>
  <c r="U152243" i="1"/>
  <c r="U152242" i="1"/>
  <c r="U152241" i="1"/>
  <c r="U152240" i="1"/>
  <c r="U152239" i="1"/>
  <c r="U152238" i="1"/>
  <c r="U152237" i="1"/>
  <c r="U152236" i="1"/>
  <c r="U152235" i="1"/>
  <c r="U152234" i="1"/>
  <c r="U152233" i="1"/>
  <c r="U152232" i="1"/>
  <c r="U152231" i="1"/>
  <c r="U152230" i="1"/>
  <c r="U152229" i="1"/>
  <c r="U152228" i="1"/>
  <c r="U152227" i="1"/>
  <c r="U152226" i="1"/>
  <c r="U152225" i="1"/>
  <c r="U152224" i="1"/>
  <c r="U152223" i="1"/>
  <c r="U152222" i="1"/>
  <c r="U152221" i="1"/>
  <c r="U152220" i="1"/>
  <c r="U152219" i="1"/>
  <c r="U152218" i="1"/>
  <c r="U152217" i="1"/>
  <c r="U152216" i="1"/>
  <c r="U152215" i="1"/>
  <c r="U152214" i="1"/>
  <c r="U152213" i="1"/>
  <c r="U152212" i="1"/>
  <c r="U152211" i="1"/>
  <c r="U152210" i="1"/>
  <c r="U152209" i="1"/>
  <c r="U152208" i="1"/>
  <c r="U152207" i="1"/>
  <c r="U152206" i="1"/>
  <c r="U152205" i="1"/>
  <c r="U152204" i="1"/>
  <c r="U152203" i="1"/>
  <c r="U152202" i="1"/>
  <c r="U152201" i="1"/>
  <c r="U152200" i="1"/>
  <c r="U152199" i="1"/>
  <c r="U152198" i="1"/>
  <c r="U152197" i="1"/>
  <c r="U152196" i="1"/>
  <c r="U152195" i="1"/>
  <c r="U152194" i="1"/>
  <c r="U152193" i="1"/>
  <c r="U152192" i="1"/>
  <c r="U152191" i="1"/>
  <c r="U152190" i="1"/>
  <c r="U152189" i="1"/>
  <c r="U152188" i="1"/>
  <c r="U152187" i="1"/>
  <c r="U152186" i="1"/>
  <c r="U152185" i="1"/>
  <c r="U152184" i="1"/>
  <c r="U152183" i="1"/>
  <c r="U152182" i="1"/>
  <c r="U152181" i="1"/>
  <c r="U152180" i="1"/>
  <c r="U152179" i="1"/>
  <c r="U152178" i="1"/>
  <c r="U152177" i="1"/>
  <c r="U152176" i="1"/>
  <c r="U152175" i="1"/>
  <c r="U152174" i="1"/>
  <c r="U152173" i="1"/>
  <c r="U152172" i="1"/>
  <c r="U152171" i="1"/>
  <c r="U152170" i="1"/>
  <c r="U152169" i="1"/>
  <c r="U152168" i="1"/>
  <c r="U152167" i="1"/>
  <c r="U152166" i="1"/>
  <c r="U152165" i="1"/>
  <c r="U152164" i="1"/>
  <c r="U152163" i="1"/>
  <c r="U152162" i="1"/>
  <c r="U152161" i="1"/>
  <c r="U152160" i="1"/>
  <c r="U152159" i="1"/>
  <c r="U152158" i="1"/>
  <c r="U152157" i="1"/>
  <c r="U152156" i="1"/>
  <c r="U152155" i="1"/>
  <c r="U152154" i="1"/>
  <c r="U152153" i="1"/>
  <c r="U152152" i="1"/>
  <c r="U152151" i="1"/>
  <c r="U152150" i="1"/>
  <c r="U152149" i="1"/>
  <c r="U152148" i="1"/>
  <c r="U152147" i="1"/>
  <c r="U152146" i="1"/>
  <c r="U152145" i="1"/>
  <c r="U152144" i="1"/>
  <c r="U152143" i="1"/>
  <c r="U152142" i="1"/>
  <c r="U152141" i="1"/>
  <c r="U152140" i="1"/>
  <c r="U152139" i="1"/>
  <c r="U152138" i="1"/>
  <c r="U152137" i="1"/>
  <c r="U152136" i="1"/>
  <c r="U152135" i="1"/>
  <c r="U152134" i="1"/>
  <c r="U152133" i="1"/>
  <c r="U152132" i="1"/>
  <c r="U152131" i="1"/>
  <c r="U152130" i="1"/>
  <c r="U152129" i="1"/>
  <c r="U152128" i="1"/>
  <c r="U152127" i="1"/>
  <c r="U152126" i="1"/>
  <c r="U152125" i="1"/>
  <c r="U152124" i="1"/>
  <c r="U152123" i="1"/>
  <c r="U152122" i="1"/>
  <c r="U152121" i="1"/>
  <c r="U152120" i="1"/>
  <c r="U152119" i="1"/>
  <c r="U152118" i="1"/>
  <c r="U152117" i="1"/>
  <c r="U152116" i="1"/>
  <c r="U152115" i="1"/>
  <c r="U152114" i="1"/>
  <c r="U152113" i="1"/>
  <c r="U152112" i="1"/>
  <c r="U152111" i="1"/>
  <c r="U152110" i="1"/>
  <c r="U152109" i="1"/>
  <c r="U152108" i="1"/>
  <c r="U152107" i="1"/>
  <c r="U152106" i="1"/>
  <c r="U152105" i="1"/>
  <c r="U152104" i="1"/>
  <c r="U152103" i="1"/>
  <c r="U152102" i="1"/>
  <c r="U152101" i="1"/>
  <c r="U152100" i="1"/>
  <c r="U152099" i="1"/>
  <c r="U152098" i="1"/>
  <c r="U152097" i="1"/>
  <c r="U152096" i="1"/>
  <c r="U152095" i="1"/>
  <c r="U152094" i="1"/>
  <c r="U152093" i="1"/>
  <c r="U152092" i="1"/>
  <c r="U152091" i="1"/>
  <c r="U152090" i="1"/>
  <c r="U152089" i="1"/>
  <c r="U152088" i="1"/>
  <c r="U152087" i="1"/>
  <c r="U152086" i="1"/>
  <c r="U152085" i="1"/>
  <c r="U152084" i="1"/>
  <c r="U152083" i="1"/>
  <c r="U152082" i="1"/>
  <c r="U152081" i="1"/>
  <c r="U152080" i="1"/>
  <c r="U152079" i="1"/>
  <c r="U152078" i="1"/>
  <c r="U152077" i="1"/>
  <c r="U152076" i="1"/>
  <c r="U152075" i="1"/>
  <c r="U152074" i="1"/>
  <c r="U152073" i="1"/>
  <c r="U152072" i="1"/>
  <c r="U152071" i="1"/>
  <c r="U152070" i="1"/>
  <c r="U152069" i="1"/>
  <c r="U152068" i="1"/>
  <c r="U152067" i="1"/>
  <c r="U152066" i="1"/>
  <c r="U152065" i="1"/>
  <c r="U152064" i="1"/>
  <c r="U152063" i="1"/>
  <c r="U152062" i="1"/>
  <c r="U152061" i="1"/>
  <c r="U152060" i="1"/>
  <c r="U152059" i="1"/>
  <c r="U152058" i="1"/>
  <c r="U152057" i="1"/>
  <c r="U152056" i="1"/>
  <c r="U152055" i="1"/>
  <c r="U152054" i="1"/>
  <c r="U152053" i="1"/>
  <c r="U152052" i="1"/>
  <c r="U152051" i="1"/>
  <c r="U152050" i="1"/>
  <c r="U152049" i="1"/>
  <c r="U152048" i="1"/>
  <c r="U152047" i="1"/>
  <c r="U152046" i="1"/>
  <c r="U152045" i="1"/>
  <c r="U152044" i="1"/>
  <c r="U152043" i="1"/>
  <c r="U152042" i="1"/>
  <c r="U152041" i="1"/>
  <c r="U152040" i="1"/>
  <c r="U152039" i="1"/>
  <c r="U152038" i="1"/>
  <c r="U152037" i="1"/>
  <c r="U152036" i="1"/>
  <c r="U152035" i="1"/>
  <c r="U152034" i="1"/>
  <c r="U152033" i="1"/>
  <c r="U152032" i="1"/>
  <c r="U152031" i="1"/>
  <c r="U152030" i="1"/>
  <c r="U152029" i="1"/>
  <c r="U152028" i="1"/>
  <c r="U152027" i="1"/>
  <c r="U152026" i="1"/>
  <c r="U152025" i="1"/>
  <c r="U152024" i="1"/>
  <c r="U152023" i="1"/>
  <c r="U152022" i="1"/>
  <c r="U152021" i="1"/>
  <c r="U152020" i="1"/>
  <c r="U152019" i="1"/>
  <c r="U152018" i="1"/>
  <c r="U152017" i="1"/>
  <c r="U152016" i="1"/>
  <c r="U152015" i="1"/>
  <c r="U152014" i="1"/>
  <c r="U152013" i="1"/>
  <c r="U152012" i="1"/>
  <c r="U152011" i="1"/>
  <c r="U152010" i="1"/>
  <c r="U152009" i="1"/>
  <c r="U152008" i="1"/>
  <c r="U152007" i="1"/>
  <c r="U152006" i="1"/>
  <c r="U152005" i="1"/>
  <c r="U152004" i="1"/>
  <c r="U152003" i="1"/>
  <c r="U152002" i="1"/>
  <c r="U152001" i="1"/>
  <c r="U152000" i="1"/>
  <c r="U151999" i="1"/>
  <c r="U151998" i="1"/>
  <c r="U151997" i="1"/>
  <c r="U151996" i="1"/>
  <c r="U151995" i="1"/>
  <c r="U151994" i="1"/>
  <c r="U151993" i="1"/>
  <c r="U151992" i="1"/>
  <c r="U151991" i="1"/>
  <c r="U151990" i="1"/>
  <c r="U151989" i="1"/>
  <c r="U151988" i="1"/>
  <c r="U151987" i="1"/>
  <c r="U151986" i="1"/>
  <c r="U151985" i="1"/>
  <c r="U151984" i="1"/>
  <c r="U151983" i="1"/>
  <c r="U151982" i="1"/>
  <c r="U151981" i="1"/>
  <c r="U151980" i="1"/>
  <c r="U151979" i="1"/>
  <c r="U151978" i="1"/>
  <c r="U151977" i="1"/>
  <c r="U151976" i="1"/>
  <c r="U151975" i="1"/>
  <c r="U151974" i="1"/>
  <c r="U151973" i="1"/>
  <c r="U151972" i="1"/>
  <c r="U151971" i="1"/>
  <c r="U151970" i="1"/>
  <c r="U151969" i="1"/>
  <c r="U151968" i="1"/>
  <c r="U151967" i="1"/>
  <c r="U151966" i="1"/>
  <c r="U151965" i="1"/>
  <c r="U151964" i="1"/>
  <c r="U151963" i="1"/>
  <c r="U151962" i="1"/>
  <c r="U151961" i="1"/>
  <c r="U151960" i="1"/>
  <c r="U151959" i="1"/>
  <c r="U151958" i="1"/>
  <c r="U151957" i="1"/>
  <c r="U151956" i="1"/>
  <c r="U151955" i="1"/>
  <c r="U151954" i="1"/>
  <c r="U151953" i="1"/>
  <c r="U151952" i="1"/>
  <c r="U151951" i="1"/>
  <c r="U151950" i="1"/>
  <c r="U151949" i="1"/>
  <c r="U151948" i="1"/>
  <c r="U151947" i="1"/>
  <c r="U151946" i="1"/>
  <c r="U151945" i="1"/>
  <c r="U151944" i="1"/>
  <c r="U151943" i="1"/>
  <c r="U151942" i="1"/>
  <c r="U151941" i="1"/>
  <c r="U151940" i="1"/>
  <c r="U151939" i="1"/>
  <c r="U151938" i="1"/>
  <c r="U151937" i="1"/>
  <c r="U151936" i="1"/>
  <c r="U151935" i="1"/>
  <c r="U151934" i="1"/>
  <c r="U151933" i="1"/>
  <c r="U151932" i="1"/>
  <c r="U151931" i="1"/>
  <c r="U151930" i="1"/>
  <c r="U151929" i="1"/>
  <c r="U151928" i="1"/>
  <c r="U151927" i="1"/>
  <c r="U151926" i="1"/>
  <c r="U151925" i="1"/>
  <c r="U151924" i="1"/>
  <c r="U151923" i="1"/>
  <c r="U151922" i="1"/>
  <c r="U151921" i="1"/>
  <c r="U151920" i="1"/>
  <c r="U151919" i="1"/>
  <c r="U151918" i="1"/>
  <c r="U151917" i="1"/>
  <c r="U151916" i="1"/>
  <c r="U151915" i="1"/>
  <c r="U151914" i="1"/>
  <c r="U151913" i="1"/>
  <c r="U151912" i="1"/>
  <c r="U151911" i="1"/>
  <c r="U151910" i="1"/>
  <c r="U151909" i="1"/>
  <c r="U151908" i="1"/>
  <c r="U151907" i="1"/>
  <c r="U151906" i="1"/>
  <c r="U151905" i="1"/>
  <c r="U151904" i="1"/>
  <c r="U151903" i="1"/>
  <c r="U151902" i="1"/>
  <c r="U151901" i="1"/>
  <c r="U151900" i="1"/>
  <c r="U151899" i="1"/>
  <c r="U151898" i="1"/>
  <c r="U151897" i="1"/>
  <c r="U151896" i="1"/>
  <c r="U151895" i="1"/>
  <c r="U151894" i="1"/>
  <c r="U151893" i="1"/>
  <c r="U151892" i="1"/>
  <c r="U151891" i="1"/>
  <c r="U151890" i="1"/>
  <c r="U151889" i="1"/>
  <c r="U151888" i="1"/>
  <c r="U151887" i="1"/>
  <c r="U151886" i="1"/>
  <c r="U151885" i="1"/>
  <c r="U151884" i="1"/>
  <c r="U151883" i="1"/>
  <c r="U151882" i="1"/>
  <c r="U151881" i="1"/>
  <c r="U151880" i="1"/>
  <c r="U151879" i="1"/>
  <c r="U151878" i="1"/>
  <c r="U151877" i="1"/>
  <c r="U151876" i="1"/>
  <c r="U151875" i="1"/>
  <c r="U151874" i="1"/>
  <c r="U151873" i="1"/>
  <c r="U151872" i="1"/>
  <c r="U151871" i="1"/>
  <c r="U151870" i="1"/>
  <c r="U151869" i="1"/>
  <c r="U151868" i="1"/>
  <c r="U151867" i="1"/>
  <c r="U151866" i="1"/>
  <c r="U151865" i="1"/>
  <c r="U151864" i="1"/>
  <c r="U151863" i="1"/>
  <c r="U151862" i="1"/>
  <c r="U151861" i="1"/>
  <c r="U151860" i="1"/>
  <c r="U151859" i="1"/>
  <c r="U151858" i="1"/>
  <c r="U151857" i="1"/>
  <c r="U151856" i="1"/>
  <c r="U151855" i="1"/>
  <c r="U151854" i="1"/>
  <c r="U151853" i="1"/>
  <c r="U151852" i="1"/>
  <c r="U151851" i="1"/>
  <c r="U151850" i="1"/>
  <c r="U151849" i="1"/>
  <c r="U151848" i="1"/>
  <c r="U151847" i="1"/>
  <c r="U151846" i="1"/>
  <c r="U151845" i="1"/>
  <c r="U151844" i="1"/>
  <c r="U151843" i="1"/>
  <c r="U151842" i="1"/>
  <c r="U151841" i="1"/>
  <c r="U151840" i="1"/>
  <c r="U151839" i="1"/>
  <c r="U151838" i="1"/>
  <c r="U151837" i="1"/>
  <c r="U151836" i="1"/>
  <c r="U151835" i="1"/>
  <c r="U151834" i="1"/>
  <c r="U151833" i="1"/>
  <c r="U151832" i="1"/>
  <c r="U151831" i="1"/>
  <c r="U151830" i="1"/>
  <c r="U151829" i="1"/>
  <c r="U151828" i="1"/>
  <c r="U151827" i="1"/>
  <c r="U151826" i="1"/>
  <c r="U151825" i="1"/>
  <c r="U151824" i="1"/>
  <c r="U151823" i="1"/>
  <c r="U151822" i="1"/>
  <c r="U151821" i="1"/>
  <c r="U151820" i="1"/>
  <c r="U151819" i="1"/>
  <c r="U151818" i="1"/>
  <c r="U151817" i="1"/>
  <c r="U151816" i="1"/>
  <c r="U151815" i="1"/>
  <c r="U151814" i="1"/>
  <c r="U151813" i="1"/>
  <c r="U151812" i="1"/>
  <c r="U151811" i="1"/>
  <c r="U151810" i="1"/>
  <c r="U151809" i="1"/>
  <c r="U151808" i="1"/>
  <c r="U151807" i="1"/>
  <c r="U151806" i="1"/>
  <c r="U151805" i="1"/>
  <c r="U151804" i="1"/>
  <c r="U151803" i="1"/>
  <c r="U151802" i="1"/>
  <c r="U151801" i="1"/>
  <c r="U151800" i="1"/>
  <c r="U151799" i="1"/>
  <c r="U151798" i="1"/>
  <c r="U151797" i="1"/>
  <c r="U151796" i="1"/>
  <c r="U151795" i="1"/>
  <c r="U151794" i="1"/>
  <c r="U151793" i="1"/>
  <c r="U151792" i="1"/>
  <c r="U151791" i="1"/>
  <c r="U151790" i="1"/>
  <c r="U151789" i="1"/>
  <c r="U151788" i="1"/>
  <c r="U151787" i="1"/>
  <c r="U151786" i="1"/>
  <c r="U151785" i="1"/>
  <c r="U151784" i="1"/>
  <c r="U151783" i="1"/>
  <c r="U151782" i="1"/>
  <c r="U151781" i="1"/>
  <c r="U151780" i="1"/>
  <c r="U151779" i="1"/>
  <c r="U151778" i="1"/>
  <c r="U151777" i="1"/>
  <c r="U151776" i="1"/>
  <c r="U151775" i="1"/>
  <c r="U151774" i="1"/>
  <c r="U151773" i="1"/>
  <c r="U151772" i="1"/>
  <c r="U151771" i="1"/>
  <c r="U151770" i="1"/>
  <c r="U151769" i="1"/>
  <c r="U151768" i="1"/>
  <c r="U151767" i="1"/>
  <c r="U151766" i="1"/>
  <c r="U151765" i="1"/>
  <c r="U151764" i="1"/>
  <c r="U151763" i="1"/>
  <c r="U151762" i="1"/>
  <c r="U151761" i="1"/>
  <c r="U151760" i="1"/>
  <c r="U151759" i="1"/>
  <c r="U151758" i="1"/>
  <c r="U151757" i="1"/>
  <c r="U151756" i="1"/>
  <c r="U151755" i="1"/>
  <c r="U151754" i="1"/>
  <c r="U151753" i="1"/>
  <c r="U151752" i="1"/>
  <c r="U151751" i="1"/>
  <c r="U151750" i="1"/>
  <c r="U151749" i="1"/>
  <c r="U151748" i="1"/>
  <c r="U151747" i="1"/>
  <c r="U151746" i="1"/>
  <c r="U151745" i="1"/>
  <c r="U151744" i="1"/>
  <c r="U151743" i="1"/>
  <c r="U151742" i="1"/>
  <c r="U151741" i="1"/>
  <c r="U151740" i="1"/>
  <c r="U151739" i="1"/>
  <c r="U151738" i="1"/>
  <c r="U151737" i="1"/>
  <c r="U151736" i="1"/>
  <c r="U151735" i="1"/>
  <c r="U151734" i="1"/>
  <c r="U151733" i="1"/>
  <c r="U151732" i="1"/>
  <c r="U151731" i="1"/>
  <c r="U151730" i="1"/>
  <c r="U151729" i="1"/>
  <c r="U151728" i="1"/>
  <c r="U151727" i="1"/>
  <c r="U151726" i="1"/>
  <c r="U151725" i="1"/>
  <c r="U151724" i="1"/>
  <c r="U151723" i="1"/>
  <c r="U151722" i="1"/>
  <c r="U151721" i="1"/>
  <c r="U151720" i="1"/>
  <c r="U151719" i="1"/>
  <c r="U151718" i="1"/>
  <c r="U151717" i="1"/>
  <c r="U151716" i="1"/>
  <c r="U151715" i="1"/>
  <c r="U151714" i="1"/>
  <c r="U151713" i="1"/>
  <c r="U151712" i="1"/>
  <c r="U151711" i="1"/>
  <c r="U151710" i="1"/>
  <c r="U151709" i="1"/>
  <c r="U151708" i="1"/>
  <c r="U151707" i="1"/>
  <c r="U151706" i="1"/>
  <c r="U151705" i="1"/>
  <c r="U151704" i="1"/>
  <c r="U151703" i="1"/>
  <c r="U151702" i="1"/>
  <c r="U151701" i="1"/>
  <c r="U151700" i="1"/>
  <c r="U151699" i="1"/>
  <c r="U151698" i="1"/>
  <c r="U151697" i="1"/>
  <c r="U151696" i="1"/>
  <c r="U151695" i="1"/>
  <c r="U151694" i="1"/>
  <c r="U151693" i="1"/>
  <c r="U151692" i="1"/>
  <c r="U151691" i="1"/>
  <c r="U151690" i="1"/>
  <c r="U151689" i="1"/>
  <c r="U151688" i="1"/>
  <c r="U151687" i="1"/>
  <c r="U151686" i="1"/>
  <c r="U151685" i="1"/>
  <c r="U151684" i="1"/>
  <c r="U151683" i="1"/>
  <c r="U151682" i="1"/>
  <c r="U151681" i="1"/>
  <c r="U151680" i="1"/>
  <c r="U151679" i="1"/>
  <c r="U151678" i="1"/>
  <c r="U151677" i="1"/>
  <c r="U151676" i="1"/>
  <c r="U151675" i="1"/>
  <c r="U151674" i="1"/>
  <c r="U151673" i="1"/>
  <c r="U151672" i="1"/>
  <c r="U151671" i="1"/>
  <c r="U151670" i="1"/>
  <c r="U151669" i="1"/>
  <c r="U151668" i="1"/>
  <c r="U151667" i="1"/>
  <c r="U151666" i="1"/>
  <c r="U151665" i="1"/>
  <c r="U151664" i="1"/>
  <c r="U151663" i="1"/>
  <c r="U151662" i="1"/>
  <c r="U151661" i="1"/>
  <c r="U151660" i="1"/>
  <c r="U151659" i="1"/>
  <c r="U151658" i="1"/>
  <c r="U151657" i="1"/>
  <c r="U151656" i="1"/>
  <c r="U151655" i="1"/>
  <c r="U151654" i="1"/>
  <c r="U151653" i="1"/>
  <c r="U151652" i="1"/>
  <c r="U151651" i="1"/>
  <c r="U151650" i="1"/>
  <c r="U151649" i="1"/>
  <c r="U151648" i="1"/>
  <c r="U151647" i="1"/>
  <c r="U151646" i="1"/>
  <c r="U151645" i="1"/>
  <c r="U151644" i="1"/>
  <c r="U151643" i="1"/>
  <c r="U151642" i="1"/>
  <c r="U151641" i="1"/>
  <c r="U151640" i="1"/>
  <c r="U151639" i="1"/>
  <c r="U151638" i="1"/>
  <c r="U151637" i="1"/>
  <c r="U151636" i="1"/>
  <c r="U151635" i="1"/>
  <c r="U151634" i="1"/>
  <c r="U151633" i="1"/>
  <c r="U151632" i="1"/>
  <c r="U151631" i="1"/>
  <c r="U151630" i="1"/>
  <c r="U151629" i="1"/>
  <c r="U151628" i="1"/>
  <c r="U151627" i="1"/>
  <c r="U151626" i="1"/>
  <c r="U151625" i="1"/>
  <c r="U151624" i="1"/>
  <c r="U151623" i="1"/>
  <c r="U151622" i="1"/>
  <c r="U151621" i="1"/>
  <c r="U151620" i="1"/>
  <c r="U151619" i="1"/>
  <c r="U151618" i="1"/>
  <c r="U151617" i="1"/>
  <c r="U151616" i="1"/>
  <c r="U151615" i="1"/>
  <c r="U151614" i="1"/>
  <c r="U151613" i="1"/>
  <c r="U151612" i="1"/>
  <c r="U151611" i="1"/>
  <c r="U151610" i="1"/>
  <c r="U151609" i="1"/>
  <c r="U151608" i="1"/>
  <c r="U151607" i="1"/>
  <c r="U151606" i="1"/>
  <c r="U151605" i="1"/>
  <c r="U151604" i="1"/>
  <c r="U151603" i="1"/>
  <c r="U151602" i="1"/>
  <c r="U151601" i="1"/>
  <c r="U151600" i="1"/>
  <c r="U151599" i="1"/>
  <c r="U151598" i="1"/>
  <c r="U151597" i="1"/>
  <c r="U151596" i="1"/>
  <c r="U151595" i="1"/>
  <c r="U151594" i="1"/>
  <c r="U151593" i="1"/>
  <c r="U151592" i="1"/>
  <c r="U151591" i="1"/>
  <c r="U151590" i="1"/>
  <c r="U151589" i="1"/>
  <c r="U151588" i="1"/>
  <c r="U151587" i="1"/>
  <c r="U151586" i="1"/>
  <c r="U151585" i="1"/>
  <c r="U151584" i="1"/>
  <c r="U151583" i="1"/>
  <c r="U151582" i="1"/>
  <c r="U151581" i="1"/>
  <c r="U151580" i="1"/>
  <c r="U151579" i="1"/>
  <c r="U151578" i="1"/>
  <c r="U151577" i="1"/>
  <c r="U151576" i="1"/>
  <c r="U151575" i="1"/>
  <c r="U151574" i="1"/>
  <c r="U151573" i="1"/>
  <c r="U151572" i="1"/>
  <c r="U151571" i="1"/>
  <c r="U151570" i="1"/>
  <c r="U151569" i="1"/>
  <c r="U151568" i="1"/>
  <c r="U151567" i="1"/>
  <c r="U151566" i="1"/>
  <c r="U151565" i="1"/>
  <c r="U151564" i="1"/>
  <c r="U151563" i="1"/>
  <c r="U151562" i="1"/>
  <c r="U151561" i="1"/>
  <c r="U151560" i="1"/>
  <c r="U151559" i="1"/>
  <c r="U151558" i="1"/>
  <c r="U151557" i="1"/>
  <c r="U151556" i="1"/>
  <c r="U151555" i="1"/>
  <c r="U151554" i="1"/>
  <c r="U151553" i="1"/>
  <c r="U151552" i="1"/>
  <c r="U151551" i="1"/>
  <c r="U151550" i="1"/>
  <c r="U151549" i="1"/>
  <c r="U151548" i="1"/>
  <c r="U151547" i="1"/>
  <c r="U151546" i="1"/>
  <c r="U151545" i="1"/>
  <c r="U151544" i="1"/>
  <c r="U151543" i="1"/>
  <c r="U151542" i="1"/>
  <c r="U151541" i="1"/>
  <c r="U151540" i="1"/>
  <c r="U151539" i="1"/>
  <c r="U151538" i="1"/>
  <c r="U151537" i="1"/>
  <c r="U151536" i="1"/>
  <c r="U151535" i="1"/>
  <c r="U151534" i="1"/>
  <c r="U151533" i="1"/>
  <c r="U151532" i="1"/>
  <c r="U151531" i="1"/>
  <c r="U151530" i="1"/>
  <c r="U151529" i="1"/>
  <c r="U151528" i="1"/>
  <c r="U151527" i="1"/>
  <c r="U151526" i="1"/>
  <c r="U151525" i="1"/>
  <c r="U151524" i="1"/>
  <c r="U151523" i="1"/>
  <c r="U151522" i="1"/>
  <c r="U151521" i="1"/>
  <c r="U151520" i="1"/>
  <c r="U151519" i="1"/>
  <c r="U151518" i="1"/>
  <c r="U151517" i="1"/>
  <c r="U151516" i="1"/>
  <c r="U151515" i="1"/>
  <c r="U151514" i="1"/>
  <c r="U151513" i="1"/>
  <c r="U151512" i="1"/>
  <c r="U151511" i="1"/>
  <c r="U151510" i="1"/>
  <c r="U151509" i="1"/>
  <c r="U151508" i="1"/>
  <c r="U151507" i="1"/>
  <c r="U151506" i="1"/>
  <c r="U151505" i="1"/>
  <c r="U151504" i="1"/>
  <c r="U151503" i="1"/>
  <c r="U151502" i="1"/>
  <c r="U151501" i="1"/>
  <c r="U151500" i="1"/>
  <c r="U151499" i="1"/>
  <c r="U151498" i="1"/>
  <c r="U151497" i="1"/>
  <c r="U151496" i="1"/>
  <c r="U151495" i="1"/>
  <c r="U151494" i="1"/>
  <c r="U151493" i="1"/>
  <c r="U151492" i="1"/>
  <c r="U151491" i="1"/>
  <c r="U151490" i="1"/>
  <c r="U151489" i="1"/>
  <c r="U151488" i="1"/>
  <c r="U151487" i="1"/>
  <c r="U151486" i="1"/>
  <c r="U151485" i="1"/>
  <c r="U151484" i="1"/>
  <c r="U151483" i="1"/>
  <c r="U151482" i="1"/>
  <c r="U151481" i="1"/>
  <c r="U151480" i="1"/>
  <c r="U151479" i="1"/>
  <c r="U151478" i="1"/>
  <c r="U151477" i="1"/>
  <c r="U151476" i="1"/>
  <c r="U151475" i="1"/>
  <c r="U151474" i="1"/>
  <c r="U151473" i="1"/>
  <c r="U151472" i="1"/>
  <c r="U151471" i="1"/>
  <c r="U151470" i="1"/>
  <c r="U151469" i="1"/>
  <c r="U151468" i="1"/>
  <c r="U151467" i="1"/>
  <c r="U151466" i="1"/>
  <c r="U151465" i="1"/>
  <c r="U151464" i="1"/>
  <c r="U151463" i="1"/>
  <c r="U151462" i="1"/>
  <c r="U151461" i="1"/>
  <c r="U151460" i="1"/>
  <c r="U151459" i="1"/>
  <c r="U151458" i="1"/>
  <c r="U151457" i="1"/>
  <c r="U151456" i="1"/>
  <c r="U151455" i="1"/>
  <c r="U151454" i="1"/>
  <c r="U151453" i="1"/>
  <c r="U151452" i="1"/>
  <c r="U151451" i="1"/>
  <c r="U151450" i="1"/>
  <c r="U151449" i="1"/>
  <c r="U151448" i="1"/>
  <c r="U151447" i="1"/>
  <c r="U151446" i="1"/>
  <c r="U151445" i="1"/>
  <c r="U151444" i="1"/>
  <c r="U151443" i="1"/>
  <c r="U151442" i="1"/>
  <c r="U151441" i="1"/>
  <c r="U151440" i="1"/>
  <c r="U151439" i="1"/>
  <c r="U151438" i="1"/>
  <c r="U151437" i="1"/>
  <c r="U151436" i="1"/>
  <c r="U151435" i="1"/>
  <c r="U151434" i="1"/>
  <c r="U151433" i="1"/>
  <c r="U151432" i="1"/>
  <c r="U151431" i="1"/>
  <c r="U151430" i="1"/>
  <c r="U151429" i="1"/>
  <c r="U151428" i="1"/>
  <c r="U151427" i="1"/>
  <c r="U151426" i="1"/>
  <c r="U151425" i="1"/>
  <c r="U151424" i="1"/>
  <c r="U151423" i="1"/>
  <c r="U151422" i="1"/>
  <c r="U151421" i="1"/>
  <c r="U151420" i="1"/>
  <c r="U151419" i="1"/>
  <c r="U151418" i="1"/>
  <c r="U151417" i="1"/>
  <c r="U151416" i="1"/>
  <c r="U151415" i="1"/>
  <c r="U151414" i="1"/>
  <c r="U151413" i="1"/>
  <c r="U151412" i="1"/>
  <c r="U151411" i="1"/>
  <c r="U151410" i="1"/>
  <c r="U151409" i="1"/>
  <c r="U151408" i="1"/>
  <c r="U151407" i="1"/>
  <c r="U151406" i="1"/>
  <c r="U151405" i="1"/>
  <c r="U151404" i="1"/>
  <c r="U151403" i="1"/>
  <c r="U151402" i="1"/>
  <c r="U151401" i="1"/>
  <c r="U151400" i="1"/>
  <c r="U151399" i="1"/>
  <c r="U151398" i="1"/>
  <c r="U151397" i="1"/>
  <c r="U151396" i="1"/>
  <c r="U151395" i="1"/>
  <c r="U151394" i="1"/>
  <c r="U151393" i="1"/>
  <c r="U151392" i="1"/>
  <c r="U151391" i="1"/>
  <c r="U151390" i="1"/>
  <c r="U151389" i="1"/>
  <c r="U151388" i="1"/>
  <c r="U151387" i="1"/>
  <c r="U151386" i="1"/>
  <c r="U151385" i="1"/>
  <c r="U151384" i="1"/>
  <c r="U151383" i="1"/>
  <c r="U151382" i="1"/>
  <c r="U151381" i="1"/>
  <c r="U151380" i="1"/>
  <c r="U151379" i="1"/>
  <c r="U151378" i="1"/>
  <c r="U151377" i="1"/>
  <c r="U151376" i="1"/>
  <c r="U151375" i="1"/>
  <c r="U151374" i="1"/>
  <c r="U151373" i="1"/>
  <c r="U151372" i="1"/>
  <c r="U151371" i="1"/>
  <c r="U151370" i="1"/>
  <c r="U151369" i="1"/>
  <c r="U151368" i="1"/>
  <c r="U151367" i="1"/>
  <c r="U151366" i="1"/>
  <c r="U151365" i="1"/>
  <c r="U151364" i="1"/>
  <c r="U151363" i="1"/>
  <c r="U151362" i="1"/>
  <c r="U151361" i="1"/>
  <c r="U151360" i="1"/>
  <c r="U151359" i="1"/>
  <c r="U151358" i="1"/>
  <c r="U151357" i="1"/>
  <c r="U151356" i="1"/>
  <c r="U151355" i="1"/>
  <c r="U151354" i="1"/>
  <c r="U151353" i="1"/>
  <c r="U151352" i="1"/>
  <c r="U151351" i="1"/>
  <c r="U151350" i="1"/>
  <c r="U151349" i="1"/>
  <c r="U151348" i="1"/>
  <c r="U151347" i="1"/>
  <c r="U151346" i="1"/>
  <c r="U151345" i="1"/>
  <c r="U151344" i="1"/>
  <c r="U151343" i="1"/>
  <c r="U151342" i="1"/>
  <c r="U151341" i="1"/>
  <c r="U151340" i="1"/>
  <c r="U151339" i="1"/>
  <c r="U151338" i="1"/>
  <c r="U151337" i="1"/>
  <c r="U151336" i="1"/>
  <c r="U151335" i="1"/>
  <c r="U151334" i="1"/>
  <c r="U151333" i="1"/>
  <c r="U151332" i="1"/>
  <c r="U151331" i="1"/>
  <c r="U151330" i="1"/>
  <c r="U151329" i="1"/>
  <c r="U151328" i="1"/>
  <c r="U151327" i="1"/>
  <c r="U151326" i="1"/>
  <c r="U151325" i="1"/>
  <c r="U151324" i="1"/>
  <c r="U151323" i="1"/>
  <c r="U151322" i="1"/>
  <c r="U151321" i="1"/>
  <c r="U151320" i="1"/>
  <c r="U151319" i="1"/>
  <c r="U151318" i="1"/>
  <c r="U151317" i="1"/>
  <c r="U151316" i="1"/>
  <c r="U151315" i="1"/>
  <c r="U151314" i="1"/>
  <c r="U151313" i="1"/>
  <c r="U151312" i="1"/>
  <c r="U151311" i="1"/>
  <c r="U151310" i="1"/>
  <c r="U151309" i="1"/>
  <c r="U151308" i="1"/>
  <c r="U151307" i="1"/>
  <c r="U151306" i="1"/>
  <c r="U151305" i="1"/>
  <c r="U151304" i="1"/>
  <c r="U151303" i="1"/>
  <c r="U151302" i="1"/>
  <c r="U151301" i="1"/>
  <c r="U151300" i="1"/>
  <c r="U151299" i="1"/>
  <c r="U151298" i="1"/>
  <c r="U151297" i="1"/>
  <c r="U151296" i="1"/>
  <c r="U151295" i="1"/>
  <c r="U151294" i="1"/>
  <c r="U151293" i="1"/>
  <c r="U151292" i="1"/>
  <c r="U151291" i="1"/>
  <c r="U151290" i="1"/>
  <c r="U151289" i="1"/>
  <c r="U151288" i="1"/>
  <c r="U151287" i="1"/>
  <c r="U151286" i="1"/>
  <c r="U151285" i="1"/>
  <c r="U151284" i="1"/>
  <c r="U151283" i="1"/>
  <c r="U151282" i="1"/>
  <c r="U151281" i="1"/>
  <c r="U151280" i="1"/>
  <c r="U151279" i="1"/>
  <c r="U151278" i="1"/>
  <c r="U151277" i="1"/>
  <c r="U151276" i="1"/>
  <c r="U151275" i="1"/>
  <c r="U151274" i="1"/>
  <c r="U151273" i="1"/>
  <c r="U151272" i="1"/>
  <c r="U151271" i="1"/>
  <c r="U151270" i="1"/>
  <c r="U151269" i="1"/>
  <c r="U151268" i="1"/>
  <c r="U151267" i="1"/>
  <c r="U151266" i="1"/>
  <c r="U151265" i="1"/>
  <c r="U151264" i="1"/>
  <c r="U151263" i="1"/>
  <c r="U151262" i="1"/>
  <c r="U151261" i="1"/>
  <c r="U151260" i="1"/>
  <c r="U151259" i="1"/>
  <c r="U151258" i="1"/>
  <c r="U151257" i="1"/>
  <c r="U151256" i="1"/>
  <c r="U151255" i="1"/>
  <c r="U151254" i="1"/>
  <c r="U151253" i="1"/>
  <c r="U151252" i="1"/>
  <c r="U151251" i="1"/>
  <c r="U151250" i="1"/>
  <c r="U151249" i="1"/>
  <c r="U151248" i="1"/>
  <c r="U151247" i="1"/>
  <c r="U151246" i="1"/>
  <c r="U151245" i="1"/>
  <c r="U151244" i="1"/>
  <c r="U151243" i="1"/>
  <c r="U151242" i="1"/>
  <c r="U151241" i="1"/>
  <c r="U151240" i="1"/>
  <c r="U151239" i="1"/>
  <c r="U151238" i="1"/>
  <c r="U151237" i="1"/>
  <c r="U151236" i="1"/>
  <c r="U151235" i="1"/>
  <c r="U151234" i="1"/>
  <c r="U151233" i="1"/>
  <c r="U151232" i="1"/>
  <c r="U151231" i="1"/>
  <c r="U151230" i="1"/>
  <c r="U151229" i="1"/>
  <c r="U151228" i="1"/>
  <c r="U151227" i="1"/>
  <c r="U151226" i="1"/>
  <c r="U151225" i="1"/>
  <c r="U151224" i="1"/>
  <c r="U151223" i="1"/>
  <c r="U151222" i="1"/>
  <c r="U151221" i="1"/>
  <c r="U151220" i="1"/>
  <c r="U151219" i="1"/>
  <c r="U151218" i="1"/>
  <c r="U151217" i="1"/>
  <c r="U151216" i="1"/>
  <c r="U151215" i="1"/>
  <c r="U151214" i="1"/>
  <c r="U151213" i="1"/>
  <c r="U151212" i="1"/>
  <c r="U151211" i="1"/>
  <c r="U151210" i="1"/>
  <c r="U151209" i="1"/>
  <c r="U151208" i="1"/>
  <c r="U151207" i="1"/>
  <c r="U151206" i="1"/>
  <c r="U151205" i="1"/>
  <c r="U151204" i="1"/>
  <c r="U151203" i="1"/>
  <c r="U151202" i="1"/>
  <c r="U151201" i="1"/>
  <c r="U151200" i="1"/>
  <c r="U151199" i="1"/>
  <c r="U151198" i="1"/>
  <c r="U151197" i="1"/>
  <c r="U151196" i="1"/>
  <c r="U151195" i="1"/>
  <c r="U151194" i="1"/>
  <c r="U151193" i="1"/>
  <c r="U151192" i="1"/>
  <c r="U151191" i="1"/>
  <c r="U151190" i="1"/>
  <c r="U151189" i="1"/>
  <c r="U151188" i="1"/>
  <c r="U151187" i="1"/>
  <c r="U151186" i="1"/>
  <c r="U151185" i="1"/>
  <c r="U151184" i="1"/>
  <c r="U151183" i="1"/>
  <c r="U151182" i="1"/>
  <c r="U151181" i="1"/>
  <c r="U151180" i="1"/>
  <c r="U151179" i="1"/>
  <c r="U151178" i="1"/>
  <c r="U151177" i="1"/>
  <c r="U151176" i="1"/>
  <c r="U151175" i="1"/>
  <c r="U151174" i="1"/>
  <c r="U151173" i="1"/>
  <c r="U151172" i="1"/>
  <c r="U151171" i="1"/>
  <c r="U151170" i="1"/>
  <c r="U151169" i="1"/>
  <c r="U151168" i="1"/>
  <c r="U151167" i="1"/>
  <c r="U151166" i="1"/>
  <c r="U151165" i="1"/>
  <c r="U151164" i="1"/>
  <c r="U151163" i="1"/>
  <c r="U151162" i="1"/>
  <c r="U151161" i="1"/>
  <c r="U151160" i="1"/>
  <c r="U151159" i="1"/>
  <c r="U151158" i="1"/>
  <c r="U151157" i="1"/>
  <c r="U151156" i="1"/>
  <c r="U151155" i="1"/>
  <c r="U151154" i="1"/>
  <c r="U151153" i="1"/>
  <c r="U151152" i="1"/>
  <c r="U151151" i="1"/>
  <c r="U151150" i="1"/>
  <c r="U151149" i="1"/>
  <c r="U151148" i="1"/>
  <c r="U151147" i="1"/>
  <c r="U151146" i="1"/>
  <c r="U151145" i="1"/>
  <c r="U151144" i="1"/>
  <c r="U151143" i="1"/>
  <c r="U151142" i="1"/>
  <c r="U151141" i="1"/>
  <c r="U151140" i="1"/>
  <c r="U151139" i="1"/>
  <c r="U151138" i="1"/>
  <c r="U151137" i="1"/>
  <c r="U151136" i="1"/>
  <c r="U151135" i="1"/>
  <c r="U151134" i="1"/>
  <c r="U151133" i="1"/>
  <c r="U151132" i="1"/>
  <c r="U151131" i="1"/>
  <c r="U151130" i="1"/>
  <c r="U151129" i="1"/>
  <c r="U151128" i="1"/>
  <c r="U151127" i="1"/>
  <c r="U151126" i="1"/>
  <c r="U151125" i="1"/>
  <c r="U151124" i="1"/>
  <c r="U151123" i="1"/>
  <c r="U151122" i="1"/>
  <c r="U151121" i="1"/>
  <c r="U151120" i="1"/>
  <c r="U151119" i="1"/>
  <c r="U151118" i="1"/>
  <c r="U151117" i="1"/>
  <c r="U151116" i="1"/>
  <c r="U151115" i="1"/>
  <c r="U151114" i="1"/>
  <c r="U151113" i="1"/>
  <c r="U151112" i="1"/>
  <c r="U151111" i="1"/>
  <c r="U151110" i="1"/>
  <c r="U151109" i="1"/>
  <c r="U151108" i="1"/>
  <c r="U151107" i="1"/>
  <c r="U151106" i="1"/>
  <c r="U151105" i="1"/>
  <c r="U151104" i="1"/>
  <c r="U151103" i="1"/>
  <c r="U151102" i="1"/>
  <c r="U151101" i="1"/>
  <c r="U151100" i="1"/>
  <c r="U151099" i="1"/>
  <c r="U151098" i="1"/>
  <c r="U151097" i="1"/>
  <c r="U151096" i="1"/>
  <c r="U151095" i="1"/>
  <c r="U151094" i="1"/>
  <c r="U151093" i="1"/>
  <c r="U151092" i="1"/>
  <c r="U151091" i="1"/>
  <c r="U151090" i="1"/>
  <c r="U151089" i="1"/>
  <c r="U151088" i="1"/>
  <c r="U151087" i="1"/>
  <c r="U151086" i="1"/>
  <c r="U151085" i="1"/>
  <c r="U151084" i="1"/>
  <c r="U151083" i="1"/>
  <c r="U151082" i="1"/>
  <c r="U151081" i="1"/>
  <c r="U151080" i="1"/>
  <c r="U151079" i="1"/>
  <c r="U151078" i="1"/>
  <c r="U151077" i="1"/>
  <c r="U151076" i="1"/>
  <c r="U151075" i="1"/>
  <c r="U151074" i="1"/>
  <c r="U151073" i="1"/>
  <c r="U151072" i="1"/>
  <c r="U151071" i="1"/>
  <c r="U151070" i="1"/>
  <c r="U151069" i="1"/>
  <c r="U151068" i="1"/>
  <c r="U151067" i="1"/>
  <c r="U151066" i="1"/>
  <c r="U151065" i="1"/>
  <c r="U151064" i="1"/>
  <c r="U151063" i="1"/>
  <c r="U151062" i="1"/>
  <c r="U151061" i="1"/>
  <c r="U151060" i="1"/>
  <c r="U151059" i="1"/>
  <c r="U151058" i="1"/>
  <c r="U151057" i="1"/>
  <c r="U151056" i="1"/>
  <c r="U151055" i="1"/>
  <c r="U151054" i="1"/>
  <c r="U151053" i="1"/>
  <c r="U151052" i="1"/>
  <c r="U151051" i="1"/>
  <c r="U151050" i="1"/>
  <c r="U151049" i="1"/>
  <c r="U151048" i="1"/>
  <c r="U151047" i="1"/>
  <c r="U151046" i="1"/>
  <c r="U151045" i="1"/>
  <c r="U151044" i="1"/>
  <c r="U151043" i="1"/>
  <c r="U151042" i="1"/>
  <c r="U151041" i="1"/>
  <c r="U151040" i="1"/>
  <c r="U151039" i="1"/>
  <c r="U151038" i="1"/>
  <c r="U151037" i="1"/>
  <c r="U151036" i="1"/>
  <c r="U151035" i="1"/>
  <c r="U151034" i="1"/>
  <c r="U151033" i="1"/>
  <c r="U151032" i="1"/>
  <c r="U151031" i="1"/>
  <c r="U151030" i="1"/>
  <c r="U151029" i="1"/>
  <c r="U151028" i="1"/>
  <c r="U151027" i="1"/>
  <c r="U151026" i="1"/>
  <c r="U151025" i="1"/>
  <c r="U151024" i="1"/>
  <c r="U151023" i="1"/>
  <c r="U151022" i="1"/>
  <c r="U151021" i="1"/>
  <c r="U151020" i="1"/>
  <c r="U151019" i="1"/>
  <c r="U151018" i="1"/>
  <c r="U151017" i="1"/>
  <c r="U151016" i="1"/>
  <c r="U151015" i="1"/>
  <c r="U151014" i="1"/>
  <c r="U151013" i="1"/>
  <c r="U151012" i="1"/>
  <c r="U151011" i="1"/>
  <c r="U151010" i="1"/>
  <c r="U151009" i="1"/>
  <c r="U151008" i="1"/>
  <c r="U151007" i="1"/>
  <c r="U151006" i="1"/>
  <c r="U151005" i="1"/>
  <c r="U151004" i="1"/>
  <c r="U151003" i="1"/>
  <c r="U151002" i="1"/>
  <c r="U151001" i="1"/>
  <c r="U151000" i="1"/>
  <c r="U150999" i="1"/>
  <c r="U150998" i="1"/>
  <c r="U150997" i="1"/>
  <c r="U150996" i="1"/>
  <c r="U150995" i="1"/>
  <c r="U150994" i="1"/>
  <c r="U150993" i="1"/>
  <c r="U150992" i="1"/>
  <c r="U150991" i="1"/>
  <c r="U150990" i="1"/>
  <c r="U150989" i="1"/>
  <c r="U150988" i="1"/>
  <c r="U150987" i="1"/>
  <c r="U150986" i="1"/>
  <c r="U150985" i="1"/>
  <c r="U150984" i="1"/>
  <c r="U150983" i="1"/>
  <c r="U150982" i="1"/>
  <c r="U150981" i="1"/>
  <c r="U150980" i="1"/>
  <c r="U150979" i="1"/>
  <c r="U150978" i="1"/>
  <c r="U150977" i="1"/>
  <c r="U150976" i="1"/>
  <c r="U150975" i="1"/>
  <c r="U150974" i="1"/>
  <c r="U150973" i="1"/>
  <c r="U150972" i="1"/>
  <c r="U150971" i="1"/>
  <c r="U150970" i="1"/>
  <c r="U150969" i="1"/>
  <c r="U150968" i="1"/>
  <c r="U150967" i="1"/>
  <c r="U150966" i="1"/>
  <c r="U150965" i="1"/>
  <c r="U150964" i="1"/>
  <c r="U150963" i="1"/>
  <c r="U150962" i="1"/>
  <c r="U150961" i="1"/>
  <c r="U150960" i="1"/>
  <c r="U150959" i="1"/>
  <c r="U150958" i="1"/>
  <c r="U150957" i="1"/>
  <c r="U150956" i="1"/>
  <c r="U150955" i="1"/>
  <c r="U150954" i="1"/>
  <c r="U150953" i="1"/>
  <c r="U150952" i="1"/>
  <c r="U150951" i="1"/>
  <c r="U150950" i="1"/>
  <c r="U150949" i="1"/>
  <c r="U150948" i="1"/>
  <c r="U150947" i="1"/>
  <c r="U150946" i="1"/>
  <c r="U150945" i="1"/>
  <c r="U150944" i="1"/>
  <c r="U150943" i="1"/>
  <c r="U150942" i="1"/>
  <c r="U150941" i="1"/>
  <c r="U150940" i="1"/>
  <c r="U150939" i="1"/>
  <c r="U150938" i="1"/>
  <c r="U150937" i="1"/>
  <c r="U150936" i="1"/>
  <c r="U150935" i="1"/>
  <c r="U150934" i="1"/>
  <c r="U150933" i="1"/>
  <c r="U150932" i="1"/>
  <c r="U150931" i="1"/>
  <c r="U150930" i="1"/>
  <c r="U150929" i="1"/>
  <c r="U150928" i="1"/>
  <c r="U150927" i="1"/>
  <c r="U150926" i="1"/>
  <c r="U150925" i="1"/>
  <c r="U150924" i="1"/>
  <c r="U150923" i="1"/>
  <c r="U150922" i="1"/>
  <c r="U150921" i="1"/>
  <c r="U150920" i="1"/>
  <c r="U150919" i="1"/>
  <c r="U150918" i="1"/>
  <c r="U150917" i="1"/>
  <c r="U150916" i="1"/>
  <c r="U150915" i="1"/>
  <c r="U150914" i="1"/>
  <c r="U150913" i="1"/>
  <c r="U150912" i="1"/>
  <c r="U150911" i="1"/>
  <c r="U150910" i="1"/>
  <c r="U150909" i="1"/>
  <c r="U150908" i="1"/>
  <c r="U150907" i="1"/>
  <c r="U150906" i="1"/>
  <c r="U150905" i="1"/>
  <c r="U150904" i="1"/>
  <c r="U150903" i="1"/>
  <c r="U150902" i="1"/>
  <c r="U150901" i="1"/>
  <c r="U150900" i="1"/>
  <c r="U150899" i="1"/>
  <c r="U150898" i="1"/>
  <c r="U150897" i="1"/>
  <c r="U150896" i="1"/>
  <c r="U150895" i="1"/>
  <c r="U150894" i="1"/>
  <c r="U150893" i="1"/>
  <c r="U150892" i="1"/>
  <c r="U150891" i="1"/>
  <c r="U150890" i="1"/>
  <c r="U150889" i="1"/>
  <c r="U150888" i="1"/>
  <c r="U150887" i="1"/>
  <c r="U150886" i="1"/>
  <c r="U150885" i="1"/>
  <c r="U150884" i="1"/>
  <c r="U150883" i="1"/>
  <c r="U150882" i="1"/>
  <c r="U150881" i="1"/>
  <c r="U150880" i="1"/>
  <c r="U150879" i="1"/>
  <c r="U150878" i="1"/>
  <c r="U150877" i="1"/>
  <c r="U150876" i="1"/>
  <c r="U150875" i="1"/>
  <c r="U150874" i="1"/>
  <c r="U150873" i="1"/>
  <c r="U150872" i="1"/>
  <c r="U150871" i="1"/>
  <c r="U150870" i="1"/>
  <c r="U150869" i="1"/>
  <c r="U150868" i="1"/>
  <c r="U150867" i="1"/>
  <c r="U150866" i="1"/>
  <c r="U150865" i="1"/>
  <c r="U150864" i="1"/>
  <c r="U150863" i="1"/>
  <c r="U150862" i="1"/>
  <c r="U150861" i="1"/>
  <c r="U150860" i="1"/>
  <c r="U150859" i="1"/>
  <c r="U150858" i="1"/>
  <c r="U150857" i="1"/>
  <c r="U150856" i="1"/>
  <c r="U150855" i="1"/>
  <c r="U150854" i="1"/>
  <c r="U150853" i="1"/>
  <c r="U150852" i="1"/>
  <c r="U150851" i="1"/>
  <c r="U150850" i="1"/>
  <c r="U150849" i="1"/>
  <c r="U150848" i="1"/>
  <c r="U150847" i="1"/>
  <c r="U150846" i="1"/>
  <c r="U150845" i="1"/>
  <c r="U150844" i="1"/>
  <c r="U150843" i="1"/>
  <c r="U150842" i="1"/>
  <c r="U150841" i="1"/>
  <c r="U150840" i="1"/>
  <c r="U150839" i="1"/>
  <c r="U150838" i="1"/>
  <c r="U150837" i="1"/>
  <c r="U150836" i="1"/>
  <c r="U150835" i="1"/>
  <c r="U150834" i="1"/>
  <c r="U150833" i="1"/>
  <c r="U150832" i="1"/>
  <c r="U150831" i="1"/>
  <c r="U150830" i="1"/>
  <c r="U150829" i="1"/>
  <c r="U150828" i="1"/>
  <c r="U150827" i="1"/>
  <c r="U150826" i="1"/>
  <c r="U150825" i="1"/>
  <c r="U150824" i="1"/>
  <c r="U150823" i="1"/>
  <c r="U150822" i="1"/>
  <c r="U150821" i="1"/>
  <c r="U150820" i="1"/>
  <c r="U150819" i="1"/>
  <c r="U150818" i="1"/>
  <c r="U150817" i="1"/>
  <c r="U150816" i="1"/>
  <c r="U150815" i="1"/>
  <c r="U150814" i="1"/>
  <c r="U150813" i="1"/>
  <c r="U150812" i="1"/>
  <c r="U150811" i="1"/>
  <c r="U150810" i="1"/>
  <c r="U150809" i="1"/>
  <c r="U150808" i="1"/>
  <c r="U150807" i="1"/>
  <c r="U150806" i="1"/>
  <c r="U150805" i="1"/>
  <c r="U150804" i="1"/>
  <c r="U150803" i="1"/>
  <c r="U150802" i="1"/>
  <c r="U150801" i="1"/>
  <c r="U150800" i="1"/>
  <c r="U150799" i="1"/>
  <c r="U150798" i="1"/>
  <c r="U150797" i="1"/>
  <c r="U150796" i="1"/>
  <c r="U150795" i="1"/>
  <c r="U150794" i="1"/>
  <c r="U150793" i="1"/>
  <c r="U150792" i="1"/>
  <c r="U150791" i="1"/>
  <c r="U150790" i="1"/>
  <c r="U150789" i="1"/>
  <c r="U150788" i="1"/>
  <c r="U150787" i="1"/>
  <c r="U150786" i="1"/>
  <c r="U150785" i="1"/>
  <c r="U150784" i="1"/>
  <c r="U150783" i="1"/>
  <c r="U150782" i="1"/>
  <c r="U150781" i="1"/>
  <c r="U150780" i="1"/>
  <c r="U150779" i="1"/>
  <c r="U150778" i="1"/>
  <c r="U150777" i="1"/>
  <c r="U150776" i="1"/>
  <c r="U150775" i="1"/>
  <c r="U150774" i="1"/>
  <c r="U150773" i="1"/>
  <c r="U150772" i="1"/>
  <c r="U150771" i="1"/>
  <c r="U150770" i="1"/>
  <c r="U150769" i="1"/>
  <c r="U150768" i="1"/>
  <c r="U150767" i="1"/>
  <c r="U150766" i="1"/>
  <c r="U150765" i="1"/>
  <c r="U150764" i="1"/>
  <c r="U150763" i="1"/>
  <c r="U150762" i="1"/>
  <c r="U150761" i="1"/>
  <c r="U150760" i="1"/>
  <c r="U150759" i="1"/>
  <c r="U150758" i="1"/>
  <c r="U150757" i="1"/>
  <c r="U150756" i="1"/>
  <c r="U150755" i="1"/>
  <c r="U150754" i="1"/>
  <c r="U150753" i="1"/>
  <c r="U150752" i="1"/>
  <c r="U150751" i="1"/>
  <c r="U150750" i="1"/>
  <c r="U150749" i="1"/>
  <c r="U150748" i="1"/>
  <c r="U150747" i="1"/>
  <c r="U150746" i="1"/>
  <c r="U150745" i="1"/>
  <c r="U150744" i="1"/>
  <c r="U150743" i="1"/>
  <c r="U150742" i="1"/>
  <c r="U150741" i="1"/>
  <c r="U150740" i="1"/>
  <c r="U150739" i="1"/>
  <c r="U150738" i="1"/>
  <c r="U150737" i="1"/>
  <c r="U150736" i="1"/>
  <c r="U150735" i="1"/>
  <c r="U150734" i="1"/>
  <c r="U150733" i="1"/>
  <c r="U150732" i="1"/>
  <c r="U150731" i="1"/>
  <c r="U150730" i="1"/>
  <c r="U150729" i="1"/>
  <c r="U150728" i="1"/>
  <c r="U150727" i="1"/>
  <c r="U150726" i="1"/>
  <c r="U150725" i="1"/>
  <c r="U150724" i="1"/>
  <c r="U150723" i="1"/>
  <c r="U150722" i="1"/>
  <c r="U150721" i="1"/>
  <c r="U150720" i="1"/>
  <c r="U150719" i="1"/>
  <c r="U150718" i="1"/>
  <c r="U150717" i="1"/>
  <c r="U150716" i="1"/>
  <c r="U150715" i="1"/>
  <c r="U150714" i="1"/>
  <c r="U150713" i="1"/>
  <c r="U150712" i="1"/>
  <c r="U150711" i="1"/>
  <c r="U150710" i="1"/>
  <c r="U150709" i="1"/>
  <c r="U150708" i="1"/>
  <c r="U150707" i="1"/>
  <c r="U150706" i="1"/>
  <c r="U150705" i="1"/>
  <c r="U150704" i="1"/>
  <c r="U150703" i="1"/>
  <c r="U150702" i="1"/>
  <c r="U150701" i="1"/>
  <c r="U150700" i="1"/>
  <c r="U150699" i="1"/>
  <c r="U150698" i="1"/>
  <c r="U150697" i="1"/>
  <c r="U150696" i="1"/>
  <c r="U150695" i="1"/>
  <c r="U150694" i="1"/>
  <c r="U150693" i="1"/>
  <c r="U150692" i="1"/>
  <c r="U150691" i="1"/>
  <c r="U150690" i="1"/>
  <c r="U150689" i="1"/>
  <c r="U150688" i="1"/>
  <c r="U150687" i="1"/>
  <c r="U150686" i="1"/>
  <c r="U150685" i="1"/>
  <c r="U150684" i="1"/>
  <c r="U150683" i="1"/>
  <c r="U150682" i="1"/>
  <c r="U150681" i="1"/>
  <c r="U150680" i="1"/>
  <c r="U150679" i="1"/>
  <c r="U150678" i="1"/>
  <c r="U150677" i="1"/>
  <c r="U150676" i="1"/>
  <c r="U150675" i="1"/>
  <c r="U150674" i="1"/>
  <c r="U150673" i="1"/>
  <c r="U150672" i="1"/>
  <c r="U150671" i="1"/>
  <c r="U150670" i="1"/>
  <c r="U150669" i="1"/>
  <c r="U150668" i="1"/>
  <c r="U150667" i="1"/>
  <c r="U150666" i="1"/>
  <c r="U150665" i="1"/>
  <c r="U150664" i="1"/>
  <c r="U150663" i="1"/>
  <c r="U150662" i="1"/>
  <c r="U150661" i="1"/>
  <c r="U150660" i="1"/>
  <c r="U150659" i="1"/>
  <c r="U150658" i="1"/>
  <c r="U150657" i="1"/>
  <c r="U150656" i="1"/>
  <c r="U150655" i="1"/>
  <c r="U150654" i="1"/>
  <c r="U150653" i="1"/>
  <c r="U150652" i="1"/>
  <c r="U150651" i="1"/>
  <c r="U150650" i="1"/>
  <c r="U150649" i="1"/>
  <c r="U150648" i="1"/>
  <c r="U150647" i="1"/>
  <c r="U150646" i="1"/>
  <c r="U150645" i="1"/>
  <c r="U150644" i="1"/>
  <c r="U150643" i="1"/>
  <c r="U150642" i="1"/>
  <c r="U150641" i="1"/>
  <c r="U150640" i="1"/>
  <c r="U150639" i="1"/>
  <c r="U150638" i="1"/>
  <c r="U150637" i="1"/>
  <c r="U150636" i="1"/>
  <c r="U150635" i="1"/>
  <c r="U150634" i="1"/>
  <c r="U150633" i="1"/>
  <c r="U150632" i="1"/>
  <c r="U150631" i="1"/>
  <c r="U150630" i="1"/>
  <c r="U150629" i="1"/>
  <c r="U150628" i="1"/>
  <c r="U150627" i="1"/>
  <c r="U150626" i="1"/>
  <c r="U150625" i="1"/>
  <c r="U150624" i="1"/>
  <c r="U150623" i="1"/>
  <c r="U150622" i="1"/>
  <c r="U150621" i="1"/>
  <c r="U150620" i="1"/>
  <c r="U150619" i="1"/>
  <c r="U150618" i="1"/>
  <c r="U150617" i="1"/>
  <c r="U150616" i="1"/>
  <c r="U150615" i="1"/>
  <c r="U150614" i="1"/>
  <c r="U150613" i="1"/>
  <c r="U150612" i="1"/>
  <c r="U150611" i="1"/>
  <c r="U150610" i="1"/>
  <c r="U150609" i="1"/>
  <c r="U150608" i="1"/>
  <c r="U150607" i="1"/>
  <c r="U150606" i="1"/>
  <c r="U150605" i="1"/>
  <c r="U150604" i="1"/>
  <c r="U150603" i="1"/>
  <c r="U150602" i="1"/>
  <c r="U150601" i="1"/>
  <c r="U150600" i="1"/>
  <c r="U150599" i="1"/>
  <c r="U150598" i="1"/>
  <c r="U150597" i="1"/>
  <c r="U150596" i="1"/>
  <c r="U150595" i="1"/>
  <c r="U150594" i="1"/>
  <c r="U150593" i="1"/>
  <c r="U150592" i="1"/>
  <c r="U150591" i="1"/>
  <c r="U150590" i="1"/>
  <c r="U150589" i="1"/>
  <c r="U150588" i="1"/>
  <c r="U150587" i="1"/>
  <c r="U150586" i="1"/>
  <c r="U150585" i="1"/>
  <c r="U150584" i="1"/>
  <c r="U150583" i="1"/>
  <c r="U150582" i="1"/>
  <c r="U150581" i="1"/>
  <c r="U150580" i="1"/>
  <c r="U150579" i="1"/>
  <c r="U150578" i="1"/>
  <c r="U150577" i="1"/>
  <c r="U150576" i="1"/>
  <c r="U150575" i="1"/>
  <c r="U150574" i="1"/>
  <c r="U150573" i="1"/>
  <c r="U150572" i="1"/>
  <c r="U150571" i="1"/>
  <c r="U150570" i="1"/>
  <c r="U150569" i="1"/>
  <c r="U150568" i="1"/>
  <c r="U150567" i="1"/>
  <c r="U150566" i="1"/>
  <c r="U150565" i="1"/>
  <c r="U150564" i="1"/>
  <c r="U150563" i="1"/>
  <c r="U150562" i="1"/>
  <c r="U150561" i="1"/>
  <c r="U150560" i="1"/>
  <c r="U150559" i="1"/>
  <c r="U150558" i="1"/>
  <c r="U150557" i="1"/>
  <c r="U150556" i="1"/>
  <c r="U150555" i="1"/>
  <c r="U150554" i="1"/>
  <c r="U150553" i="1"/>
  <c r="U150552" i="1"/>
  <c r="U150551" i="1"/>
  <c r="U150550" i="1"/>
  <c r="U150549" i="1"/>
  <c r="U150548" i="1"/>
  <c r="U150547" i="1"/>
  <c r="U150546" i="1"/>
  <c r="U150545" i="1"/>
  <c r="U150544" i="1"/>
  <c r="U150543" i="1"/>
  <c r="U150542" i="1"/>
  <c r="U150541" i="1"/>
  <c r="U150540" i="1"/>
  <c r="U150539" i="1"/>
  <c r="U150538" i="1"/>
  <c r="U150537" i="1"/>
  <c r="U150536" i="1"/>
  <c r="U150535" i="1"/>
  <c r="U150534" i="1"/>
  <c r="U150533" i="1"/>
  <c r="U150532" i="1"/>
  <c r="U150531" i="1"/>
  <c r="U150530" i="1"/>
  <c r="U150529" i="1"/>
  <c r="U150528" i="1"/>
  <c r="U150527" i="1"/>
  <c r="U150526" i="1"/>
  <c r="U150525" i="1"/>
  <c r="U150524" i="1"/>
  <c r="U150523" i="1"/>
  <c r="U150522" i="1"/>
  <c r="U150521" i="1"/>
  <c r="U150520" i="1"/>
  <c r="U150519" i="1"/>
  <c r="U150518" i="1"/>
  <c r="U150517" i="1"/>
  <c r="U150516" i="1"/>
  <c r="U150515" i="1"/>
  <c r="U150514" i="1"/>
  <c r="U150513" i="1"/>
  <c r="U150512" i="1"/>
  <c r="U150511" i="1"/>
  <c r="U150510" i="1"/>
  <c r="U150509" i="1"/>
  <c r="U150508" i="1"/>
  <c r="U150507" i="1"/>
  <c r="U150506" i="1"/>
  <c r="U150505" i="1"/>
  <c r="U150504" i="1"/>
  <c r="U150503" i="1"/>
  <c r="U150502" i="1"/>
  <c r="U150501" i="1"/>
  <c r="U150500" i="1"/>
  <c r="U150499" i="1"/>
  <c r="U150498" i="1"/>
  <c r="U150497" i="1"/>
  <c r="U150496" i="1"/>
  <c r="U150495" i="1"/>
  <c r="U150494" i="1"/>
  <c r="U150493" i="1"/>
  <c r="U150492" i="1"/>
  <c r="U150491" i="1"/>
  <c r="U150490" i="1"/>
  <c r="U150489" i="1"/>
  <c r="U150488" i="1"/>
  <c r="U150487" i="1"/>
  <c r="U150486" i="1"/>
  <c r="U150485" i="1"/>
  <c r="U150484" i="1"/>
  <c r="U150483" i="1"/>
  <c r="U150482" i="1"/>
  <c r="U150481" i="1"/>
  <c r="U150480" i="1"/>
  <c r="U150479" i="1"/>
  <c r="U150478" i="1"/>
  <c r="U150477" i="1"/>
  <c r="U150476" i="1"/>
  <c r="U150475" i="1"/>
  <c r="U150474" i="1"/>
  <c r="U150473" i="1"/>
  <c r="U150472" i="1"/>
  <c r="U150471" i="1"/>
  <c r="U150470" i="1"/>
  <c r="U150469" i="1"/>
  <c r="U150468" i="1"/>
  <c r="U150467" i="1"/>
  <c r="U150466" i="1"/>
  <c r="U150465" i="1"/>
  <c r="U150464" i="1"/>
  <c r="U150463" i="1"/>
  <c r="U150462" i="1"/>
  <c r="U150461" i="1"/>
  <c r="U150460" i="1"/>
  <c r="U150459" i="1"/>
  <c r="U150458" i="1"/>
  <c r="U150457" i="1"/>
  <c r="U150456" i="1"/>
  <c r="U150455" i="1"/>
  <c r="U150454" i="1"/>
  <c r="U150453" i="1"/>
  <c r="U150452" i="1"/>
  <c r="U150451" i="1"/>
  <c r="U150450" i="1"/>
  <c r="U150449" i="1"/>
  <c r="U150448" i="1"/>
  <c r="U150447" i="1"/>
  <c r="U150446" i="1"/>
  <c r="U150445" i="1"/>
  <c r="U150444" i="1"/>
  <c r="U150443" i="1"/>
  <c r="U150442" i="1"/>
  <c r="U150441" i="1"/>
  <c r="U150440" i="1"/>
  <c r="U150439" i="1"/>
  <c r="U150438" i="1"/>
  <c r="U150437" i="1"/>
  <c r="U150436" i="1"/>
  <c r="U150435" i="1"/>
  <c r="U150434" i="1"/>
  <c r="U150433" i="1"/>
  <c r="U150432" i="1"/>
  <c r="U150431" i="1"/>
  <c r="U150430" i="1"/>
  <c r="U150429" i="1"/>
  <c r="U150428" i="1"/>
  <c r="U150427" i="1"/>
  <c r="U150426" i="1"/>
  <c r="U150425" i="1"/>
  <c r="U150424" i="1"/>
  <c r="U150423" i="1"/>
  <c r="U150422" i="1"/>
  <c r="U150421" i="1"/>
  <c r="U150420" i="1"/>
  <c r="U150419" i="1"/>
  <c r="U150418" i="1"/>
  <c r="U150417" i="1"/>
  <c r="U150416" i="1"/>
  <c r="U150415" i="1"/>
  <c r="U150414" i="1"/>
  <c r="U150413" i="1"/>
  <c r="U150412" i="1"/>
  <c r="U150411" i="1"/>
  <c r="U150410" i="1"/>
  <c r="U150409" i="1"/>
  <c r="U150408" i="1"/>
  <c r="U150407" i="1"/>
  <c r="U150406" i="1"/>
  <c r="U150405" i="1"/>
  <c r="U150404" i="1"/>
  <c r="U150403" i="1"/>
  <c r="U150402" i="1"/>
  <c r="U150401" i="1"/>
  <c r="U150400" i="1"/>
  <c r="U150399" i="1"/>
  <c r="U150398" i="1"/>
  <c r="U150397" i="1"/>
  <c r="U150396" i="1"/>
  <c r="U150395" i="1"/>
  <c r="U150394" i="1"/>
  <c r="U150393" i="1"/>
  <c r="U150392" i="1"/>
  <c r="U150391" i="1"/>
  <c r="U150390" i="1"/>
  <c r="U150389" i="1"/>
  <c r="U150388" i="1"/>
  <c r="U150387" i="1"/>
  <c r="U150386" i="1"/>
  <c r="U150385" i="1"/>
  <c r="U150384" i="1"/>
  <c r="U150383" i="1"/>
  <c r="U150382" i="1"/>
  <c r="U150381" i="1"/>
  <c r="U150380" i="1"/>
  <c r="U150379" i="1"/>
  <c r="U150378" i="1"/>
  <c r="U150377" i="1"/>
  <c r="U150376" i="1"/>
  <c r="U150375" i="1"/>
  <c r="U150374" i="1"/>
  <c r="U150373" i="1"/>
  <c r="U150372" i="1"/>
  <c r="U150371" i="1"/>
  <c r="U150370" i="1"/>
  <c r="U150369" i="1"/>
  <c r="U150368" i="1"/>
  <c r="U150367" i="1"/>
  <c r="U150366" i="1"/>
  <c r="U150365" i="1"/>
  <c r="U150364" i="1"/>
  <c r="U150363" i="1"/>
  <c r="U150362" i="1"/>
  <c r="U150361" i="1"/>
  <c r="U150360" i="1"/>
  <c r="U150359" i="1"/>
  <c r="U150358" i="1"/>
  <c r="U150357" i="1"/>
  <c r="U150356" i="1"/>
  <c r="U150355" i="1"/>
  <c r="U150354" i="1"/>
  <c r="U150353" i="1"/>
  <c r="U150352" i="1"/>
  <c r="U150351" i="1"/>
  <c r="U150350" i="1"/>
  <c r="U150349" i="1"/>
  <c r="U150348" i="1"/>
  <c r="U150347" i="1"/>
  <c r="U150346" i="1"/>
  <c r="U150345" i="1"/>
  <c r="U150344" i="1"/>
  <c r="U150343" i="1"/>
  <c r="U150342" i="1"/>
  <c r="U150341" i="1"/>
  <c r="U150340" i="1"/>
  <c r="U150339" i="1"/>
  <c r="U150338" i="1"/>
  <c r="U150337" i="1"/>
  <c r="U150336" i="1"/>
  <c r="U150335" i="1"/>
  <c r="U150334" i="1"/>
  <c r="U150333" i="1"/>
  <c r="U150332" i="1"/>
  <c r="U150331" i="1"/>
  <c r="U150330" i="1"/>
  <c r="U150329" i="1"/>
  <c r="U150328" i="1"/>
  <c r="U150327" i="1"/>
  <c r="U150326" i="1"/>
  <c r="U150325" i="1"/>
  <c r="U150324" i="1"/>
  <c r="U150323" i="1"/>
  <c r="U150322" i="1"/>
  <c r="U150321" i="1"/>
  <c r="U150320" i="1"/>
  <c r="U150319" i="1"/>
  <c r="U150318" i="1"/>
  <c r="U150317" i="1"/>
  <c r="U150316" i="1"/>
  <c r="U150315" i="1"/>
  <c r="U150314" i="1"/>
  <c r="U150313" i="1"/>
  <c r="U150312" i="1"/>
  <c r="U150311" i="1"/>
  <c r="U150310" i="1"/>
  <c r="U150309" i="1"/>
  <c r="U150308" i="1"/>
  <c r="U150307" i="1"/>
  <c r="U150306" i="1"/>
  <c r="U150305" i="1"/>
  <c r="U150304" i="1"/>
  <c r="U150303" i="1"/>
  <c r="U150302" i="1"/>
  <c r="U150301" i="1"/>
  <c r="U150300" i="1"/>
  <c r="U150299" i="1"/>
  <c r="U150298" i="1"/>
  <c r="U150297" i="1"/>
  <c r="U150296" i="1"/>
  <c r="U150295" i="1"/>
  <c r="U150294" i="1"/>
  <c r="U150293" i="1"/>
  <c r="U150292" i="1"/>
  <c r="U150291" i="1"/>
  <c r="U150290" i="1"/>
  <c r="U150289" i="1"/>
  <c r="U150288" i="1"/>
  <c r="U150287" i="1"/>
  <c r="U150286" i="1"/>
  <c r="U150285" i="1"/>
  <c r="U150284" i="1"/>
  <c r="U150283" i="1"/>
  <c r="U150282" i="1"/>
  <c r="U150281" i="1"/>
  <c r="U150280" i="1"/>
  <c r="U150279" i="1"/>
  <c r="U150278" i="1"/>
  <c r="U150277" i="1"/>
  <c r="U150276" i="1"/>
  <c r="U150275" i="1"/>
  <c r="U150274" i="1"/>
  <c r="U150273" i="1"/>
  <c r="U150272" i="1"/>
  <c r="U150271" i="1"/>
  <c r="U150270" i="1"/>
  <c r="U150269" i="1"/>
  <c r="U150268" i="1"/>
  <c r="U150267" i="1"/>
  <c r="U150266" i="1"/>
  <c r="U150265" i="1"/>
  <c r="U150264" i="1"/>
  <c r="U150263" i="1"/>
  <c r="U150262" i="1"/>
  <c r="U150261" i="1"/>
  <c r="U150260" i="1"/>
  <c r="U150259" i="1"/>
  <c r="U150258" i="1"/>
  <c r="U150257" i="1"/>
  <c r="U150256" i="1"/>
  <c r="U150255" i="1"/>
  <c r="U150254" i="1"/>
  <c r="U150253" i="1"/>
  <c r="U150252" i="1"/>
  <c r="U150251" i="1"/>
  <c r="U150250" i="1"/>
  <c r="U150249" i="1"/>
  <c r="U150248" i="1"/>
  <c r="U150247" i="1"/>
  <c r="U150246" i="1"/>
  <c r="U150245" i="1"/>
  <c r="U150244" i="1"/>
  <c r="U150243" i="1"/>
  <c r="U150242" i="1"/>
  <c r="U150241" i="1"/>
  <c r="U150240" i="1"/>
  <c r="U150239" i="1"/>
  <c r="U150238" i="1"/>
  <c r="U150237" i="1"/>
  <c r="U150236" i="1"/>
  <c r="U150235" i="1"/>
  <c r="U150234" i="1"/>
  <c r="U150233" i="1"/>
  <c r="U150232" i="1"/>
  <c r="U150231" i="1"/>
  <c r="U150230" i="1"/>
  <c r="U150229" i="1"/>
  <c r="U150228" i="1"/>
  <c r="U150227" i="1"/>
  <c r="U150226" i="1"/>
  <c r="U150225" i="1"/>
  <c r="U150224" i="1"/>
  <c r="U150223" i="1"/>
  <c r="U150222" i="1"/>
  <c r="U150221" i="1"/>
  <c r="U150220" i="1"/>
  <c r="U150219" i="1"/>
  <c r="U150218" i="1"/>
  <c r="U150217" i="1"/>
  <c r="U150216" i="1"/>
  <c r="U150215" i="1"/>
  <c r="U150214" i="1"/>
  <c r="U150213" i="1"/>
  <c r="U150212" i="1"/>
  <c r="U150211" i="1"/>
  <c r="U150210" i="1"/>
  <c r="U150209" i="1"/>
  <c r="U150208" i="1"/>
  <c r="U150207" i="1"/>
  <c r="U150206" i="1"/>
  <c r="U150205" i="1"/>
  <c r="U150204" i="1"/>
  <c r="U150203" i="1"/>
  <c r="U150202" i="1"/>
  <c r="U150201" i="1"/>
  <c r="U150200" i="1"/>
  <c r="U150199" i="1"/>
  <c r="U150198" i="1"/>
  <c r="U150197" i="1"/>
  <c r="U150196" i="1"/>
  <c r="U150195" i="1"/>
  <c r="U150194" i="1"/>
  <c r="U150193" i="1"/>
  <c r="U150192" i="1"/>
  <c r="U150191" i="1"/>
  <c r="U150190" i="1"/>
  <c r="U150189" i="1"/>
  <c r="U150188" i="1"/>
  <c r="U150187" i="1"/>
  <c r="U150186" i="1"/>
  <c r="U150185" i="1"/>
  <c r="U150184" i="1"/>
  <c r="U150183" i="1"/>
  <c r="U150182" i="1"/>
  <c r="U150181" i="1"/>
  <c r="U150180" i="1"/>
  <c r="U150179" i="1"/>
  <c r="U150178" i="1"/>
  <c r="U150177" i="1"/>
  <c r="U150176" i="1"/>
  <c r="U150175" i="1"/>
  <c r="U150174" i="1"/>
  <c r="U150173" i="1"/>
  <c r="U150172" i="1"/>
  <c r="U150171" i="1"/>
  <c r="U150170" i="1"/>
  <c r="U150169" i="1"/>
  <c r="U150168" i="1"/>
  <c r="U150167" i="1"/>
  <c r="U150166" i="1"/>
  <c r="U150165" i="1"/>
  <c r="U150164" i="1"/>
  <c r="U150163" i="1"/>
  <c r="U150162" i="1"/>
  <c r="U150161" i="1"/>
  <c r="U150160" i="1"/>
  <c r="U150159" i="1"/>
  <c r="U150158" i="1"/>
  <c r="U150157" i="1"/>
  <c r="U150156" i="1"/>
  <c r="U150155" i="1"/>
  <c r="U150154" i="1"/>
  <c r="U150153" i="1"/>
  <c r="U150152" i="1"/>
  <c r="U150151" i="1"/>
  <c r="U150150" i="1"/>
  <c r="U150149" i="1"/>
  <c r="U150148" i="1"/>
  <c r="U150147" i="1"/>
  <c r="U150146" i="1"/>
  <c r="U150145" i="1"/>
  <c r="U150144" i="1"/>
  <c r="U150143" i="1"/>
  <c r="U150142" i="1"/>
  <c r="U150141" i="1"/>
  <c r="U150140" i="1"/>
  <c r="U150139" i="1"/>
  <c r="U150138" i="1"/>
  <c r="U150137" i="1"/>
  <c r="U150136" i="1"/>
  <c r="U150135" i="1"/>
  <c r="U150134" i="1"/>
  <c r="U150133" i="1"/>
  <c r="U150132" i="1"/>
  <c r="U150131" i="1"/>
  <c r="U150130" i="1"/>
  <c r="U150129" i="1"/>
  <c r="U150128" i="1"/>
  <c r="U150127" i="1"/>
  <c r="U150126" i="1"/>
  <c r="U150125" i="1"/>
  <c r="U150124" i="1"/>
  <c r="U150123" i="1"/>
  <c r="U150122" i="1"/>
  <c r="U150121" i="1"/>
  <c r="U150120" i="1"/>
  <c r="U150119" i="1"/>
  <c r="U150118" i="1"/>
  <c r="U150117" i="1"/>
  <c r="U150116" i="1"/>
  <c r="U150115" i="1"/>
  <c r="U150114" i="1"/>
  <c r="U150113" i="1"/>
  <c r="U150112" i="1"/>
  <c r="U150111" i="1"/>
  <c r="U150110" i="1"/>
  <c r="U150109" i="1"/>
  <c r="U150108" i="1"/>
  <c r="U150107" i="1"/>
  <c r="U150106" i="1"/>
  <c r="U150105" i="1"/>
  <c r="U150104" i="1"/>
  <c r="U150103" i="1"/>
  <c r="U150102" i="1"/>
  <c r="U150101" i="1"/>
  <c r="U150100" i="1"/>
  <c r="U150099" i="1"/>
  <c r="U150098" i="1"/>
  <c r="U150097" i="1"/>
  <c r="U150096" i="1"/>
  <c r="U150095" i="1"/>
  <c r="U150094" i="1"/>
  <c r="U150093" i="1"/>
  <c r="U150092" i="1"/>
  <c r="U150091" i="1"/>
  <c r="U150090" i="1"/>
  <c r="U150089" i="1"/>
  <c r="U150088" i="1"/>
  <c r="U150087" i="1"/>
  <c r="U150086" i="1"/>
  <c r="U150085" i="1"/>
  <c r="U150084" i="1"/>
  <c r="U150083" i="1"/>
  <c r="U150082" i="1"/>
  <c r="U150081" i="1"/>
  <c r="U150080" i="1"/>
  <c r="U150079" i="1"/>
  <c r="U150078" i="1"/>
  <c r="U150077" i="1"/>
  <c r="U150076" i="1"/>
  <c r="U150075" i="1"/>
  <c r="U150074" i="1"/>
  <c r="U150073" i="1"/>
  <c r="U150072" i="1"/>
  <c r="U150071" i="1"/>
  <c r="U150070" i="1"/>
  <c r="U150069" i="1"/>
  <c r="U150068" i="1"/>
  <c r="U150067" i="1"/>
  <c r="U150066" i="1"/>
  <c r="U150065" i="1"/>
  <c r="U150064" i="1"/>
  <c r="U150063" i="1"/>
  <c r="U150062" i="1"/>
  <c r="U150061" i="1"/>
  <c r="U150060" i="1"/>
  <c r="U150059" i="1"/>
  <c r="U150058" i="1"/>
  <c r="U150057" i="1"/>
  <c r="U150056" i="1"/>
  <c r="U150055" i="1"/>
  <c r="U150054" i="1"/>
  <c r="U150053" i="1"/>
  <c r="U150052" i="1"/>
  <c r="U150051" i="1"/>
  <c r="U150050" i="1"/>
  <c r="U150049" i="1"/>
  <c r="U150048" i="1"/>
  <c r="U150047" i="1"/>
  <c r="U150046" i="1"/>
  <c r="U150045" i="1"/>
  <c r="U150044" i="1"/>
  <c r="U150043" i="1"/>
  <c r="U150042" i="1"/>
  <c r="U150041" i="1"/>
  <c r="U150040" i="1"/>
  <c r="U150039" i="1"/>
  <c r="U150038" i="1"/>
  <c r="U150037" i="1"/>
  <c r="U150036" i="1"/>
  <c r="U150035" i="1"/>
  <c r="U150034" i="1"/>
  <c r="U150033" i="1"/>
  <c r="U150032" i="1"/>
  <c r="U150031" i="1"/>
  <c r="U150030" i="1"/>
  <c r="U150029" i="1"/>
  <c r="U150028" i="1"/>
  <c r="U150027" i="1"/>
  <c r="U150026" i="1"/>
  <c r="U150025" i="1"/>
  <c r="U150024" i="1"/>
  <c r="U150023" i="1"/>
  <c r="U150022" i="1"/>
  <c r="U150021" i="1"/>
  <c r="U150020" i="1"/>
  <c r="U150019" i="1"/>
  <c r="U150018" i="1"/>
  <c r="U150017" i="1"/>
  <c r="U150016" i="1"/>
  <c r="U150015" i="1"/>
  <c r="U150014" i="1"/>
  <c r="U150013" i="1"/>
  <c r="U150012" i="1"/>
  <c r="U150011" i="1"/>
  <c r="U150010" i="1"/>
  <c r="U150009" i="1"/>
  <c r="U150008" i="1"/>
  <c r="U150007" i="1"/>
  <c r="U150006" i="1"/>
  <c r="U150005" i="1"/>
  <c r="U150004" i="1"/>
  <c r="U150003" i="1"/>
  <c r="U150002" i="1"/>
  <c r="U150001" i="1"/>
  <c r="U150000" i="1"/>
  <c r="U149999" i="1"/>
  <c r="U149998" i="1"/>
  <c r="U149997" i="1"/>
  <c r="U149996" i="1"/>
  <c r="U149995" i="1"/>
  <c r="U149994" i="1"/>
  <c r="U149993" i="1"/>
  <c r="U149992" i="1"/>
  <c r="U149991" i="1"/>
  <c r="U149990" i="1"/>
  <c r="U149989" i="1"/>
  <c r="U149988" i="1"/>
  <c r="U149987" i="1"/>
  <c r="U149986" i="1"/>
  <c r="U149985" i="1"/>
  <c r="U149984" i="1"/>
  <c r="U149983" i="1"/>
  <c r="U149982" i="1"/>
  <c r="U149981" i="1"/>
  <c r="U149980" i="1"/>
  <c r="U149979" i="1"/>
  <c r="U149978" i="1"/>
  <c r="U149977" i="1"/>
  <c r="U149976" i="1"/>
  <c r="U149975" i="1"/>
  <c r="U149974" i="1"/>
  <c r="U149973" i="1"/>
  <c r="U149972" i="1"/>
  <c r="U149971" i="1"/>
  <c r="U149970" i="1"/>
  <c r="U149969" i="1"/>
  <c r="U149968" i="1"/>
  <c r="U149967" i="1"/>
  <c r="U149966" i="1"/>
  <c r="U149965" i="1"/>
  <c r="U149964" i="1"/>
  <c r="U149963" i="1"/>
  <c r="U149962" i="1"/>
  <c r="U149961" i="1"/>
  <c r="U149960" i="1"/>
  <c r="U149959" i="1"/>
  <c r="U149958" i="1"/>
  <c r="U149957" i="1"/>
  <c r="U149956" i="1"/>
  <c r="U149955" i="1"/>
  <c r="U149954" i="1"/>
  <c r="U149953" i="1"/>
  <c r="U149952" i="1"/>
  <c r="U149951" i="1"/>
  <c r="U149950" i="1"/>
  <c r="U149949" i="1"/>
  <c r="U149948" i="1"/>
  <c r="U149947" i="1"/>
  <c r="U149946" i="1"/>
  <c r="U149945" i="1"/>
  <c r="U149944" i="1"/>
  <c r="U149943" i="1"/>
  <c r="U149942" i="1"/>
  <c r="U149941" i="1"/>
  <c r="U149940" i="1"/>
  <c r="U149939" i="1"/>
  <c r="U149938" i="1"/>
  <c r="U149937" i="1"/>
  <c r="U149936" i="1"/>
  <c r="U149935" i="1"/>
  <c r="U149934" i="1"/>
  <c r="U149933" i="1"/>
  <c r="U149932" i="1"/>
  <c r="U149931" i="1"/>
  <c r="U149930" i="1"/>
  <c r="U149929" i="1"/>
  <c r="U149928" i="1"/>
  <c r="U149927" i="1"/>
  <c r="U149926" i="1"/>
  <c r="U149925" i="1"/>
  <c r="U149924" i="1"/>
  <c r="U149923" i="1"/>
  <c r="U149922" i="1"/>
  <c r="U149921" i="1"/>
  <c r="U149920" i="1"/>
  <c r="U149919" i="1"/>
  <c r="U149918" i="1"/>
  <c r="U149917" i="1"/>
  <c r="U149916" i="1"/>
  <c r="U149915" i="1"/>
  <c r="U149914" i="1"/>
  <c r="U149913" i="1"/>
  <c r="U149912" i="1"/>
  <c r="U149911" i="1"/>
  <c r="U149910" i="1"/>
  <c r="U149909" i="1"/>
  <c r="U149908" i="1"/>
  <c r="U149907" i="1"/>
  <c r="U149906" i="1"/>
  <c r="U149905" i="1"/>
  <c r="U149904" i="1"/>
  <c r="U149903" i="1"/>
  <c r="U149902" i="1"/>
  <c r="U149901" i="1"/>
  <c r="U149900" i="1"/>
  <c r="U149899" i="1"/>
  <c r="U149898" i="1"/>
  <c r="U149897" i="1"/>
  <c r="U149896" i="1"/>
  <c r="U149895" i="1"/>
  <c r="U149894" i="1"/>
  <c r="U149893" i="1"/>
  <c r="U149892" i="1"/>
  <c r="U149891" i="1"/>
  <c r="U149890" i="1"/>
  <c r="U149889" i="1"/>
  <c r="U149888" i="1"/>
  <c r="U149887" i="1"/>
  <c r="U149886" i="1"/>
  <c r="U149885" i="1"/>
  <c r="U149884" i="1"/>
  <c r="U149883" i="1"/>
  <c r="U149882" i="1"/>
  <c r="U149881" i="1"/>
  <c r="U149880" i="1"/>
  <c r="U149879" i="1"/>
  <c r="U149878" i="1"/>
  <c r="U149877" i="1"/>
  <c r="U149876" i="1"/>
  <c r="U149875" i="1"/>
  <c r="U149874" i="1"/>
  <c r="U149873" i="1"/>
  <c r="U149872" i="1"/>
  <c r="U149871" i="1"/>
  <c r="U149870" i="1"/>
  <c r="U149869" i="1"/>
  <c r="U149868" i="1"/>
  <c r="U149867" i="1"/>
  <c r="U149866" i="1"/>
  <c r="U149865" i="1"/>
  <c r="U149864" i="1"/>
  <c r="U149863" i="1"/>
  <c r="U149862" i="1"/>
  <c r="U149861" i="1"/>
  <c r="U149860" i="1"/>
  <c r="U149859" i="1"/>
  <c r="U149858" i="1"/>
  <c r="U149857" i="1"/>
  <c r="U149856" i="1"/>
  <c r="U149855" i="1"/>
  <c r="U149854" i="1"/>
  <c r="U149853" i="1"/>
  <c r="U149852" i="1"/>
  <c r="U149851" i="1"/>
  <c r="U149850" i="1"/>
  <c r="U149849" i="1"/>
  <c r="U149848" i="1"/>
  <c r="U149847" i="1"/>
  <c r="U149846" i="1"/>
  <c r="U149845" i="1"/>
  <c r="U149844" i="1"/>
  <c r="U149843" i="1"/>
  <c r="U149842" i="1"/>
  <c r="U149841" i="1"/>
  <c r="U149840" i="1"/>
  <c r="U149839" i="1"/>
  <c r="U149838" i="1"/>
  <c r="U149837" i="1"/>
  <c r="U149836" i="1"/>
  <c r="U149835" i="1"/>
  <c r="U149834" i="1"/>
  <c r="U149833" i="1"/>
  <c r="U149832" i="1"/>
  <c r="U149831" i="1"/>
  <c r="U149830" i="1"/>
  <c r="U149829" i="1"/>
  <c r="U149828" i="1"/>
  <c r="U149827" i="1"/>
  <c r="U149826" i="1"/>
  <c r="U149825" i="1"/>
  <c r="U149824" i="1"/>
  <c r="U149823" i="1"/>
  <c r="U149822" i="1"/>
  <c r="U149821" i="1"/>
  <c r="U149820" i="1"/>
  <c r="U149819" i="1"/>
  <c r="U149818" i="1"/>
  <c r="U149817" i="1"/>
  <c r="U149816" i="1"/>
  <c r="U149815" i="1"/>
  <c r="U149814" i="1"/>
  <c r="U149813" i="1"/>
  <c r="U149812" i="1"/>
  <c r="U149811" i="1"/>
  <c r="U149810" i="1"/>
  <c r="U149809" i="1"/>
  <c r="U149808" i="1"/>
  <c r="U149807" i="1"/>
  <c r="U149806" i="1"/>
  <c r="U149805" i="1"/>
  <c r="U149804" i="1"/>
  <c r="U149803" i="1"/>
  <c r="U149802" i="1"/>
  <c r="U149801" i="1"/>
  <c r="U149800" i="1"/>
  <c r="U149799" i="1"/>
  <c r="U149798" i="1"/>
  <c r="U149797" i="1"/>
  <c r="U149796" i="1"/>
  <c r="U149795" i="1"/>
  <c r="U149794" i="1"/>
  <c r="U149793" i="1"/>
  <c r="U149792" i="1"/>
  <c r="U149791" i="1"/>
  <c r="U149790" i="1"/>
  <c r="U149789" i="1"/>
  <c r="U149788" i="1"/>
  <c r="U149787" i="1"/>
  <c r="U149786" i="1"/>
  <c r="U149785" i="1"/>
  <c r="U149784" i="1"/>
  <c r="U149783" i="1"/>
  <c r="U149782" i="1"/>
  <c r="U149781" i="1"/>
  <c r="U149780" i="1"/>
  <c r="U149779" i="1"/>
  <c r="U149778" i="1"/>
  <c r="U149777" i="1"/>
  <c r="U149776" i="1"/>
  <c r="U149775" i="1"/>
  <c r="U149774" i="1"/>
  <c r="U149773" i="1"/>
  <c r="U149772" i="1"/>
  <c r="U149771" i="1"/>
  <c r="U149770" i="1"/>
  <c r="U149769" i="1"/>
  <c r="U149768" i="1"/>
  <c r="U149767" i="1"/>
  <c r="U149766" i="1"/>
  <c r="U149765" i="1"/>
  <c r="U149764" i="1"/>
  <c r="U149763" i="1"/>
  <c r="U149762" i="1"/>
  <c r="U149761" i="1"/>
  <c r="U149760" i="1"/>
  <c r="U149759" i="1"/>
  <c r="U149758" i="1"/>
  <c r="U149757" i="1"/>
  <c r="U149756" i="1"/>
  <c r="U149755" i="1"/>
  <c r="U149754" i="1"/>
  <c r="U149753" i="1"/>
  <c r="U149752" i="1"/>
  <c r="U149751" i="1"/>
  <c r="U149750" i="1"/>
  <c r="U149749" i="1"/>
  <c r="U149748" i="1"/>
  <c r="U149747" i="1"/>
  <c r="U149746" i="1"/>
  <c r="U149745" i="1"/>
  <c r="U149744" i="1"/>
  <c r="U149743" i="1"/>
  <c r="U149742" i="1"/>
  <c r="U149741" i="1"/>
  <c r="U149740" i="1"/>
  <c r="U149739" i="1"/>
  <c r="U149738" i="1"/>
  <c r="U149737" i="1"/>
  <c r="U149736" i="1"/>
  <c r="U149735" i="1"/>
  <c r="U149734" i="1"/>
  <c r="U149733" i="1"/>
  <c r="U149732" i="1"/>
  <c r="U149731" i="1"/>
  <c r="U149730" i="1"/>
  <c r="U149729" i="1"/>
  <c r="U149728" i="1"/>
  <c r="U149727" i="1"/>
  <c r="U149726" i="1"/>
  <c r="U149725" i="1"/>
  <c r="U149724" i="1"/>
  <c r="U149723" i="1"/>
  <c r="U149722" i="1"/>
  <c r="U149721" i="1"/>
  <c r="U149720" i="1"/>
  <c r="U149719" i="1"/>
  <c r="U149718" i="1"/>
  <c r="U149717" i="1"/>
  <c r="U149716" i="1"/>
  <c r="U149715" i="1"/>
  <c r="U149714" i="1"/>
  <c r="U149713" i="1"/>
  <c r="U149712" i="1"/>
  <c r="U149711" i="1"/>
  <c r="U149710" i="1"/>
  <c r="U149709" i="1"/>
  <c r="U149708" i="1"/>
  <c r="U149707" i="1"/>
  <c r="U149706" i="1"/>
  <c r="U149705" i="1"/>
  <c r="U149704" i="1"/>
  <c r="U149703" i="1"/>
  <c r="U149702" i="1"/>
  <c r="U149701" i="1"/>
  <c r="U149700" i="1"/>
  <c r="U149699" i="1"/>
  <c r="U149698" i="1"/>
  <c r="U149697" i="1"/>
  <c r="U149696" i="1"/>
  <c r="U149695" i="1"/>
  <c r="U149694" i="1"/>
  <c r="U149693" i="1"/>
  <c r="U149692" i="1"/>
  <c r="U149691" i="1"/>
  <c r="U149690" i="1"/>
  <c r="U149689" i="1"/>
  <c r="U149688" i="1"/>
  <c r="U149687" i="1"/>
  <c r="U149686" i="1"/>
  <c r="U149685" i="1"/>
  <c r="U149684" i="1"/>
  <c r="U149683" i="1"/>
  <c r="U149682" i="1"/>
  <c r="U149681" i="1"/>
  <c r="U149680" i="1"/>
  <c r="U149679" i="1"/>
  <c r="U149678" i="1"/>
  <c r="U149677" i="1"/>
  <c r="U149676" i="1"/>
  <c r="U149675" i="1"/>
  <c r="U149674" i="1"/>
  <c r="U149673" i="1"/>
  <c r="U149672" i="1"/>
  <c r="U149671" i="1"/>
  <c r="U149670" i="1"/>
  <c r="U149669" i="1"/>
  <c r="U149668" i="1"/>
  <c r="U149667" i="1"/>
  <c r="U149666" i="1"/>
  <c r="U149665" i="1"/>
  <c r="U149664" i="1"/>
  <c r="U149663" i="1"/>
  <c r="U149662" i="1"/>
  <c r="U149661" i="1"/>
  <c r="U149660" i="1"/>
  <c r="U149659" i="1"/>
  <c r="U149658" i="1"/>
  <c r="U149657" i="1"/>
  <c r="U149656" i="1"/>
  <c r="U149655" i="1"/>
  <c r="U149654" i="1"/>
  <c r="U149653" i="1"/>
  <c r="U149652" i="1"/>
  <c r="U149651" i="1"/>
  <c r="U149650" i="1"/>
  <c r="U149649" i="1"/>
  <c r="U149648" i="1"/>
  <c r="U149647" i="1"/>
  <c r="U149646" i="1"/>
  <c r="U149645" i="1"/>
  <c r="U149644" i="1"/>
  <c r="U149643" i="1"/>
  <c r="U149642" i="1"/>
  <c r="U149641" i="1"/>
  <c r="U149640" i="1"/>
  <c r="U149639" i="1"/>
  <c r="U149638" i="1"/>
  <c r="U149637" i="1"/>
  <c r="U149636" i="1"/>
  <c r="U149635" i="1"/>
  <c r="U149634" i="1"/>
  <c r="U149633" i="1"/>
  <c r="U149632" i="1"/>
  <c r="U149631" i="1"/>
  <c r="U149630" i="1"/>
  <c r="U149629" i="1"/>
  <c r="U149628" i="1"/>
  <c r="U149627" i="1"/>
  <c r="U149626" i="1"/>
  <c r="U149625" i="1"/>
  <c r="U149624" i="1"/>
  <c r="U149623" i="1"/>
  <c r="U149622" i="1"/>
  <c r="U149621" i="1"/>
  <c r="U149620" i="1"/>
  <c r="U149619" i="1"/>
  <c r="U149618" i="1"/>
  <c r="U149617" i="1"/>
  <c r="U149616" i="1"/>
  <c r="U149615" i="1"/>
  <c r="U149614" i="1"/>
  <c r="U149613" i="1"/>
  <c r="U149612" i="1"/>
  <c r="U149611" i="1"/>
  <c r="U149610" i="1"/>
  <c r="U149609" i="1"/>
  <c r="U149608" i="1"/>
  <c r="U149607" i="1"/>
  <c r="U149606" i="1"/>
  <c r="U149605" i="1"/>
  <c r="U149604" i="1"/>
  <c r="U149603" i="1"/>
  <c r="U149602" i="1"/>
  <c r="U149601" i="1"/>
  <c r="U149600" i="1"/>
  <c r="U149599" i="1"/>
  <c r="U149598" i="1"/>
  <c r="U149597" i="1"/>
  <c r="U149596" i="1"/>
  <c r="U149595" i="1"/>
  <c r="U149594" i="1"/>
  <c r="U149593" i="1"/>
  <c r="U149592" i="1"/>
  <c r="U149591" i="1"/>
  <c r="U149590" i="1"/>
  <c r="U149589" i="1"/>
  <c r="U149588" i="1"/>
  <c r="U149587" i="1"/>
  <c r="U149586" i="1"/>
  <c r="U149585" i="1"/>
  <c r="U149584" i="1"/>
  <c r="U149583" i="1"/>
  <c r="U149582" i="1"/>
  <c r="U149581" i="1"/>
  <c r="U149580" i="1"/>
  <c r="U149579" i="1"/>
  <c r="U149578" i="1"/>
  <c r="U149577" i="1"/>
  <c r="U149576" i="1"/>
  <c r="U149575" i="1"/>
  <c r="U149574" i="1"/>
  <c r="U149573" i="1"/>
  <c r="U149572" i="1"/>
  <c r="U149571" i="1"/>
  <c r="U149570" i="1"/>
  <c r="U149569" i="1"/>
  <c r="U149568" i="1"/>
  <c r="U149567" i="1"/>
  <c r="U149566" i="1"/>
  <c r="U149565" i="1"/>
  <c r="U149564" i="1"/>
  <c r="U149563" i="1"/>
  <c r="U149562" i="1"/>
  <c r="U149561" i="1"/>
  <c r="U149560" i="1"/>
  <c r="U149559" i="1"/>
  <c r="U149558" i="1"/>
  <c r="U149557" i="1"/>
  <c r="U149556" i="1"/>
  <c r="U149555" i="1"/>
  <c r="U149554" i="1"/>
  <c r="U149553" i="1"/>
  <c r="U149552" i="1"/>
  <c r="U149551" i="1"/>
  <c r="U149550" i="1"/>
  <c r="U149549" i="1"/>
  <c r="U149548" i="1"/>
  <c r="U149547" i="1"/>
  <c r="U149546" i="1"/>
  <c r="U149545" i="1"/>
  <c r="U149544" i="1"/>
  <c r="U149543" i="1"/>
  <c r="U149542" i="1"/>
  <c r="U149541" i="1"/>
  <c r="U149540" i="1"/>
  <c r="U149539" i="1"/>
  <c r="U149538" i="1"/>
  <c r="U149537" i="1"/>
  <c r="U149536" i="1"/>
  <c r="U149535" i="1"/>
  <c r="U149534" i="1"/>
  <c r="U149533" i="1"/>
  <c r="U149532" i="1"/>
  <c r="U149531" i="1"/>
  <c r="U149530" i="1"/>
  <c r="U149529" i="1"/>
  <c r="U149528" i="1"/>
  <c r="U149527" i="1"/>
  <c r="U149526" i="1"/>
  <c r="U149525" i="1"/>
  <c r="U149524" i="1"/>
  <c r="U149523" i="1"/>
  <c r="U149522" i="1"/>
  <c r="U149521" i="1"/>
  <c r="U149520" i="1"/>
  <c r="U149519" i="1"/>
  <c r="U149518" i="1"/>
  <c r="U149517" i="1"/>
  <c r="U149516" i="1"/>
  <c r="U149515" i="1"/>
  <c r="U149514" i="1"/>
  <c r="U149513" i="1"/>
  <c r="U149512" i="1"/>
  <c r="U149511" i="1"/>
  <c r="U149510" i="1"/>
  <c r="U149509" i="1"/>
  <c r="U149508" i="1"/>
  <c r="U149507" i="1"/>
  <c r="U149506" i="1"/>
  <c r="U149505" i="1"/>
  <c r="U149504" i="1"/>
  <c r="U149503" i="1"/>
  <c r="U149502" i="1"/>
  <c r="U149501" i="1"/>
  <c r="U149500" i="1"/>
  <c r="U149499" i="1"/>
  <c r="U149498" i="1"/>
  <c r="U149497" i="1"/>
  <c r="U149496" i="1"/>
  <c r="U149495" i="1"/>
  <c r="U149494" i="1"/>
  <c r="U149493" i="1"/>
  <c r="U149492" i="1"/>
  <c r="U149491" i="1"/>
  <c r="U149490" i="1"/>
  <c r="U149489" i="1"/>
  <c r="U149488" i="1"/>
  <c r="U149487" i="1"/>
  <c r="U149486" i="1"/>
  <c r="U149485" i="1"/>
  <c r="U149484" i="1"/>
  <c r="U149483" i="1"/>
  <c r="U149482" i="1"/>
  <c r="U149481" i="1"/>
  <c r="U149480" i="1"/>
  <c r="U149479" i="1"/>
  <c r="U149478" i="1"/>
  <c r="U149477" i="1"/>
  <c r="U149476" i="1"/>
  <c r="U149475" i="1"/>
  <c r="U149474" i="1"/>
  <c r="U149473" i="1"/>
  <c r="U149472" i="1"/>
  <c r="U149471" i="1"/>
  <c r="U149470" i="1"/>
  <c r="U149469" i="1"/>
  <c r="U149468" i="1"/>
  <c r="U149467" i="1"/>
  <c r="U149466" i="1"/>
  <c r="U149465" i="1"/>
  <c r="U149464" i="1"/>
  <c r="U149463" i="1"/>
  <c r="U149462" i="1"/>
  <c r="U149461" i="1"/>
  <c r="U149460" i="1"/>
  <c r="U149459" i="1"/>
  <c r="U149458" i="1"/>
  <c r="U149457" i="1"/>
  <c r="U149456" i="1"/>
  <c r="U149455" i="1"/>
  <c r="U149454" i="1"/>
  <c r="U149453" i="1"/>
  <c r="U149452" i="1"/>
  <c r="U149451" i="1"/>
  <c r="U149450" i="1"/>
  <c r="U149449" i="1"/>
  <c r="U149448" i="1"/>
  <c r="U149447" i="1"/>
  <c r="U149446" i="1"/>
  <c r="U149445" i="1"/>
  <c r="U149444" i="1"/>
  <c r="U149443" i="1"/>
  <c r="U149442" i="1"/>
  <c r="U149441" i="1"/>
  <c r="U149440" i="1"/>
  <c r="U149439" i="1"/>
  <c r="U149438" i="1"/>
  <c r="U149437" i="1"/>
  <c r="U149436" i="1"/>
  <c r="U149435" i="1"/>
  <c r="U149434" i="1"/>
  <c r="U149433" i="1"/>
  <c r="U149432" i="1"/>
  <c r="U149431" i="1"/>
  <c r="U149430" i="1"/>
  <c r="U149429" i="1"/>
  <c r="U149428" i="1"/>
  <c r="U149427" i="1"/>
  <c r="U149426" i="1"/>
  <c r="U149425" i="1"/>
  <c r="U149424" i="1"/>
  <c r="U149423" i="1"/>
  <c r="U149422" i="1"/>
  <c r="U149421" i="1"/>
  <c r="U149420" i="1"/>
  <c r="U149419" i="1"/>
  <c r="U149418" i="1"/>
  <c r="U149417" i="1"/>
  <c r="U149416" i="1"/>
  <c r="U149415" i="1"/>
  <c r="U149414" i="1"/>
  <c r="U149413" i="1"/>
  <c r="U149412" i="1"/>
  <c r="U149411" i="1"/>
  <c r="U149410" i="1"/>
  <c r="U149409" i="1"/>
  <c r="U149408" i="1"/>
  <c r="U149407" i="1"/>
  <c r="U149406" i="1"/>
  <c r="U149405" i="1"/>
  <c r="U149404" i="1"/>
  <c r="U149403" i="1"/>
  <c r="U149402" i="1"/>
  <c r="U149401" i="1"/>
  <c r="U149400" i="1"/>
  <c r="U149399" i="1"/>
  <c r="U149398" i="1"/>
  <c r="U149397" i="1"/>
  <c r="U149396" i="1"/>
  <c r="U149395" i="1"/>
  <c r="U149394" i="1"/>
  <c r="U149393" i="1"/>
  <c r="U149392" i="1"/>
  <c r="U149391" i="1"/>
  <c r="U149390" i="1"/>
  <c r="U149389" i="1"/>
  <c r="U149388" i="1"/>
  <c r="U149387" i="1"/>
  <c r="U149386" i="1"/>
  <c r="U149385" i="1"/>
  <c r="U149384" i="1"/>
  <c r="U149383" i="1"/>
  <c r="U149382" i="1"/>
  <c r="U149381" i="1"/>
  <c r="U149380" i="1"/>
  <c r="U149379" i="1"/>
  <c r="U149378" i="1"/>
  <c r="U149377" i="1"/>
  <c r="U149376" i="1"/>
  <c r="U149375" i="1"/>
  <c r="U149374" i="1"/>
  <c r="U149373" i="1"/>
  <c r="U149372" i="1"/>
  <c r="U149371" i="1"/>
  <c r="U149370" i="1"/>
  <c r="U149369" i="1"/>
  <c r="U149368" i="1"/>
  <c r="U149367" i="1"/>
  <c r="U149366" i="1"/>
  <c r="U149365" i="1"/>
  <c r="U149364" i="1"/>
  <c r="U149363" i="1"/>
  <c r="U149362" i="1"/>
  <c r="U149361" i="1"/>
  <c r="U149360" i="1"/>
  <c r="U149359" i="1"/>
  <c r="U149358" i="1"/>
  <c r="U149357" i="1"/>
  <c r="U149356" i="1"/>
  <c r="U149355" i="1"/>
  <c r="U149354" i="1"/>
  <c r="U149353" i="1"/>
  <c r="U149352" i="1"/>
  <c r="U149351" i="1"/>
  <c r="U149350" i="1"/>
  <c r="U149349" i="1"/>
  <c r="U149348" i="1"/>
  <c r="U149347" i="1"/>
  <c r="U149346" i="1"/>
  <c r="U149345" i="1"/>
  <c r="U149344" i="1"/>
  <c r="U149343" i="1"/>
  <c r="U149342" i="1"/>
  <c r="U149341" i="1"/>
  <c r="U149340" i="1"/>
  <c r="U149339" i="1"/>
  <c r="U149338" i="1"/>
  <c r="U149337" i="1"/>
  <c r="U149336" i="1"/>
  <c r="U149335" i="1"/>
  <c r="U149334" i="1"/>
  <c r="U149333" i="1"/>
  <c r="U149332" i="1"/>
  <c r="U149331" i="1"/>
  <c r="U149330" i="1"/>
  <c r="U149329" i="1"/>
  <c r="U149328" i="1"/>
  <c r="U149327" i="1"/>
  <c r="U149326" i="1"/>
  <c r="U149325" i="1"/>
  <c r="U149324" i="1"/>
  <c r="U149323" i="1"/>
  <c r="U149322" i="1"/>
  <c r="U149321" i="1"/>
  <c r="U149320" i="1"/>
  <c r="U149319" i="1"/>
  <c r="U149318" i="1"/>
  <c r="U149317" i="1"/>
  <c r="U149316" i="1"/>
  <c r="U149315" i="1"/>
  <c r="U149314" i="1"/>
  <c r="U149313" i="1"/>
  <c r="U149312" i="1"/>
  <c r="U149311" i="1"/>
  <c r="U149310" i="1"/>
  <c r="U149309" i="1"/>
  <c r="U149308" i="1"/>
  <c r="U149307" i="1"/>
  <c r="U149306" i="1"/>
  <c r="U149305" i="1"/>
  <c r="U149304" i="1"/>
  <c r="U149303" i="1"/>
  <c r="U149302" i="1"/>
  <c r="U149301" i="1"/>
  <c r="U149300" i="1"/>
  <c r="U149299" i="1"/>
  <c r="U149298" i="1"/>
  <c r="U149297" i="1"/>
  <c r="U149296" i="1"/>
  <c r="U149295" i="1"/>
  <c r="U149294" i="1"/>
  <c r="U149293" i="1"/>
  <c r="U149292" i="1"/>
  <c r="U149291" i="1"/>
  <c r="U149290" i="1"/>
  <c r="U149289" i="1"/>
  <c r="U149288" i="1"/>
  <c r="U149287" i="1"/>
  <c r="U149286" i="1"/>
  <c r="U149285" i="1"/>
  <c r="U149284" i="1"/>
  <c r="U149283" i="1"/>
  <c r="U149282" i="1"/>
  <c r="U149281" i="1"/>
  <c r="U149280" i="1"/>
  <c r="U149279" i="1"/>
  <c r="U149278" i="1"/>
  <c r="U149277" i="1"/>
  <c r="U149276" i="1"/>
  <c r="U149275" i="1"/>
  <c r="U149274" i="1"/>
  <c r="U149273" i="1"/>
  <c r="U149272" i="1"/>
  <c r="U149271" i="1"/>
  <c r="U149270" i="1"/>
  <c r="U149269" i="1"/>
  <c r="U149268" i="1"/>
  <c r="U149267" i="1"/>
  <c r="U149266" i="1"/>
  <c r="U149265" i="1"/>
  <c r="U149264" i="1"/>
  <c r="U149263" i="1"/>
  <c r="U149262" i="1"/>
  <c r="U149261" i="1"/>
  <c r="U149260" i="1"/>
  <c r="U149259" i="1"/>
  <c r="U149258" i="1"/>
  <c r="U149257" i="1"/>
  <c r="U149256" i="1"/>
  <c r="U149255" i="1"/>
  <c r="U149254" i="1"/>
  <c r="U149253" i="1"/>
  <c r="U149252" i="1"/>
  <c r="U149251" i="1"/>
  <c r="U149250" i="1"/>
  <c r="U149249" i="1"/>
  <c r="U149248" i="1"/>
  <c r="U149247" i="1"/>
  <c r="U149246" i="1"/>
  <c r="U149245" i="1"/>
  <c r="U149244" i="1"/>
  <c r="U149243" i="1"/>
  <c r="U149242" i="1"/>
  <c r="U149241" i="1"/>
  <c r="U149240" i="1"/>
  <c r="U149239" i="1"/>
  <c r="U149238" i="1"/>
  <c r="U149237" i="1"/>
  <c r="U149236" i="1"/>
  <c r="U149235" i="1"/>
  <c r="U149234" i="1"/>
  <c r="U149233" i="1"/>
  <c r="U149232" i="1"/>
  <c r="U149231" i="1"/>
  <c r="U149230" i="1"/>
  <c r="U149229" i="1"/>
  <c r="U149228" i="1"/>
  <c r="U149227" i="1"/>
  <c r="U149226" i="1"/>
  <c r="U149225" i="1"/>
  <c r="U149224" i="1"/>
  <c r="U149223" i="1"/>
  <c r="U149222" i="1"/>
  <c r="U149221" i="1"/>
  <c r="U149220" i="1"/>
  <c r="U149219" i="1"/>
  <c r="U149218" i="1"/>
  <c r="U149217" i="1"/>
  <c r="U149216" i="1"/>
  <c r="U149215" i="1"/>
  <c r="U149214" i="1"/>
  <c r="U149213" i="1"/>
  <c r="U149212" i="1"/>
  <c r="U149211" i="1"/>
  <c r="U149210" i="1"/>
  <c r="U149209" i="1"/>
  <c r="U149208" i="1"/>
  <c r="U149207" i="1"/>
  <c r="U149206" i="1"/>
  <c r="U149205" i="1"/>
  <c r="U149204" i="1"/>
  <c r="U149203" i="1"/>
  <c r="U149202" i="1"/>
  <c r="U149201" i="1"/>
  <c r="U149200" i="1"/>
  <c r="U149199" i="1"/>
  <c r="U149198" i="1"/>
  <c r="U149197" i="1"/>
  <c r="U149196" i="1"/>
  <c r="U149195" i="1"/>
  <c r="U149194" i="1"/>
  <c r="U149193" i="1"/>
  <c r="U149192" i="1"/>
  <c r="U149191" i="1"/>
  <c r="U149190" i="1"/>
  <c r="U149189" i="1"/>
  <c r="U149188" i="1"/>
  <c r="U149187" i="1"/>
  <c r="U149186" i="1"/>
  <c r="U149185" i="1"/>
  <c r="U149184" i="1"/>
  <c r="U149183" i="1"/>
  <c r="U149182" i="1"/>
  <c r="U149181" i="1"/>
  <c r="U149180" i="1"/>
  <c r="U149179" i="1"/>
  <c r="U149178" i="1"/>
  <c r="U149177" i="1"/>
  <c r="U149176" i="1"/>
  <c r="U149175" i="1"/>
  <c r="U149174" i="1"/>
  <c r="U149173" i="1"/>
  <c r="U149172" i="1"/>
  <c r="U149171" i="1"/>
  <c r="U149170" i="1"/>
  <c r="U149169" i="1"/>
  <c r="U149168" i="1"/>
  <c r="U149167" i="1"/>
  <c r="U149166" i="1"/>
  <c r="U149165" i="1"/>
  <c r="U149164" i="1"/>
  <c r="U149163" i="1"/>
  <c r="U149162" i="1"/>
  <c r="U149161" i="1"/>
  <c r="U149160" i="1"/>
  <c r="U149159" i="1"/>
  <c r="U149158" i="1"/>
  <c r="U149157" i="1"/>
  <c r="U149156" i="1"/>
  <c r="U149155" i="1"/>
  <c r="U149154" i="1"/>
  <c r="U149153" i="1"/>
  <c r="U149152" i="1"/>
  <c r="U149151" i="1"/>
  <c r="U149150" i="1"/>
  <c r="U149149" i="1"/>
  <c r="U149148" i="1"/>
  <c r="U149147" i="1"/>
  <c r="U149146" i="1"/>
  <c r="U149145" i="1"/>
  <c r="U149144" i="1"/>
  <c r="U149143" i="1"/>
  <c r="U149142" i="1"/>
  <c r="U149141" i="1"/>
  <c r="U149140" i="1"/>
  <c r="U149139" i="1"/>
  <c r="U149138" i="1"/>
  <c r="U149137" i="1"/>
  <c r="U149136" i="1"/>
  <c r="U149135" i="1"/>
  <c r="U149134" i="1"/>
  <c r="U149133" i="1"/>
  <c r="U149132" i="1"/>
  <c r="U149131" i="1"/>
  <c r="U149130" i="1"/>
  <c r="U149129" i="1"/>
  <c r="U149128" i="1"/>
  <c r="U149127" i="1"/>
  <c r="U149126" i="1"/>
  <c r="U149125" i="1"/>
  <c r="U149124" i="1"/>
  <c r="U149123" i="1"/>
  <c r="U149122" i="1"/>
  <c r="U149121" i="1"/>
  <c r="U149120" i="1"/>
  <c r="U149119" i="1"/>
  <c r="U149118" i="1"/>
  <c r="U149117" i="1"/>
  <c r="U149116" i="1"/>
  <c r="U149115" i="1"/>
  <c r="U149114" i="1"/>
  <c r="U149113" i="1"/>
  <c r="U149112" i="1"/>
  <c r="U149111" i="1"/>
  <c r="U149110" i="1"/>
  <c r="U149109" i="1"/>
  <c r="U149108" i="1"/>
  <c r="U149107" i="1"/>
  <c r="U149106" i="1"/>
  <c r="U149105" i="1"/>
  <c r="U149104" i="1"/>
  <c r="U149103" i="1"/>
  <c r="U149102" i="1"/>
  <c r="U149101" i="1"/>
  <c r="U149100" i="1"/>
  <c r="U149099" i="1"/>
  <c r="U149098" i="1"/>
  <c r="U149097" i="1"/>
  <c r="U149096" i="1"/>
  <c r="U149095" i="1"/>
  <c r="U149094" i="1"/>
  <c r="U149093" i="1"/>
  <c r="U149092" i="1"/>
  <c r="U149091" i="1"/>
  <c r="U149090" i="1"/>
  <c r="U149089" i="1"/>
  <c r="U149088" i="1"/>
  <c r="U149087" i="1"/>
  <c r="U149086" i="1"/>
  <c r="U149085" i="1"/>
  <c r="U149084" i="1"/>
  <c r="U149083" i="1"/>
  <c r="U149082" i="1"/>
  <c r="U149081" i="1"/>
  <c r="U149080" i="1"/>
  <c r="U149079" i="1"/>
  <c r="U149078" i="1"/>
  <c r="U149077" i="1"/>
  <c r="U149076" i="1"/>
  <c r="U149075" i="1"/>
  <c r="U149074" i="1"/>
  <c r="U149073" i="1"/>
  <c r="U149072" i="1"/>
  <c r="U149071" i="1"/>
  <c r="U149070" i="1"/>
  <c r="U149069" i="1"/>
  <c r="U149068" i="1"/>
  <c r="U149067" i="1"/>
  <c r="U149066" i="1"/>
  <c r="U149065" i="1"/>
  <c r="U149064" i="1"/>
  <c r="U149063" i="1"/>
  <c r="U149062" i="1"/>
  <c r="U149061" i="1"/>
  <c r="U149060" i="1"/>
  <c r="U149059" i="1"/>
  <c r="U149058" i="1"/>
  <c r="U149057" i="1"/>
  <c r="U149056" i="1"/>
  <c r="U149055" i="1"/>
  <c r="U149054" i="1"/>
  <c r="U149053" i="1"/>
  <c r="U149052" i="1"/>
  <c r="U149051" i="1"/>
  <c r="U149050" i="1"/>
  <c r="U149049" i="1"/>
  <c r="U149048" i="1"/>
  <c r="U149047" i="1"/>
  <c r="U149046" i="1"/>
  <c r="U149045" i="1"/>
  <c r="U149044" i="1"/>
  <c r="U149043" i="1"/>
  <c r="U149042" i="1"/>
  <c r="U149041" i="1"/>
  <c r="U149040" i="1"/>
  <c r="U149039" i="1"/>
  <c r="U149038" i="1"/>
  <c r="U149037" i="1"/>
  <c r="U149036" i="1"/>
  <c r="U149035" i="1"/>
  <c r="U149034" i="1"/>
  <c r="U149033" i="1"/>
  <c r="U149032" i="1"/>
  <c r="U149031" i="1"/>
  <c r="U149030" i="1"/>
  <c r="U149029" i="1"/>
  <c r="U149028" i="1"/>
  <c r="U149027" i="1"/>
  <c r="U149026" i="1"/>
  <c r="U149025" i="1"/>
  <c r="U149024" i="1"/>
  <c r="U149023" i="1"/>
  <c r="U149022" i="1"/>
  <c r="U149021" i="1"/>
  <c r="U149020" i="1"/>
  <c r="U149019" i="1"/>
  <c r="U149018" i="1"/>
  <c r="U149017" i="1"/>
  <c r="U149016" i="1"/>
  <c r="U149015" i="1"/>
  <c r="U149014" i="1"/>
  <c r="U149013" i="1"/>
  <c r="U149012" i="1"/>
  <c r="U149011" i="1"/>
  <c r="U149010" i="1"/>
  <c r="U149009" i="1"/>
  <c r="U149008" i="1"/>
  <c r="U149007" i="1"/>
  <c r="U149006" i="1"/>
  <c r="U149005" i="1"/>
  <c r="U149004" i="1"/>
  <c r="U149003" i="1"/>
  <c r="U149002" i="1"/>
  <c r="U149001" i="1"/>
  <c r="U149000" i="1"/>
  <c r="U148999" i="1"/>
  <c r="U148998" i="1"/>
  <c r="U148997" i="1"/>
  <c r="U148996" i="1"/>
  <c r="U148995" i="1"/>
  <c r="U148994" i="1"/>
  <c r="U148993" i="1"/>
  <c r="U148992" i="1"/>
  <c r="U148991" i="1"/>
  <c r="U148990" i="1"/>
  <c r="U148989" i="1"/>
  <c r="U148988" i="1"/>
  <c r="U148987" i="1"/>
  <c r="U148986" i="1"/>
  <c r="U148985" i="1"/>
  <c r="U148984" i="1"/>
  <c r="U148983" i="1"/>
  <c r="U148982" i="1"/>
  <c r="U148981" i="1"/>
  <c r="U148980" i="1"/>
  <c r="U148979" i="1"/>
  <c r="U148978" i="1"/>
  <c r="U148977" i="1"/>
  <c r="U148976" i="1"/>
  <c r="U148975" i="1"/>
  <c r="U148974" i="1"/>
  <c r="U148973" i="1"/>
  <c r="U148972" i="1"/>
  <c r="U148971" i="1"/>
  <c r="U148970" i="1"/>
  <c r="U148969" i="1"/>
  <c r="U148968" i="1"/>
  <c r="U148967" i="1"/>
  <c r="U148966" i="1"/>
  <c r="U148965" i="1"/>
  <c r="U148964" i="1"/>
  <c r="U148963" i="1"/>
  <c r="U148962" i="1"/>
  <c r="U148961" i="1"/>
  <c r="U148960" i="1"/>
  <c r="U148959" i="1"/>
  <c r="U148958" i="1"/>
  <c r="U148957" i="1"/>
  <c r="U148956" i="1"/>
  <c r="U148955" i="1"/>
  <c r="U148954" i="1"/>
  <c r="U148953" i="1"/>
  <c r="U148952" i="1"/>
  <c r="U148951" i="1"/>
  <c r="U148950" i="1"/>
  <c r="U148949" i="1"/>
  <c r="U148948" i="1"/>
  <c r="U148947" i="1"/>
  <c r="U148946" i="1"/>
  <c r="U148945" i="1"/>
  <c r="U148944" i="1"/>
  <c r="U148943" i="1"/>
  <c r="U148942" i="1"/>
  <c r="U148941" i="1"/>
  <c r="U148940" i="1"/>
  <c r="U148939" i="1"/>
  <c r="U148938" i="1"/>
  <c r="U148937" i="1"/>
  <c r="U148936" i="1"/>
  <c r="U148935" i="1"/>
  <c r="U148934" i="1"/>
  <c r="U148933" i="1"/>
  <c r="U148932" i="1"/>
  <c r="U148931" i="1"/>
  <c r="U148930" i="1"/>
  <c r="U148929" i="1"/>
  <c r="U148928" i="1"/>
  <c r="U148927" i="1"/>
  <c r="U148926" i="1"/>
  <c r="U148925" i="1"/>
  <c r="U148924" i="1"/>
  <c r="U148923" i="1"/>
  <c r="U148922" i="1"/>
  <c r="U148921" i="1"/>
  <c r="U148920" i="1"/>
  <c r="U148919" i="1"/>
  <c r="U148918" i="1"/>
  <c r="U148917" i="1"/>
  <c r="U148916" i="1"/>
  <c r="U148915" i="1"/>
  <c r="U148914" i="1"/>
  <c r="U148913" i="1"/>
  <c r="U148912" i="1"/>
  <c r="U148911" i="1"/>
  <c r="U148910" i="1"/>
  <c r="U148909" i="1"/>
  <c r="U148908" i="1"/>
  <c r="U148907" i="1"/>
  <c r="U148906" i="1"/>
  <c r="U148905" i="1"/>
  <c r="U148904" i="1"/>
  <c r="U148903" i="1"/>
  <c r="U148902" i="1"/>
  <c r="U148901" i="1"/>
  <c r="U148900" i="1"/>
  <c r="U148899" i="1"/>
  <c r="U148898" i="1"/>
  <c r="U148897" i="1"/>
  <c r="U148896" i="1"/>
  <c r="U148895" i="1"/>
  <c r="U148894" i="1"/>
  <c r="U148893" i="1"/>
  <c r="U148892" i="1"/>
  <c r="U148891" i="1"/>
  <c r="U148890" i="1"/>
  <c r="U148889" i="1"/>
  <c r="U148888" i="1"/>
  <c r="U148887" i="1"/>
  <c r="U148886" i="1"/>
  <c r="U148885" i="1"/>
  <c r="U148884" i="1"/>
  <c r="U148883" i="1"/>
  <c r="U148882" i="1"/>
  <c r="U148881" i="1"/>
  <c r="U148880" i="1"/>
  <c r="U148879" i="1"/>
  <c r="U148878" i="1"/>
  <c r="U148877" i="1"/>
  <c r="U148876" i="1"/>
  <c r="U148875" i="1"/>
  <c r="U148874" i="1"/>
  <c r="U148873" i="1"/>
  <c r="U148872" i="1"/>
  <c r="U148871" i="1"/>
  <c r="U148870" i="1"/>
  <c r="U148869" i="1"/>
  <c r="U148868" i="1"/>
  <c r="U148867" i="1"/>
  <c r="U148866" i="1"/>
  <c r="U148865" i="1"/>
  <c r="U148864" i="1"/>
  <c r="U148863" i="1"/>
  <c r="U148862" i="1"/>
  <c r="U148861" i="1"/>
  <c r="U148860" i="1"/>
  <c r="U148859" i="1"/>
  <c r="U148858" i="1"/>
  <c r="U148857" i="1"/>
  <c r="U148856" i="1"/>
  <c r="U148855" i="1"/>
  <c r="U148854" i="1"/>
  <c r="U148853" i="1"/>
  <c r="U148852" i="1"/>
  <c r="U148851" i="1"/>
  <c r="U148850" i="1"/>
  <c r="U148849" i="1"/>
  <c r="U148848" i="1"/>
  <c r="U148847" i="1"/>
  <c r="U148846" i="1"/>
  <c r="U148845" i="1"/>
  <c r="U148844" i="1"/>
  <c r="U148843" i="1"/>
  <c r="U148842" i="1"/>
  <c r="U148841" i="1"/>
  <c r="U148840" i="1"/>
  <c r="U148839" i="1"/>
  <c r="U148838" i="1"/>
  <c r="U148837" i="1"/>
  <c r="U148836" i="1"/>
  <c r="U148835" i="1"/>
  <c r="U148834" i="1"/>
  <c r="U148833" i="1"/>
  <c r="U148832" i="1"/>
  <c r="U148831" i="1"/>
  <c r="U148830" i="1"/>
  <c r="U148829" i="1"/>
  <c r="U148828" i="1"/>
  <c r="U148827" i="1"/>
  <c r="U148826" i="1"/>
  <c r="U148825" i="1"/>
  <c r="U148824" i="1"/>
  <c r="U148823" i="1"/>
  <c r="U148822" i="1"/>
  <c r="U148821" i="1"/>
  <c r="U148820" i="1"/>
  <c r="U148819" i="1"/>
  <c r="U148818" i="1"/>
  <c r="U148817" i="1"/>
  <c r="U148816" i="1"/>
  <c r="U148815" i="1"/>
  <c r="U148814" i="1"/>
  <c r="U148813" i="1"/>
  <c r="U148812" i="1"/>
  <c r="U148811" i="1"/>
  <c r="U148810" i="1"/>
  <c r="U148809" i="1"/>
  <c r="U148808" i="1"/>
  <c r="U148807" i="1"/>
  <c r="U148806" i="1"/>
  <c r="U148805" i="1"/>
  <c r="U148804" i="1"/>
  <c r="U148803" i="1"/>
  <c r="U148802" i="1"/>
  <c r="U148801" i="1"/>
  <c r="U148800" i="1"/>
  <c r="U148799" i="1"/>
  <c r="U148798" i="1"/>
  <c r="U148797" i="1"/>
  <c r="U148796" i="1"/>
  <c r="U148795" i="1"/>
  <c r="U148794" i="1"/>
  <c r="U148793" i="1"/>
  <c r="U148792" i="1"/>
  <c r="U148791" i="1"/>
  <c r="U148790" i="1"/>
  <c r="U148789" i="1"/>
  <c r="U148788" i="1"/>
  <c r="U148787" i="1"/>
  <c r="U148786" i="1"/>
  <c r="U148785" i="1"/>
  <c r="U148784" i="1"/>
  <c r="U148783" i="1"/>
  <c r="U148782" i="1"/>
  <c r="U148781" i="1"/>
  <c r="U148780" i="1"/>
  <c r="U148779" i="1"/>
  <c r="U148778" i="1"/>
  <c r="U148777" i="1"/>
  <c r="U148776" i="1"/>
  <c r="U148775" i="1"/>
  <c r="U148774" i="1"/>
  <c r="U148773" i="1"/>
  <c r="U148772" i="1"/>
  <c r="U148771" i="1"/>
  <c r="U148770" i="1"/>
  <c r="U148769" i="1"/>
  <c r="U148768" i="1"/>
  <c r="U148767" i="1"/>
  <c r="U148766" i="1"/>
  <c r="U148765" i="1"/>
  <c r="U148764" i="1"/>
  <c r="U148763" i="1"/>
  <c r="U148762" i="1"/>
  <c r="U148761" i="1"/>
  <c r="U148760" i="1"/>
  <c r="U148759" i="1"/>
  <c r="U148758" i="1"/>
  <c r="U148757" i="1"/>
  <c r="U148756" i="1"/>
  <c r="U148755" i="1"/>
  <c r="U148754" i="1"/>
  <c r="U148753" i="1"/>
  <c r="U148752" i="1"/>
  <c r="U148751" i="1"/>
  <c r="U148750" i="1"/>
  <c r="U148749" i="1"/>
  <c r="U148748" i="1"/>
  <c r="U148747" i="1"/>
  <c r="U148746" i="1"/>
  <c r="U148745" i="1"/>
  <c r="U148744" i="1"/>
  <c r="U148743" i="1"/>
  <c r="U148742" i="1"/>
  <c r="U148741" i="1"/>
  <c r="U148740" i="1"/>
  <c r="U148739" i="1"/>
  <c r="U148738" i="1"/>
  <c r="U148737" i="1"/>
  <c r="U148736" i="1"/>
  <c r="U148735" i="1"/>
  <c r="U148734" i="1"/>
  <c r="U148733" i="1"/>
  <c r="U148732" i="1"/>
  <c r="U148731" i="1"/>
  <c r="U148730" i="1"/>
  <c r="U148729" i="1"/>
  <c r="U148728" i="1"/>
  <c r="U148727" i="1"/>
  <c r="U148726" i="1"/>
  <c r="U148725" i="1"/>
  <c r="U148724" i="1"/>
  <c r="U148723" i="1"/>
  <c r="U148722" i="1"/>
  <c r="U148721" i="1"/>
  <c r="U148720" i="1"/>
  <c r="U148719" i="1"/>
  <c r="U148718" i="1"/>
  <c r="U148717" i="1"/>
  <c r="U148716" i="1"/>
  <c r="U148715" i="1"/>
  <c r="U148714" i="1"/>
  <c r="U148713" i="1"/>
  <c r="U148712" i="1"/>
  <c r="U148711" i="1"/>
  <c r="U148710" i="1"/>
  <c r="U148709" i="1"/>
  <c r="U148708" i="1"/>
  <c r="U148707" i="1"/>
  <c r="U148706" i="1"/>
  <c r="U148705" i="1"/>
  <c r="U148704" i="1"/>
  <c r="U148703" i="1"/>
  <c r="U148702" i="1"/>
  <c r="U148701" i="1"/>
  <c r="U148700" i="1"/>
  <c r="U148699" i="1"/>
  <c r="U148698" i="1"/>
  <c r="U148697" i="1"/>
  <c r="U148696" i="1"/>
  <c r="U148695" i="1"/>
  <c r="U148694" i="1"/>
  <c r="U148693" i="1"/>
  <c r="U148692" i="1"/>
  <c r="U148691" i="1"/>
  <c r="U148690" i="1"/>
  <c r="U148689" i="1"/>
  <c r="U148688" i="1"/>
  <c r="U148687" i="1"/>
  <c r="U148686" i="1"/>
  <c r="U148685" i="1"/>
  <c r="U148684" i="1"/>
  <c r="U148683" i="1"/>
  <c r="U148682" i="1"/>
  <c r="U148681" i="1"/>
  <c r="U148680" i="1"/>
  <c r="U148679" i="1"/>
  <c r="U148678" i="1"/>
  <c r="U148677" i="1"/>
  <c r="U148676" i="1"/>
  <c r="U148675" i="1"/>
  <c r="U148674" i="1"/>
  <c r="U148673" i="1"/>
  <c r="U148672" i="1"/>
  <c r="U148671" i="1"/>
  <c r="U148670" i="1"/>
  <c r="U148669" i="1"/>
  <c r="U148668" i="1"/>
  <c r="U148667" i="1"/>
  <c r="U148666" i="1"/>
  <c r="U148665" i="1"/>
  <c r="U148664" i="1"/>
  <c r="U148663" i="1"/>
  <c r="U148662" i="1"/>
  <c r="U148661" i="1"/>
  <c r="U148660" i="1"/>
  <c r="U148659" i="1"/>
  <c r="U148658" i="1"/>
  <c r="U148657" i="1"/>
  <c r="U148656" i="1"/>
  <c r="U148655" i="1"/>
  <c r="U148654" i="1"/>
  <c r="U148653" i="1"/>
  <c r="U148652" i="1"/>
  <c r="U148651" i="1"/>
  <c r="U148650" i="1"/>
  <c r="U148649" i="1"/>
  <c r="U148648" i="1"/>
  <c r="U148647" i="1"/>
  <c r="U148646" i="1"/>
  <c r="U148645" i="1"/>
  <c r="U148644" i="1"/>
  <c r="U148643" i="1"/>
  <c r="U148642" i="1"/>
  <c r="U148641" i="1"/>
  <c r="U148640" i="1"/>
  <c r="U148639" i="1"/>
  <c r="U148638" i="1"/>
  <c r="U148637" i="1"/>
  <c r="U148636" i="1"/>
  <c r="U148635" i="1"/>
  <c r="U148634" i="1"/>
  <c r="U148633" i="1"/>
  <c r="U148632" i="1"/>
  <c r="U148631" i="1"/>
  <c r="U148630" i="1"/>
  <c r="U148629" i="1"/>
  <c r="U148628" i="1"/>
  <c r="U148627" i="1"/>
  <c r="U148626" i="1"/>
  <c r="U148625" i="1"/>
  <c r="U148624" i="1"/>
  <c r="U148623" i="1"/>
  <c r="U148622" i="1"/>
  <c r="U148621" i="1"/>
  <c r="U148620" i="1"/>
  <c r="U148619" i="1"/>
  <c r="U148618" i="1"/>
  <c r="U148617" i="1"/>
  <c r="U148616" i="1"/>
  <c r="U148615" i="1"/>
  <c r="U148614" i="1"/>
  <c r="U148613" i="1"/>
  <c r="U148612" i="1"/>
  <c r="U148611" i="1"/>
  <c r="U148610" i="1"/>
  <c r="U148609" i="1"/>
  <c r="U148608" i="1"/>
  <c r="U148607" i="1"/>
  <c r="U148606" i="1"/>
  <c r="U148605" i="1"/>
  <c r="U148604" i="1"/>
  <c r="U148603" i="1"/>
  <c r="U148602" i="1"/>
  <c r="U148601" i="1"/>
  <c r="U148600" i="1"/>
  <c r="U148599" i="1"/>
  <c r="U148598" i="1"/>
  <c r="U148597" i="1"/>
  <c r="U148596" i="1"/>
  <c r="U148595" i="1"/>
  <c r="U148594" i="1"/>
  <c r="U148593" i="1"/>
  <c r="U148592" i="1"/>
  <c r="U148591" i="1"/>
  <c r="U148590" i="1"/>
  <c r="U148589" i="1"/>
  <c r="U148588" i="1"/>
  <c r="U148587" i="1"/>
  <c r="U148586" i="1"/>
  <c r="U148585" i="1"/>
  <c r="U148584" i="1"/>
  <c r="U148583" i="1"/>
  <c r="U148582" i="1"/>
  <c r="U148581" i="1"/>
  <c r="U148580" i="1"/>
  <c r="U148579" i="1"/>
  <c r="U148578" i="1"/>
  <c r="U148577" i="1"/>
  <c r="U148576" i="1"/>
  <c r="U148575" i="1"/>
  <c r="U148574" i="1"/>
  <c r="U148573" i="1"/>
  <c r="U148572" i="1"/>
  <c r="U148571" i="1"/>
  <c r="U148570" i="1"/>
  <c r="U148569" i="1"/>
  <c r="U148568" i="1"/>
  <c r="U148567" i="1"/>
  <c r="U148566" i="1"/>
  <c r="U148565" i="1"/>
  <c r="U148564" i="1"/>
  <c r="U148563" i="1"/>
  <c r="U148562" i="1"/>
  <c r="U148561" i="1"/>
  <c r="U148560" i="1"/>
  <c r="U148559" i="1"/>
  <c r="U148558" i="1"/>
  <c r="U148557" i="1"/>
  <c r="U148556" i="1"/>
  <c r="U148555" i="1"/>
  <c r="U148554" i="1"/>
  <c r="U148553" i="1"/>
  <c r="U148552" i="1"/>
  <c r="U148551" i="1"/>
  <c r="U148550" i="1"/>
  <c r="U148549" i="1"/>
  <c r="U148548" i="1"/>
  <c r="U148547" i="1"/>
  <c r="U148546" i="1"/>
  <c r="U148545" i="1"/>
  <c r="U148544" i="1"/>
  <c r="U148543" i="1"/>
  <c r="U148542" i="1"/>
  <c r="U148541" i="1"/>
  <c r="U148540" i="1"/>
  <c r="U148539" i="1"/>
  <c r="U148538" i="1"/>
  <c r="U148537" i="1"/>
  <c r="U148536" i="1"/>
  <c r="U148535" i="1"/>
  <c r="U148534" i="1"/>
  <c r="U148533" i="1"/>
  <c r="U148532" i="1"/>
  <c r="U148531" i="1"/>
  <c r="U148530" i="1"/>
  <c r="U148529" i="1"/>
  <c r="U148528" i="1"/>
  <c r="U148527" i="1"/>
  <c r="U148526" i="1"/>
  <c r="U148525" i="1"/>
  <c r="U148524" i="1"/>
  <c r="U148523" i="1"/>
  <c r="U148522" i="1"/>
  <c r="U148521" i="1"/>
  <c r="U148520" i="1"/>
  <c r="U148519" i="1"/>
  <c r="U148518" i="1"/>
  <c r="U148517" i="1"/>
  <c r="U148516" i="1"/>
  <c r="U148515" i="1"/>
  <c r="U148514" i="1"/>
  <c r="U148513" i="1"/>
  <c r="U148512" i="1"/>
  <c r="U148511" i="1"/>
  <c r="U148510" i="1"/>
  <c r="U148509" i="1"/>
  <c r="U148508" i="1"/>
  <c r="U148507" i="1"/>
  <c r="U148506" i="1"/>
  <c r="U148505" i="1"/>
  <c r="U148504" i="1"/>
  <c r="U148503" i="1"/>
  <c r="U148502" i="1"/>
  <c r="U148501" i="1"/>
  <c r="U148500" i="1"/>
  <c r="U148499" i="1"/>
  <c r="U148498" i="1"/>
  <c r="U148497" i="1"/>
  <c r="U148496" i="1"/>
  <c r="U148495" i="1"/>
  <c r="U148494" i="1"/>
  <c r="U148493" i="1"/>
  <c r="U148492" i="1"/>
  <c r="U148491" i="1"/>
  <c r="U148490" i="1"/>
  <c r="U148489" i="1"/>
  <c r="U148488" i="1"/>
  <c r="U148487" i="1"/>
  <c r="U148486" i="1"/>
  <c r="U148485" i="1"/>
  <c r="U148484" i="1"/>
  <c r="U148483" i="1"/>
  <c r="U148482" i="1"/>
  <c r="U148481" i="1"/>
  <c r="U148480" i="1"/>
  <c r="U148479" i="1"/>
  <c r="U148478" i="1"/>
  <c r="U148477" i="1"/>
  <c r="U148476" i="1"/>
  <c r="U148475" i="1"/>
  <c r="U148474" i="1"/>
  <c r="U148473" i="1"/>
  <c r="U148472" i="1"/>
  <c r="U148471" i="1"/>
  <c r="U148470" i="1"/>
  <c r="U148469" i="1"/>
  <c r="U148468" i="1"/>
  <c r="U148467" i="1"/>
  <c r="U148466" i="1"/>
  <c r="U148465" i="1"/>
  <c r="U148464" i="1"/>
  <c r="U148463" i="1"/>
  <c r="U148462" i="1"/>
  <c r="U148461" i="1"/>
  <c r="U148460" i="1"/>
  <c r="U148459" i="1"/>
  <c r="U148458" i="1"/>
  <c r="U148457" i="1"/>
  <c r="U148456" i="1"/>
  <c r="U148455" i="1"/>
  <c r="U148454" i="1"/>
  <c r="U148453" i="1"/>
  <c r="U148452" i="1"/>
  <c r="U148451" i="1"/>
  <c r="U148450" i="1"/>
  <c r="U148449" i="1"/>
  <c r="U148448" i="1"/>
  <c r="U148447" i="1"/>
  <c r="U148446" i="1"/>
  <c r="U148445" i="1"/>
  <c r="U148444" i="1"/>
  <c r="U148443" i="1"/>
  <c r="U148442" i="1"/>
  <c r="U148441" i="1"/>
  <c r="U148440" i="1"/>
  <c r="U148439" i="1"/>
  <c r="U148438" i="1"/>
  <c r="U148437" i="1"/>
  <c r="U148436" i="1"/>
  <c r="U148435" i="1"/>
  <c r="U148434" i="1"/>
  <c r="U148433" i="1"/>
  <c r="U148432" i="1"/>
  <c r="U148431" i="1"/>
  <c r="U148430" i="1"/>
  <c r="U148429" i="1"/>
  <c r="U148428" i="1"/>
  <c r="U148427" i="1"/>
  <c r="U148426" i="1"/>
  <c r="U148425" i="1"/>
  <c r="U148424" i="1"/>
  <c r="U148423" i="1"/>
  <c r="U148422" i="1"/>
  <c r="U148421" i="1"/>
  <c r="U148420" i="1"/>
  <c r="U148419" i="1"/>
  <c r="U148418" i="1"/>
  <c r="U148417" i="1"/>
  <c r="U148416" i="1"/>
  <c r="U148415" i="1"/>
  <c r="U148414" i="1"/>
  <c r="U148413" i="1"/>
  <c r="U148412" i="1"/>
  <c r="U148411" i="1"/>
  <c r="U148410" i="1"/>
  <c r="U148409" i="1"/>
  <c r="U148408" i="1"/>
  <c r="U148407" i="1"/>
  <c r="U148406" i="1"/>
  <c r="U148405" i="1"/>
  <c r="U148404" i="1"/>
  <c r="U148403" i="1"/>
  <c r="U148402" i="1"/>
  <c r="U148401" i="1"/>
  <c r="U148400" i="1"/>
  <c r="U148399" i="1"/>
  <c r="U148398" i="1"/>
  <c r="U148397" i="1"/>
  <c r="U148396" i="1"/>
  <c r="U148395" i="1"/>
  <c r="U148394" i="1"/>
  <c r="U148393" i="1"/>
  <c r="U148392" i="1"/>
  <c r="U148391" i="1"/>
  <c r="U148390" i="1"/>
  <c r="U148389" i="1"/>
  <c r="U148388" i="1"/>
  <c r="U148387" i="1"/>
  <c r="U148386" i="1"/>
  <c r="U148385" i="1"/>
  <c r="U148384" i="1"/>
  <c r="U148383" i="1"/>
  <c r="U148382" i="1"/>
  <c r="U148381" i="1"/>
  <c r="U148380" i="1"/>
  <c r="U148379" i="1"/>
  <c r="U148378" i="1"/>
  <c r="U148377" i="1"/>
  <c r="U148376" i="1"/>
  <c r="U148375" i="1"/>
  <c r="U148374" i="1"/>
  <c r="U148373" i="1"/>
  <c r="U148372" i="1"/>
  <c r="U148371" i="1"/>
  <c r="U148370" i="1"/>
  <c r="U148369" i="1"/>
  <c r="U148368" i="1"/>
  <c r="U148367" i="1"/>
  <c r="U148366" i="1"/>
  <c r="U148365" i="1"/>
  <c r="U148364" i="1"/>
  <c r="U148363" i="1"/>
  <c r="U148362" i="1"/>
  <c r="U148361" i="1"/>
  <c r="U148360" i="1"/>
  <c r="U148359" i="1"/>
  <c r="U148358" i="1"/>
  <c r="U148357" i="1"/>
  <c r="U148356" i="1"/>
  <c r="U148355" i="1"/>
  <c r="U148354" i="1"/>
  <c r="U148353" i="1"/>
  <c r="U148352" i="1"/>
  <c r="U148351" i="1"/>
  <c r="U148350" i="1"/>
  <c r="U148349" i="1"/>
  <c r="U148348" i="1"/>
  <c r="U148347" i="1"/>
  <c r="U148346" i="1"/>
  <c r="U148345" i="1"/>
  <c r="U148344" i="1"/>
  <c r="U148343" i="1"/>
  <c r="U148342" i="1"/>
  <c r="U148341" i="1"/>
  <c r="U148340" i="1"/>
  <c r="U148339" i="1"/>
  <c r="U148338" i="1"/>
  <c r="U148337" i="1"/>
  <c r="U148336" i="1"/>
  <c r="U148335" i="1"/>
  <c r="U148334" i="1"/>
  <c r="U148333" i="1"/>
  <c r="U148332" i="1"/>
  <c r="U148331" i="1"/>
  <c r="U148330" i="1"/>
  <c r="U148329" i="1"/>
  <c r="U148328" i="1"/>
  <c r="U148327" i="1"/>
  <c r="U148326" i="1"/>
  <c r="U148325" i="1"/>
  <c r="U148324" i="1"/>
  <c r="U148323" i="1"/>
  <c r="U148322" i="1"/>
  <c r="U148321" i="1"/>
  <c r="U148320" i="1"/>
  <c r="U148319" i="1"/>
  <c r="U148318" i="1"/>
  <c r="U148317" i="1"/>
  <c r="U148316" i="1"/>
  <c r="U148315" i="1"/>
  <c r="U148314" i="1"/>
  <c r="U148313" i="1"/>
  <c r="U148312" i="1"/>
  <c r="U148311" i="1"/>
  <c r="U148310" i="1"/>
  <c r="U148309" i="1"/>
  <c r="U148308" i="1"/>
  <c r="U148307" i="1"/>
  <c r="U148306" i="1"/>
  <c r="U148305" i="1"/>
  <c r="U148304" i="1"/>
  <c r="U148303" i="1"/>
  <c r="U148302" i="1"/>
  <c r="U148301" i="1"/>
  <c r="U148300" i="1"/>
  <c r="U148299" i="1"/>
  <c r="U148298" i="1"/>
  <c r="U148297" i="1"/>
  <c r="U148296" i="1"/>
  <c r="U148295" i="1"/>
  <c r="U148294" i="1"/>
  <c r="U148293" i="1"/>
  <c r="U148292" i="1"/>
  <c r="U148291" i="1"/>
  <c r="U148290" i="1"/>
  <c r="U148289" i="1"/>
  <c r="U148288" i="1"/>
  <c r="U148287" i="1"/>
  <c r="U148286" i="1"/>
  <c r="U148285" i="1"/>
  <c r="U148284" i="1"/>
  <c r="U148283" i="1"/>
  <c r="U148282" i="1"/>
  <c r="U148281" i="1"/>
  <c r="U148280" i="1"/>
  <c r="U148279" i="1"/>
  <c r="U148278" i="1"/>
  <c r="U148277" i="1"/>
  <c r="U148276" i="1"/>
  <c r="U148275" i="1"/>
  <c r="U148274" i="1"/>
  <c r="U148273" i="1"/>
  <c r="U148272" i="1"/>
  <c r="U148271" i="1"/>
  <c r="U148270" i="1"/>
  <c r="U148269" i="1"/>
  <c r="U148268" i="1"/>
  <c r="U148267" i="1"/>
  <c r="U148266" i="1"/>
  <c r="U148265" i="1"/>
  <c r="U148264" i="1"/>
  <c r="U148263" i="1"/>
  <c r="U148262" i="1"/>
  <c r="U148261" i="1"/>
  <c r="U148260" i="1"/>
  <c r="U148259" i="1"/>
  <c r="U148258" i="1"/>
  <c r="U148257" i="1"/>
  <c r="U148256" i="1"/>
  <c r="U148255" i="1"/>
  <c r="U148254" i="1"/>
  <c r="U148253" i="1"/>
  <c r="U148252" i="1"/>
  <c r="U148251" i="1"/>
  <c r="U148250" i="1"/>
  <c r="U148249" i="1"/>
  <c r="U148248" i="1"/>
  <c r="U148247" i="1"/>
  <c r="U148246" i="1"/>
  <c r="U148245" i="1"/>
  <c r="U148244" i="1"/>
  <c r="U148243" i="1"/>
  <c r="U148242" i="1"/>
  <c r="U148241" i="1"/>
  <c r="U148240" i="1"/>
  <c r="U148239" i="1"/>
  <c r="U148238" i="1"/>
  <c r="U148237" i="1"/>
  <c r="U148236" i="1"/>
  <c r="U148235" i="1"/>
  <c r="U148234" i="1"/>
  <c r="U148233" i="1"/>
  <c r="U148232" i="1"/>
  <c r="U148231" i="1"/>
  <c r="U148230" i="1"/>
  <c r="U148229" i="1"/>
  <c r="U148228" i="1"/>
  <c r="U148227" i="1"/>
  <c r="U148226" i="1"/>
  <c r="U148225" i="1"/>
  <c r="U148224" i="1"/>
  <c r="U148223" i="1"/>
  <c r="U148222" i="1"/>
  <c r="U148221" i="1"/>
  <c r="U148220" i="1"/>
  <c r="U148219" i="1"/>
  <c r="U148218" i="1"/>
  <c r="U148217" i="1"/>
  <c r="U148216" i="1"/>
  <c r="U148215" i="1"/>
  <c r="U148214" i="1"/>
  <c r="U148213" i="1"/>
  <c r="U148212" i="1"/>
  <c r="U148211" i="1"/>
  <c r="U148210" i="1"/>
  <c r="U148209" i="1"/>
  <c r="U148208" i="1"/>
  <c r="U148207" i="1"/>
  <c r="U148206" i="1"/>
  <c r="U148205" i="1"/>
  <c r="U148204" i="1"/>
  <c r="U148203" i="1"/>
  <c r="U148202" i="1"/>
  <c r="U148201" i="1"/>
  <c r="U148200" i="1"/>
  <c r="U148199" i="1"/>
  <c r="U148198" i="1"/>
  <c r="U148197" i="1"/>
  <c r="U148196" i="1"/>
  <c r="U148195" i="1"/>
  <c r="U148194" i="1"/>
  <c r="U148193" i="1"/>
  <c r="U148192" i="1"/>
  <c r="U148191" i="1"/>
  <c r="U148190" i="1"/>
  <c r="U148189" i="1"/>
  <c r="U148188" i="1"/>
  <c r="U148187" i="1"/>
  <c r="U148186" i="1"/>
  <c r="U148185" i="1"/>
  <c r="U148184" i="1"/>
  <c r="U148183" i="1"/>
  <c r="U148182" i="1"/>
  <c r="U148181" i="1"/>
  <c r="U148180" i="1"/>
  <c r="U148179" i="1"/>
  <c r="U148178" i="1"/>
  <c r="U148177" i="1"/>
  <c r="U148176" i="1"/>
  <c r="U148175" i="1"/>
  <c r="U148174" i="1"/>
  <c r="U148173" i="1"/>
  <c r="U148172" i="1"/>
  <c r="U148171" i="1"/>
  <c r="U148170" i="1"/>
  <c r="U148169" i="1"/>
  <c r="U148168" i="1"/>
  <c r="U148167" i="1"/>
  <c r="U148166" i="1"/>
  <c r="U148165" i="1"/>
  <c r="U148164" i="1"/>
  <c r="U148163" i="1"/>
  <c r="U148162" i="1"/>
  <c r="U148161" i="1"/>
  <c r="U148160" i="1"/>
  <c r="U148159" i="1"/>
  <c r="U148158" i="1"/>
  <c r="U148157" i="1"/>
  <c r="U148156" i="1"/>
  <c r="U148155" i="1"/>
  <c r="U148154" i="1"/>
  <c r="U148153" i="1"/>
  <c r="U148152" i="1"/>
  <c r="U148151" i="1"/>
  <c r="U148150" i="1"/>
  <c r="U148149" i="1"/>
  <c r="U148148" i="1"/>
  <c r="U148147" i="1"/>
  <c r="U148146" i="1"/>
  <c r="U148145" i="1"/>
  <c r="U148144" i="1"/>
  <c r="U148143" i="1"/>
  <c r="U148142" i="1"/>
  <c r="U148141" i="1"/>
  <c r="U148140" i="1"/>
  <c r="U148139" i="1"/>
  <c r="U148138" i="1"/>
  <c r="U148137" i="1"/>
  <c r="U148136" i="1"/>
  <c r="U148135" i="1"/>
  <c r="U148134" i="1"/>
  <c r="U148133" i="1"/>
  <c r="U148132" i="1"/>
  <c r="U148131" i="1"/>
  <c r="U148130" i="1"/>
  <c r="U148129" i="1"/>
  <c r="U148128" i="1"/>
  <c r="U148127" i="1"/>
  <c r="U148126" i="1"/>
  <c r="U148125" i="1"/>
  <c r="U148124" i="1"/>
  <c r="U148123" i="1"/>
  <c r="U148122" i="1"/>
  <c r="U148121" i="1"/>
  <c r="U148120" i="1"/>
  <c r="U148119" i="1"/>
  <c r="U148118" i="1"/>
  <c r="U148117" i="1"/>
  <c r="U148116" i="1"/>
  <c r="U148115" i="1"/>
  <c r="U148114" i="1"/>
  <c r="U148113" i="1"/>
  <c r="U148112" i="1"/>
  <c r="U148111" i="1"/>
  <c r="U148110" i="1"/>
  <c r="U148109" i="1"/>
  <c r="U148108" i="1"/>
  <c r="U148107" i="1"/>
  <c r="U148106" i="1"/>
  <c r="U148105" i="1"/>
  <c r="U148104" i="1"/>
  <c r="U148103" i="1"/>
  <c r="U148102" i="1"/>
  <c r="U148101" i="1"/>
  <c r="U148100" i="1"/>
  <c r="U148099" i="1"/>
  <c r="U148098" i="1"/>
  <c r="U148097" i="1"/>
  <c r="U148096" i="1"/>
  <c r="U148095" i="1"/>
  <c r="U148094" i="1"/>
  <c r="U148093" i="1"/>
  <c r="U148092" i="1"/>
  <c r="U148091" i="1"/>
  <c r="U148090" i="1"/>
  <c r="U148089" i="1"/>
  <c r="U148088" i="1"/>
  <c r="U148087" i="1"/>
  <c r="U148086" i="1"/>
  <c r="U148085" i="1"/>
  <c r="U148084" i="1"/>
  <c r="U148083" i="1"/>
  <c r="U148082" i="1"/>
  <c r="U148081" i="1"/>
  <c r="U148080" i="1"/>
  <c r="U148079" i="1"/>
  <c r="U148078" i="1"/>
  <c r="U148077" i="1"/>
  <c r="U148076" i="1"/>
  <c r="U148075" i="1"/>
  <c r="U148074" i="1"/>
  <c r="U148073" i="1"/>
  <c r="U148072" i="1"/>
  <c r="U148071" i="1"/>
  <c r="U148070" i="1"/>
  <c r="U148069" i="1"/>
  <c r="U148068" i="1"/>
  <c r="U148067" i="1"/>
  <c r="U148066" i="1"/>
  <c r="U148065" i="1"/>
  <c r="U148064" i="1"/>
  <c r="U148063" i="1"/>
  <c r="U148062" i="1"/>
  <c r="U148061" i="1"/>
  <c r="U148060" i="1"/>
  <c r="U148059" i="1"/>
  <c r="U148058" i="1"/>
  <c r="U148057" i="1"/>
  <c r="U148056" i="1"/>
  <c r="U148055" i="1"/>
  <c r="U148054" i="1"/>
  <c r="U148053" i="1"/>
  <c r="U148052" i="1"/>
  <c r="U148051" i="1"/>
  <c r="U148050" i="1"/>
  <c r="U148049" i="1"/>
  <c r="U148048" i="1"/>
  <c r="U148047" i="1"/>
  <c r="U148046" i="1"/>
  <c r="U148045" i="1"/>
  <c r="U148044" i="1"/>
  <c r="U148043" i="1"/>
  <c r="U148042" i="1"/>
  <c r="U148041" i="1"/>
  <c r="U148040" i="1"/>
  <c r="U148039" i="1"/>
  <c r="U148038" i="1"/>
  <c r="U148037" i="1"/>
  <c r="U148036" i="1"/>
  <c r="U148035" i="1"/>
  <c r="U148034" i="1"/>
  <c r="U148033" i="1"/>
  <c r="U148032" i="1"/>
  <c r="U148031" i="1"/>
  <c r="U148030" i="1"/>
  <c r="U148029" i="1"/>
  <c r="U148028" i="1"/>
  <c r="U148027" i="1"/>
  <c r="U148026" i="1"/>
  <c r="U148025" i="1"/>
  <c r="U148024" i="1"/>
  <c r="U148023" i="1"/>
  <c r="U148022" i="1"/>
  <c r="U148021" i="1"/>
  <c r="U148020" i="1"/>
  <c r="U148019" i="1"/>
  <c r="U148018" i="1"/>
  <c r="U148017" i="1"/>
  <c r="U148016" i="1"/>
  <c r="U148015" i="1"/>
  <c r="U148014" i="1"/>
  <c r="U148013" i="1"/>
  <c r="U148012" i="1"/>
  <c r="U148011" i="1"/>
  <c r="U148010" i="1"/>
  <c r="U148009" i="1"/>
  <c r="U148008" i="1"/>
  <c r="U148007" i="1"/>
  <c r="U148006" i="1"/>
  <c r="U148005" i="1"/>
  <c r="U148004" i="1"/>
  <c r="U148003" i="1"/>
  <c r="U148002" i="1"/>
  <c r="U148001" i="1"/>
  <c r="U148000" i="1"/>
  <c r="U147999" i="1"/>
  <c r="U147998" i="1"/>
  <c r="U147997" i="1"/>
  <c r="U147996" i="1"/>
  <c r="U147995" i="1"/>
  <c r="U147994" i="1"/>
  <c r="U147993" i="1"/>
  <c r="U147992" i="1"/>
  <c r="U147991" i="1"/>
  <c r="U147990" i="1"/>
  <c r="U147989" i="1"/>
  <c r="U147988" i="1"/>
  <c r="U147987" i="1"/>
  <c r="U147986" i="1"/>
  <c r="U147985" i="1"/>
  <c r="U147984" i="1"/>
  <c r="U147983" i="1"/>
  <c r="U147982" i="1"/>
  <c r="U147981" i="1"/>
  <c r="U147980" i="1"/>
  <c r="U147979" i="1"/>
  <c r="U147978" i="1"/>
  <c r="U147977" i="1"/>
  <c r="U147976" i="1"/>
  <c r="U147975" i="1"/>
  <c r="U147974" i="1"/>
  <c r="U147973" i="1"/>
  <c r="U147972" i="1"/>
  <c r="U147971" i="1"/>
  <c r="U147970" i="1"/>
  <c r="U147969" i="1"/>
  <c r="U147968" i="1"/>
  <c r="U147967" i="1"/>
  <c r="U147966" i="1"/>
  <c r="U147965" i="1"/>
  <c r="U147964" i="1"/>
  <c r="U147963" i="1"/>
  <c r="U147962" i="1"/>
  <c r="U147961" i="1"/>
  <c r="U147960" i="1"/>
  <c r="U147959" i="1"/>
  <c r="U147958" i="1"/>
  <c r="U147957" i="1"/>
  <c r="U147956" i="1"/>
  <c r="U147955" i="1"/>
  <c r="U147954" i="1"/>
  <c r="U147953" i="1"/>
  <c r="U147952" i="1"/>
  <c r="U147951" i="1"/>
  <c r="U147950" i="1"/>
  <c r="U147949" i="1"/>
  <c r="U147948" i="1"/>
  <c r="U147947" i="1"/>
  <c r="U147946" i="1"/>
  <c r="U147945" i="1"/>
  <c r="U147944" i="1"/>
  <c r="U147943" i="1"/>
  <c r="U147942" i="1"/>
  <c r="U147941" i="1"/>
  <c r="U147940" i="1"/>
  <c r="U147939" i="1"/>
  <c r="U147938" i="1"/>
  <c r="U147937" i="1"/>
  <c r="U147936" i="1"/>
  <c r="U147935" i="1"/>
  <c r="U147934" i="1"/>
  <c r="U147933" i="1"/>
  <c r="U147932" i="1"/>
  <c r="U147931" i="1"/>
  <c r="U147930" i="1"/>
  <c r="U147929" i="1"/>
  <c r="U147928" i="1"/>
  <c r="U147927" i="1"/>
  <c r="U147926" i="1"/>
  <c r="U147925" i="1"/>
  <c r="U147924" i="1"/>
  <c r="U147923" i="1"/>
  <c r="U147922" i="1"/>
  <c r="U147921" i="1"/>
  <c r="U147920" i="1"/>
  <c r="U147919" i="1"/>
  <c r="U147918" i="1"/>
  <c r="U147917" i="1"/>
  <c r="U147916" i="1"/>
  <c r="U147915" i="1"/>
  <c r="U147914" i="1"/>
  <c r="U147913" i="1"/>
  <c r="U147912" i="1"/>
  <c r="U147911" i="1"/>
  <c r="U147910" i="1"/>
  <c r="U147909" i="1"/>
  <c r="U147908" i="1"/>
  <c r="U147907" i="1"/>
  <c r="U147906" i="1"/>
  <c r="U147905" i="1"/>
  <c r="U147904" i="1"/>
  <c r="U147903" i="1"/>
  <c r="U147902" i="1"/>
  <c r="U147901" i="1"/>
  <c r="U147900" i="1"/>
  <c r="U147899" i="1"/>
  <c r="U147898" i="1"/>
  <c r="U147897" i="1"/>
  <c r="U147896" i="1"/>
  <c r="U147895" i="1"/>
  <c r="U147894" i="1"/>
  <c r="U147893" i="1"/>
  <c r="U147892" i="1"/>
  <c r="U147891" i="1"/>
  <c r="U147890" i="1"/>
  <c r="U147889" i="1"/>
  <c r="U147888" i="1"/>
  <c r="U147887" i="1"/>
  <c r="U147886" i="1"/>
  <c r="U147885" i="1"/>
  <c r="U147884" i="1"/>
  <c r="U147883" i="1"/>
  <c r="U147882" i="1"/>
  <c r="U147881" i="1"/>
  <c r="U147880" i="1"/>
  <c r="U147879" i="1"/>
  <c r="U147878" i="1"/>
  <c r="U147877" i="1"/>
  <c r="U147876" i="1"/>
  <c r="U147875" i="1"/>
  <c r="U147874" i="1"/>
  <c r="U147873" i="1"/>
  <c r="U147872" i="1"/>
  <c r="U147871" i="1"/>
  <c r="U147870" i="1"/>
  <c r="U147869" i="1"/>
  <c r="U147868" i="1"/>
  <c r="U147867" i="1"/>
  <c r="U147866" i="1"/>
  <c r="U147865" i="1"/>
  <c r="U147864" i="1"/>
  <c r="U147863" i="1"/>
  <c r="U147862" i="1"/>
  <c r="U147861" i="1"/>
  <c r="U147860" i="1"/>
  <c r="U147859" i="1"/>
  <c r="U147858" i="1"/>
  <c r="U147857" i="1"/>
  <c r="U147856" i="1"/>
  <c r="U147855" i="1"/>
  <c r="U147854" i="1"/>
  <c r="U147853" i="1"/>
  <c r="U147852" i="1"/>
  <c r="U147851" i="1"/>
  <c r="U147850" i="1"/>
  <c r="U147849" i="1"/>
  <c r="U147848" i="1"/>
  <c r="U147847" i="1"/>
  <c r="U147846" i="1"/>
  <c r="U147845" i="1"/>
  <c r="U147844" i="1"/>
  <c r="U147843" i="1"/>
  <c r="U147842" i="1"/>
  <c r="U147841" i="1"/>
  <c r="U147840" i="1"/>
  <c r="U147839" i="1"/>
  <c r="U147838" i="1"/>
  <c r="U147837" i="1"/>
  <c r="U147836" i="1"/>
  <c r="U147835" i="1"/>
  <c r="U147834" i="1"/>
  <c r="U147833" i="1"/>
  <c r="U147832" i="1"/>
  <c r="U147831" i="1"/>
  <c r="U147830" i="1"/>
  <c r="U147829" i="1"/>
  <c r="U147828" i="1"/>
  <c r="U147827" i="1"/>
  <c r="U147826" i="1"/>
  <c r="U147825" i="1"/>
  <c r="U147824" i="1"/>
  <c r="U147823" i="1"/>
  <c r="U147822" i="1"/>
  <c r="U147821" i="1"/>
  <c r="U147820" i="1"/>
  <c r="U147819" i="1"/>
  <c r="U147818" i="1"/>
  <c r="U147817" i="1"/>
  <c r="U147816" i="1"/>
  <c r="U147815" i="1"/>
  <c r="U147814" i="1"/>
  <c r="U147813" i="1"/>
  <c r="U147812" i="1"/>
  <c r="U147811" i="1"/>
  <c r="U147810" i="1"/>
  <c r="U147809" i="1"/>
  <c r="U147808" i="1"/>
  <c r="U147807" i="1"/>
  <c r="U147806" i="1"/>
  <c r="U147805" i="1"/>
  <c r="U147804" i="1"/>
  <c r="U147803" i="1"/>
  <c r="U147802" i="1"/>
  <c r="U147801" i="1"/>
  <c r="U147800" i="1"/>
  <c r="U147799" i="1"/>
  <c r="U147798" i="1"/>
  <c r="U147797" i="1"/>
  <c r="U147796" i="1"/>
  <c r="U147795" i="1"/>
  <c r="U147794" i="1"/>
  <c r="U147793" i="1"/>
  <c r="U147792" i="1"/>
  <c r="U147791" i="1"/>
  <c r="U147790" i="1"/>
  <c r="U147789" i="1"/>
  <c r="U147788" i="1"/>
  <c r="U147787" i="1"/>
  <c r="U147786" i="1"/>
  <c r="U147785" i="1"/>
  <c r="U147784" i="1"/>
  <c r="U147783" i="1"/>
  <c r="U147782" i="1"/>
  <c r="U147781" i="1"/>
  <c r="U147780" i="1"/>
  <c r="U147779" i="1"/>
  <c r="U147778" i="1"/>
  <c r="U147777" i="1"/>
  <c r="U147776" i="1"/>
  <c r="U147775" i="1"/>
  <c r="U147774" i="1"/>
  <c r="U147773" i="1"/>
  <c r="U147772" i="1"/>
  <c r="U147771" i="1"/>
  <c r="U147770" i="1"/>
  <c r="U147769" i="1"/>
  <c r="U147768" i="1"/>
  <c r="U147767" i="1"/>
  <c r="U147766" i="1"/>
  <c r="U147765" i="1"/>
  <c r="U147764" i="1"/>
  <c r="U147763" i="1"/>
  <c r="U147762" i="1"/>
  <c r="U147761" i="1"/>
  <c r="U147760" i="1"/>
  <c r="U147759" i="1"/>
  <c r="U147758" i="1"/>
  <c r="U147757" i="1"/>
  <c r="U147756" i="1"/>
  <c r="U147755" i="1"/>
  <c r="U147754" i="1"/>
  <c r="U147753" i="1"/>
  <c r="U147752" i="1"/>
  <c r="U147751" i="1"/>
  <c r="U147750" i="1"/>
  <c r="U147749" i="1"/>
  <c r="U147748" i="1"/>
  <c r="U147747" i="1"/>
  <c r="U147746" i="1"/>
  <c r="U147745" i="1"/>
  <c r="U147744" i="1"/>
  <c r="U147743" i="1"/>
  <c r="U147742" i="1"/>
  <c r="U147741" i="1"/>
  <c r="U147740" i="1"/>
  <c r="U147739" i="1"/>
  <c r="U147738" i="1"/>
  <c r="U147737" i="1"/>
  <c r="U147736" i="1"/>
  <c r="U147735" i="1"/>
  <c r="U147734" i="1"/>
  <c r="U147733" i="1"/>
  <c r="U147732" i="1"/>
  <c r="U147731" i="1"/>
  <c r="U147730" i="1"/>
  <c r="U147729" i="1"/>
  <c r="U147728" i="1"/>
  <c r="U147727" i="1"/>
  <c r="U147726" i="1"/>
  <c r="U147725" i="1"/>
  <c r="U147724" i="1"/>
  <c r="U147723" i="1"/>
  <c r="U147722" i="1"/>
  <c r="U147721" i="1"/>
  <c r="U147720" i="1"/>
  <c r="U147719" i="1"/>
  <c r="U147718" i="1"/>
  <c r="U147717" i="1"/>
  <c r="U147716" i="1"/>
  <c r="U147715" i="1"/>
  <c r="U147714" i="1"/>
  <c r="U147713" i="1"/>
  <c r="U147712" i="1"/>
  <c r="U147711" i="1"/>
  <c r="U147710" i="1"/>
  <c r="U147709" i="1"/>
  <c r="U147708" i="1"/>
  <c r="U147707" i="1"/>
  <c r="U147706" i="1"/>
  <c r="U147705" i="1"/>
  <c r="U147704" i="1"/>
  <c r="U147703" i="1"/>
  <c r="U147702" i="1"/>
  <c r="U147701" i="1"/>
  <c r="U147700" i="1"/>
  <c r="U147699" i="1"/>
  <c r="U147698" i="1"/>
  <c r="U147697" i="1"/>
  <c r="U147696" i="1"/>
  <c r="U147695" i="1"/>
  <c r="U147694" i="1"/>
  <c r="U147693" i="1"/>
  <c r="U147692" i="1"/>
  <c r="U147691" i="1"/>
  <c r="U147690" i="1"/>
  <c r="U147689" i="1"/>
  <c r="U147688" i="1"/>
  <c r="U147687" i="1"/>
  <c r="U147686" i="1"/>
  <c r="U147685" i="1"/>
  <c r="U147684" i="1"/>
  <c r="U147683" i="1"/>
  <c r="U147682" i="1"/>
  <c r="U147681" i="1"/>
  <c r="U147680" i="1"/>
  <c r="U147679" i="1"/>
  <c r="U147678" i="1"/>
  <c r="U147677" i="1"/>
  <c r="U147676" i="1"/>
  <c r="U147675" i="1"/>
  <c r="U147674" i="1"/>
  <c r="U147673" i="1"/>
  <c r="U147672" i="1"/>
  <c r="U147671" i="1"/>
  <c r="U147670" i="1"/>
  <c r="U147669" i="1"/>
  <c r="U147668" i="1"/>
  <c r="U147667" i="1"/>
  <c r="U147666" i="1"/>
  <c r="U147665" i="1"/>
  <c r="U147664" i="1"/>
  <c r="U147663" i="1"/>
  <c r="U147662" i="1"/>
  <c r="U147661" i="1"/>
  <c r="U147660" i="1"/>
  <c r="U147659" i="1"/>
  <c r="U147658" i="1"/>
  <c r="U147657" i="1"/>
  <c r="U147656" i="1"/>
  <c r="U147655" i="1"/>
  <c r="U147654" i="1"/>
  <c r="U147653" i="1"/>
  <c r="U147652" i="1"/>
  <c r="U147651" i="1"/>
  <c r="U147650" i="1"/>
  <c r="U147649" i="1"/>
  <c r="U147648" i="1"/>
  <c r="U147647" i="1"/>
  <c r="U147646" i="1"/>
  <c r="U147645" i="1"/>
  <c r="U147644" i="1"/>
  <c r="U147643" i="1"/>
  <c r="U147642" i="1"/>
  <c r="U147641" i="1"/>
  <c r="U147640" i="1"/>
  <c r="U147639" i="1"/>
  <c r="U147638" i="1"/>
  <c r="U147637" i="1"/>
  <c r="U147636" i="1"/>
  <c r="U147635" i="1"/>
  <c r="U147634" i="1"/>
  <c r="U147633" i="1"/>
  <c r="U147632" i="1"/>
  <c r="U147631" i="1"/>
  <c r="U147630" i="1"/>
  <c r="U147629" i="1"/>
  <c r="U147628" i="1"/>
  <c r="U147627" i="1"/>
  <c r="U147626" i="1"/>
  <c r="U147625" i="1"/>
  <c r="U147624" i="1"/>
  <c r="U147623" i="1"/>
  <c r="U147622" i="1"/>
  <c r="U147621" i="1"/>
  <c r="U147620" i="1"/>
  <c r="U147619" i="1"/>
  <c r="U147618" i="1"/>
  <c r="U147617" i="1"/>
  <c r="U147616" i="1"/>
  <c r="U147615" i="1"/>
  <c r="U147614" i="1"/>
  <c r="U147613" i="1"/>
  <c r="U147612" i="1"/>
  <c r="U147611" i="1"/>
  <c r="U147610" i="1"/>
  <c r="U147609" i="1"/>
  <c r="U147608" i="1"/>
  <c r="U147607" i="1"/>
  <c r="U147606" i="1"/>
  <c r="U147605" i="1"/>
  <c r="U147604" i="1"/>
  <c r="U147603" i="1"/>
  <c r="U147602" i="1"/>
  <c r="U147601" i="1"/>
  <c r="U147600" i="1"/>
  <c r="U147599" i="1"/>
  <c r="U147598" i="1"/>
  <c r="U147597" i="1"/>
  <c r="U147596" i="1"/>
  <c r="U147595" i="1"/>
  <c r="U147594" i="1"/>
  <c r="U147593" i="1"/>
  <c r="U147592" i="1"/>
  <c r="U147591" i="1"/>
  <c r="U147590" i="1"/>
  <c r="U147589" i="1"/>
  <c r="U147588" i="1"/>
  <c r="U147587" i="1"/>
  <c r="U147586" i="1"/>
  <c r="U147585" i="1"/>
  <c r="U147584" i="1"/>
  <c r="U147583" i="1"/>
  <c r="U147582" i="1"/>
  <c r="U147581" i="1"/>
  <c r="U147580" i="1"/>
  <c r="U147579" i="1"/>
  <c r="U147578" i="1"/>
  <c r="U147577" i="1"/>
  <c r="U147576" i="1"/>
  <c r="U147575" i="1"/>
  <c r="U147574" i="1"/>
  <c r="U147573" i="1"/>
  <c r="U147572" i="1"/>
  <c r="U147571" i="1"/>
  <c r="U147570" i="1"/>
  <c r="U147569" i="1"/>
  <c r="U147568" i="1"/>
  <c r="U147567" i="1"/>
  <c r="U147566" i="1"/>
  <c r="U147565" i="1"/>
  <c r="U147564" i="1"/>
  <c r="U147563" i="1"/>
  <c r="U147562" i="1"/>
  <c r="U147561" i="1"/>
  <c r="U147560" i="1"/>
  <c r="U147559" i="1"/>
  <c r="U147558" i="1"/>
  <c r="U147557" i="1"/>
  <c r="U147556" i="1"/>
  <c r="U147555" i="1"/>
  <c r="U147554" i="1"/>
  <c r="U147553" i="1"/>
  <c r="U147552" i="1"/>
  <c r="U147551" i="1"/>
  <c r="U147550" i="1"/>
  <c r="U147549" i="1"/>
  <c r="U147548" i="1"/>
  <c r="U147547" i="1"/>
  <c r="U147546" i="1"/>
  <c r="U147545" i="1"/>
  <c r="U147544" i="1"/>
  <c r="U147543" i="1"/>
  <c r="U147542" i="1"/>
  <c r="U147541" i="1"/>
  <c r="U147540" i="1"/>
  <c r="U147539" i="1"/>
  <c r="U147538" i="1"/>
  <c r="U147537" i="1"/>
  <c r="U147536" i="1"/>
  <c r="U147535" i="1"/>
  <c r="U147534" i="1"/>
  <c r="U147533" i="1"/>
  <c r="U147532" i="1"/>
  <c r="U147531" i="1"/>
  <c r="U147530" i="1"/>
  <c r="U147529" i="1"/>
  <c r="U147528" i="1"/>
  <c r="U147527" i="1"/>
  <c r="U147526" i="1"/>
  <c r="U147525" i="1"/>
  <c r="U147524" i="1"/>
  <c r="U147523" i="1"/>
  <c r="U147522" i="1"/>
  <c r="U147521" i="1"/>
  <c r="U147520" i="1"/>
  <c r="U147519" i="1"/>
  <c r="U147518" i="1"/>
  <c r="U147517" i="1"/>
  <c r="U147516" i="1"/>
  <c r="U147515" i="1"/>
  <c r="U147514" i="1"/>
  <c r="U147513" i="1"/>
  <c r="U147512" i="1"/>
  <c r="U147511" i="1"/>
  <c r="U147510" i="1"/>
  <c r="U147509" i="1"/>
  <c r="U147508" i="1"/>
  <c r="U147507" i="1"/>
  <c r="U147506" i="1"/>
  <c r="U147505" i="1"/>
  <c r="U147504" i="1"/>
  <c r="U147503" i="1"/>
  <c r="U147502" i="1"/>
  <c r="U147501" i="1"/>
  <c r="U147500" i="1"/>
  <c r="U147499" i="1"/>
  <c r="U147498" i="1"/>
  <c r="U147497" i="1"/>
  <c r="U147496" i="1"/>
  <c r="U147495" i="1"/>
  <c r="U147494" i="1"/>
  <c r="U147493" i="1"/>
  <c r="U147492" i="1"/>
  <c r="U147491" i="1"/>
  <c r="U147490" i="1"/>
  <c r="U147489" i="1"/>
  <c r="U147488" i="1"/>
  <c r="U147487" i="1"/>
  <c r="U147486" i="1"/>
  <c r="U147485" i="1"/>
  <c r="U147484" i="1"/>
  <c r="U147483" i="1"/>
  <c r="U147482" i="1"/>
  <c r="U147481" i="1"/>
  <c r="U147480" i="1"/>
  <c r="U147479" i="1"/>
  <c r="U147478" i="1"/>
  <c r="U147477" i="1"/>
  <c r="U147476" i="1"/>
  <c r="U147475" i="1"/>
  <c r="U147474" i="1"/>
  <c r="U147473" i="1"/>
  <c r="U147472" i="1"/>
  <c r="U147471" i="1"/>
  <c r="U147470" i="1"/>
  <c r="U147469" i="1"/>
  <c r="U147468" i="1"/>
  <c r="U147467" i="1"/>
  <c r="U147466" i="1"/>
  <c r="U147465" i="1"/>
  <c r="U147464" i="1"/>
  <c r="U147463" i="1"/>
  <c r="U147462" i="1"/>
  <c r="U147461" i="1"/>
  <c r="U147460" i="1"/>
  <c r="U147459" i="1"/>
  <c r="U147458" i="1"/>
  <c r="U147457" i="1"/>
  <c r="U147456" i="1"/>
  <c r="U147455" i="1"/>
  <c r="U147454" i="1"/>
  <c r="U147453" i="1"/>
  <c r="U147452" i="1"/>
  <c r="U147451" i="1"/>
  <c r="U147450" i="1"/>
  <c r="U147449" i="1"/>
  <c r="U147448" i="1"/>
  <c r="U147447" i="1"/>
  <c r="U147446" i="1"/>
  <c r="U147445" i="1"/>
  <c r="U147444" i="1"/>
  <c r="U147443" i="1"/>
  <c r="U147442" i="1"/>
  <c r="U147441" i="1"/>
  <c r="U147440" i="1"/>
  <c r="U147439" i="1"/>
  <c r="U147438" i="1"/>
  <c r="U147437" i="1"/>
  <c r="U147436" i="1"/>
  <c r="U147435" i="1"/>
  <c r="U147434" i="1"/>
  <c r="U147433" i="1"/>
  <c r="U147432" i="1"/>
  <c r="U147431" i="1"/>
  <c r="U147430" i="1"/>
  <c r="U147429" i="1"/>
  <c r="U147428" i="1"/>
  <c r="U147427" i="1"/>
  <c r="U147426" i="1"/>
  <c r="U147425" i="1"/>
  <c r="U147424" i="1"/>
  <c r="U147423" i="1"/>
  <c r="U147422" i="1"/>
  <c r="U147421" i="1"/>
  <c r="U147420" i="1"/>
  <c r="U147419" i="1"/>
  <c r="U147418" i="1"/>
  <c r="U147417" i="1"/>
  <c r="U147416" i="1"/>
  <c r="U147415" i="1"/>
  <c r="U147414" i="1"/>
  <c r="U147413" i="1"/>
  <c r="U147412" i="1"/>
  <c r="U147411" i="1"/>
  <c r="U147410" i="1"/>
  <c r="U147409" i="1"/>
  <c r="U147408" i="1"/>
  <c r="U147407" i="1"/>
  <c r="U147406" i="1"/>
  <c r="U147405" i="1"/>
  <c r="U147404" i="1"/>
  <c r="U147403" i="1"/>
  <c r="U147402" i="1"/>
  <c r="U147401" i="1"/>
  <c r="U147400" i="1"/>
  <c r="U147399" i="1"/>
  <c r="U147398" i="1"/>
  <c r="U147397" i="1"/>
  <c r="U147396" i="1"/>
  <c r="U147395" i="1"/>
  <c r="U147394" i="1"/>
  <c r="U147393" i="1"/>
  <c r="U147392" i="1"/>
  <c r="U147391" i="1"/>
  <c r="U147390" i="1"/>
  <c r="U147389" i="1"/>
  <c r="U147388" i="1"/>
  <c r="U147387" i="1"/>
  <c r="U147386" i="1"/>
  <c r="U147385" i="1"/>
  <c r="U147384" i="1"/>
  <c r="U147383" i="1"/>
  <c r="U147382" i="1"/>
  <c r="U147381" i="1"/>
  <c r="U147380" i="1"/>
  <c r="U147379" i="1"/>
  <c r="U147378" i="1"/>
  <c r="U147377" i="1"/>
  <c r="U147376" i="1"/>
  <c r="U147375" i="1"/>
  <c r="U147374" i="1"/>
  <c r="U147373" i="1"/>
  <c r="U147372" i="1"/>
  <c r="U147371" i="1"/>
  <c r="U147370" i="1"/>
  <c r="U147369" i="1"/>
  <c r="U147368" i="1"/>
  <c r="U147367" i="1"/>
  <c r="U147366" i="1"/>
  <c r="U147365" i="1"/>
  <c r="U147364" i="1"/>
  <c r="U147363" i="1"/>
  <c r="U147362" i="1"/>
  <c r="U147361" i="1"/>
  <c r="U147360" i="1"/>
  <c r="U147359" i="1"/>
  <c r="U147358" i="1"/>
  <c r="U147357" i="1"/>
  <c r="U147356" i="1"/>
  <c r="U147355" i="1"/>
  <c r="U147354" i="1"/>
  <c r="U147353" i="1"/>
  <c r="U147352" i="1"/>
  <c r="U147351" i="1"/>
  <c r="U147350" i="1"/>
  <c r="U147349" i="1"/>
  <c r="U147348" i="1"/>
  <c r="U147347" i="1"/>
  <c r="U147346" i="1"/>
  <c r="U147345" i="1"/>
  <c r="U147344" i="1"/>
  <c r="U147343" i="1"/>
  <c r="U147342" i="1"/>
  <c r="U147341" i="1"/>
  <c r="U147340" i="1"/>
  <c r="U147339" i="1"/>
  <c r="U147338" i="1"/>
  <c r="U147337" i="1"/>
  <c r="U147336" i="1"/>
  <c r="U147335" i="1"/>
  <c r="U147334" i="1"/>
  <c r="U147333" i="1"/>
  <c r="U147332" i="1"/>
  <c r="U147331" i="1"/>
  <c r="U147330" i="1"/>
  <c r="U147329" i="1"/>
  <c r="U147328" i="1"/>
  <c r="U147327" i="1"/>
  <c r="U147326" i="1"/>
  <c r="U147325" i="1"/>
  <c r="U147324" i="1"/>
  <c r="U147323" i="1"/>
  <c r="U147322" i="1"/>
  <c r="U147321" i="1"/>
  <c r="U147320" i="1"/>
  <c r="U147319" i="1"/>
  <c r="U147318" i="1"/>
  <c r="U147317" i="1"/>
  <c r="U147316" i="1"/>
  <c r="U147315" i="1"/>
  <c r="U147314" i="1"/>
  <c r="U147313" i="1"/>
  <c r="U147312" i="1"/>
  <c r="U147311" i="1"/>
  <c r="U147310" i="1"/>
  <c r="U147309" i="1"/>
  <c r="U147308" i="1"/>
  <c r="U147307" i="1"/>
  <c r="U147306" i="1"/>
  <c r="U147305" i="1"/>
  <c r="U147304" i="1"/>
  <c r="U147303" i="1"/>
  <c r="U147302" i="1"/>
  <c r="U147301" i="1"/>
  <c r="U147300" i="1"/>
  <c r="U147299" i="1"/>
  <c r="U147298" i="1"/>
  <c r="U147297" i="1"/>
  <c r="U147296" i="1"/>
  <c r="U147295" i="1"/>
  <c r="U147294" i="1"/>
  <c r="U147293" i="1"/>
  <c r="U147292" i="1"/>
  <c r="U147291" i="1"/>
  <c r="U147290" i="1"/>
  <c r="U147289" i="1"/>
  <c r="U147288" i="1"/>
  <c r="U147287" i="1"/>
  <c r="U147286" i="1"/>
  <c r="U147285" i="1"/>
  <c r="U147284" i="1"/>
  <c r="U147283" i="1"/>
  <c r="U147282" i="1"/>
  <c r="U147281" i="1"/>
  <c r="U147280" i="1"/>
  <c r="U147279" i="1"/>
  <c r="U147278" i="1"/>
  <c r="U147277" i="1"/>
  <c r="U147276" i="1"/>
  <c r="U147275" i="1"/>
  <c r="U147274" i="1"/>
  <c r="U147273" i="1"/>
  <c r="U147272" i="1"/>
  <c r="U147271" i="1"/>
  <c r="U147270" i="1"/>
  <c r="U147269" i="1"/>
  <c r="U147268" i="1"/>
  <c r="U147267" i="1"/>
  <c r="U147266" i="1"/>
  <c r="U147265" i="1"/>
  <c r="U147264" i="1"/>
  <c r="U147263" i="1"/>
  <c r="U147262" i="1"/>
  <c r="U147261" i="1"/>
  <c r="U147260" i="1"/>
  <c r="U147259" i="1"/>
  <c r="U147258" i="1"/>
  <c r="U147257" i="1"/>
  <c r="U147256" i="1"/>
  <c r="U147255" i="1"/>
  <c r="U147254" i="1"/>
  <c r="U147253" i="1"/>
  <c r="U147252" i="1"/>
  <c r="U147251" i="1"/>
  <c r="U147250" i="1"/>
  <c r="U147249" i="1"/>
  <c r="U147248" i="1"/>
  <c r="U147247" i="1"/>
  <c r="U147246" i="1"/>
  <c r="U147245" i="1"/>
  <c r="U147244" i="1"/>
  <c r="U147243" i="1"/>
  <c r="U147242" i="1"/>
  <c r="U147241" i="1"/>
  <c r="U147240" i="1"/>
  <c r="U147239" i="1"/>
  <c r="U147238" i="1"/>
  <c r="U147237" i="1"/>
  <c r="U147236" i="1"/>
  <c r="U147235" i="1"/>
  <c r="U147234" i="1"/>
  <c r="U147233" i="1"/>
  <c r="U147232" i="1"/>
  <c r="U147231" i="1"/>
  <c r="U147230" i="1"/>
  <c r="U147229" i="1"/>
  <c r="U147228" i="1"/>
  <c r="U147227" i="1"/>
  <c r="U147226" i="1"/>
  <c r="U147225" i="1"/>
  <c r="U147224" i="1"/>
  <c r="U147223" i="1"/>
  <c r="U147222" i="1"/>
  <c r="U147221" i="1"/>
  <c r="U147220" i="1"/>
  <c r="U147219" i="1"/>
  <c r="U147218" i="1"/>
  <c r="U147217" i="1"/>
  <c r="U147216" i="1"/>
  <c r="U147215" i="1"/>
  <c r="U147214" i="1"/>
  <c r="U147213" i="1"/>
  <c r="U147212" i="1"/>
  <c r="U147211" i="1"/>
  <c r="U147210" i="1"/>
  <c r="U147209" i="1"/>
  <c r="U147208" i="1"/>
  <c r="U147207" i="1"/>
  <c r="U147206" i="1"/>
  <c r="U147205" i="1"/>
  <c r="U147204" i="1"/>
  <c r="U147203" i="1"/>
  <c r="U147202" i="1"/>
  <c r="U147201" i="1"/>
  <c r="U147200" i="1"/>
  <c r="U147199" i="1"/>
  <c r="U147198" i="1"/>
  <c r="U147197" i="1"/>
  <c r="U147196" i="1"/>
  <c r="U147195" i="1"/>
  <c r="U147194" i="1"/>
  <c r="U147193" i="1"/>
  <c r="U147192" i="1"/>
  <c r="U147191" i="1"/>
  <c r="U147190" i="1"/>
  <c r="U147189" i="1"/>
  <c r="U147188" i="1"/>
  <c r="U147187" i="1"/>
  <c r="U147186" i="1"/>
  <c r="U147185" i="1"/>
  <c r="U147184" i="1"/>
  <c r="U147183" i="1"/>
  <c r="U147182" i="1"/>
  <c r="U147181" i="1"/>
  <c r="U147180" i="1"/>
  <c r="U147179" i="1"/>
  <c r="U147178" i="1"/>
  <c r="U147177" i="1"/>
  <c r="U147176" i="1"/>
  <c r="U147175" i="1"/>
  <c r="U147174" i="1"/>
  <c r="U147173" i="1"/>
  <c r="U147172" i="1"/>
  <c r="U147171" i="1"/>
  <c r="U147170" i="1"/>
  <c r="U147169" i="1"/>
  <c r="U147168" i="1"/>
  <c r="U147167" i="1"/>
  <c r="U147166" i="1"/>
  <c r="U147165" i="1"/>
  <c r="U147164" i="1"/>
  <c r="U147163" i="1"/>
  <c r="U147162" i="1"/>
  <c r="U147161" i="1"/>
  <c r="U147160" i="1"/>
  <c r="U147159" i="1"/>
  <c r="U147158" i="1"/>
  <c r="U147157" i="1"/>
  <c r="U147156" i="1"/>
  <c r="U147155" i="1"/>
  <c r="U147154" i="1"/>
  <c r="U147153" i="1"/>
  <c r="U147152" i="1"/>
  <c r="U147151" i="1"/>
  <c r="U147150" i="1"/>
  <c r="U147149" i="1"/>
  <c r="U147148" i="1"/>
  <c r="U147147" i="1"/>
  <c r="U147146" i="1"/>
  <c r="U147145" i="1"/>
  <c r="U147144" i="1"/>
  <c r="U147143" i="1"/>
  <c r="U147142" i="1"/>
  <c r="U147141" i="1"/>
  <c r="U147140" i="1"/>
  <c r="U147139" i="1"/>
  <c r="U147138" i="1"/>
  <c r="U147137" i="1"/>
  <c r="U147136" i="1"/>
  <c r="U147135" i="1"/>
  <c r="U147134" i="1"/>
  <c r="U147133" i="1"/>
  <c r="U147132" i="1"/>
  <c r="U147131" i="1"/>
  <c r="U147130" i="1"/>
  <c r="U147129" i="1"/>
  <c r="U147128" i="1"/>
  <c r="U147127" i="1"/>
  <c r="U147126" i="1"/>
  <c r="U147125" i="1"/>
  <c r="U147124" i="1"/>
  <c r="U147123" i="1"/>
  <c r="U147122" i="1"/>
  <c r="U147121" i="1"/>
  <c r="U147120" i="1"/>
  <c r="U147119" i="1"/>
  <c r="U147118" i="1"/>
  <c r="U147117" i="1"/>
  <c r="U147116" i="1"/>
  <c r="U147115" i="1"/>
  <c r="U147114" i="1"/>
  <c r="U147113" i="1"/>
  <c r="U147112" i="1"/>
  <c r="U147111" i="1"/>
  <c r="U147110" i="1"/>
  <c r="U147109" i="1"/>
  <c r="U147108" i="1"/>
  <c r="U147107" i="1"/>
  <c r="U147106" i="1"/>
  <c r="U147105" i="1"/>
  <c r="U147104" i="1"/>
  <c r="U147103" i="1"/>
  <c r="U147102" i="1"/>
  <c r="U147101" i="1"/>
  <c r="U147100" i="1"/>
  <c r="U147099" i="1"/>
  <c r="U147098" i="1"/>
  <c r="U147097" i="1"/>
  <c r="U147096" i="1"/>
  <c r="U147095" i="1"/>
  <c r="U147094" i="1"/>
  <c r="U147093" i="1"/>
  <c r="U147092" i="1"/>
  <c r="U147091" i="1"/>
  <c r="U147090" i="1"/>
  <c r="U147089" i="1"/>
  <c r="U147088" i="1"/>
  <c r="U147087" i="1"/>
  <c r="U147086" i="1"/>
  <c r="U147085" i="1"/>
  <c r="U147084" i="1"/>
  <c r="U147083" i="1"/>
  <c r="U147082" i="1"/>
  <c r="U147081" i="1"/>
  <c r="U147080" i="1"/>
  <c r="U147079" i="1"/>
  <c r="U147078" i="1"/>
  <c r="U147077" i="1"/>
  <c r="U147076" i="1"/>
  <c r="U147075" i="1"/>
  <c r="U147074" i="1"/>
  <c r="U147073" i="1"/>
  <c r="U147072" i="1"/>
  <c r="U147071" i="1"/>
  <c r="U147070" i="1"/>
  <c r="U147069" i="1"/>
  <c r="U147068" i="1"/>
  <c r="U147067" i="1"/>
  <c r="U147066" i="1"/>
  <c r="U147065" i="1"/>
  <c r="U147064" i="1"/>
  <c r="U147063" i="1"/>
  <c r="U147062" i="1"/>
  <c r="U147061" i="1"/>
  <c r="U147060" i="1"/>
  <c r="U147059" i="1"/>
  <c r="U147058" i="1"/>
  <c r="U147057" i="1"/>
  <c r="U147056" i="1"/>
  <c r="U147055" i="1"/>
  <c r="U147054" i="1"/>
  <c r="U147053" i="1"/>
  <c r="U147052" i="1"/>
  <c r="U147051" i="1"/>
  <c r="U147050" i="1"/>
  <c r="U147049" i="1"/>
  <c r="U147048" i="1"/>
  <c r="U147047" i="1"/>
  <c r="U147046" i="1"/>
  <c r="U147045" i="1"/>
  <c r="U147044" i="1"/>
  <c r="U147043" i="1"/>
  <c r="U147042" i="1"/>
  <c r="U147041" i="1"/>
  <c r="U147040" i="1"/>
  <c r="U147039" i="1"/>
  <c r="U147038" i="1"/>
  <c r="U147037" i="1"/>
  <c r="U147036" i="1"/>
  <c r="U147035" i="1"/>
  <c r="U147034" i="1"/>
  <c r="U147033" i="1"/>
  <c r="U147032" i="1"/>
  <c r="U147031" i="1"/>
  <c r="U147030" i="1"/>
  <c r="U147029" i="1"/>
  <c r="U147028" i="1"/>
  <c r="U147027" i="1"/>
  <c r="U147026" i="1"/>
  <c r="U147025" i="1"/>
  <c r="U147024" i="1"/>
  <c r="U147023" i="1"/>
  <c r="U147022" i="1"/>
  <c r="U147021" i="1"/>
  <c r="U147020" i="1"/>
  <c r="U147019" i="1"/>
  <c r="U147018" i="1"/>
  <c r="U147017" i="1"/>
  <c r="U147016" i="1"/>
  <c r="U147015" i="1"/>
  <c r="U147014" i="1"/>
  <c r="U147013" i="1"/>
  <c r="U147012" i="1"/>
  <c r="U147011" i="1"/>
  <c r="U147010" i="1"/>
  <c r="U147009" i="1"/>
  <c r="U147008" i="1"/>
  <c r="U147007" i="1"/>
  <c r="U147006" i="1"/>
  <c r="U147005" i="1"/>
  <c r="U147004" i="1"/>
  <c r="U147003" i="1"/>
  <c r="U147002" i="1"/>
  <c r="U147001" i="1"/>
  <c r="U147000" i="1"/>
  <c r="U146999" i="1"/>
  <c r="U146998" i="1"/>
  <c r="U146997" i="1"/>
  <c r="U146996" i="1"/>
  <c r="U146995" i="1"/>
  <c r="U146994" i="1"/>
  <c r="U146993" i="1"/>
  <c r="U146992" i="1"/>
  <c r="U146991" i="1"/>
  <c r="U146990" i="1"/>
  <c r="U146989" i="1"/>
  <c r="U146988" i="1"/>
  <c r="U146987" i="1"/>
  <c r="U146986" i="1"/>
  <c r="U146985" i="1"/>
  <c r="U146984" i="1"/>
  <c r="U146983" i="1"/>
  <c r="U146982" i="1"/>
  <c r="U146981" i="1"/>
  <c r="U146980" i="1"/>
  <c r="U146979" i="1"/>
  <c r="U146978" i="1"/>
  <c r="U146977" i="1"/>
  <c r="U146976" i="1"/>
  <c r="U146975" i="1"/>
  <c r="U146974" i="1"/>
  <c r="U146973" i="1"/>
  <c r="U146972" i="1"/>
  <c r="U146971" i="1"/>
  <c r="U146970" i="1"/>
  <c r="U146969" i="1"/>
  <c r="U146968" i="1"/>
  <c r="U146967" i="1"/>
  <c r="U146966" i="1"/>
  <c r="U146965" i="1"/>
  <c r="U146964" i="1"/>
  <c r="U146963" i="1"/>
  <c r="U146962" i="1"/>
  <c r="U146961" i="1"/>
  <c r="U146960" i="1"/>
  <c r="U146959" i="1"/>
  <c r="U146958" i="1"/>
  <c r="U146957" i="1"/>
  <c r="U146956" i="1"/>
  <c r="U146955" i="1"/>
  <c r="U146954" i="1"/>
  <c r="U146953" i="1"/>
  <c r="U146952" i="1"/>
  <c r="U146951" i="1"/>
  <c r="U146950" i="1"/>
  <c r="U146949" i="1"/>
  <c r="U146948" i="1"/>
  <c r="U146947" i="1"/>
  <c r="U146946" i="1"/>
  <c r="U146945" i="1"/>
  <c r="U146944" i="1"/>
  <c r="U146943" i="1"/>
  <c r="U146942" i="1"/>
  <c r="U146941" i="1"/>
  <c r="U146940" i="1"/>
  <c r="U146939" i="1"/>
  <c r="U146938" i="1"/>
  <c r="U146937" i="1"/>
  <c r="U146936" i="1"/>
  <c r="U146935" i="1"/>
  <c r="U146934" i="1"/>
  <c r="U146933" i="1"/>
  <c r="U146932" i="1"/>
  <c r="U146931" i="1"/>
  <c r="U146930" i="1"/>
  <c r="U146929" i="1"/>
  <c r="U146928" i="1"/>
  <c r="U146927" i="1"/>
  <c r="U146926" i="1"/>
  <c r="U146925" i="1"/>
  <c r="U146924" i="1"/>
  <c r="U146923" i="1"/>
  <c r="U146922" i="1"/>
  <c r="U146921" i="1"/>
  <c r="U146920" i="1"/>
  <c r="U146919" i="1"/>
  <c r="U146918" i="1"/>
  <c r="U146917" i="1"/>
  <c r="U146916" i="1"/>
  <c r="U146915" i="1"/>
  <c r="U146914" i="1"/>
  <c r="U146913" i="1"/>
  <c r="U146912" i="1"/>
  <c r="U146911" i="1"/>
  <c r="U146910" i="1"/>
  <c r="U146909" i="1"/>
  <c r="U146908" i="1"/>
  <c r="U146907" i="1"/>
  <c r="U146906" i="1"/>
  <c r="U146905" i="1"/>
  <c r="U146904" i="1"/>
  <c r="U146903" i="1"/>
  <c r="U146902" i="1"/>
  <c r="U146901" i="1"/>
  <c r="U146900" i="1"/>
  <c r="U146899" i="1"/>
  <c r="U146898" i="1"/>
  <c r="U146897" i="1"/>
  <c r="U146896" i="1"/>
  <c r="U146895" i="1"/>
  <c r="U146894" i="1"/>
  <c r="U146893" i="1"/>
  <c r="U146892" i="1"/>
  <c r="U146891" i="1"/>
  <c r="U146890" i="1"/>
  <c r="U146889" i="1"/>
  <c r="U146888" i="1"/>
  <c r="U146887" i="1"/>
  <c r="U146886" i="1"/>
  <c r="U146885" i="1"/>
  <c r="U146884" i="1"/>
  <c r="U146883" i="1"/>
  <c r="U146882" i="1"/>
  <c r="U146881" i="1"/>
  <c r="U146880" i="1"/>
  <c r="U146879" i="1"/>
  <c r="U146878" i="1"/>
  <c r="U146877" i="1"/>
  <c r="U146876" i="1"/>
  <c r="U146875" i="1"/>
  <c r="U146874" i="1"/>
  <c r="U146873" i="1"/>
  <c r="U146872" i="1"/>
  <c r="U146871" i="1"/>
  <c r="U146870" i="1"/>
  <c r="U146869" i="1"/>
  <c r="U146868" i="1"/>
  <c r="U146867" i="1"/>
  <c r="U146866" i="1"/>
  <c r="U146865" i="1"/>
  <c r="U146864" i="1"/>
  <c r="U146863" i="1"/>
  <c r="U146862" i="1"/>
  <c r="U146861" i="1"/>
  <c r="U146860" i="1"/>
  <c r="U146859" i="1"/>
  <c r="U146858" i="1"/>
  <c r="U146857" i="1"/>
  <c r="U146856" i="1"/>
  <c r="U146855" i="1"/>
  <c r="U146854" i="1"/>
  <c r="U146853" i="1"/>
  <c r="U146852" i="1"/>
  <c r="U146851" i="1"/>
  <c r="U146850" i="1"/>
  <c r="U146849" i="1"/>
  <c r="U146848" i="1"/>
  <c r="U146847" i="1"/>
  <c r="U146846" i="1"/>
  <c r="U146845" i="1"/>
  <c r="U146844" i="1"/>
  <c r="U146843" i="1"/>
  <c r="U146842" i="1"/>
  <c r="U146841" i="1"/>
  <c r="U146840" i="1"/>
  <c r="U146839" i="1"/>
  <c r="U146838" i="1"/>
  <c r="U146837" i="1"/>
  <c r="U146836" i="1"/>
  <c r="U146835" i="1"/>
  <c r="U146834" i="1"/>
  <c r="U146833" i="1"/>
  <c r="U146832" i="1"/>
  <c r="U146831" i="1"/>
  <c r="U146830" i="1"/>
  <c r="U146829" i="1"/>
  <c r="U146828" i="1"/>
  <c r="U146827" i="1"/>
  <c r="U146826" i="1"/>
  <c r="U146825" i="1"/>
  <c r="U146824" i="1"/>
  <c r="U146823" i="1"/>
  <c r="U146822" i="1"/>
  <c r="U146821" i="1"/>
  <c r="U146820" i="1"/>
  <c r="U146819" i="1"/>
  <c r="U146818" i="1"/>
  <c r="U146817" i="1"/>
  <c r="U146816" i="1"/>
  <c r="U146815" i="1"/>
  <c r="U146814" i="1"/>
  <c r="U146813" i="1"/>
  <c r="U146812" i="1"/>
  <c r="U146811" i="1"/>
  <c r="U146810" i="1"/>
  <c r="U146809" i="1"/>
  <c r="U146808" i="1"/>
  <c r="U146807" i="1"/>
  <c r="U146806" i="1"/>
  <c r="U146805" i="1"/>
  <c r="U146804" i="1"/>
  <c r="U146803" i="1"/>
  <c r="U146802" i="1"/>
  <c r="U146801" i="1"/>
  <c r="U146800" i="1"/>
  <c r="U146799" i="1"/>
  <c r="U146798" i="1"/>
  <c r="U146797" i="1"/>
  <c r="U146796" i="1"/>
  <c r="U146795" i="1"/>
  <c r="U146794" i="1"/>
  <c r="U146793" i="1"/>
  <c r="U146792" i="1"/>
  <c r="U146791" i="1"/>
  <c r="U146790" i="1"/>
  <c r="U146789" i="1"/>
  <c r="U146788" i="1"/>
  <c r="U146787" i="1"/>
  <c r="U146786" i="1"/>
  <c r="U146785" i="1"/>
  <c r="U146784" i="1"/>
  <c r="U146783" i="1"/>
  <c r="U146782" i="1"/>
  <c r="U146781" i="1"/>
  <c r="U146780" i="1"/>
  <c r="U146779" i="1"/>
  <c r="U146778" i="1"/>
  <c r="U146777" i="1"/>
  <c r="U146776" i="1"/>
  <c r="U146775" i="1"/>
  <c r="U146774" i="1"/>
  <c r="U146773" i="1"/>
  <c r="U146772" i="1"/>
  <c r="U146771" i="1"/>
  <c r="U146770" i="1"/>
  <c r="U146769" i="1"/>
  <c r="U146768" i="1"/>
  <c r="U146767" i="1"/>
  <c r="U146766" i="1"/>
  <c r="U146765" i="1"/>
  <c r="U146764" i="1"/>
  <c r="U146763" i="1"/>
  <c r="U146762" i="1"/>
  <c r="U146761" i="1"/>
  <c r="U146760" i="1"/>
  <c r="U146759" i="1"/>
  <c r="U146758" i="1"/>
  <c r="U146757" i="1"/>
  <c r="U146756" i="1"/>
  <c r="U146755" i="1"/>
  <c r="U146754" i="1"/>
  <c r="U146753" i="1"/>
  <c r="U146752" i="1"/>
  <c r="U146751" i="1"/>
  <c r="U146750" i="1"/>
  <c r="U146749" i="1"/>
  <c r="U146748" i="1"/>
  <c r="U146747" i="1"/>
  <c r="U146746" i="1"/>
  <c r="U146745" i="1"/>
  <c r="U146744" i="1"/>
  <c r="U146743" i="1"/>
  <c r="U146742" i="1"/>
  <c r="U146741" i="1"/>
  <c r="U146740" i="1"/>
  <c r="U146739" i="1"/>
  <c r="U146738" i="1"/>
  <c r="U146737" i="1"/>
  <c r="U146736" i="1"/>
  <c r="U146735" i="1"/>
  <c r="U146734" i="1"/>
  <c r="U146733" i="1"/>
  <c r="U146732" i="1"/>
  <c r="U146731" i="1"/>
  <c r="U146730" i="1"/>
  <c r="U146729" i="1"/>
  <c r="U146728" i="1"/>
  <c r="U146727" i="1"/>
  <c r="U146726" i="1"/>
  <c r="U146725" i="1"/>
  <c r="U146724" i="1"/>
  <c r="U146723" i="1"/>
  <c r="U146722" i="1"/>
  <c r="U146721" i="1"/>
  <c r="U146720" i="1"/>
  <c r="U146719" i="1"/>
  <c r="U146718" i="1"/>
  <c r="U146717" i="1"/>
  <c r="U146716" i="1"/>
  <c r="U146715" i="1"/>
  <c r="U146714" i="1"/>
  <c r="U146713" i="1"/>
  <c r="U146712" i="1"/>
  <c r="U146711" i="1"/>
  <c r="U146710" i="1"/>
  <c r="U146709" i="1"/>
  <c r="U146708" i="1"/>
  <c r="U146707" i="1"/>
  <c r="U146706" i="1"/>
  <c r="U146705" i="1"/>
  <c r="U146704" i="1"/>
  <c r="U146703" i="1"/>
  <c r="U146702" i="1"/>
  <c r="U146701" i="1"/>
  <c r="U146700" i="1"/>
  <c r="U146699" i="1"/>
  <c r="U146698" i="1"/>
  <c r="U146697" i="1"/>
  <c r="U146696" i="1"/>
  <c r="U146695" i="1"/>
  <c r="U146694" i="1"/>
  <c r="U146693" i="1"/>
  <c r="U146692" i="1"/>
  <c r="U146691" i="1"/>
  <c r="U146690" i="1"/>
  <c r="U146689" i="1"/>
  <c r="U146688" i="1"/>
  <c r="U146687" i="1"/>
  <c r="U146686" i="1"/>
  <c r="U146685" i="1"/>
  <c r="U146684" i="1"/>
  <c r="U146683" i="1"/>
  <c r="U146682" i="1"/>
  <c r="U146681" i="1"/>
  <c r="U146680" i="1"/>
  <c r="U146679" i="1"/>
  <c r="U146678" i="1"/>
  <c r="U146677" i="1"/>
  <c r="U146676" i="1"/>
  <c r="U146675" i="1"/>
  <c r="U146674" i="1"/>
  <c r="U146673" i="1"/>
  <c r="U146672" i="1"/>
  <c r="U146671" i="1"/>
  <c r="U146670" i="1"/>
  <c r="U146669" i="1"/>
  <c r="U146668" i="1"/>
  <c r="U146667" i="1"/>
  <c r="U146666" i="1"/>
  <c r="U146665" i="1"/>
  <c r="U146664" i="1"/>
  <c r="U146663" i="1"/>
  <c r="U146662" i="1"/>
  <c r="U146661" i="1"/>
  <c r="U146660" i="1"/>
  <c r="U146659" i="1"/>
  <c r="U146658" i="1"/>
  <c r="U146657" i="1"/>
  <c r="U146656" i="1"/>
  <c r="U146655" i="1"/>
  <c r="U146654" i="1"/>
  <c r="U146653" i="1"/>
  <c r="U146652" i="1"/>
  <c r="U146651" i="1"/>
  <c r="U146650" i="1"/>
  <c r="U146649" i="1"/>
  <c r="U146648" i="1"/>
  <c r="U146647" i="1"/>
  <c r="U146646" i="1"/>
  <c r="U146645" i="1"/>
  <c r="U146644" i="1"/>
  <c r="U146643" i="1"/>
  <c r="U146642" i="1"/>
  <c r="U146641" i="1"/>
  <c r="U146640" i="1"/>
  <c r="U146639" i="1"/>
  <c r="U146638" i="1"/>
  <c r="U146637" i="1"/>
  <c r="U146636" i="1"/>
  <c r="U146635" i="1"/>
  <c r="U146634" i="1"/>
  <c r="U146633" i="1"/>
  <c r="U146632" i="1"/>
  <c r="U146631" i="1"/>
  <c r="U146630" i="1"/>
  <c r="U146629" i="1"/>
  <c r="U146628" i="1"/>
  <c r="U146627" i="1"/>
  <c r="U146626" i="1"/>
  <c r="U146625" i="1"/>
  <c r="U146624" i="1"/>
  <c r="U146623" i="1"/>
  <c r="U146622" i="1"/>
  <c r="U146621" i="1"/>
  <c r="U146620" i="1"/>
  <c r="U146619" i="1"/>
  <c r="U146618" i="1"/>
  <c r="U146617" i="1"/>
  <c r="U146616" i="1"/>
  <c r="U146615" i="1"/>
  <c r="U146614" i="1"/>
  <c r="U146613" i="1"/>
  <c r="U146612" i="1"/>
  <c r="U146611" i="1"/>
  <c r="U146610" i="1"/>
  <c r="U146609" i="1"/>
  <c r="U146608" i="1"/>
  <c r="U146607" i="1"/>
  <c r="U146606" i="1"/>
  <c r="U146605" i="1"/>
  <c r="U146604" i="1"/>
  <c r="U146603" i="1"/>
  <c r="U146602" i="1"/>
  <c r="U146601" i="1"/>
  <c r="U146600" i="1"/>
  <c r="U146599" i="1"/>
  <c r="U146598" i="1"/>
  <c r="U146597" i="1"/>
  <c r="U146596" i="1"/>
  <c r="U146595" i="1"/>
  <c r="U146594" i="1"/>
  <c r="U146593" i="1"/>
  <c r="U146592" i="1"/>
  <c r="U146591" i="1"/>
  <c r="U146590" i="1"/>
  <c r="U146589" i="1"/>
  <c r="U146588" i="1"/>
  <c r="U146587" i="1"/>
  <c r="U146586" i="1"/>
  <c r="U146585" i="1"/>
  <c r="U146584" i="1"/>
  <c r="U146583" i="1"/>
  <c r="U146582" i="1"/>
  <c r="U146581" i="1"/>
  <c r="U146580" i="1"/>
  <c r="U146579" i="1"/>
  <c r="U146578" i="1"/>
  <c r="U146577" i="1"/>
  <c r="U146576" i="1"/>
  <c r="U146575" i="1"/>
  <c r="U146574" i="1"/>
  <c r="U146573" i="1"/>
  <c r="U146572" i="1"/>
  <c r="U146571" i="1"/>
  <c r="U146570" i="1"/>
  <c r="U146569" i="1"/>
  <c r="U146568" i="1"/>
  <c r="U146567" i="1"/>
  <c r="U146566" i="1"/>
  <c r="U146565" i="1"/>
  <c r="U146564" i="1"/>
  <c r="U146563" i="1"/>
  <c r="U146562" i="1"/>
  <c r="U146561" i="1"/>
  <c r="U146560" i="1"/>
  <c r="U146559" i="1"/>
  <c r="U146558" i="1"/>
  <c r="U146557" i="1"/>
  <c r="U146556" i="1"/>
  <c r="U146555" i="1"/>
  <c r="U146554" i="1"/>
  <c r="U146553" i="1"/>
  <c r="U146552" i="1"/>
  <c r="U146551" i="1"/>
  <c r="U146550" i="1"/>
  <c r="U146549" i="1"/>
  <c r="U146548" i="1"/>
  <c r="U146547" i="1"/>
  <c r="U146546" i="1"/>
  <c r="U146545" i="1"/>
  <c r="U146544" i="1"/>
  <c r="U146543" i="1"/>
  <c r="U146542" i="1"/>
  <c r="U146541" i="1"/>
  <c r="U146540" i="1"/>
  <c r="U146539" i="1"/>
  <c r="U146538" i="1"/>
  <c r="U146537" i="1"/>
  <c r="U146536" i="1"/>
  <c r="U146535" i="1"/>
  <c r="U146534" i="1"/>
  <c r="U146533" i="1"/>
  <c r="U146532" i="1"/>
  <c r="U146531" i="1"/>
  <c r="U146530" i="1"/>
  <c r="U146529" i="1"/>
  <c r="U146528" i="1"/>
  <c r="U146527" i="1"/>
  <c r="U146526" i="1"/>
  <c r="U146525" i="1"/>
  <c r="U146524" i="1"/>
  <c r="U146523" i="1"/>
  <c r="U146522" i="1"/>
  <c r="U146521" i="1"/>
  <c r="U146520" i="1"/>
  <c r="U146519" i="1"/>
  <c r="U146518" i="1"/>
  <c r="U146517" i="1"/>
  <c r="U146516" i="1"/>
  <c r="U146515" i="1"/>
  <c r="U146514" i="1"/>
  <c r="U146513" i="1"/>
  <c r="U146512" i="1"/>
  <c r="U146511" i="1"/>
  <c r="U146510" i="1"/>
  <c r="U146509" i="1"/>
  <c r="U146508" i="1"/>
  <c r="U146507" i="1"/>
  <c r="U146506" i="1"/>
  <c r="U146505" i="1"/>
  <c r="U146504" i="1"/>
  <c r="U146503" i="1"/>
  <c r="U146502" i="1"/>
  <c r="U146501" i="1"/>
  <c r="U146500" i="1"/>
  <c r="U146499" i="1"/>
  <c r="U146498" i="1"/>
  <c r="U146497" i="1"/>
  <c r="U146496" i="1"/>
  <c r="U146495" i="1"/>
  <c r="U146494" i="1"/>
  <c r="U146493" i="1"/>
  <c r="U146492" i="1"/>
  <c r="U146491" i="1"/>
  <c r="U146490" i="1"/>
  <c r="U146489" i="1"/>
  <c r="U146488" i="1"/>
  <c r="U146487" i="1"/>
  <c r="U146486" i="1"/>
  <c r="U146485" i="1"/>
  <c r="U146484" i="1"/>
  <c r="U146483" i="1"/>
  <c r="U146482" i="1"/>
  <c r="U146481" i="1"/>
  <c r="U146480" i="1"/>
  <c r="U146479" i="1"/>
  <c r="U146478" i="1"/>
  <c r="U146477" i="1"/>
  <c r="U146476" i="1"/>
  <c r="U146475" i="1"/>
  <c r="U146474" i="1"/>
  <c r="U146473" i="1"/>
  <c r="U146472" i="1"/>
  <c r="U146471" i="1"/>
  <c r="U146470" i="1"/>
  <c r="U146469" i="1"/>
  <c r="U146468" i="1"/>
  <c r="U146467" i="1"/>
  <c r="U146466" i="1"/>
  <c r="U146465" i="1"/>
  <c r="U146464" i="1"/>
  <c r="U146463" i="1"/>
  <c r="U146462" i="1"/>
  <c r="U146461" i="1"/>
  <c r="U146460" i="1"/>
  <c r="U146459" i="1"/>
  <c r="U146458" i="1"/>
  <c r="U146457" i="1"/>
  <c r="U146456" i="1"/>
  <c r="U146455" i="1"/>
  <c r="U146454" i="1"/>
  <c r="U146453" i="1"/>
  <c r="U146452" i="1"/>
  <c r="U146451" i="1"/>
  <c r="U146450" i="1"/>
  <c r="U146449" i="1"/>
  <c r="U146448" i="1"/>
  <c r="U146447" i="1"/>
  <c r="U146446" i="1"/>
  <c r="U146445" i="1"/>
  <c r="U146444" i="1"/>
  <c r="U146443" i="1"/>
  <c r="U146442" i="1"/>
  <c r="U146441" i="1"/>
  <c r="U146440" i="1"/>
  <c r="U146439" i="1"/>
  <c r="U146438" i="1"/>
  <c r="U146437" i="1"/>
  <c r="U146436" i="1"/>
  <c r="U146435" i="1"/>
  <c r="U146434" i="1"/>
  <c r="U146433" i="1"/>
  <c r="U146432" i="1"/>
  <c r="U146431" i="1"/>
  <c r="U146430" i="1"/>
  <c r="U146429" i="1"/>
  <c r="U146428" i="1"/>
  <c r="U146427" i="1"/>
  <c r="U146426" i="1"/>
  <c r="U146425" i="1"/>
  <c r="U146424" i="1"/>
  <c r="U146423" i="1"/>
  <c r="U146422" i="1"/>
  <c r="U146421" i="1"/>
  <c r="U146420" i="1"/>
  <c r="U146419" i="1"/>
  <c r="U146418" i="1"/>
  <c r="U146417" i="1"/>
  <c r="U146416" i="1"/>
  <c r="U146415" i="1"/>
  <c r="U146414" i="1"/>
  <c r="U146413" i="1"/>
  <c r="U146412" i="1"/>
  <c r="U146411" i="1"/>
  <c r="U146410" i="1"/>
  <c r="U146409" i="1"/>
  <c r="U146408" i="1"/>
  <c r="U146407" i="1"/>
  <c r="U146406" i="1"/>
  <c r="U146405" i="1"/>
  <c r="U146404" i="1"/>
  <c r="U146403" i="1"/>
  <c r="U146402" i="1"/>
  <c r="U146401" i="1"/>
  <c r="U146400" i="1"/>
  <c r="U146399" i="1"/>
  <c r="U146398" i="1"/>
  <c r="U146397" i="1"/>
  <c r="U146396" i="1"/>
  <c r="U146395" i="1"/>
  <c r="U146394" i="1"/>
  <c r="U146393" i="1"/>
  <c r="U146392" i="1"/>
  <c r="U146391" i="1"/>
  <c r="U146390" i="1"/>
  <c r="U146389" i="1"/>
  <c r="U146388" i="1"/>
  <c r="U146387" i="1"/>
  <c r="U146386" i="1"/>
  <c r="U146385" i="1"/>
  <c r="U146384" i="1"/>
  <c r="U146383" i="1"/>
  <c r="U146382" i="1"/>
  <c r="U146381" i="1"/>
  <c r="U146380" i="1"/>
  <c r="U146379" i="1"/>
  <c r="U146378" i="1"/>
  <c r="U146377" i="1"/>
  <c r="U146376" i="1"/>
  <c r="U146375" i="1"/>
  <c r="U146374" i="1"/>
  <c r="U146373" i="1"/>
  <c r="U146372" i="1"/>
  <c r="U146371" i="1"/>
  <c r="U146370" i="1"/>
  <c r="U146369" i="1"/>
  <c r="U146368" i="1"/>
  <c r="U146367" i="1"/>
  <c r="U146366" i="1"/>
  <c r="U146365" i="1"/>
  <c r="U146364" i="1"/>
  <c r="U146363" i="1"/>
  <c r="U146362" i="1"/>
  <c r="U146361" i="1"/>
  <c r="U146360" i="1"/>
  <c r="U146359" i="1"/>
  <c r="U146358" i="1"/>
  <c r="U146357" i="1"/>
  <c r="U146356" i="1"/>
  <c r="U146355" i="1"/>
  <c r="U146354" i="1"/>
  <c r="U146353" i="1"/>
  <c r="U146352" i="1"/>
  <c r="U146351" i="1"/>
  <c r="U146350" i="1"/>
  <c r="U146349" i="1"/>
  <c r="U146348" i="1"/>
  <c r="U146347" i="1"/>
  <c r="U146346" i="1"/>
  <c r="U146345" i="1"/>
  <c r="U146344" i="1"/>
  <c r="U146343" i="1"/>
  <c r="U146342" i="1"/>
  <c r="U146341" i="1"/>
  <c r="U146340" i="1"/>
  <c r="U146339" i="1"/>
  <c r="U146338" i="1"/>
  <c r="U146337" i="1"/>
  <c r="U146336" i="1"/>
  <c r="U146335" i="1"/>
  <c r="U146334" i="1"/>
  <c r="U146333" i="1"/>
  <c r="U146332" i="1"/>
  <c r="U146331" i="1"/>
  <c r="U146330" i="1"/>
  <c r="U146329" i="1"/>
  <c r="U146328" i="1"/>
  <c r="U146327" i="1"/>
  <c r="U146326" i="1"/>
  <c r="U146325" i="1"/>
  <c r="U146324" i="1"/>
  <c r="U146323" i="1"/>
  <c r="U146322" i="1"/>
  <c r="U146321" i="1"/>
  <c r="U146320" i="1"/>
  <c r="U146319" i="1"/>
  <c r="U146318" i="1"/>
  <c r="U146317" i="1"/>
  <c r="U146316" i="1"/>
  <c r="U146315" i="1"/>
  <c r="U146314" i="1"/>
  <c r="U146313" i="1"/>
  <c r="U146312" i="1"/>
  <c r="U146311" i="1"/>
  <c r="U146310" i="1"/>
  <c r="U146309" i="1"/>
  <c r="U146308" i="1"/>
  <c r="U146307" i="1"/>
  <c r="U146306" i="1"/>
  <c r="U146305" i="1"/>
  <c r="U146304" i="1"/>
  <c r="U146303" i="1"/>
  <c r="U146302" i="1"/>
  <c r="U146301" i="1"/>
  <c r="U146300" i="1"/>
  <c r="U146299" i="1"/>
  <c r="U146298" i="1"/>
  <c r="U146297" i="1"/>
  <c r="U146296" i="1"/>
  <c r="U146295" i="1"/>
  <c r="U146294" i="1"/>
  <c r="U146293" i="1"/>
  <c r="U146292" i="1"/>
  <c r="U146291" i="1"/>
  <c r="U146290" i="1"/>
  <c r="U146289" i="1"/>
  <c r="U146288" i="1"/>
  <c r="U146287" i="1"/>
  <c r="U146286" i="1"/>
  <c r="U146285" i="1"/>
  <c r="U146284" i="1"/>
  <c r="U146283" i="1"/>
  <c r="U146282" i="1"/>
  <c r="U146281" i="1"/>
  <c r="U146280" i="1"/>
  <c r="U146279" i="1"/>
  <c r="U146278" i="1"/>
  <c r="U146277" i="1"/>
  <c r="U146276" i="1"/>
  <c r="U146275" i="1"/>
  <c r="U146274" i="1"/>
  <c r="U146273" i="1"/>
  <c r="U146272" i="1"/>
  <c r="U146271" i="1"/>
  <c r="U146270" i="1"/>
  <c r="U146269" i="1"/>
  <c r="U146268" i="1"/>
  <c r="U146267" i="1"/>
  <c r="U146266" i="1"/>
  <c r="U146265" i="1"/>
  <c r="U146264" i="1"/>
  <c r="U146263" i="1"/>
  <c r="U146262" i="1"/>
  <c r="U146261" i="1"/>
  <c r="U146260" i="1"/>
  <c r="U146259" i="1"/>
  <c r="U146258" i="1"/>
  <c r="U146257" i="1"/>
  <c r="U146256" i="1"/>
  <c r="U146255" i="1"/>
  <c r="U146254" i="1"/>
  <c r="U146253" i="1"/>
  <c r="U146252" i="1"/>
  <c r="U146251" i="1"/>
  <c r="U146250" i="1"/>
  <c r="U146249" i="1"/>
  <c r="U146248" i="1"/>
  <c r="U146247" i="1"/>
  <c r="U146246" i="1"/>
  <c r="U146245" i="1"/>
  <c r="U146244" i="1"/>
  <c r="U146243" i="1"/>
  <c r="U146242" i="1"/>
  <c r="U146241" i="1"/>
  <c r="U146240" i="1"/>
  <c r="U146239" i="1"/>
  <c r="U146238" i="1"/>
  <c r="U146237" i="1"/>
  <c r="U146236" i="1"/>
  <c r="U146235" i="1"/>
  <c r="U146234" i="1"/>
  <c r="U146233" i="1"/>
  <c r="U146232" i="1"/>
  <c r="U146231" i="1"/>
  <c r="U146230" i="1"/>
  <c r="U146229" i="1"/>
  <c r="U146228" i="1"/>
  <c r="U146227" i="1"/>
  <c r="U146226" i="1"/>
  <c r="U146225" i="1"/>
  <c r="U146224" i="1"/>
  <c r="U146223" i="1"/>
  <c r="U146222" i="1"/>
  <c r="U146221" i="1"/>
  <c r="U146220" i="1"/>
  <c r="U146219" i="1"/>
  <c r="U146218" i="1"/>
  <c r="U146217" i="1"/>
  <c r="U146216" i="1"/>
  <c r="U146215" i="1"/>
  <c r="U146214" i="1"/>
  <c r="U146213" i="1"/>
  <c r="U146212" i="1"/>
  <c r="U146211" i="1"/>
  <c r="U146210" i="1"/>
  <c r="U146209" i="1"/>
  <c r="U146208" i="1"/>
  <c r="U146207" i="1"/>
  <c r="U146206" i="1"/>
  <c r="U146205" i="1"/>
  <c r="U146204" i="1"/>
  <c r="U146203" i="1"/>
  <c r="U146202" i="1"/>
  <c r="U146201" i="1"/>
  <c r="U146200" i="1"/>
  <c r="U146199" i="1"/>
  <c r="U146198" i="1"/>
  <c r="U146197" i="1"/>
  <c r="U146196" i="1"/>
  <c r="U146195" i="1"/>
  <c r="U146194" i="1"/>
  <c r="U146193" i="1"/>
  <c r="U146192" i="1"/>
  <c r="U146191" i="1"/>
  <c r="U146190" i="1"/>
  <c r="U146189" i="1"/>
  <c r="U146188" i="1"/>
  <c r="U146187" i="1"/>
  <c r="U146186" i="1"/>
  <c r="U146185" i="1"/>
  <c r="U146184" i="1"/>
  <c r="U146183" i="1"/>
  <c r="U146182" i="1"/>
  <c r="U146181" i="1"/>
  <c r="U146180" i="1"/>
  <c r="U146179" i="1"/>
  <c r="U146178" i="1"/>
  <c r="U146177" i="1"/>
  <c r="U146176" i="1"/>
  <c r="U146175" i="1"/>
  <c r="U146174" i="1"/>
  <c r="U146173" i="1"/>
  <c r="U146172" i="1"/>
  <c r="U146171" i="1"/>
  <c r="U146170" i="1"/>
  <c r="U146169" i="1"/>
  <c r="U146168" i="1"/>
  <c r="U146167" i="1"/>
  <c r="U146166" i="1"/>
  <c r="U146165" i="1"/>
  <c r="U146164" i="1"/>
  <c r="U146163" i="1"/>
  <c r="U146162" i="1"/>
  <c r="U146161" i="1"/>
  <c r="U146160" i="1"/>
  <c r="U146159" i="1"/>
  <c r="U146158" i="1"/>
  <c r="U146157" i="1"/>
  <c r="U146156" i="1"/>
  <c r="U146155" i="1"/>
  <c r="U146154" i="1"/>
  <c r="U146153" i="1"/>
  <c r="U146152" i="1"/>
  <c r="U146151" i="1"/>
  <c r="U146150" i="1"/>
  <c r="U146149" i="1"/>
  <c r="U146148" i="1"/>
  <c r="U146147" i="1"/>
  <c r="U146146" i="1"/>
  <c r="U146145" i="1"/>
  <c r="U146144" i="1"/>
  <c r="U146143" i="1"/>
  <c r="U146142" i="1"/>
  <c r="U146141" i="1"/>
  <c r="U146140" i="1"/>
  <c r="U146139" i="1"/>
  <c r="U146138" i="1"/>
  <c r="U146137" i="1"/>
  <c r="U146136" i="1"/>
  <c r="U146135" i="1"/>
  <c r="U146134" i="1"/>
  <c r="U146133" i="1"/>
  <c r="U146132" i="1"/>
  <c r="U146131" i="1"/>
  <c r="U146130" i="1"/>
  <c r="U146129" i="1"/>
  <c r="U146128" i="1"/>
  <c r="U146127" i="1"/>
  <c r="U146126" i="1"/>
  <c r="U146125" i="1"/>
  <c r="U146124" i="1"/>
  <c r="U146123" i="1"/>
  <c r="U146122" i="1"/>
  <c r="U146121" i="1"/>
  <c r="U146120" i="1"/>
  <c r="U146119" i="1"/>
  <c r="U146118" i="1"/>
  <c r="U146117" i="1"/>
  <c r="U146116" i="1"/>
  <c r="U146115" i="1"/>
  <c r="U146114" i="1"/>
  <c r="U146113" i="1"/>
  <c r="U146112" i="1"/>
  <c r="U146111" i="1"/>
  <c r="U146110" i="1"/>
  <c r="U146109" i="1"/>
  <c r="U146108" i="1"/>
  <c r="U146107" i="1"/>
  <c r="U146106" i="1"/>
  <c r="U146105" i="1"/>
  <c r="U146104" i="1"/>
  <c r="U146103" i="1"/>
  <c r="U146102" i="1"/>
  <c r="U146101" i="1"/>
  <c r="U146100" i="1"/>
  <c r="U146099" i="1"/>
  <c r="U146098" i="1"/>
  <c r="U146097" i="1"/>
  <c r="U146096" i="1"/>
  <c r="U146095" i="1"/>
  <c r="U146094" i="1"/>
  <c r="U146093" i="1"/>
  <c r="U146092" i="1"/>
  <c r="U146091" i="1"/>
  <c r="U146090" i="1"/>
  <c r="U146089" i="1"/>
  <c r="U146088" i="1"/>
  <c r="U146087" i="1"/>
  <c r="U146086" i="1"/>
  <c r="U146085" i="1"/>
  <c r="U146084" i="1"/>
  <c r="U146083" i="1"/>
  <c r="U146082" i="1"/>
  <c r="U146081" i="1"/>
  <c r="U146080" i="1"/>
  <c r="U146079" i="1"/>
  <c r="U146078" i="1"/>
  <c r="U146077" i="1"/>
  <c r="U146076" i="1"/>
  <c r="U146075" i="1"/>
  <c r="U146074" i="1"/>
  <c r="U146073" i="1"/>
  <c r="U146072" i="1"/>
  <c r="U146071" i="1"/>
  <c r="U146070" i="1"/>
  <c r="U146069" i="1"/>
  <c r="U146068" i="1"/>
  <c r="U146067" i="1"/>
  <c r="U146066" i="1"/>
  <c r="U146065" i="1"/>
  <c r="U146064" i="1"/>
  <c r="U146063" i="1"/>
  <c r="U146062" i="1"/>
  <c r="U146061" i="1"/>
  <c r="U146060" i="1"/>
  <c r="U146059" i="1"/>
  <c r="U146058" i="1"/>
  <c r="U146057" i="1"/>
  <c r="U146056" i="1"/>
  <c r="U146055" i="1"/>
  <c r="U146054" i="1"/>
  <c r="U146053" i="1"/>
  <c r="U146052" i="1"/>
  <c r="U146051" i="1"/>
  <c r="U146050" i="1"/>
  <c r="U146049" i="1"/>
  <c r="U146048" i="1"/>
  <c r="U146047" i="1"/>
  <c r="U146046" i="1"/>
  <c r="U146045" i="1"/>
  <c r="U146044" i="1"/>
  <c r="U146043" i="1"/>
  <c r="U146042" i="1"/>
  <c r="U146041" i="1"/>
  <c r="U146040" i="1"/>
  <c r="U146039" i="1"/>
  <c r="U146038" i="1"/>
  <c r="U146037" i="1"/>
  <c r="U146036" i="1"/>
  <c r="U146035" i="1"/>
  <c r="U146034" i="1"/>
  <c r="U146033" i="1"/>
  <c r="U146032" i="1"/>
  <c r="U146031" i="1"/>
  <c r="U146030" i="1"/>
  <c r="U146029" i="1"/>
  <c r="U146028" i="1"/>
  <c r="U146027" i="1"/>
  <c r="U146026" i="1"/>
  <c r="U146025" i="1"/>
  <c r="U146024" i="1"/>
  <c r="U146023" i="1"/>
  <c r="U146022" i="1"/>
  <c r="U146021" i="1"/>
  <c r="U146020" i="1"/>
  <c r="U146019" i="1"/>
  <c r="U146018" i="1"/>
  <c r="U146017" i="1"/>
  <c r="U146016" i="1"/>
  <c r="U146015" i="1"/>
  <c r="U146014" i="1"/>
  <c r="U146013" i="1"/>
  <c r="U146012" i="1"/>
  <c r="U146011" i="1"/>
  <c r="U146010" i="1"/>
  <c r="U146009" i="1"/>
  <c r="U146008" i="1"/>
  <c r="U146007" i="1"/>
  <c r="U146006" i="1"/>
  <c r="U146005" i="1"/>
  <c r="U146004" i="1"/>
  <c r="U146003" i="1"/>
  <c r="U146002" i="1"/>
  <c r="U146001" i="1"/>
  <c r="U146000" i="1"/>
  <c r="U145999" i="1"/>
  <c r="U145998" i="1"/>
  <c r="U145997" i="1"/>
  <c r="U145996" i="1"/>
  <c r="U145995" i="1"/>
  <c r="U145994" i="1"/>
  <c r="U145993" i="1"/>
  <c r="U145992" i="1"/>
  <c r="U145991" i="1"/>
  <c r="U145990" i="1"/>
  <c r="U145989" i="1"/>
  <c r="U145988" i="1"/>
  <c r="U145987" i="1"/>
  <c r="U145986" i="1"/>
  <c r="U145985" i="1"/>
  <c r="U145984" i="1"/>
  <c r="U145983" i="1"/>
  <c r="U145982" i="1"/>
  <c r="U145981" i="1"/>
  <c r="U145980" i="1"/>
  <c r="U145979" i="1"/>
  <c r="U145978" i="1"/>
  <c r="U145977" i="1"/>
  <c r="U145976" i="1"/>
  <c r="U145975" i="1"/>
  <c r="U145974" i="1"/>
  <c r="U145973" i="1"/>
  <c r="U145972" i="1"/>
  <c r="U145971" i="1"/>
  <c r="U145970" i="1"/>
  <c r="U145969" i="1"/>
  <c r="U145968" i="1"/>
  <c r="U145967" i="1"/>
  <c r="U145966" i="1"/>
  <c r="U145965" i="1"/>
  <c r="U145964" i="1"/>
  <c r="U145963" i="1"/>
  <c r="U145962" i="1"/>
  <c r="U145961" i="1"/>
  <c r="U145960" i="1"/>
  <c r="U145959" i="1"/>
  <c r="U145958" i="1"/>
  <c r="U145957" i="1"/>
  <c r="U145956" i="1"/>
  <c r="U145955" i="1"/>
  <c r="U145954" i="1"/>
  <c r="U145953" i="1"/>
  <c r="U145952" i="1"/>
  <c r="U145951" i="1"/>
  <c r="U145950" i="1"/>
  <c r="U145949" i="1"/>
  <c r="U145948" i="1"/>
  <c r="U145947" i="1"/>
  <c r="U145946" i="1"/>
  <c r="U145945" i="1"/>
  <c r="U145944" i="1"/>
  <c r="U145943" i="1"/>
  <c r="U145942" i="1"/>
  <c r="U145941" i="1"/>
  <c r="U145940" i="1"/>
  <c r="U145939" i="1"/>
  <c r="U145938" i="1"/>
  <c r="U145937" i="1"/>
  <c r="U145936" i="1"/>
  <c r="U145935" i="1"/>
  <c r="U145934" i="1"/>
  <c r="U145933" i="1"/>
  <c r="U145932" i="1"/>
  <c r="U145931" i="1"/>
  <c r="U145930" i="1"/>
  <c r="U145929" i="1"/>
  <c r="U145928" i="1"/>
  <c r="U145927" i="1"/>
  <c r="U145926" i="1"/>
  <c r="U145925" i="1"/>
  <c r="U145924" i="1"/>
  <c r="U145923" i="1"/>
  <c r="U145922" i="1"/>
  <c r="U145921" i="1"/>
  <c r="U145920" i="1"/>
  <c r="U145919" i="1"/>
  <c r="U145918" i="1"/>
  <c r="U145917" i="1"/>
  <c r="U145916" i="1"/>
  <c r="U145915" i="1"/>
  <c r="U145914" i="1"/>
  <c r="U145913" i="1"/>
  <c r="U145912" i="1"/>
  <c r="U145911" i="1"/>
  <c r="U145910" i="1"/>
  <c r="U145909" i="1"/>
  <c r="U145908" i="1"/>
  <c r="U145907" i="1"/>
  <c r="U145906" i="1"/>
  <c r="U145905" i="1"/>
  <c r="U145904" i="1"/>
  <c r="U145903" i="1"/>
  <c r="U145902" i="1"/>
  <c r="U145901" i="1"/>
  <c r="U145900" i="1"/>
  <c r="U145899" i="1"/>
  <c r="U145898" i="1"/>
  <c r="U145897" i="1"/>
  <c r="U145896" i="1"/>
  <c r="U145895" i="1"/>
  <c r="U145894" i="1"/>
  <c r="U145893" i="1"/>
  <c r="U145892" i="1"/>
  <c r="U145891" i="1"/>
  <c r="U145890" i="1"/>
  <c r="U145889" i="1"/>
  <c r="U145888" i="1"/>
  <c r="U145887" i="1"/>
  <c r="U145886" i="1"/>
  <c r="U145885" i="1"/>
  <c r="U145884" i="1"/>
  <c r="U145883" i="1"/>
  <c r="U145882" i="1"/>
  <c r="U145881" i="1"/>
  <c r="U145880" i="1"/>
  <c r="U145879" i="1"/>
  <c r="U145878" i="1"/>
  <c r="U145877" i="1"/>
  <c r="U145876" i="1"/>
  <c r="U145875" i="1"/>
  <c r="U145874" i="1"/>
  <c r="U145873" i="1"/>
  <c r="U145872" i="1"/>
  <c r="U145871" i="1"/>
  <c r="U145870" i="1"/>
  <c r="U145869" i="1"/>
  <c r="U145868" i="1"/>
  <c r="U145867" i="1"/>
  <c r="U145866" i="1"/>
  <c r="U145865" i="1"/>
  <c r="U145864" i="1"/>
  <c r="U145863" i="1"/>
  <c r="U145862" i="1"/>
  <c r="U145861" i="1"/>
  <c r="U145860" i="1"/>
  <c r="U145859" i="1"/>
  <c r="U145858" i="1"/>
  <c r="U145857" i="1"/>
  <c r="U145856" i="1"/>
  <c r="U145855" i="1"/>
  <c r="U145854" i="1"/>
  <c r="U145853" i="1"/>
  <c r="U145852" i="1"/>
  <c r="U145851" i="1"/>
  <c r="U145850" i="1"/>
  <c r="U145849" i="1"/>
  <c r="U145848" i="1"/>
  <c r="U145847" i="1"/>
  <c r="U145846" i="1"/>
  <c r="U145845" i="1"/>
  <c r="U145844" i="1"/>
  <c r="U145843" i="1"/>
  <c r="U145842" i="1"/>
  <c r="U145841" i="1"/>
  <c r="U145840" i="1"/>
  <c r="U145839" i="1"/>
  <c r="U145838" i="1"/>
  <c r="U145837" i="1"/>
  <c r="U145836" i="1"/>
  <c r="U145835" i="1"/>
  <c r="U145834" i="1"/>
  <c r="U145833" i="1"/>
  <c r="U145832" i="1"/>
  <c r="U145831" i="1"/>
  <c r="U145830" i="1"/>
  <c r="U145829" i="1"/>
  <c r="U145828" i="1"/>
  <c r="U145827" i="1"/>
  <c r="U145826" i="1"/>
  <c r="U145825" i="1"/>
  <c r="U145824" i="1"/>
  <c r="U145823" i="1"/>
  <c r="U145822" i="1"/>
  <c r="U145821" i="1"/>
  <c r="U145820" i="1"/>
  <c r="U145819" i="1"/>
  <c r="U145818" i="1"/>
  <c r="U145817" i="1"/>
  <c r="U145816" i="1"/>
  <c r="U145815" i="1"/>
  <c r="U145814" i="1"/>
  <c r="U145813" i="1"/>
  <c r="U145812" i="1"/>
  <c r="U145811" i="1"/>
  <c r="U145810" i="1"/>
  <c r="U145809" i="1"/>
  <c r="U145808" i="1"/>
  <c r="U145807" i="1"/>
  <c r="U145806" i="1"/>
  <c r="U145805" i="1"/>
  <c r="U145804" i="1"/>
  <c r="U145803" i="1"/>
  <c r="U145802" i="1"/>
  <c r="U145801" i="1"/>
  <c r="U145800" i="1"/>
  <c r="U145799" i="1"/>
  <c r="U145798" i="1"/>
  <c r="U145797" i="1"/>
  <c r="U145796" i="1"/>
  <c r="U145795" i="1"/>
  <c r="U145794" i="1"/>
  <c r="U145793" i="1"/>
  <c r="U145792" i="1"/>
  <c r="U145791" i="1"/>
  <c r="U145790" i="1"/>
  <c r="U145789" i="1"/>
  <c r="U145788" i="1"/>
  <c r="U145787" i="1"/>
  <c r="U145786" i="1"/>
  <c r="U145785" i="1"/>
  <c r="U145784" i="1"/>
  <c r="U145783" i="1"/>
  <c r="U145782" i="1"/>
  <c r="U145781" i="1"/>
  <c r="U145780" i="1"/>
  <c r="U145779" i="1"/>
  <c r="U145778" i="1"/>
  <c r="U145777" i="1"/>
  <c r="U145776" i="1"/>
  <c r="U145775" i="1"/>
  <c r="U145774" i="1"/>
  <c r="U145773" i="1"/>
  <c r="U145772" i="1"/>
  <c r="U145771" i="1"/>
  <c r="U145770" i="1"/>
  <c r="U145769" i="1"/>
  <c r="U145768" i="1"/>
  <c r="U145767" i="1"/>
  <c r="U145766" i="1"/>
  <c r="U145765" i="1"/>
  <c r="U145764" i="1"/>
  <c r="U145763" i="1"/>
  <c r="U145762" i="1"/>
  <c r="U145761" i="1"/>
  <c r="U145760" i="1"/>
  <c r="U145759" i="1"/>
  <c r="U145758" i="1"/>
  <c r="U145757" i="1"/>
  <c r="U145756" i="1"/>
  <c r="U145755" i="1"/>
  <c r="U145754" i="1"/>
  <c r="U145753" i="1"/>
  <c r="U145752" i="1"/>
  <c r="U145751" i="1"/>
  <c r="U145750" i="1"/>
  <c r="U145749" i="1"/>
  <c r="U145748" i="1"/>
  <c r="U145747" i="1"/>
  <c r="U145746" i="1"/>
  <c r="U145745" i="1"/>
  <c r="U145744" i="1"/>
  <c r="U145743" i="1"/>
  <c r="U145742" i="1"/>
  <c r="U145741" i="1"/>
  <c r="U145740" i="1"/>
  <c r="U145739" i="1"/>
  <c r="U145738" i="1"/>
  <c r="U145737" i="1"/>
  <c r="U145736" i="1"/>
  <c r="U145735" i="1"/>
  <c r="U145734" i="1"/>
  <c r="U145733" i="1"/>
  <c r="U145732" i="1"/>
  <c r="U145731" i="1"/>
  <c r="U145730" i="1"/>
  <c r="U145729" i="1"/>
  <c r="U145728" i="1"/>
  <c r="U145727" i="1"/>
  <c r="U145726" i="1"/>
  <c r="U145725" i="1"/>
  <c r="U145724" i="1"/>
  <c r="U145723" i="1"/>
  <c r="U145722" i="1"/>
  <c r="U145721" i="1"/>
  <c r="U145720" i="1"/>
  <c r="U145719" i="1"/>
  <c r="U145718" i="1"/>
  <c r="U145717" i="1"/>
  <c r="U145716" i="1"/>
  <c r="U145715" i="1"/>
  <c r="U145714" i="1"/>
  <c r="U145713" i="1"/>
  <c r="U145712" i="1"/>
  <c r="U145711" i="1"/>
  <c r="U145710" i="1"/>
  <c r="U145709" i="1"/>
  <c r="U145708" i="1"/>
  <c r="U145707" i="1"/>
  <c r="U145706" i="1"/>
  <c r="U145705" i="1"/>
  <c r="U145704" i="1"/>
  <c r="U145703" i="1"/>
  <c r="U145702" i="1"/>
  <c r="U145701" i="1"/>
  <c r="U145700" i="1"/>
  <c r="U145699" i="1"/>
  <c r="U145698" i="1"/>
  <c r="U145697" i="1"/>
  <c r="U145696" i="1"/>
  <c r="U145695" i="1"/>
  <c r="U145694" i="1"/>
  <c r="U145693" i="1"/>
  <c r="U145692" i="1"/>
  <c r="U145691" i="1"/>
  <c r="U145690" i="1"/>
  <c r="U145689" i="1"/>
  <c r="U145688" i="1"/>
  <c r="U145687" i="1"/>
  <c r="U145686" i="1"/>
  <c r="U145685" i="1"/>
  <c r="U145684" i="1"/>
  <c r="U145683" i="1"/>
  <c r="U145682" i="1"/>
  <c r="U145681" i="1"/>
  <c r="U145680" i="1"/>
  <c r="U145679" i="1"/>
  <c r="U145678" i="1"/>
  <c r="U145677" i="1"/>
  <c r="U145676" i="1"/>
  <c r="U145675" i="1"/>
  <c r="U145674" i="1"/>
  <c r="U145673" i="1"/>
  <c r="U145672" i="1"/>
  <c r="U145671" i="1"/>
  <c r="U145670" i="1"/>
  <c r="U145669" i="1"/>
  <c r="U145668" i="1"/>
  <c r="U145667" i="1"/>
  <c r="U145666" i="1"/>
  <c r="U145665" i="1"/>
  <c r="U145664" i="1"/>
  <c r="U145663" i="1"/>
  <c r="U145662" i="1"/>
  <c r="U145661" i="1"/>
  <c r="U145660" i="1"/>
  <c r="U145659" i="1"/>
  <c r="U145658" i="1"/>
  <c r="U145657" i="1"/>
  <c r="U145656" i="1"/>
  <c r="U145655" i="1"/>
  <c r="U145654" i="1"/>
  <c r="U145653" i="1"/>
  <c r="U145652" i="1"/>
  <c r="U145651" i="1"/>
  <c r="U145650" i="1"/>
  <c r="U145649" i="1"/>
  <c r="U145648" i="1"/>
  <c r="U145647" i="1"/>
  <c r="U145646" i="1"/>
  <c r="U145645" i="1"/>
  <c r="U145644" i="1"/>
  <c r="U145643" i="1"/>
  <c r="U145642" i="1"/>
  <c r="U145641" i="1"/>
  <c r="U145640" i="1"/>
  <c r="U145639" i="1"/>
  <c r="U145638" i="1"/>
  <c r="U145637" i="1"/>
  <c r="U145636" i="1"/>
  <c r="U145635" i="1"/>
  <c r="U145634" i="1"/>
  <c r="U145633" i="1"/>
  <c r="U145632" i="1"/>
  <c r="U145631" i="1"/>
  <c r="U145630" i="1"/>
  <c r="U145629" i="1"/>
  <c r="U145628" i="1"/>
  <c r="U145627" i="1"/>
  <c r="U145626" i="1"/>
  <c r="U145625" i="1"/>
  <c r="U145624" i="1"/>
  <c r="U145623" i="1"/>
  <c r="U145622" i="1"/>
  <c r="U145621" i="1"/>
  <c r="U145620" i="1"/>
  <c r="U145619" i="1"/>
  <c r="U145618" i="1"/>
  <c r="U145617" i="1"/>
  <c r="U145616" i="1"/>
  <c r="U145615" i="1"/>
  <c r="U145614" i="1"/>
  <c r="U145613" i="1"/>
  <c r="U145612" i="1"/>
  <c r="U145611" i="1"/>
  <c r="U145610" i="1"/>
  <c r="U145609" i="1"/>
  <c r="U145608" i="1"/>
  <c r="U145607" i="1"/>
  <c r="U145606" i="1"/>
  <c r="U145605" i="1"/>
  <c r="U145604" i="1"/>
  <c r="U145603" i="1"/>
  <c r="U145602" i="1"/>
  <c r="U145601" i="1"/>
  <c r="U145600" i="1"/>
  <c r="U145599" i="1"/>
  <c r="U145598" i="1"/>
  <c r="U145597" i="1"/>
  <c r="U145596" i="1"/>
  <c r="U145595" i="1"/>
  <c r="U145594" i="1"/>
  <c r="U145593" i="1"/>
  <c r="U145592" i="1"/>
  <c r="U145591" i="1"/>
  <c r="U145590" i="1"/>
  <c r="U145589" i="1"/>
  <c r="U145588" i="1"/>
  <c r="U145587" i="1"/>
  <c r="U145586" i="1"/>
  <c r="U145585" i="1"/>
  <c r="U145584" i="1"/>
  <c r="U145583" i="1"/>
  <c r="U145582" i="1"/>
  <c r="U145581" i="1"/>
  <c r="U145580" i="1"/>
  <c r="U145579" i="1"/>
  <c r="U145578" i="1"/>
  <c r="U145577" i="1"/>
  <c r="U145576" i="1"/>
  <c r="U145575" i="1"/>
  <c r="U145574" i="1"/>
  <c r="U145573" i="1"/>
  <c r="U145572" i="1"/>
  <c r="U145571" i="1"/>
  <c r="U145570" i="1"/>
  <c r="U145569" i="1"/>
  <c r="U145568" i="1"/>
  <c r="U145567" i="1"/>
  <c r="U145566" i="1"/>
  <c r="U145565" i="1"/>
  <c r="U145564" i="1"/>
  <c r="U145563" i="1"/>
  <c r="U145562" i="1"/>
  <c r="U145561" i="1"/>
  <c r="U145560" i="1"/>
  <c r="U145559" i="1"/>
  <c r="U145558" i="1"/>
  <c r="U145557" i="1"/>
  <c r="U145556" i="1"/>
  <c r="U145555" i="1"/>
  <c r="U145554" i="1"/>
  <c r="U145553" i="1"/>
  <c r="U145552" i="1"/>
  <c r="U145551" i="1"/>
  <c r="U145550" i="1"/>
  <c r="U145549" i="1"/>
  <c r="U145548" i="1"/>
  <c r="U145547" i="1"/>
  <c r="U145546" i="1"/>
  <c r="U145545" i="1"/>
  <c r="U145544" i="1"/>
  <c r="U145543" i="1"/>
  <c r="U145542" i="1"/>
  <c r="U145541" i="1"/>
  <c r="U145540" i="1"/>
  <c r="U145539" i="1"/>
  <c r="U145538" i="1"/>
  <c r="U145537" i="1"/>
  <c r="U145536" i="1"/>
  <c r="U145535" i="1"/>
  <c r="U145534" i="1"/>
  <c r="U145533" i="1"/>
  <c r="U145532" i="1"/>
  <c r="U145531" i="1"/>
  <c r="U145530" i="1"/>
  <c r="U145529" i="1"/>
  <c r="U145528" i="1"/>
  <c r="U145527" i="1"/>
  <c r="U145526" i="1"/>
  <c r="U145525" i="1"/>
  <c r="U145524" i="1"/>
  <c r="U145523" i="1"/>
  <c r="U145522" i="1"/>
  <c r="U145521" i="1"/>
  <c r="U145520" i="1"/>
  <c r="U145519" i="1"/>
  <c r="U145518" i="1"/>
  <c r="U145517" i="1"/>
  <c r="U145516" i="1"/>
  <c r="U145515" i="1"/>
  <c r="U145514" i="1"/>
  <c r="U145513" i="1"/>
  <c r="U145512" i="1"/>
  <c r="U145511" i="1"/>
  <c r="U145510" i="1"/>
  <c r="U145509" i="1"/>
  <c r="U145508" i="1"/>
  <c r="U145507" i="1"/>
  <c r="U145506" i="1"/>
  <c r="U145505" i="1"/>
  <c r="U145504" i="1"/>
  <c r="U145503" i="1"/>
  <c r="U145502" i="1"/>
  <c r="U145501" i="1"/>
  <c r="U145500" i="1"/>
  <c r="U145499" i="1"/>
  <c r="U145498" i="1"/>
  <c r="U145497" i="1"/>
  <c r="U145496" i="1"/>
  <c r="U145495" i="1"/>
  <c r="U145494" i="1"/>
  <c r="U145493" i="1"/>
  <c r="U145492" i="1"/>
  <c r="U145491" i="1"/>
  <c r="U145490" i="1"/>
  <c r="U145489" i="1"/>
  <c r="U145488" i="1"/>
  <c r="U145487" i="1"/>
  <c r="U145486" i="1"/>
  <c r="U145485" i="1"/>
  <c r="U145484" i="1"/>
  <c r="U145483" i="1"/>
  <c r="U145482" i="1"/>
  <c r="U145481" i="1"/>
  <c r="U145480" i="1"/>
  <c r="U145479" i="1"/>
  <c r="U145478" i="1"/>
  <c r="U145477" i="1"/>
  <c r="U145476" i="1"/>
  <c r="U145475" i="1"/>
  <c r="U145474" i="1"/>
  <c r="U145473" i="1"/>
  <c r="U145472" i="1"/>
  <c r="U145471" i="1"/>
  <c r="U145470" i="1"/>
  <c r="U145469" i="1"/>
  <c r="U145468" i="1"/>
  <c r="U145467" i="1"/>
  <c r="U145466" i="1"/>
  <c r="U145465" i="1"/>
  <c r="U145464" i="1"/>
  <c r="U145463" i="1"/>
  <c r="U145462" i="1"/>
  <c r="U145461" i="1"/>
  <c r="U145460" i="1"/>
  <c r="U145459" i="1"/>
  <c r="U145458" i="1"/>
  <c r="U145457" i="1"/>
  <c r="U145456" i="1"/>
  <c r="U145455" i="1"/>
  <c r="U145454" i="1"/>
  <c r="U145453" i="1"/>
  <c r="U145452" i="1"/>
  <c r="U145451" i="1"/>
  <c r="U145450" i="1"/>
  <c r="U145449" i="1"/>
  <c r="U145448" i="1"/>
  <c r="U145447" i="1"/>
  <c r="U145446" i="1"/>
  <c r="U145445" i="1"/>
  <c r="U145444" i="1"/>
  <c r="U145443" i="1"/>
  <c r="U145442" i="1"/>
  <c r="U145441" i="1"/>
  <c r="U145440" i="1"/>
  <c r="U145439" i="1"/>
  <c r="U145438" i="1"/>
  <c r="U145437" i="1"/>
  <c r="U145436" i="1"/>
  <c r="U145435" i="1"/>
  <c r="U145434" i="1"/>
  <c r="U145433" i="1"/>
  <c r="U145432" i="1"/>
  <c r="U145431" i="1"/>
  <c r="U145430" i="1"/>
  <c r="U145429" i="1"/>
  <c r="U145428" i="1"/>
  <c r="U145427" i="1"/>
  <c r="U145426" i="1"/>
  <c r="U145425" i="1"/>
  <c r="U145424" i="1"/>
  <c r="U145423" i="1"/>
  <c r="U145422" i="1"/>
  <c r="U145421" i="1"/>
  <c r="U145420" i="1"/>
  <c r="U145419" i="1"/>
  <c r="U145418" i="1"/>
  <c r="U145417" i="1"/>
  <c r="U145416" i="1"/>
  <c r="U145415" i="1"/>
  <c r="U145414" i="1"/>
  <c r="U145413" i="1"/>
  <c r="U145412" i="1"/>
  <c r="U145411" i="1"/>
  <c r="U145410" i="1"/>
  <c r="U145409" i="1"/>
  <c r="U145408" i="1"/>
  <c r="U145407" i="1"/>
  <c r="U145406" i="1"/>
  <c r="U145405" i="1"/>
  <c r="U145404" i="1"/>
  <c r="U145403" i="1"/>
  <c r="U145402" i="1"/>
  <c r="U145401" i="1"/>
  <c r="U145400" i="1"/>
  <c r="U145399" i="1"/>
  <c r="U145398" i="1"/>
  <c r="U145397" i="1"/>
  <c r="U145396" i="1"/>
  <c r="U145395" i="1"/>
  <c r="U145394" i="1"/>
  <c r="U145393" i="1"/>
  <c r="U145392" i="1"/>
  <c r="U145391" i="1"/>
  <c r="U145390" i="1"/>
  <c r="U145389" i="1"/>
  <c r="U145388" i="1"/>
  <c r="U145387" i="1"/>
  <c r="U145386" i="1"/>
  <c r="U145385" i="1"/>
  <c r="U145384" i="1"/>
  <c r="U145383" i="1"/>
  <c r="U145382" i="1"/>
  <c r="U145381" i="1"/>
  <c r="U145380" i="1"/>
  <c r="U145379" i="1"/>
  <c r="U145378" i="1"/>
  <c r="U145377" i="1"/>
  <c r="U145376" i="1"/>
  <c r="U145375" i="1"/>
  <c r="U145374" i="1"/>
  <c r="U145373" i="1"/>
  <c r="U145372" i="1"/>
  <c r="U145371" i="1"/>
  <c r="U145370" i="1"/>
  <c r="U145369" i="1"/>
  <c r="U145368" i="1"/>
  <c r="U145367" i="1"/>
  <c r="U145366" i="1"/>
  <c r="U145365" i="1"/>
  <c r="U145364" i="1"/>
  <c r="U145363" i="1"/>
  <c r="U145362" i="1"/>
  <c r="U145361" i="1"/>
  <c r="U145360" i="1"/>
  <c r="U145359" i="1"/>
  <c r="U145358" i="1"/>
  <c r="U145357" i="1"/>
  <c r="U145356" i="1"/>
  <c r="U145355" i="1"/>
  <c r="U145354" i="1"/>
  <c r="U145353" i="1"/>
  <c r="U145352" i="1"/>
  <c r="U145351" i="1"/>
  <c r="U145350" i="1"/>
  <c r="U145349" i="1"/>
  <c r="U145348" i="1"/>
  <c r="U145347" i="1"/>
  <c r="U145346" i="1"/>
  <c r="U145345" i="1"/>
  <c r="U145344" i="1"/>
  <c r="U145343" i="1"/>
  <c r="U145342" i="1"/>
  <c r="U145341" i="1"/>
  <c r="U145340" i="1"/>
  <c r="U145339" i="1"/>
  <c r="U145338" i="1"/>
  <c r="U145337" i="1"/>
  <c r="U145336" i="1"/>
  <c r="U145335" i="1"/>
  <c r="U145334" i="1"/>
  <c r="U145333" i="1"/>
  <c r="U145332" i="1"/>
  <c r="U145331" i="1"/>
  <c r="U145330" i="1"/>
  <c r="U145329" i="1"/>
  <c r="U145328" i="1"/>
  <c r="U145327" i="1"/>
  <c r="U145326" i="1"/>
  <c r="U145325" i="1"/>
  <c r="U145324" i="1"/>
  <c r="U145323" i="1"/>
  <c r="U145322" i="1"/>
  <c r="U145321" i="1"/>
  <c r="U145320" i="1"/>
  <c r="U145319" i="1"/>
  <c r="U145318" i="1"/>
  <c r="U145317" i="1"/>
  <c r="U145316" i="1"/>
  <c r="U145315" i="1"/>
  <c r="U145314" i="1"/>
  <c r="U145313" i="1"/>
  <c r="U145312" i="1"/>
  <c r="U145311" i="1"/>
  <c r="U145310" i="1"/>
  <c r="U145309" i="1"/>
  <c r="U145308" i="1"/>
  <c r="U145307" i="1"/>
  <c r="U145306" i="1"/>
  <c r="U145305" i="1"/>
  <c r="U145304" i="1"/>
  <c r="U145303" i="1"/>
  <c r="U145302" i="1"/>
  <c r="U145301" i="1"/>
  <c r="U145300" i="1"/>
  <c r="U145299" i="1"/>
  <c r="U145298" i="1"/>
  <c r="U145297" i="1"/>
  <c r="U145296" i="1"/>
  <c r="U145295" i="1"/>
  <c r="U145294" i="1"/>
  <c r="U145293" i="1"/>
  <c r="U145292" i="1"/>
  <c r="U145291" i="1"/>
  <c r="U145290" i="1"/>
  <c r="U145289" i="1"/>
  <c r="U145288" i="1"/>
  <c r="U145287" i="1"/>
  <c r="U145286" i="1"/>
  <c r="U145285" i="1"/>
  <c r="U145284" i="1"/>
  <c r="U145283" i="1"/>
  <c r="U145282" i="1"/>
  <c r="U145281" i="1"/>
  <c r="U145280" i="1"/>
  <c r="U145279" i="1"/>
  <c r="U145278" i="1"/>
  <c r="U145277" i="1"/>
  <c r="U145276" i="1"/>
  <c r="U145275" i="1"/>
  <c r="U145274" i="1"/>
  <c r="U145273" i="1"/>
  <c r="U145272" i="1"/>
  <c r="U145271" i="1"/>
  <c r="U145270" i="1"/>
  <c r="U145269" i="1"/>
  <c r="U145268" i="1"/>
  <c r="U145267" i="1"/>
  <c r="U145266" i="1"/>
  <c r="U145265" i="1"/>
  <c r="U145264" i="1"/>
  <c r="U145263" i="1"/>
  <c r="U145262" i="1"/>
  <c r="U145261" i="1"/>
  <c r="U145260" i="1"/>
  <c r="U145259" i="1"/>
  <c r="U145258" i="1"/>
  <c r="U145257" i="1"/>
  <c r="U145256" i="1"/>
  <c r="U145255" i="1"/>
  <c r="U145254" i="1"/>
  <c r="U145253" i="1"/>
  <c r="U145252" i="1"/>
  <c r="U145251" i="1"/>
  <c r="U145250" i="1"/>
  <c r="U145249" i="1"/>
  <c r="U145248" i="1"/>
  <c r="U145247" i="1"/>
  <c r="U145246" i="1"/>
  <c r="U145245" i="1"/>
  <c r="U145244" i="1"/>
  <c r="U145243" i="1"/>
  <c r="U145242" i="1"/>
  <c r="U145241" i="1"/>
  <c r="U145240" i="1"/>
  <c r="U145239" i="1"/>
  <c r="U145238" i="1"/>
  <c r="U145237" i="1"/>
  <c r="U145236" i="1"/>
  <c r="U145235" i="1"/>
  <c r="U145234" i="1"/>
  <c r="U145233" i="1"/>
  <c r="U145232" i="1"/>
  <c r="U145231" i="1"/>
  <c r="U145230" i="1"/>
  <c r="U145229" i="1"/>
  <c r="U145228" i="1"/>
  <c r="U145227" i="1"/>
  <c r="U145226" i="1"/>
  <c r="U145225" i="1"/>
  <c r="U145224" i="1"/>
  <c r="U145223" i="1"/>
  <c r="U145222" i="1"/>
  <c r="U145221" i="1"/>
  <c r="U145220" i="1"/>
  <c r="U145219" i="1"/>
  <c r="U145218" i="1"/>
  <c r="U145217" i="1"/>
  <c r="U145216" i="1"/>
  <c r="U145215" i="1"/>
  <c r="U145214" i="1"/>
  <c r="U145213" i="1"/>
  <c r="U145212" i="1"/>
  <c r="U145211" i="1"/>
  <c r="U145210" i="1"/>
  <c r="U145209" i="1"/>
  <c r="U145208" i="1"/>
  <c r="U145207" i="1"/>
  <c r="U145206" i="1"/>
  <c r="U145205" i="1"/>
  <c r="U145204" i="1"/>
  <c r="U145203" i="1"/>
  <c r="U145202" i="1"/>
  <c r="U145201" i="1"/>
  <c r="U145200" i="1"/>
  <c r="U145199" i="1"/>
  <c r="U145198" i="1"/>
  <c r="U145197" i="1"/>
  <c r="U145196" i="1"/>
  <c r="U145195" i="1"/>
  <c r="U145194" i="1"/>
  <c r="U145193" i="1"/>
  <c r="U145192" i="1"/>
  <c r="U145191" i="1"/>
  <c r="U145190" i="1"/>
  <c r="U145189" i="1"/>
  <c r="U145188" i="1"/>
  <c r="U145187" i="1"/>
  <c r="U145186" i="1"/>
  <c r="U145185" i="1"/>
  <c r="U145184" i="1"/>
  <c r="U145183" i="1"/>
  <c r="U145182" i="1"/>
  <c r="U145181" i="1"/>
  <c r="U145180" i="1"/>
  <c r="U145179" i="1"/>
  <c r="U145178" i="1"/>
  <c r="U145177" i="1"/>
  <c r="U145176" i="1"/>
  <c r="U145175" i="1"/>
  <c r="U145174" i="1"/>
  <c r="U145173" i="1"/>
  <c r="U145172" i="1"/>
  <c r="U145171" i="1"/>
  <c r="U145170" i="1"/>
  <c r="U145169" i="1"/>
  <c r="U145168" i="1"/>
  <c r="U145167" i="1"/>
  <c r="U145166" i="1"/>
  <c r="U145165" i="1"/>
  <c r="U145164" i="1"/>
  <c r="U145163" i="1"/>
  <c r="U145162" i="1"/>
  <c r="U145161" i="1"/>
  <c r="U145160" i="1"/>
  <c r="U145159" i="1"/>
  <c r="U145158" i="1"/>
  <c r="U145157" i="1"/>
  <c r="U145156" i="1"/>
  <c r="U145155" i="1"/>
  <c r="U145154" i="1"/>
  <c r="U145153" i="1"/>
  <c r="U145152" i="1"/>
  <c r="U145151" i="1"/>
  <c r="U145150" i="1"/>
  <c r="U145149" i="1"/>
  <c r="U145148" i="1"/>
  <c r="U145147" i="1"/>
  <c r="U145146" i="1"/>
  <c r="U145145" i="1"/>
  <c r="U145144" i="1"/>
  <c r="U145143" i="1"/>
  <c r="U145142" i="1"/>
  <c r="U145141" i="1"/>
  <c r="U145140" i="1"/>
  <c r="U145139" i="1"/>
  <c r="U145138" i="1"/>
  <c r="U145137" i="1"/>
  <c r="U145136" i="1"/>
  <c r="U145135" i="1"/>
  <c r="U145134" i="1"/>
  <c r="U145133" i="1"/>
  <c r="U145132" i="1"/>
  <c r="U145131" i="1"/>
  <c r="U145130" i="1"/>
  <c r="U145129" i="1"/>
  <c r="U145128" i="1"/>
  <c r="U145127" i="1"/>
  <c r="U145126" i="1"/>
  <c r="U145125" i="1"/>
  <c r="U145124" i="1"/>
  <c r="U145123" i="1"/>
  <c r="U145122" i="1"/>
  <c r="U145121" i="1"/>
  <c r="U145120" i="1"/>
  <c r="U145119" i="1"/>
  <c r="U145118" i="1"/>
  <c r="U145117" i="1"/>
  <c r="U145116" i="1"/>
  <c r="U145115" i="1"/>
  <c r="U145114" i="1"/>
  <c r="U145113" i="1"/>
  <c r="U145112" i="1"/>
  <c r="U145111" i="1"/>
  <c r="U145110" i="1"/>
  <c r="U145109" i="1"/>
  <c r="U145108" i="1"/>
  <c r="U145107" i="1"/>
  <c r="U145106" i="1"/>
  <c r="U145105" i="1"/>
  <c r="U145104" i="1"/>
  <c r="U145103" i="1"/>
  <c r="U145102" i="1"/>
  <c r="U145101" i="1"/>
  <c r="U145100" i="1"/>
  <c r="U145099" i="1"/>
  <c r="U145098" i="1"/>
  <c r="U145097" i="1"/>
  <c r="U145096" i="1"/>
  <c r="U145095" i="1"/>
  <c r="U145094" i="1"/>
  <c r="U145093" i="1"/>
  <c r="U145092" i="1"/>
  <c r="U145091" i="1"/>
  <c r="U145090" i="1"/>
  <c r="U145089" i="1"/>
  <c r="U145088" i="1"/>
  <c r="U145087" i="1"/>
  <c r="U145086" i="1"/>
  <c r="U145085" i="1"/>
  <c r="U145084" i="1"/>
  <c r="U145083" i="1"/>
  <c r="U145082" i="1"/>
  <c r="U145081" i="1"/>
  <c r="U145080" i="1"/>
  <c r="U145079" i="1"/>
  <c r="U145078" i="1"/>
  <c r="U145077" i="1"/>
  <c r="U145076" i="1"/>
  <c r="U145075" i="1"/>
  <c r="U145074" i="1"/>
  <c r="U145073" i="1"/>
  <c r="U145072" i="1"/>
  <c r="U145071" i="1"/>
  <c r="U145070" i="1"/>
  <c r="U145069" i="1"/>
  <c r="U145068" i="1"/>
  <c r="U145067" i="1"/>
  <c r="U145066" i="1"/>
  <c r="U145065" i="1"/>
  <c r="U145064" i="1"/>
  <c r="U145063" i="1"/>
  <c r="U145062" i="1"/>
  <c r="U145061" i="1"/>
  <c r="U145060" i="1"/>
  <c r="U145059" i="1"/>
  <c r="U145058" i="1"/>
  <c r="U145057" i="1"/>
  <c r="U145056" i="1"/>
  <c r="U145055" i="1"/>
  <c r="U145054" i="1"/>
  <c r="U145053" i="1"/>
  <c r="U145052" i="1"/>
  <c r="U145051" i="1"/>
  <c r="U145050" i="1"/>
  <c r="U145049" i="1"/>
  <c r="U145048" i="1"/>
  <c r="U145047" i="1"/>
  <c r="U145046" i="1"/>
  <c r="U145045" i="1"/>
  <c r="U145044" i="1"/>
  <c r="U145043" i="1"/>
  <c r="U145042" i="1"/>
  <c r="U145041" i="1"/>
  <c r="U145040" i="1"/>
  <c r="U145039" i="1"/>
  <c r="U145038" i="1"/>
  <c r="U145037" i="1"/>
  <c r="U145036" i="1"/>
  <c r="U145035" i="1"/>
  <c r="U145034" i="1"/>
  <c r="U145033" i="1"/>
  <c r="U145032" i="1"/>
  <c r="U145031" i="1"/>
  <c r="U145030" i="1"/>
  <c r="U145029" i="1"/>
  <c r="U145028" i="1"/>
  <c r="U145027" i="1"/>
  <c r="U145026" i="1"/>
  <c r="U145025" i="1"/>
  <c r="U145024" i="1"/>
  <c r="U145023" i="1"/>
  <c r="U145022" i="1"/>
  <c r="U145021" i="1"/>
  <c r="U145020" i="1"/>
  <c r="U145019" i="1"/>
  <c r="U145018" i="1"/>
  <c r="U145017" i="1"/>
  <c r="U145016" i="1"/>
  <c r="U145015" i="1"/>
  <c r="U145014" i="1"/>
  <c r="U145013" i="1"/>
  <c r="U145012" i="1"/>
  <c r="U145011" i="1"/>
  <c r="U145010" i="1"/>
  <c r="U145009" i="1"/>
  <c r="U145008" i="1"/>
  <c r="U145007" i="1"/>
  <c r="U145006" i="1"/>
  <c r="U145005" i="1"/>
  <c r="U145004" i="1"/>
  <c r="U145003" i="1"/>
  <c r="U145002" i="1"/>
  <c r="U145001" i="1"/>
  <c r="U145000" i="1"/>
  <c r="U144999" i="1"/>
  <c r="U144998" i="1"/>
  <c r="U144997" i="1"/>
  <c r="U144996" i="1"/>
  <c r="U144995" i="1"/>
  <c r="U144994" i="1"/>
  <c r="U144993" i="1"/>
  <c r="U144992" i="1"/>
  <c r="U144991" i="1"/>
  <c r="U144990" i="1"/>
  <c r="U144989" i="1"/>
  <c r="U144988" i="1"/>
  <c r="U144987" i="1"/>
  <c r="U144986" i="1"/>
  <c r="U144985" i="1"/>
  <c r="U144984" i="1"/>
  <c r="U144983" i="1"/>
  <c r="U144982" i="1"/>
  <c r="U144981" i="1"/>
  <c r="U144980" i="1"/>
  <c r="U144979" i="1"/>
  <c r="U144978" i="1"/>
  <c r="U144977" i="1"/>
  <c r="U144976" i="1"/>
  <c r="U144975" i="1"/>
  <c r="U144974" i="1"/>
  <c r="U144973" i="1"/>
  <c r="U144972" i="1"/>
  <c r="U144971" i="1"/>
  <c r="U144970" i="1"/>
  <c r="U144969" i="1"/>
  <c r="U144968" i="1"/>
  <c r="U144967" i="1"/>
  <c r="U144966" i="1"/>
  <c r="U144965" i="1"/>
  <c r="U144964" i="1"/>
  <c r="U144963" i="1"/>
  <c r="U144962" i="1"/>
  <c r="U144961" i="1"/>
  <c r="U144960" i="1"/>
  <c r="U144959" i="1"/>
  <c r="U144958" i="1"/>
  <c r="U144957" i="1"/>
  <c r="U144956" i="1"/>
  <c r="U144955" i="1"/>
  <c r="U144954" i="1"/>
  <c r="U144953" i="1"/>
  <c r="U144952" i="1"/>
  <c r="U144951" i="1"/>
  <c r="U144950" i="1"/>
  <c r="U144949" i="1"/>
  <c r="U144948" i="1"/>
  <c r="U144947" i="1"/>
  <c r="U144946" i="1"/>
  <c r="U144945" i="1"/>
  <c r="U144944" i="1"/>
  <c r="U144943" i="1"/>
  <c r="U144942" i="1"/>
  <c r="U144941" i="1"/>
  <c r="U144940" i="1"/>
  <c r="U144939" i="1"/>
  <c r="U144938" i="1"/>
  <c r="U144937" i="1"/>
  <c r="U144936" i="1"/>
  <c r="U144935" i="1"/>
  <c r="U144934" i="1"/>
  <c r="U144933" i="1"/>
  <c r="U144932" i="1"/>
  <c r="U144931" i="1"/>
  <c r="U144930" i="1"/>
  <c r="U144929" i="1"/>
  <c r="U144928" i="1"/>
  <c r="U144927" i="1"/>
  <c r="U144926" i="1"/>
  <c r="U144925" i="1"/>
  <c r="U144924" i="1"/>
  <c r="U144923" i="1"/>
  <c r="U144922" i="1"/>
  <c r="U144921" i="1"/>
  <c r="U144920" i="1"/>
  <c r="U144919" i="1"/>
  <c r="U144918" i="1"/>
  <c r="U144917" i="1"/>
  <c r="U144916" i="1"/>
  <c r="U144915" i="1"/>
  <c r="U144914" i="1"/>
  <c r="U144913" i="1"/>
  <c r="U144912" i="1"/>
  <c r="U144911" i="1"/>
  <c r="U144910" i="1"/>
  <c r="U144909" i="1"/>
  <c r="U144908" i="1"/>
  <c r="U144907" i="1"/>
  <c r="U144906" i="1"/>
  <c r="U144905" i="1"/>
  <c r="U144904" i="1"/>
  <c r="U144903" i="1"/>
  <c r="U144902" i="1"/>
  <c r="U144901" i="1"/>
  <c r="U144900" i="1"/>
  <c r="U144899" i="1"/>
  <c r="U144898" i="1"/>
  <c r="U144897" i="1"/>
  <c r="U144896" i="1"/>
  <c r="U144895" i="1"/>
  <c r="U144894" i="1"/>
  <c r="U144893" i="1"/>
  <c r="U144892" i="1"/>
  <c r="U144891" i="1"/>
  <c r="U144890" i="1"/>
  <c r="U144889" i="1"/>
  <c r="U144888" i="1"/>
  <c r="U144887" i="1"/>
  <c r="U144886" i="1"/>
  <c r="U144885" i="1"/>
  <c r="U144884" i="1"/>
  <c r="U144883" i="1"/>
  <c r="U144882" i="1"/>
  <c r="U144881" i="1"/>
  <c r="U144880" i="1"/>
  <c r="U144879" i="1"/>
  <c r="U144878" i="1"/>
  <c r="U144877" i="1"/>
  <c r="U144876" i="1"/>
  <c r="U144875" i="1"/>
  <c r="U144874" i="1"/>
  <c r="U144873" i="1"/>
  <c r="U144872" i="1"/>
  <c r="U144871" i="1"/>
  <c r="U144870" i="1"/>
  <c r="U144869" i="1"/>
  <c r="U144868" i="1"/>
  <c r="U144867" i="1"/>
  <c r="U144866" i="1"/>
  <c r="U144865" i="1"/>
  <c r="U144864" i="1"/>
  <c r="U144863" i="1"/>
  <c r="U144862" i="1"/>
  <c r="U144861" i="1"/>
  <c r="U144860" i="1"/>
  <c r="U144859" i="1"/>
  <c r="U144858" i="1"/>
  <c r="U144857" i="1"/>
  <c r="U144856" i="1"/>
  <c r="U144855" i="1"/>
  <c r="U144854" i="1"/>
  <c r="U144853" i="1"/>
  <c r="U144852" i="1"/>
  <c r="U144851" i="1"/>
  <c r="U144850" i="1"/>
  <c r="U144849" i="1"/>
  <c r="U144848" i="1"/>
  <c r="U144847" i="1"/>
  <c r="U144846" i="1"/>
  <c r="U144845" i="1"/>
  <c r="U144844" i="1"/>
  <c r="U144843" i="1"/>
  <c r="U144842" i="1"/>
  <c r="U144841" i="1"/>
  <c r="U144840" i="1"/>
  <c r="U144839" i="1"/>
  <c r="U144838" i="1"/>
  <c r="U144837" i="1"/>
  <c r="U144836" i="1"/>
  <c r="U144835" i="1"/>
  <c r="U144834" i="1"/>
  <c r="U144833" i="1"/>
  <c r="U144832" i="1"/>
  <c r="U144831" i="1"/>
  <c r="U144830" i="1"/>
  <c r="U144829" i="1"/>
  <c r="U144828" i="1"/>
  <c r="U144827" i="1"/>
  <c r="U144826" i="1"/>
  <c r="U144825" i="1"/>
  <c r="U144824" i="1"/>
  <c r="U144823" i="1"/>
  <c r="U144822" i="1"/>
  <c r="U144821" i="1"/>
  <c r="U144820" i="1"/>
  <c r="U144819" i="1"/>
  <c r="U144818" i="1"/>
  <c r="U144817" i="1"/>
  <c r="U144816" i="1"/>
  <c r="U144815" i="1"/>
  <c r="U144814" i="1"/>
  <c r="U144813" i="1"/>
  <c r="U144812" i="1"/>
  <c r="U144811" i="1"/>
  <c r="U144810" i="1"/>
  <c r="U144809" i="1"/>
  <c r="U144808" i="1"/>
  <c r="U144807" i="1"/>
  <c r="U144806" i="1"/>
  <c r="U144805" i="1"/>
  <c r="U144804" i="1"/>
  <c r="U144803" i="1"/>
  <c r="U144802" i="1"/>
  <c r="U144801" i="1"/>
  <c r="U144800" i="1"/>
  <c r="U144799" i="1"/>
  <c r="U144798" i="1"/>
  <c r="U144797" i="1"/>
  <c r="U144796" i="1"/>
  <c r="U144795" i="1"/>
  <c r="U144794" i="1"/>
  <c r="U144793" i="1"/>
  <c r="U144792" i="1"/>
  <c r="U144791" i="1"/>
  <c r="U144790" i="1"/>
  <c r="U144789" i="1"/>
  <c r="U144788" i="1"/>
  <c r="U144787" i="1"/>
  <c r="U144786" i="1"/>
  <c r="U144785" i="1"/>
  <c r="U144784" i="1"/>
  <c r="U144783" i="1"/>
  <c r="U144782" i="1"/>
  <c r="U144781" i="1"/>
  <c r="U144780" i="1"/>
  <c r="U144779" i="1"/>
  <c r="U144778" i="1"/>
  <c r="U144777" i="1"/>
  <c r="U144776" i="1"/>
  <c r="U144775" i="1"/>
  <c r="U144774" i="1"/>
  <c r="U144773" i="1"/>
  <c r="U144772" i="1"/>
  <c r="U144771" i="1"/>
  <c r="U144770" i="1"/>
  <c r="U144769" i="1"/>
  <c r="U144768" i="1"/>
  <c r="U144767" i="1"/>
  <c r="U144766" i="1"/>
  <c r="U144765" i="1"/>
  <c r="U144764" i="1"/>
  <c r="U144763" i="1"/>
  <c r="U144762" i="1"/>
  <c r="U144761" i="1"/>
  <c r="U144760" i="1"/>
  <c r="U144759" i="1"/>
  <c r="U144758" i="1"/>
  <c r="U144757" i="1"/>
  <c r="U144756" i="1"/>
  <c r="U144755" i="1"/>
  <c r="U144754" i="1"/>
  <c r="U144753" i="1"/>
  <c r="U144752" i="1"/>
  <c r="U144751" i="1"/>
  <c r="U144750" i="1"/>
  <c r="U144749" i="1"/>
  <c r="U144748" i="1"/>
  <c r="U144747" i="1"/>
  <c r="U144746" i="1"/>
  <c r="U144745" i="1"/>
  <c r="U144744" i="1"/>
  <c r="U144743" i="1"/>
  <c r="U144742" i="1"/>
  <c r="U144741" i="1"/>
  <c r="U144740" i="1"/>
  <c r="U144739" i="1"/>
  <c r="U144738" i="1"/>
  <c r="U144737" i="1"/>
  <c r="U144736" i="1"/>
  <c r="U144735" i="1"/>
  <c r="U144734" i="1"/>
  <c r="U144733" i="1"/>
  <c r="U144732" i="1"/>
  <c r="U144731" i="1"/>
  <c r="U144730" i="1"/>
  <c r="U144729" i="1"/>
  <c r="U144728" i="1"/>
  <c r="U144727" i="1"/>
  <c r="U144726" i="1"/>
  <c r="U144725" i="1"/>
  <c r="U144724" i="1"/>
  <c r="U144723" i="1"/>
  <c r="U144722" i="1"/>
  <c r="U144721" i="1"/>
  <c r="U144720" i="1"/>
  <c r="U144719" i="1"/>
  <c r="U144718" i="1"/>
  <c r="U144717" i="1"/>
  <c r="U144716" i="1"/>
  <c r="U144715" i="1"/>
  <c r="U144714" i="1"/>
  <c r="U144713" i="1"/>
  <c r="U144712" i="1"/>
  <c r="U144711" i="1"/>
  <c r="U144710" i="1"/>
  <c r="U144709" i="1"/>
  <c r="U144708" i="1"/>
  <c r="U144707" i="1"/>
  <c r="U144706" i="1"/>
  <c r="U144705" i="1"/>
  <c r="U144704" i="1"/>
  <c r="U144703" i="1"/>
  <c r="U144702" i="1"/>
  <c r="U144701" i="1"/>
  <c r="U144700" i="1"/>
  <c r="U144699" i="1"/>
  <c r="U144698" i="1"/>
  <c r="U144697" i="1"/>
  <c r="U144696" i="1"/>
  <c r="U144695" i="1"/>
  <c r="U144694" i="1"/>
  <c r="U144693" i="1"/>
  <c r="U144692" i="1"/>
  <c r="U144691" i="1"/>
  <c r="U144690" i="1"/>
  <c r="U144689" i="1"/>
  <c r="U144688" i="1"/>
  <c r="U144687" i="1"/>
  <c r="U144686" i="1"/>
  <c r="U144685" i="1"/>
  <c r="U144684" i="1"/>
  <c r="U144683" i="1"/>
  <c r="U144682" i="1"/>
  <c r="U144681" i="1"/>
  <c r="U144680" i="1"/>
  <c r="U144679" i="1"/>
  <c r="U144678" i="1"/>
  <c r="U144677" i="1"/>
  <c r="U144676" i="1"/>
  <c r="U144675" i="1"/>
  <c r="U144674" i="1"/>
  <c r="U144673" i="1"/>
  <c r="U144672" i="1"/>
  <c r="U144671" i="1"/>
  <c r="U144670" i="1"/>
  <c r="U144669" i="1"/>
  <c r="U144668" i="1"/>
  <c r="U144667" i="1"/>
  <c r="U144666" i="1"/>
  <c r="U144665" i="1"/>
  <c r="U144664" i="1"/>
  <c r="U144663" i="1"/>
  <c r="U144662" i="1"/>
  <c r="U144661" i="1"/>
  <c r="U144660" i="1"/>
  <c r="U144659" i="1"/>
  <c r="U144658" i="1"/>
  <c r="U144657" i="1"/>
  <c r="U144656" i="1"/>
  <c r="U144655" i="1"/>
  <c r="U144654" i="1"/>
  <c r="U144653" i="1"/>
  <c r="U144652" i="1"/>
  <c r="U144651" i="1"/>
  <c r="U144650" i="1"/>
  <c r="U144649" i="1"/>
  <c r="U144648" i="1"/>
  <c r="U144647" i="1"/>
  <c r="U144646" i="1"/>
  <c r="U144645" i="1"/>
  <c r="U144644" i="1"/>
  <c r="U144643" i="1"/>
  <c r="U144642" i="1"/>
  <c r="U144641" i="1"/>
  <c r="U144640" i="1"/>
  <c r="U144639" i="1"/>
  <c r="U144638" i="1"/>
  <c r="U144637" i="1"/>
  <c r="U144636" i="1"/>
  <c r="U144635" i="1"/>
  <c r="U144634" i="1"/>
  <c r="U144633" i="1"/>
  <c r="U144632" i="1"/>
  <c r="U144631" i="1"/>
  <c r="U144630" i="1"/>
  <c r="U144629" i="1"/>
  <c r="U144628" i="1"/>
  <c r="U144627" i="1"/>
  <c r="U144626" i="1"/>
  <c r="U144625" i="1"/>
  <c r="U144624" i="1"/>
  <c r="U144623" i="1"/>
  <c r="U144622" i="1"/>
  <c r="U144621" i="1"/>
  <c r="U144620" i="1"/>
  <c r="U144619" i="1"/>
  <c r="U144618" i="1"/>
  <c r="U144617" i="1"/>
  <c r="U144616" i="1"/>
  <c r="U144615" i="1"/>
  <c r="U144614" i="1"/>
  <c r="U144613" i="1"/>
  <c r="U144612" i="1"/>
  <c r="U144611" i="1"/>
  <c r="U144610" i="1"/>
  <c r="U144609" i="1"/>
  <c r="U144608" i="1"/>
  <c r="U144607" i="1"/>
  <c r="U144606" i="1"/>
  <c r="U144605" i="1"/>
  <c r="U144604" i="1"/>
  <c r="U144603" i="1"/>
  <c r="U144602" i="1"/>
  <c r="U144601" i="1"/>
  <c r="U144600" i="1"/>
  <c r="U144599" i="1"/>
  <c r="U144598" i="1"/>
  <c r="U144597" i="1"/>
  <c r="U144596" i="1"/>
  <c r="U144595" i="1"/>
  <c r="U144594" i="1"/>
  <c r="U144593" i="1"/>
  <c r="U144592" i="1"/>
  <c r="U144591" i="1"/>
  <c r="U144590" i="1"/>
  <c r="U144589" i="1"/>
  <c r="U144588" i="1"/>
  <c r="U144587" i="1"/>
  <c r="U144586" i="1"/>
  <c r="U144585" i="1"/>
  <c r="U144584" i="1"/>
  <c r="U144583" i="1"/>
  <c r="U144582" i="1"/>
  <c r="U144581" i="1"/>
  <c r="U144580" i="1"/>
  <c r="U144579" i="1"/>
  <c r="U144578" i="1"/>
  <c r="U144577" i="1"/>
  <c r="U144576" i="1"/>
  <c r="U144575" i="1"/>
  <c r="U144574" i="1"/>
  <c r="U144573" i="1"/>
  <c r="U144572" i="1"/>
  <c r="U144571" i="1"/>
  <c r="U144570" i="1"/>
  <c r="U144569" i="1"/>
  <c r="U144568" i="1"/>
  <c r="U144567" i="1"/>
  <c r="U144566" i="1"/>
  <c r="U144565" i="1"/>
  <c r="U144564" i="1"/>
  <c r="U144563" i="1"/>
  <c r="U144562" i="1"/>
  <c r="U144561" i="1"/>
  <c r="U144560" i="1"/>
  <c r="U144559" i="1"/>
  <c r="U144558" i="1"/>
  <c r="U144557" i="1"/>
  <c r="U144556" i="1"/>
  <c r="U144555" i="1"/>
  <c r="U144554" i="1"/>
  <c r="U144553" i="1"/>
  <c r="U144552" i="1"/>
  <c r="U144551" i="1"/>
  <c r="U144550" i="1"/>
  <c r="U144549" i="1"/>
  <c r="U144548" i="1"/>
  <c r="U144547" i="1"/>
  <c r="U144546" i="1"/>
  <c r="U144545" i="1"/>
  <c r="U144544" i="1"/>
  <c r="U144543" i="1"/>
  <c r="U144542" i="1"/>
  <c r="U144541" i="1"/>
  <c r="U144540" i="1"/>
  <c r="U144539" i="1"/>
  <c r="U144538" i="1"/>
  <c r="U144537" i="1"/>
  <c r="U144536" i="1"/>
  <c r="U144535" i="1"/>
  <c r="U144534" i="1"/>
  <c r="U144533" i="1"/>
  <c r="U144532" i="1"/>
  <c r="U144531" i="1"/>
  <c r="U144530" i="1"/>
  <c r="U144529" i="1"/>
  <c r="U144528" i="1"/>
  <c r="U144527" i="1"/>
  <c r="U144526" i="1"/>
  <c r="U144525" i="1"/>
  <c r="U144524" i="1"/>
  <c r="U144523" i="1"/>
  <c r="U144522" i="1"/>
  <c r="U144521" i="1"/>
  <c r="U144520" i="1"/>
  <c r="U144519" i="1"/>
  <c r="U144518" i="1"/>
  <c r="U144517" i="1"/>
  <c r="U144516" i="1"/>
  <c r="U144515" i="1"/>
  <c r="U144514" i="1"/>
  <c r="U144513" i="1"/>
  <c r="U144512" i="1"/>
  <c r="U144511" i="1"/>
  <c r="U144510" i="1"/>
  <c r="U144509" i="1"/>
  <c r="U144508" i="1"/>
  <c r="U144507" i="1"/>
  <c r="U144506" i="1"/>
  <c r="U144505" i="1"/>
  <c r="U144504" i="1"/>
  <c r="U144503" i="1"/>
  <c r="U144502" i="1"/>
  <c r="U144501" i="1"/>
  <c r="U144500" i="1"/>
  <c r="U144499" i="1"/>
  <c r="U144498" i="1"/>
  <c r="U144497" i="1"/>
  <c r="U144496" i="1"/>
  <c r="U144495" i="1"/>
  <c r="U144494" i="1"/>
  <c r="U144493" i="1"/>
  <c r="U144492" i="1"/>
  <c r="U144491" i="1"/>
  <c r="U144490" i="1"/>
  <c r="U144489" i="1"/>
  <c r="U144488" i="1"/>
  <c r="U144487" i="1"/>
  <c r="U144486" i="1"/>
  <c r="U144485" i="1"/>
  <c r="U144484" i="1"/>
  <c r="U144483" i="1"/>
  <c r="U144482" i="1"/>
  <c r="U144481" i="1"/>
  <c r="U144480" i="1"/>
  <c r="U144479" i="1"/>
  <c r="U144478" i="1"/>
  <c r="U144477" i="1"/>
  <c r="U144476" i="1"/>
  <c r="U144475" i="1"/>
  <c r="U144474" i="1"/>
  <c r="U144473" i="1"/>
  <c r="U144472" i="1"/>
  <c r="U144471" i="1"/>
  <c r="U144470" i="1"/>
  <c r="U144469" i="1"/>
  <c r="U144468" i="1"/>
  <c r="U144467" i="1"/>
  <c r="U144466" i="1"/>
  <c r="U144465" i="1"/>
  <c r="U144464" i="1"/>
  <c r="U144463" i="1"/>
  <c r="U144462" i="1"/>
  <c r="U144461" i="1"/>
  <c r="U144460" i="1"/>
  <c r="U144459" i="1"/>
  <c r="U144458" i="1"/>
  <c r="U144457" i="1"/>
  <c r="U144456" i="1"/>
  <c r="U144455" i="1"/>
  <c r="U144454" i="1"/>
  <c r="U144453" i="1"/>
  <c r="U144452" i="1"/>
  <c r="U144451" i="1"/>
  <c r="U144450" i="1"/>
  <c r="U144449" i="1"/>
  <c r="U144448" i="1"/>
  <c r="U144447" i="1"/>
  <c r="U144446" i="1"/>
  <c r="U144445" i="1"/>
  <c r="U144444" i="1"/>
  <c r="U144443" i="1"/>
  <c r="U144442" i="1"/>
  <c r="U144441" i="1"/>
  <c r="U144440" i="1"/>
  <c r="U144439" i="1"/>
  <c r="U144438" i="1"/>
  <c r="U144437" i="1"/>
  <c r="U144436" i="1"/>
  <c r="U144435" i="1"/>
  <c r="U144434" i="1"/>
  <c r="U144433" i="1"/>
  <c r="U144432" i="1"/>
  <c r="U144431" i="1"/>
  <c r="U144430" i="1"/>
  <c r="U144429" i="1"/>
  <c r="U144428" i="1"/>
  <c r="U144427" i="1"/>
  <c r="U144426" i="1"/>
  <c r="U144425" i="1"/>
  <c r="U144424" i="1"/>
  <c r="U144423" i="1"/>
  <c r="U144422" i="1"/>
  <c r="U144421" i="1"/>
  <c r="U144420" i="1"/>
  <c r="U144419" i="1"/>
  <c r="U144418" i="1"/>
  <c r="U144417" i="1"/>
  <c r="U144416" i="1"/>
  <c r="U144415" i="1"/>
  <c r="U144414" i="1"/>
  <c r="U144413" i="1"/>
  <c r="U144412" i="1"/>
  <c r="U144411" i="1"/>
  <c r="U144410" i="1"/>
  <c r="U144409" i="1"/>
  <c r="U144408" i="1"/>
  <c r="U144407" i="1"/>
  <c r="U144406" i="1"/>
  <c r="U144405" i="1"/>
  <c r="U144404" i="1"/>
  <c r="U144403" i="1"/>
  <c r="U144402" i="1"/>
  <c r="U144401" i="1"/>
  <c r="U144400" i="1"/>
  <c r="U144399" i="1"/>
  <c r="U144398" i="1"/>
  <c r="U144397" i="1"/>
  <c r="U144396" i="1"/>
  <c r="U144395" i="1"/>
  <c r="U144394" i="1"/>
  <c r="U144393" i="1"/>
  <c r="U144392" i="1"/>
  <c r="U144391" i="1"/>
  <c r="U144390" i="1"/>
  <c r="U144389" i="1"/>
  <c r="U144388" i="1"/>
  <c r="U144387" i="1"/>
  <c r="U144386" i="1"/>
  <c r="U144385" i="1"/>
  <c r="U144384" i="1"/>
  <c r="U144383" i="1"/>
  <c r="U144382" i="1"/>
  <c r="U144381" i="1"/>
  <c r="U144380" i="1"/>
  <c r="U144379" i="1"/>
  <c r="U144378" i="1"/>
  <c r="U144377" i="1"/>
  <c r="U144376" i="1"/>
  <c r="U144375" i="1"/>
  <c r="U144374" i="1"/>
  <c r="U144373" i="1"/>
  <c r="U144372" i="1"/>
  <c r="U144371" i="1"/>
  <c r="U144370" i="1"/>
  <c r="U144369" i="1"/>
  <c r="U144368" i="1"/>
  <c r="U144367" i="1"/>
  <c r="U144366" i="1"/>
  <c r="U144365" i="1"/>
  <c r="U144364" i="1"/>
  <c r="U144363" i="1"/>
  <c r="U144362" i="1"/>
  <c r="U144361" i="1"/>
  <c r="U144360" i="1"/>
  <c r="U144359" i="1"/>
  <c r="U144358" i="1"/>
  <c r="U144357" i="1"/>
  <c r="U144356" i="1"/>
  <c r="U144355" i="1"/>
  <c r="U144354" i="1"/>
  <c r="U144353" i="1"/>
  <c r="U144352" i="1"/>
  <c r="U144351" i="1"/>
  <c r="U144350" i="1"/>
  <c r="U144349" i="1"/>
  <c r="U144348" i="1"/>
  <c r="U144347" i="1"/>
  <c r="U144346" i="1"/>
  <c r="U144345" i="1"/>
  <c r="U144344" i="1"/>
  <c r="U144343" i="1"/>
  <c r="U144342" i="1"/>
  <c r="U144341" i="1"/>
  <c r="U144340" i="1"/>
  <c r="U144339" i="1"/>
  <c r="U144338" i="1"/>
  <c r="U144337" i="1"/>
  <c r="U144336" i="1"/>
  <c r="U144335" i="1"/>
  <c r="U144334" i="1"/>
  <c r="U144333" i="1"/>
  <c r="U144332" i="1"/>
  <c r="U144331" i="1"/>
  <c r="U144330" i="1"/>
  <c r="U144329" i="1"/>
  <c r="U144328" i="1"/>
  <c r="U144327" i="1"/>
  <c r="U144326" i="1"/>
  <c r="U144325" i="1"/>
  <c r="U144324" i="1"/>
  <c r="U144323" i="1"/>
  <c r="U144322" i="1"/>
  <c r="U144321" i="1"/>
  <c r="U144320" i="1"/>
  <c r="U144319" i="1"/>
  <c r="U144318" i="1"/>
  <c r="U144317" i="1"/>
  <c r="U144316" i="1"/>
  <c r="U144315" i="1"/>
  <c r="U144314" i="1"/>
  <c r="U144313" i="1"/>
  <c r="U144312" i="1"/>
  <c r="U144311" i="1"/>
  <c r="U144310" i="1"/>
  <c r="U144309" i="1"/>
  <c r="U144308" i="1"/>
  <c r="U144307" i="1"/>
  <c r="U144306" i="1"/>
  <c r="U144305" i="1"/>
  <c r="U144304" i="1"/>
  <c r="U144303" i="1"/>
  <c r="U144302" i="1"/>
  <c r="U144301" i="1"/>
  <c r="U144300" i="1"/>
  <c r="U144299" i="1"/>
  <c r="U144298" i="1"/>
  <c r="U144297" i="1"/>
  <c r="U144296" i="1"/>
  <c r="U144295" i="1"/>
  <c r="U144294" i="1"/>
  <c r="U144293" i="1"/>
  <c r="U144292" i="1"/>
  <c r="U144291" i="1"/>
  <c r="U144290" i="1"/>
  <c r="U144289" i="1"/>
  <c r="U144288" i="1"/>
  <c r="U144287" i="1"/>
  <c r="U144286" i="1"/>
  <c r="U144285" i="1"/>
  <c r="U144284" i="1"/>
  <c r="U144283" i="1"/>
  <c r="U144282" i="1"/>
  <c r="U144281" i="1"/>
  <c r="U144280" i="1"/>
  <c r="U144279" i="1"/>
  <c r="U144278" i="1"/>
  <c r="U144277" i="1"/>
  <c r="U144276" i="1"/>
  <c r="U144275" i="1"/>
  <c r="U144274" i="1"/>
  <c r="U144273" i="1"/>
  <c r="U144272" i="1"/>
  <c r="U144271" i="1"/>
  <c r="U144270" i="1"/>
  <c r="U144269" i="1"/>
  <c r="U144268" i="1"/>
  <c r="U144267" i="1"/>
  <c r="U144266" i="1"/>
  <c r="U144265" i="1"/>
  <c r="U144264" i="1"/>
  <c r="U144263" i="1"/>
  <c r="U144262" i="1"/>
  <c r="U144261" i="1"/>
  <c r="U144260" i="1"/>
  <c r="U144259" i="1"/>
  <c r="U144258" i="1"/>
  <c r="U144257" i="1"/>
  <c r="U144256" i="1"/>
  <c r="U144255" i="1"/>
  <c r="U144254" i="1"/>
  <c r="U144253" i="1"/>
  <c r="U144252" i="1"/>
  <c r="U144251" i="1"/>
  <c r="U144250" i="1"/>
  <c r="U144249" i="1"/>
  <c r="U144248" i="1"/>
  <c r="U144247" i="1"/>
  <c r="U144246" i="1"/>
  <c r="U144245" i="1"/>
  <c r="U144244" i="1"/>
  <c r="U144243" i="1"/>
  <c r="U144242" i="1"/>
  <c r="U144241" i="1"/>
  <c r="U144240" i="1"/>
  <c r="U144239" i="1"/>
  <c r="U144238" i="1"/>
  <c r="U144237" i="1"/>
  <c r="U144236" i="1"/>
  <c r="U144235" i="1"/>
  <c r="U144234" i="1"/>
  <c r="U144233" i="1"/>
  <c r="U144232" i="1"/>
  <c r="U144231" i="1"/>
  <c r="U144230" i="1"/>
  <c r="U144229" i="1"/>
  <c r="U144228" i="1"/>
  <c r="U144227" i="1"/>
  <c r="U144226" i="1"/>
  <c r="U144225" i="1"/>
  <c r="U144224" i="1"/>
  <c r="U144223" i="1"/>
  <c r="U144222" i="1"/>
  <c r="U144221" i="1"/>
  <c r="U144220" i="1"/>
  <c r="U144219" i="1"/>
  <c r="U144218" i="1"/>
  <c r="U144217" i="1"/>
  <c r="U144216" i="1"/>
  <c r="U144215" i="1"/>
  <c r="U144214" i="1"/>
  <c r="U144213" i="1"/>
  <c r="U144212" i="1"/>
  <c r="U144211" i="1"/>
  <c r="U144210" i="1"/>
  <c r="U144209" i="1"/>
  <c r="U144208" i="1"/>
  <c r="U144207" i="1"/>
  <c r="U144206" i="1"/>
  <c r="U144205" i="1"/>
  <c r="U144204" i="1"/>
  <c r="U144203" i="1"/>
  <c r="U144202" i="1"/>
  <c r="U144201" i="1"/>
  <c r="U144200" i="1"/>
  <c r="U144199" i="1"/>
  <c r="U144198" i="1"/>
  <c r="U144197" i="1"/>
  <c r="U144196" i="1"/>
  <c r="U144195" i="1"/>
  <c r="U144194" i="1"/>
  <c r="U144193" i="1"/>
  <c r="U144192" i="1"/>
  <c r="U144191" i="1"/>
  <c r="U144190" i="1"/>
  <c r="U144189" i="1"/>
  <c r="U144188" i="1"/>
  <c r="U144187" i="1"/>
  <c r="U144186" i="1"/>
  <c r="U144185" i="1"/>
  <c r="U144184" i="1"/>
  <c r="U144183" i="1"/>
  <c r="U144182" i="1"/>
  <c r="U144181" i="1"/>
  <c r="U144180" i="1"/>
  <c r="U144179" i="1"/>
  <c r="U144178" i="1"/>
  <c r="U144177" i="1"/>
  <c r="U144176" i="1"/>
  <c r="U144175" i="1"/>
  <c r="U144174" i="1"/>
  <c r="U144173" i="1"/>
  <c r="U144172" i="1"/>
  <c r="U144171" i="1"/>
  <c r="U144170" i="1"/>
  <c r="U144169" i="1"/>
  <c r="U144168" i="1"/>
  <c r="U144167" i="1"/>
  <c r="U144166" i="1"/>
  <c r="U144165" i="1"/>
  <c r="U144164" i="1"/>
  <c r="U144163" i="1"/>
  <c r="U144162" i="1"/>
  <c r="U144161" i="1"/>
  <c r="U144160" i="1"/>
  <c r="U144159" i="1"/>
  <c r="U144158" i="1"/>
  <c r="U144157" i="1"/>
  <c r="U144156" i="1"/>
  <c r="U144155" i="1"/>
  <c r="U144154" i="1"/>
  <c r="U144153" i="1"/>
  <c r="U144152" i="1"/>
  <c r="U144151" i="1"/>
  <c r="U144150" i="1"/>
  <c r="U144149" i="1"/>
  <c r="U144148" i="1"/>
  <c r="U144147" i="1"/>
  <c r="U144146" i="1"/>
  <c r="U144145" i="1"/>
  <c r="U144144" i="1"/>
  <c r="U144143" i="1"/>
  <c r="U144142" i="1"/>
  <c r="U144141" i="1"/>
  <c r="U144140" i="1"/>
  <c r="U144139" i="1"/>
  <c r="U144138" i="1"/>
  <c r="U144137" i="1"/>
  <c r="U144136" i="1"/>
  <c r="U144135" i="1"/>
  <c r="U144134" i="1"/>
  <c r="U144133" i="1"/>
  <c r="U144132" i="1"/>
  <c r="U144131" i="1"/>
  <c r="U144130" i="1"/>
  <c r="U144129" i="1"/>
  <c r="U144128" i="1"/>
  <c r="U144127" i="1"/>
  <c r="U144126" i="1"/>
  <c r="U144125" i="1"/>
  <c r="U144124" i="1"/>
  <c r="U144123" i="1"/>
  <c r="U144122" i="1"/>
  <c r="U144121" i="1"/>
  <c r="U144120" i="1"/>
  <c r="U144119" i="1"/>
  <c r="U144118" i="1"/>
  <c r="U144117" i="1"/>
  <c r="U144116" i="1"/>
  <c r="U144115" i="1"/>
  <c r="U144114" i="1"/>
  <c r="U144113" i="1"/>
  <c r="U144112" i="1"/>
  <c r="U144111" i="1"/>
  <c r="U144110" i="1"/>
  <c r="U144109" i="1"/>
  <c r="U144108" i="1"/>
  <c r="U144107" i="1"/>
  <c r="U144106" i="1"/>
  <c r="U144105" i="1"/>
  <c r="U144104" i="1"/>
  <c r="U144103" i="1"/>
  <c r="U144102" i="1"/>
  <c r="U144101" i="1"/>
  <c r="U144100" i="1"/>
  <c r="U144099" i="1"/>
  <c r="U144098" i="1"/>
  <c r="U144097" i="1"/>
  <c r="U144096" i="1"/>
  <c r="U144095" i="1"/>
  <c r="U144094" i="1"/>
  <c r="U144093" i="1"/>
  <c r="U144092" i="1"/>
  <c r="U144091" i="1"/>
  <c r="U144090" i="1"/>
  <c r="U144089" i="1"/>
  <c r="U144088" i="1"/>
  <c r="U144087" i="1"/>
  <c r="U144086" i="1"/>
  <c r="U144085" i="1"/>
  <c r="U144084" i="1"/>
  <c r="U144083" i="1"/>
  <c r="U144082" i="1"/>
  <c r="U144081" i="1"/>
  <c r="U144080" i="1"/>
  <c r="U144079" i="1"/>
  <c r="U144078" i="1"/>
  <c r="U144077" i="1"/>
  <c r="U144076" i="1"/>
  <c r="U144075" i="1"/>
  <c r="U144074" i="1"/>
  <c r="U144073" i="1"/>
  <c r="U144072" i="1"/>
  <c r="U144071" i="1"/>
  <c r="U144070" i="1"/>
  <c r="U144069" i="1"/>
  <c r="U144068" i="1"/>
  <c r="U144067" i="1"/>
  <c r="U144066" i="1"/>
  <c r="U144065" i="1"/>
  <c r="U144064" i="1"/>
  <c r="U144063" i="1"/>
  <c r="U144062" i="1"/>
  <c r="U144061" i="1"/>
  <c r="U144060" i="1"/>
  <c r="U144059" i="1"/>
  <c r="U144058" i="1"/>
  <c r="U144057" i="1"/>
  <c r="U144056" i="1"/>
  <c r="U144055" i="1"/>
  <c r="U144054" i="1"/>
  <c r="U144053" i="1"/>
  <c r="U144052" i="1"/>
  <c r="U144051" i="1"/>
  <c r="U144050" i="1"/>
  <c r="U144049" i="1"/>
  <c r="U144048" i="1"/>
  <c r="U144047" i="1"/>
  <c r="U144046" i="1"/>
  <c r="U144045" i="1"/>
  <c r="U144044" i="1"/>
  <c r="U144043" i="1"/>
  <c r="U144042" i="1"/>
  <c r="U144041" i="1"/>
  <c r="U144040" i="1"/>
  <c r="U144039" i="1"/>
  <c r="U144038" i="1"/>
  <c r="U144037" i="1"/>
  <c r="U144036" i="1"/>
  <c r="U144035" i="1"/>
  <c r="U144034" i="1"/>
  <c r="U144033" i="1"/>
  <c r="U144032" i="1"/>
  <c r="U144031" i="1"/>
  <c r="U144030" i="1"/>
  <c r="U144029" i="1"/>
  <c r="U144028" i="1"/>
  <c r="U144027" i="1"/>
  <c r="U144026" i="1"/>
  <c r="U144025" i="1"/>
  <c r="U144024" i="1"/>
  <c r="U144023" i="1"/>
  <c r="U144022" i="1"/>
  <c r="U144021" i="1"/>
  <c r="U144020" i="1"/>
  <c r="U144019" i="1"/>
  <c r="U144018" i="1"/>
  <c r="U144017" i="1"/>
  <c r="U144016" i="1"/>
  <c r="U144015" i="1"/>
  <c r="U144014" i="1"/>
  <c r="U144013" i="1"/>
  <c r="U144012" i="1"/>
  <c r="U144011" i="1"/>
  <c r="U144010" i="1"/>
  <c r="U144009" i="1"/>
  <c r="U144008" i="1"/>
  <c r="U144007" i="1"/>
  <c r="U144006" i="1"/>
  <c r="U144005" i="1"/>
  <c r="U144004" i="1"/>
  <c r="U144003" i="1"/>
  <c r="U144002" i="1"/>
  <c r="U144001" i="1"/>
  <c r="U144000" i="1"/>
  <c r="U143999" i="1"/>
  <c r="U143998" i="1"/>
  <c r="U143997" i="1"/>
  <c r="U143996" i="1"/>
  <c r="U143995" i="1"/>
  <c r="U143994" i="1"/>
  <c r="U143993" i="1"/>
  <c r="U143992" i="1"/>
  <c r="U143991" i="1"/>
  <c r="U143990" i="1"/>
  <c r="U143989" i="1"/>
  <c r="U143988" i="1"/>
  <c r="U143987" i="1"/>
  <c r="U143986" i="1"/>
  <c r="U143985" i="1"/>
  <c r="U143984" i="1"/>
  <c r="U143983" i="1"/>
  <c r="U143982" i="1"/>
  <c r="U143981" i="1"/>
  <c r="U143980" i="1"/>
  <c r="U143979" i="1"/>
  <c r="U143978" i="1"/>
  <c r="U143977" i="1"/>
  <c r="U143976" i="1"/>
  <c r="U143975" i="1"/>
  <c r="U143974" i="1"/>
  <c r="U143973" i="1"/>
  <c r="U143972" i="1"/>
  <c r="U143971" i="1"/>
  <c r="U143970" i="1"/>
  <c r="U143969" i="1"/>
  <c r="U143968" i="1"/>
  <c r="U143967" i="1"/>
  <c r="U143966" i="1"/>
  <c r="U143965" i="1"/>
  <c r="U143964" i="1"/>
  <c r="U143963" i="1"/>
  <c r="U143962" i="1"/>
  <c r="U143961" i="1"/>
  <c r="U143960" i="1"/>
  <c r="U143959" i="1"/>
  <c r="U143958" i="1"/>
  <c r="U143957" i="1"/>
  <c r="U143956" i="1"/>
  <c r="U143955" i="1"/>
  <c r="U143954" i="1"/>
  <c r="U143953" i="1"/>
  <c r="U143952" i="1"/>
  <c r="U143951" i="1"/>
  <c r="U143950" i="1"/>
  <c r="U143949" i="1"/>
  <c r="U143948" i="1"/>
  <c r="U143947" i="1"/>
  <c r="U143946" i="1"/>
  <c r="U143945" i="1"/>
  <c r="U143944" i="1"/>
  <c r="U143943" i="1"/>
  <c r="U143942" i="1"/>
  <c r="U143941" i="1"/>
  <c r="U143940" i="1"/>
  <c r="U143939" i="1"/>
  <c r="U143938" i="1"/>
  <c r="U143937" i="1"/>
  <c r="U143936" i="1"/>
  <c r="U143935" i="1"/>
  <c r="U143934" i="1"/>
  <c r="U143933" i="1"/>
  <c r="U143932" i="1"/>
  <c r="U143931" i="1"/>
  <c r="U143930" i="1"/>
  <c r="U143929" i="1"/>
  <c r="U143928" i="1"/>
  <c r="U143927" i="1"/>
  <c r="U143926" i="1"/>
  <c r="U143925" i="1"/>
  <c r="U143924" i="1"/>
  <c r="U143923" i="1"/>
  <c r="U143922" i="1"/>
  <c r="U143921" i="1"/>
  <c r="U143920" i="1"/>
  <c r="U143919" i="1"/>
  <c r="U143918" i="1"/>
  <c r="U143917" i="1"/>
  <c r="U143916" i="1"/>
  <c r="U143915" i="1"/>
  <c r="U143914" i="1"/>
  <c r="U143913" i="1"/>
  <c r="U143912" i="1"/>
  <c r="U143911" i="1"/>
  <c r="U143910" i="1"/>
  <c r="U143909" i="1"/>
  <c r="U143908" i="1"/>
  <c r="U143907" i="1"/>
  <c r="U143906" i="1"/>
  <c r="U143905" i="1"/>
  <c r="U143904" i="1"/>
  <c r="U143903" i="1"/>
  <c r="U143902" i="1"/>
  <c r="U143901" i="1"/>
  <c r="U143900" i="1"/>
  <c r="U143899" i="1"/>
  <c r="U143898" i="1"/>
  <c r="U143897" i="1"/>
  <c r="U143896" i="1"/>
  <c r="U143895" i="1"/>
  <c r="U143894" i="1"/>
  <c r="U143893" i="1"/>
  <c r="U143892" i="1"/>
  <c r="U143891" i="1"/>
  <c r="U143890" i="1"/>
  <c r="U143889" i="1"/>
  <c r="U143888" i="1"/>
  <c r="U143887" i="1"/>
  <c r="U143886" i="1"/>
  <c r="U143885" i="1"/>
  <c r="U143884" i="1"/>
  <c r="U143883" i="1"/>
  <c r="U143882" i="1"/>
  <c r="U143881" i="1"/>
  <c r="U143880" i="1"/>
  <c r="U143879" i="1"/>
  <c r="U143878" i="1"/>
  <c r="U143877" i="1"/>
  <c r="U143876" i="1"/>
  <c r="U143875" i="1"/>
  <c r="U143874" i="1"/>
  <c r="U143873" i="1"/>
  <c r="U143872" i="1"/>
  <c r="U143871" i="1"/>
  <c r="U143870" i="1"/>
  <c r="U143869" i="1"/>
  <c r="U143868" i="1"/>
  <c r="U143867" i="1"/>
  <c r="U143866" i="1"/>
  <c r="U143865" i="1"/>
  <c r="U143864" i="1"/>
  <c r="U143863" i="1"/>
  <c r="U143862" i="1"/>
  <c r="U143861" i="1"/>
  <c r="U143860" i="1"/>
  <c r="U143859" i="1"/>
  <c r="U143858" i="1"/>
  <c r="U143857" i="1"/>
  <c r="U143856" i="1"/>
  <c r="U143855" i="1"/>
  <c r="U143854" i="1"/>
  <c r="U143853" i="1"/>
  <c r="U143852" i="1"/>
  <c r="U143851" i="1"/>
  <c r="U143850" i="1"/>
  <c r="U143849" i="1"/>
  <c r="U143848" i="1"/>
  <c r="U143847" i="1"/>
  <c r="U143846" i="1"/>
  <c r="U143845" i="1"/>
  <c r="U143844" i="1"/>
  <c r="U143843" i="1"/>
  <c r="U143842" i="1"/>
  <c r="U143841" i="1"/>
  <c r="U143840" i="1"/>
  <c r="U143839" i="1"/>
  <c r="U143838" i="1"/>
  <c r="U143837" i="1"/>
  <c r="U143836" i="1"/>
  <c r="U143835" i="1"/>
  <c r="U143834" i="1"/>
  <c r="U143833" i="1"/>
  <c r="U143832" i="1"/>
  <c r="U143831" i="1"/>
  <c r="U143830" i="1"/>
  <c r="U143829" i="1"/>
  <c r="U143828" i="1"/>
  <c r="U143827" i="1"/>
  <c r="U143826" i="1"/>
  <c r="U143825" i="1"/>
  <c r="U143824" i="1"/>
  <c r="U143823" i="1"/>
  <c r="U143822" i="1"/>
  <c r="U143821" i="1"/>
  <c r="U143820" i="1"/>
  <c r="U143819" i="1"/>
  <c r="U143818" i="1"/>
  <c r="U143817" i="1"/>
  <c r="U143816" i="1"/>
  <c r="U143815" i="1"/>
  <c r="U143814" i="1"/>
  <c r="U143813" i="1"/>
  <c r="U143812" i="1"/>
  <c r="U143811" i="1"/>
  <c r="U143810" i="1"/>
  <c r="U143809" i="1"/>
  <c r="U143808" i="1"/>
  <c r="U143807" i="1"/>
  <c r="U143806" i="1"/>
  <c r="U143805" i="1"/>
  <c r="U143804" i="1"/>
  <c r="U143803" i="1"/>
  <c r="U143802" i="1"/>
  <c r="U143801" i="1"/>
  <c r="U143800" i="1"/>
  <c r="U143799" i="1"/>
  <c r="U143798" i="1"/>
  <c r="U143797" i="1"/>
  <c r="U143796" i="1"/>
  <c r="U143795" i="1"/>
  <c r="U143794" i="1"/>
  <c r="U143793" i="1"/>
  <c r="U143792" i="1"/>
  <c r="U143791" i="1"/>
  <c r="U143790" i="1"/>
  <c r="U143789" i="1"/>
  <c r="U143788" i="1"/>
  <c r="U143787" i="1"/>
  <c r="U143786" i="1"/>
  <c r="U143785" i="1"/>
  <c r="U143784" i="1"/>
  <c r="U143783" i="1"/>
  <c r="U143782" i="1"/>
  <c r="U143781" i="1"/>
  <c r="U143780" i="1"/>
  <c r="U143779" i="1"/>
  <c r="U143778" i="1"/>
  <c r="U143777" i="1"/>
  <c r="U143776" i="1"/>
  <c r="U143775" i="1"/>
  <c r="U143774" i="1"/>
  <c r="U143773" i="1"/>
  <c r="U143772" i="1"/>
  <c r="U143771" i="1"/>
  <c r="U143770" i="1"/>
  <c r="U143769" i="1"/>
  <c r="U143768" i="1"/>
  <c r="U143767" i="1"/>
  <c r="U143766" i="1"/>
  <c r="U143765" i="1"/>
  <c r="U143764" i="1"/>
  <c r="U143763" i="1"/>
  <c r="U143762" i="1"/>
  <c r="U143761" i="1"/>
  <c r="U143760" i="1"/>
  <c r="U143759" i="1"/>
  <c r="U143758" i="1"/>
  <c r="U143757" i="1"/>
  <c r="U143756" i="1"/>
  <c r="U143755" i="1"/>
  <c r="U143754" i="1"/>
  <c r="U143753" i="1"/>
  <c r="U143752" i="1"/>
  <c r="U143751" i="1"/>
  <c r="U143750" i="1"/>
  <c r="U143749" i="1"/>
  <c r="U143748" i="1"/>
  <c r="U143747" i="1"/>
  <c r="U143746" i="1"/>
  <c r="U143745" i="1"/>
  <c r="U143744" i="1"/>
  <c r="U143743" i="1"/>
  <c r="U143742" i="1"/>
  <c r="U143741" i="1"/>
  <c r="U143740" i="1"/>
  <c r="U143739" i="1"/>
  <c r="U143738" i="1"/>
  <c r="U143737" i="1"/>
  <c r="U143736" i="1"/>
  <c r="U143735" i="1"/>
  <c r="U143734" i="1"/>
  <c r="U143733" i="1"/>
  <c r="U143732" i="1"/>
  <c r="U143731" i="1"/>
  <c r="U143730" i="1"/>
  <c r="U143729" i="1"/>
  <c r="U143728" i="1"/>
  <c r="U143727" i="1"/>
  <c r="U143726" i="1"/>
  <c r="U143725" i="1"/>
  <c r="U143724" i="1"/>
  <c r="U143723" i="1"/>
  <c r="U143722" i="1"/>
  <c r="U143721" i="1"/>
  <c r="U143720" i="1"/>
  <c r="U143719" i="1"/>
  <c r="U143718" i="1"/>
  <c r="U143717" i="1"/>
  <c r="U143716" i="1"/>
  <c r="U143715" i="1"/>
  <c r="U143714" i="1"/>
  <c r="U143713" i="1"/>
  <c r="U143712" i="1"/>
  <c r="U143711" i="1"/>
  <c r="U143710" i="1"/>
  <c r="U143709" i="1"/>
  <c r="U143708" i="1"/>
  <c r="U143707" i="1"/>
  <c r="U143706" i="1"/>
  <c r="U143705" i="1"/>
  <c r="U143704" i="1"/>
  <c r="U143703" i="1"/>
  <c r="U143702" i="1"/>
  <c r="U143701" i="1"/>
  <c r="U143700" i="1"/>
  <c r="U143699" i="1"/>
  <c r="U143698" i="1"/>
  <c r="U143697" i="1"/>
  <c r="U143696" i="1"/>
  <c r="U143695" i="1"/>
  <c r="U143694" i="1"/>
  <c r="U143693" i="1"/>
  <c r="U143692" i="1"/>
  <c r="U143691" i="1"/>
  <c r="U143690" i="1"/>
  <c r="U143689" i="1"/>
  <c r="U143688" i="1"/>
  <c r="U143687" i="1"/>
  <c r="U143686" i="1"/>
  <c r="U143685" i="1"/>
  <c r="U143684" i="1"/>
  <c r="U143683" i="1"/>
  <c r="U143682" i="1"/>
  <c r="U143681" i="1"/>
  <c r="U143680" i="1"/>
  <c r="U143679" i="1"/>
  <c r="U143678" i="1"/>
  <c r="U143677" i="1"/>
  <c r="U143676" i="1"/>
  <c r="U143675" i="1"/>
  <c r="U143674" i="1"/>
  <c r="U143673" i="1"/>
  <c r="U143672" i="1"/>
  <c r="U143671" i="1"/>
  <c r="U143670" i="1"/>
  <c r="U143669" i="1"/>
  <c r="U143668" i="1"/>
  <c r="U143667" i="1"/>
  <c r="U143666" i="1"/>
  <c r="U143665" i="1"/>
  <c r="U143664" i="1"/>
  <c r="U143663" i="1"/>
  <c r="U143662" i="1"/>
  <c r="U143661" i="1"/>
  <c r="U143660" i="1"/>
  <c r="U143659" i="1"/>
  <c r="U143658" i="1"/>
  <c r="U143657" i="1"/>
  <c r="U143656" i="1"/>
  <c r="U143655" i="1"/>
  <c r="U143654" i="1"/>
  <c r="U143653" i="1"/>
  <c r="U143652" i="1"/>
  <c r="U143651" i="1"/>
  <c r="U143650" i="1"/>
  <c r="U143649" i="1"/>
  <c r="U143648" i="1"/>
  <c r="U143647" i="1"/>
  <c r="U143646" i="1"/>
  <c r="U143645" i="1"/>
  <c r="U143644" i="1"/>
  <c r="U143643" i="1"/>
  <c r="U143642" i="1"/>
  <c r="U143641" i="1"/>
  <c r="U143640" i="1"/>
  <c r="U143639" i="1"/>
  <c r="U143638" i="1"/>
  <c r="U143637" i="1"/>
  <c r="U143636" i="1"/>
  <c r="U143635" i="1"/>
  <c r="U143634" i="1"/>
  <c r="U143633" i="1"/>
  <c r="U143632" i="1"/>
  <c r="U143631" i="1"/>
  <c r="U143630" i="1"/>
  <c r="U143629" i="1"/>
  <c r="U143628" i="1"/>
  <c r="U143627" i="1"/>
  <c r="U143626" i="1"/>
  <c r="U143625" i="1"/>
  <c r="U143624" i="1"/>
  <c r="U143623" i="1"/>
  <c r="U143622" i="1"/>
  <c r="U143621" i="1"/>
  <c r="U143620" i="1"/>
  <c r="U143619" i="1"/>
  <c r="U143618" i="1"/>
  <c r="U143617" i="1"/>
  <c r="U143616" i="1"/>
  <c r="U143615" i="1"/>
  <c r="U143614" i="1"/>
  <c r="U143613" i="1"/>
  <c r="U143612" i="1"/>
  <c r="U143611" i="1"/>
  <c r="U143610" i="1"/>
  <c r="U143609" i="1"/>
  <c r="U143608" i="1"/>
  <c r="U143607" i="1"/>
  <c r="U143606" i="1"/>
  <c r="U143605" i="1"/>
  <c r="U143604" i="1"/>
  <c r="U143603" i="1"/>
  <c r="U143602" i="1"/>
  <c r="U143601" i="1"/>
  <c r="U143600" i="1"/>
  <c r="U143599" i="1"/>
  <c r="U143598" i="1"/>
  <c r="U143597" i="1"/>
  <c r="U143596" i="1"/>
  <c r="U143595" i="1"/>
  <c r="U143594" i="1"/>
  <c r="U143593" i="1"/>
  <c r="U143592" i="1"/>
  <c r="U143591" i="1"/>
  <c r="U143590" i="1"/>
  <c r="U143589" i="1"/>
  <c r="U143588" i="1"/>
  <c r="U143587" i="1"/>
  <c r="U143586" i="1"/>
  <c r="U143585" i="1"/>
  <c r="U143584" i="1"/>
  <c r="U143583" i="1"/>
  <c r="U143582" i="1"/>
  <c r="U143581" i="1"/>
  <c r="U143580" i="1"/>
  <c r="U143579" i="1"/>
  <c r="U143578" i="1"/>
  <c r="U143577" i="1"/>
  <c r="U143576" i="1"/>
  <c r="U143575" i="1"/>
  <c r="U143574" i="1"/>
  <c r="U143573" i="1"/>
  <c r="U143572" i="1"/>
  <c r="U143571" i="1"/>
  <c r="U143570" i="1"/>
  <c r="U143569" i="1"/>
  <c r="U143568" i="1"/>
  <c r="U143567" i="1"/>
  <c r="U143566" i="1"/>
  <c r="U143565" i="1"/>
  <c r="U143564" i="1"/>
  <c r="U143563" i="1"/>
  <c r="U143562" i="1"/>
  <c r="U143561" i="1"/>
  <c r="U143560" i="1"/>
  <c r="U143559" i="1"/>
  <c r="U143558" i="1"/>
  <c r="U143557" i="1"/>
  <c r="U143556" i="1"/>
  <c r="U143555" i="1"/>
  <c r="U143554" i="1"/>
  <c r="U143553" i="1"/>
  <c r="U143552" i="1"/>
  <c r="U143551" i="1"/>
  <c r="U143550" i="1"/>
  <c r="U143549" i="1"/>
  <c r="U143548" i="1"/>
  <c r="U143547" i="1"/>
  <c r="U143546" i="1"/>
  <c r="U143545" i="1"/>
  <c r="U143544" i="1"/>
  <c r="U143543" i="1"/>
  <c r="U143542" i="1"/>
  <c r="U143541" i="1"/>
  <c r="U143540" i="1"/>
  <c r="U143539" i="1"/>
  <c r="U143538" i="1"/>
  <c r="U143537" i="1"/>
  <c r="U143536" i="1"/>
  <c r="U143535" i="1"/>
  <c r="U143534" i="1"/>
  <c r="U143533" i="1"/>
  <c r="U143532" i="1"/>
  <c r="U143531" i="1"/>
  <c r="U143530" i="1"/>
  <c r="U143529" i="1"/>
  <c r="U143528" i="1"/>
  <c r="U143527" i="1"/>
  <c r="U143526" i="1"/>
  <c r="U143525" i="1"/>
  <c r="U143524" i="1"/>
  <c r="U143523" i="1"/>
  <c r="U143522" i="1"/>
  <c r="U143521" i="1"/>
  <c r="U143520" i="1"/>
  <c r="U143519" i="1"/>
  <c r="U143518" i="1"/>
  <c r="U143517" i="1"/>
  <c r="U143516" i="1"/>
  <c r="U143515" i="1"/>
  <c r="U143514" i="1"/>
  <c r="U143513" i="1"/>
  <c r="U143512" i="1"/>
  <c r="U143511" i="1"/>
  <c r="U143510" i="1"/>
  <c r="U143509" i="1"/>
  <c r="U143508" i="1"/>
  <c r="U143507" i="1"/>
  <c r="U143506" i="1"/>
  <c r="U143505" i="1"/>
  <c r="U143504" i="1"/>
  <c r="U143503" i="1"/>
  <c r="U143502" i="1"/>
  <c r="U143501" i="1"/>
  <c r="U143500" i="1"/>
  <c r="U143499" i="1"/>
  <c r="U143498" i="1"/>
  <c r="U143497" i="1"/>
  <c r="U143496" i="1"/>
  <c r="U143495" i="1"/>
  <c r="U143494" i="1"/>
  <c r="U143493" i="1"/>
  <c r="U143492" i="1"/>
  <c r="U143491" i="1"/>
  <c r="U143490" i="1"/>
  <c r="U143489" i="1"/>
  <c r="U143488" i="1"/>
  <c r="U143487" i="1"/>
  <c r="U143486" i="1"/>
  <c r="U143485" i="1"/>
  <c r="U143484" i="1"/>
  <c r="U143483" i="1"/>
  <c r="U143482" i="1"/>
  <c r="U143481" i="1"/>
  <c r="U143480" i="1"/>
  <c r="U143479" i="1"/>
  <c r="U143478" i="1"/>
  <c r="U143477" i="1"/>
  <c r="U143476" i="1"/>
  <c r="U143475" i="1"/>
  <c r="U143474" i="1"/>
  <c r="U143473" i="1"/>
  <c r="U143472" i="1"/>
  <c r="U143471" i="1"/>
  <c r="U143470" i="1"/>
  <c r="U143469" i="1"/>
  <c r="U143468" i="1"/>
  <c r="U143467" i="1"/>
  <c r="U143466" i="1"/>
  <c r="U143465" i="1"/>
  <c r="U143464" i="1"/>
  <c r="U143463" i="1"/>
  <c r="U143462" i="1"/>
  <c r="U143461" i="1"/>
  <c r="U143460" i="1"/>
  <c r="U143459" i="1"/>
  <c r="U143458" i="1"/>
  <c r="U143457" i="1"/>
  <c r="U143456" i="1"/>
  <c r="U143455" i="1"/>
  <c r="U143454" i="1"/>
  <c r="U143453" i="1"/>
  <c r="U143452" i="1"/>
  <c r="U143451" i="1"/>
  <c r="U143450" i="1"/>
  <c r="U143449" i="1"/>
  <c r="U143448" i="1"/>
  <c r="U143447" i="1"/>
  <c r="U143446" i="1"/>
  <c r="U143445" i="1"/>
  <c r="U143444" i="1"/>
  <c r="U143443" i="1"/>
  <c r="U143442" i="1"/>
  <c r="U143441" i="1"/>
  <c r="U143440" i="1"/>
  <c r="U143439" i="1"/>
  <c r="U143438" i="1"/>
  <c r="U143437" i="1"/>
  <c r="U143436" i="1"/>
  <c r="U143435" i="1"/>
  <c r="U143434" i="1"/>
  <c r="U143433" i="1"/>
  <c r="U143432" i="1"/>
  <c r="U143431" i="1"/>
  <c r="U143430" i="1"/>
  <c r="U143429" i="1"/>
  <c r="U143428" i="1"/>
  <c r="U143427" i="1"/>
  <c r="U143426" i="1"/>
  <c r="U143425" i="1"/>
  <c r="U143424" i="1"/>
  <c r="U143423" i="1"/>
  <c r="U143422" i="1"/>
  <c r="U143421" i="1"/>
  <c r="U143420" i="1"/>
  <c r="U143419" i="1"/>
  <c r="U143418" i="1"/>
  <c r="U143417" i="1"/>
  <c r="U143416" i="1"/>
  <c r="U143415" i="1"/>
  <c r="U143414" i="1"/>
  <c r="U143413" i="1"/>
  <c r="U143412" i="1"/>
  <c r="U143411" i="1"/>
  <c r="U143410" i="1"/>
  <c r="U143409" i="1"/>
  <c r="U143408" i="1"/>
  <c r="U143407" i="1"/>
  <c r="U143406" i="1"/>
  <c r="U143405" i="1"/>
  <c r="U143404" i="1"/>
  <c r="U143403" i="1"/>
  <c r="U143402" i="1"/>
  <c r="U143401" i="1"/>
  <c r="U143400" i="1"/>
  <c r="U143399" i="1"/>
  <c r="U143398" i="1"/>
  <c r="U143397" i="1"/>
  <c r="U143396" i="1"/>
  <c r="U143395" i="1"/>
  <c r="U143394" i="1"/>
  <c r="U143393" i="1"/>
  <c r="U143392" i="1"/>
  <c r="U143391" i="1"/>
  <c r="U143390" i="1"/>
  <c r="U143389" i="1"/>
  <c r="U143388" i="1"/>
  <c r="U143387" i="1"/>
  <c r="U143386" i="1"/>
  <c r="U143385" i="1"/>
  <c r="U143384" i="1"/>
  <c r="U143383" i="1"/>
  <c r="U143382" i="1"/>
  <c r="U143381" i="1"/>
  <c r="U143380" i="1"/>
  <c r="U143379" i="1"/>
  <c r="U143378" i="1"/>
  <c r="U143377" i="1"/>
  <c r="U143376" i="1"/>
  <c r="U143375" i="1"/>
  <c r="U143374" i="1"/>
  <c r="U143373" i="1"/>
  <c r="U143372" i="1"/>
  <c r="U143371" i="1"/>
  <c r="U143370" i="1"/>
  <c r="U143369" i="1"/>
  <c r="U143368" i="1"/>
  <c r="U143367" i="1"/>
  <c r="U143366" i="1"/>
  <c r="U143365" i="1"/>
  <c r="U143364" i="1"/>
  <c r="U143363" i="1"/>
  <c r="U143362" i="1"/>
  <c r="U143361" i="1"/>
  <c r="U143360" i="1"/>
  <c r="U143359" i="1"/>
  <c r="U143358" i="1"/>
  <c r="U143357" i="1"/>
  <c r="U143356" i="1"/>
  <c r="U143355" i="1"/>
  <c r="U143354" i="1"/>
  <c r="U143353" i="1"/>
  <c r="U143352" i="1"/>
  <c r="U143351" i="1"/>
  <c r="U143350" i="1"/>
  <c r="U143349" i="1"/>
  <c r="U143348" i="1"/>
  <c r="U143347" i="1"/>
  <c r="U143346" i="1"/>
  <c r="U143345" i="1"/>
  <c r="U143344" i="1"/>
  <c r="U143343" i="1"/>
  <c r="U143342" i="1"/>
  <c r="U143341" i="1"/>
  <c r="U143340" i="1"/>
  <c r="U143339" i="1"/>
  <c r="U143338" i="1"/>
  <c r="U143337" i="1"/>
  <c r="U143336" i="1"/>
  <c r="U143335" i="1"/>
  <c r="U143334" i="1"/>
  <c r="U143333" i="1"/>
  <c r="U143332" i="1"/>
  <c r="U143331" i="1"/>
  <c r="U143330" i="1"/>
  <c r="U143329" i="1"/>
  <c r="U143328" i="1"/>
  <c r="U143327" i="1"/>
  <c r="U143326" i="1"/>
  <c r="U143325" i="1"/>
  <c r="U143324" i="1"/>
  <c r="U143323" i="1"/>
  <c r="U143322" i="1"/>
  <c r="U143321" i="1"/>
  <c r="U143320" i="1"/>
  <c r="U143319" i="1"/>
  <c r="U143318" i="1"/>
  <c r="U143317" i="1"/>
  <c r="U143316" i="1"/>
  <c r="U143315" i="1"/>
  <c r="U143314" i="1"/>
  <c r="U143313" i="1"/>
  <c r="U143312" i="1"/>
  <c r="U143311" i="1"/>
  <c r="U143310" i="1"/>
  <c r="U143309" i="1"/>
  <c r="U143308" i="1"/>
  <c r="U143307" i="1"/>
  <c r="U143306" i="1"/>
  <c r="U143305" i="1"/>
  <c r="U143304" i="1"/>
  <c r="U143303" i="1"/>
  <c r="U143302" i="1"/>
  <c r="U143301" i="1"/>
  <c r="U143300" i="1"/>
  <c r="U143299" i="1"/>
  <c r="U143298" i="1"/>
  <c r="U143297" i="1"/>
  <c r="U143296" i="1"/>
  <c r="U143295" i="1"/>
  <c r="U143294" i="1"/>
  <c r="U143293" i="1"/>
  <c r="U143292" i="1"/>
  <c r="U143291" i="1"/>
  <c r="U143290" i="1"/>
  <c r="U143289" i="1"/>
  <c r="U143288" i="1"/>
  <c r="U143287" i="1"/>
  <c r="U143286" i="1"/>
  <c r="U143285" i="1"/>
  <c r="U143284" i="1"/>
  <c r="U143283" i="1"/>
  <c r="U143282" i="1"/>
  <c r="U143281" i="1"/>
  <c r="U143280" i="1"/>
  <c r="U143279" i="1"/>
  <c r="U143278" i="1"/>
  <c r="U143277" i="1"/>
  <c r="U143276" i="1"/>
  <c r="U143275" i="1"/>
  <c r="U143274" i="1"/>
  <c r="U143273" i="1"/>
  <c r="U143272" i="1"/>
  <c r="U143271" i="1"/>
  <c r="U143270" i="1"/>
  <c r="U143269" i="1"/>
  <c r="U143268" i="1"/>
  <c r="U143267" i="1"/>
  <c r="U143266" i="1"/>
  <c r="U143265" i="1"/>
  <c r="U143264" i="1"/>
  <c r="U143263" i="1"/>
  <c r="U143262" i="1"/>
  <c r="U143261" i="1"/>
  <c r="U143260" i="1"/>
  <c r="U143259" i="1"/>
  <c r="U143258" i="1"/>
  <c r="U143257" i="1"/>
  <c r="U143256" i="1"/>
  <c r="U143255" i="1"/>
  <c r="U143254" i="1"/>
  <c r="U143253" i="1"/>
  <c r="U143252" i="1"/>
  <c r="U143251" i="1"/>
  <c r="U143250" i="1"/>
  <c r="U143249" i="1"/>
  <c r="U143248" i="1"/>
  <c r="U143247" i="1"/>
  <c r="U143246" i="1"/>
  <c r="U143245" i="1"/>
  <c r="U143244" i="1"/>
  <c r="U143243" i="1"/>
  <c r="U143242" i="1"/>
  <c r="U143241" i="1"/>
  <c r="U143240" i="1"/>
  <c r="U143239" i="1"/>
  <c r="U143238" i="1"/>
  <c r="U143237" i="1"/>
  <c r="U143236" i="1"/>
  <c r="U143235" i="1"/>
  <c r="U143234" i="1"/>
  <c r="U143233" i="1"/>
  <c r="U143232" i="1"/>
  <c r="U143231" i="1"/>
  <c r="U143230" i="1"/>
  <c r="U143229" i="1"/>
  <c r="U143228" i="1"/>
  <c r="U143227" i="1"/>
  <c r="U143226" i="1"/>
  <c r="U143225" i="1"/>
  <c r="U143224" i="1"/>
  <c r="U143223" i="1"/>
  <c r="U143222" i="1"/>
  <c r="U143221" i="1"/>
  <c r="U143220" i="1"/>
  <c r="U143219" i="1"/>
  <c r="U143218" i="1"/>
  <c r="U143217" i="1"/>
  <c r="U143216" i="1"/>
  <c r="U143215" i="1"/>
  <c r="U143214" i="1"/>
  <c r="U143213" i="1"/>
  <c r="U143212" i="1"/>
  <c r="U143211" i="1"/>
  <c r="U143210" i="1"/>
  <c r="U143209" i="1"/>
  <c r="U143208" i="1"/>
  <c r="U143207" i="1"/>
  <c r="U143206" i="1"/>
  <c r="U143205" i="1"/>
  <c r="U143204" i="1"/>
  <c r="U143203" i="1"/>
  <c r="U143202" i="1"/>
  <c r="U143201" i="1"/>
  <c r="U143200" i="1"/>
  <c r="U143199" i="1"/>
  <c r="U143198" i="1"/>
  <c r="U143197" i="1"/>
  <c r="U143196" i="1"/>
  <c r="U143195" i="1"/>
  <c r="U143194" i="1"/>
  <c r="U143193" i="1"/>
  <c r="U143192" i="1"/>
  <c r="U143191" i="1"/>
  <c r="U143190" i="1"/>
  <c r="U143189" i="1"/>
  <c r="U143188" i="1"/>
  <c r="U143187" i="1"/>
  <c r="U143186" i="1"/>
  <c r="U143185" i="1"/>
  <c r="U143184" i="1"/>
  <c r="U143183" i="1"/>
  <c r="U143182" i="1"/>
  <c r="U143181" i="1"/>
  <c r="U143180" i="1"/>
  <c r="U143179" i="1"/>
  <c r="U143178" i="1"/>
  <c r="U143177" i="1"/>
  <c r="U143176" i="1"/>
  <c r="U143175" i="1"/>
  <c r="U143174" i="1"/>
  <c r="U143173" i="1"/>
  <c r="U143172" i="1"/>
  <c r="U143171" i="1"/>
  <c r="U143170" i="1"/>
  <c r="U143169" i="1"/>
  <c r="U143168" i="1"/>
  <c r="U143167" i="1"/>
  <c r="U143166" i="1"/>
  <c r="U143165" i="1"/>
  <c r="U143164" i="1"/>
  <c r="U143163" i="1"/>
  <c r="U143162" i="1"/>
  <c r="U143161" i="1"/>
  <c r="U143160" i="1"/>
  <c r="U143159" i="1"/>
  <c r="U143158" i="1"/>
  <c r="U143157" i="1"/>
  <c r="U143156" i="1"/>
  <c r="U143155" i="1"/>
  <c r="U143154" i="1"/>
  <c r="U143153" i="1"/>
  <c r="U143152" i="1"/>
  <c r="U143151" i="1"/>
  <c r="U143150" i="1"/>
  <c r="U143149" i="1"/>
  <c r="U143148" i="1"/>
  <c r="U143147" i="1"/>
  <c r="U143146" i="1"/>
  <c r="U143145" i="1"/>
  <c r="U143144" i="1"/>
  <c r="U143143" i="1"/>
  <c r="U143142" i="1"/>
  <c r="U143141" i="1"/>
  <c r="U143140" i="1"/>
  <c r="U143139" i="1"/>
  <c r="U143138" i="1"/>
  <c r="U143137" i="1"/>
  <c r="U143136" i="1"/>
  <c r="U143135" i="1"/>
  <c r="U143134" i="1"/>
  <c r="U143133" i="1"/>
  <c r="U143132" i="1"/>
  <c r="U143131" i="1"/>
  <c r="U143130" i="1"/>
  <c r="U143129" i="1"/>
  <c r="U143128" i="1"/>
  <c r="U143127" i="1"/>
  <c r="U143126" i="1"/>
  <c r="U143125" i="1"/>
  <c r="U143124" i="1"/>
  <c r="U143123" i="1"/>
  <c r="U143122" i="1"/>
  <c r="U143121" i="1"/>
  <c r="U143120" i="1"/>
  <c r="U143119" i="1"/>
  <c r="U143118" i="1"/>
  <c r="U143117" i="1"/>
  <c r="U143116" i="1"/>
  <c r="U143115" i="1"/>
  <c r="U143114" i="1"/>
  <c r="U143113" i="1"/>
  <c r="U143112" i="1"/>
  <c r="U143111" i="1"/>
  <c r="U143110" i="1"/>
  <c r="U143109" i="1"/>
  <c r="U143108" i="1"/>
  <c r="U143107" i="1"/>
  <c r="U143106" i="1"/>
  <c r="U143105" i="1"/>
  <c r="U143104" i="1"/>
  <c r="U143103" i="1"/>
  <c r="U143102" i="1"/>
  <c r="U143101" i="1"/>
  <c r="U143100" i="1"/>
  <c r="U143099" i="1"/>
  <c r="U143098" i="1"/>
  <c r="U143097" i="1"/>
  <c r="U143096" i="1"/>
  <c r="U143095" i="1"/>
  <c r="U143094" i="1"/>
  <c r="U143093" i="1"/>
  <c r="U143092" i="1"/>
  <c r="U143091" i="1"/>
  <c r="U143090" i="1"/>
  <c r="U143089" i="1"/>
  <c r="U143088" i="1"/>
  <c r="U143087" i="1"/>
  <c r="U143086" i="1"/>
  <c r="U143085" i="1"/>
  <c r="U143084" i="1"/>
  <c r="U143083" i="1"/>
  <c r="U143082" i="1"/>
  <c r="U143081" i="1"/>
  <c r="U143080" i="1"/>
  <c r="U143079" i="1"/>
  <c r="U143078" i="1"/>
  <c r="U143077" i="1"/>
  <c r="U143076" i="1"/>
  <c r="U143075" i="1"/>
  <c r="U143074" i="1"/>
  <c r="U143073" i="1"/>
  <c r="U143072" i="1"/>
  <c r="U143071" i="1"/>
  <c r="U143070" i="1"/>
  <c r="U143069" i="1"/>
  <c r="U143068" i="1"/>
  <c r="U143067" i="1"/>
  <c r="U143066" i="1"/>
  <c r="U143065" i="1"/>
  <c r="U143064" i="1"/>
  <c r="U143063" i="1"/>
  <c r="U143062" i="1"/>
  <c r="U143061" i="1"/>
  <c r="U143060" i="1"/>
  <c r="U143059" i="1"/>
  <c r="U143058" i="1"/>
  <c r="U143057" i="1"/>
  <c r="U143056" i="1"/>
  <c r="U143055" i="1"/>
  <c r="U143054" i="1"/>
  <c r="U143053" i="1"/>
  <c r="U143052" i="1"/>
  <c r="U143051" i="1"/>
  <c r="U143050" i="1"/>
  <c r="U143049" i="1"/>
  <c r="U143048" i="1"/>
  <c r="U143047" i="1"/>
  <c r="U143046" i="1"/>
  <c r="U143045" i="1"/>
  <c r="U143044" i="1"/>
  <c r="U143043" i="1"/>
  <c r="U143042" i="1"/>
  <c r="U143041" i="1"/>
  <c r="U143040" i="1"/>
  <c r="U143039" i="1"/>
  <c r="U143038" i="1"/>
  <c r="U143037" i="1"/>
  <c r="U143036" i="1"/>
  <c r="U143035" i="1"/>
  <c r="U143034" i="1"/>
  <c r="U143033" i="1"/>
  <c r="U143032" i="1"/>
  <c r="U143031" i="1"/>
  <c r="U143030" i="1"/>
  <c r="U143029" i="1"/>
  <c r="U143028" i="1"/>
  <c r="U143027" i="1"/>
  <c r="U143026" i="1"/>
  <c r="U143025" i="1"/>
  <c r="U143024" i="1"/>
  <c r="U143023" i="1"/>
  <c r="U143022" i="1"/>
  <c r="U143021" i="1"/>
  <c r="U143020" i="1"/>
  <c r="U143019" i="1"/>
  <c r="U143018" i="1"/>
  <c r="U143017" i="1"/>
  <c r="U143016" i="1"/>
  <c r="U143015" i="1"/>
  <c r="U143014" i="1"/>
  <c r="U143013" i="1"/>
  <c r="U143012" i="1"/>
  <c r="U143011" i="1"/>
  <c r="U143010" i="1"/>
  <c r="U143009" i="1"/>
  <c r="U143008" i="1"/>
  <c r="U143007" i="1"/>
  <c r="U143006" i="1"/>
  <c r="U143005" i="1"/>
  <c r="U143004" i="1"/>
  <c r="U143003" i="1"/>
  <c r="U143002" i="1"/>
  <c r="U143001" i="1"/>
  <c r="U143000" i="1"/>
  <c r="U142999" i="1"/>
  <c r="U142998" i="1"/>
  <c r="U142997" i="1"/>
  <c r="U142996" i="1"/>
  <c r="U142995" i="1"/>
  <c r="U142994" i="1"/>
  <c r="U142993" i="1"/>
  <c r="U142992" i="1"/>
  <c r="U142991" i="1"/>
  <c r="U142990" i="1"/>
  <c r="U142989" i="1"/>
  <c r="U142988" i="1"/>
  <c r="U142987" i="1"/>
  <c r="U142986" i="1"/>
  <c r="U142985" i="1"/>
  <c r="U142984" i="1"/>
  <c r="U142983" i="1"/>
  <c r="U142982" i="1"/>
  <c r="U142981" i="1"/>
  <c r="U142980" i="1"/>
  <c r="U142979" i="1"/>
  <c r="U142978" i="1"/>
  <c r="U142977" i="1"/>
  <c r="U142976" i="1"/>
  <c r="U142975" i="1"/>
  <c r="U142974" i="1"/>
  <c r="U142973" i="1"/>
  <c r="U142972" i="1"/>
  <c r="U142971" i="1"/>
  <c r="U142970" i="1"/>
  <c r="U142969" i="1"/>
  <c r="U142968" i="1"/>
  <c r="U142967" i="1"/>
  <c r="U142966" i="1"/>
  <c r="U142965" i="1"/>
  <c r="U142964" i="1"/>
  <c r="U142963" i="1"/>
  <c r="U142962" i="1"/>
  <c r="U142961" i="1"/>
  <c r="U142960" i="1"/>
  <c r="U142959" i="1"/>
  <c r="U142958" i="1"/>
  <c r="U142957" i="1"/>
  <c r="U142956" i="1"/>
  <c r="U142955" i="1"/>
  <c r="U142954" i="1"/>
  <c r="U142953" i="1"/>
  <c r="U142952" i="1"/>
  <c r="U142951" i="1"/>
  <c r="U142950" i="1"/>
  <c r="U142949" i="1"/>
  <c r="U142948" i="1"/>
  <c r="U142947" i="1"/>
  <c r="U142946" i="1"/>
  <c r="U142945" i="1"/>
  <c r="U142944" i="1"/>
  <c r="U142943" i="1"/>
  <c r="U142942" i="1"/>
  <c r="U142941" i="1"/>
  <c r="U142940" i="1"/>
  <c r="U142939" i="1"/>
  <c r="U142938" i="1"/>
  <c r="U142937" i="1"/>
  <c r="U142936" i="1"/>
  <c r="U142935" i="1"/>
  <c r="U142934" i="1"/>
  <c r="U142933" i="1"/>
  <c r="U142932" i="1"/>
  <c r="U142931" i="1"/>
  <c r="U142930" i="1"/>
  <c r="U142929" i="1"/>
  <c r="U142928" i="1"/>
  <c r="U142927" i="1"/>
  <c r="U142926" i="1"/>
  <c r="U142925" i="1"/>
  <c r="U142924" i="1"/>
  <c r="U142923" i="1"/>
  <c r="U142922" i="1"/>
  <c r="U142921" i="1"/>
  <c r="U142920" i="1"/>
  <c r="U142919" i="1"/>
  <c r="U142918" i="1"/>
  <c r="U142917" i="1"/>
  <c r="U142916" i="1"/>
  <c r="U142915" i="1"/>
  <c r="U142914" i="1"/>
  <c r="U142913" i="1"/>
  <c r="U142912" i="1"/>
  <c r="U142911" i="1"/>
  <c r="U142910" i="1"/>
  <c r="U142909" i="1"/>
  <c r="U142908" i="1"/>
  <c r="U142907" i="1"/>
  <c r="U142906" i="1"/>
  <c r="U142905" i="1"/>
  <c r="U142904" i="1"/>
  <c r="U142903" i="1"/>
  <c r="U142902" i="1"/>
  <c r="U142901" i="1"/>
  <c r="U142900" i="1"/>
  <c r="U142899" i="1"/>
  <c r="U142898" i="1"/>
  <c r="U142897" i="1"/>
  <c r="U142896" i="1"/>
  <c r="U142895" i="1"/>
  <c r="U142894" i="1"/>
  <c r="U142893" i="1"/>
  <c r="U142892" i="1"/>
  <c r="U142891" i="1"/>
  <c r="U142890" i="1"/>
  <c r="U142889" i="1"/>
  <c r="U142888" i="1"/>
  <c r="U142887" i="1"/>
  <c r="U142886" i="1"/>
  <c r="U142885" i="1"/>
  <c r="U142884" i="1"/>
  <c r="U142883" i="1"/>
  <c r="U142882" i="1"/>
  <c r="U142881" i="1"/>
  <c r="U142880" i="1"/>
  <c r="U142879" i="1"/>
  <c r="U142878" i="1"/>
  <c r="U142877" i="1"/>
  <c r="U142876" i="1"/>
  <c r="U142875" i="1"/>
  <c r="U142874" i="1"/>
  <c r="U142873" i="1"/>
  <c r="U142872" i="1"/>
  <c r="U142871" i="1"/>
  <c r="U142870" i="1"/>
  <c r="U142869" i="1"/>
  <c r="U142868" i="1"/>
  <c r="U142867" i="1"/>
  <c r="U142866" i="1"/>
  <c r="U142865" i="1"/>
  <c r="U142864" i="1"/>
  <c r="U142863" i="1"/>
  <c r="U142862" i="1"/>
  <c r="U142861" i="1"/>
  <c r="U142860" i="1"/>
  <c r="U142859" i="1"/>
  <c r="U142858" i="1"/>
  <c r="U142857" i="1"/>
  <c r="U142856" i="1"/>
  <c r="U142855" i="1"/>
  <c r="U142854" i="1"/>
  <c r="U142853" i="1"/>
  <c r="U142852" i="1"/>
  <c r="U142851" i="1"/>
  <c r="U142850" i="1"/>
  <c r="U142849" i="1"/>
  <c r="U142848" i="1"/>
  <c r="U142847" i="1"/>
  <c r="U142846" i="1"/>
  <c r="U142845" i="1"/>
  <c r="U142844" i="1"/>
  <c r="U142843" i="1"/>
  <c r="U142842" i="1"/>
  <c r="U142841" i="1"/>
  <c r="U142840" i="1"/>
  <c r="U142839" i="1"/>
  <c r="U142838" i="1"/>
  <c r="U142837" i="1"/>
  <c r="U142836" i="1"/>
  <c r="U142835" i="1"/>
  <c r="U142834" i="1"/>
  <c r="U142833" i="1"/>
  <c r="U142832" i="1"/>
  <c r="U142831" i="1"/>
  <c r="U142830" i="1"/>
  <c r="U142829" i="1"/>
  <c r="U142828" i="1"/>
  <c r="U142827" i="1"/>
  <c r="U142826" i="1"/>
  <c r="U142825" i="1"/>
  <c r="U142824" i="1"/>
  <c r="U142823" i="1"/>
  <c r="U142822" i="1"/>
  <c r="U142821" i="1"/>
  <c r="U142820" i="1"/>
  <c r="U142819" i="1"/>
  <c r="U142818" i="1"/>
  <c r="U142817" i="1"/>
  <c r="U142816" i="1"/>
  <c r="U142815" i="1"/>
  <c r="U142814" i="1"/>
  <c r="U142813" i="1"/>
  <c r="U142812" i="1"/>
  <c r="U142811" i="1"/>
  <c r="U142810" i="1"/>
  <c r="U142809" i="1"/>
  <c r="U142808" i="1"/>
  <c r="U142807" i="1"/>
  <c r="U142806" i="1"/>
  <c r="U142805" i="1"/>
  <c r="U142804" i="1"/>
  <c r="U142803" i="1"/>
  <c r="U142802" i="1"/>
  <c r="U142801" i="1"/>
  <c r="U142800" i="1"/>
  <c r="U142799" i="1"/>
  <c r="U142798" i="1"/>
  <c r="U142797" i="1"/>
  <c r="U142796" i="1"/>
  <c r="U142795" i="1"/>
  <c r="U142794" i="1"/>
  <c r="U142793" i="1"/>
  <c r="U142792" i="1"/>
  <c r="U142791" i="1"/>
  <c r="U142790" i="1"/>
  <c r="U142789" i="1"/>
  <c r="U142788" i="1"/>
  <c r="U142787" i="1"/>
  <c r="U142786" i="1"/>
  <c r="U142785" i="1"/>
  <c r="U142784" i="1"/>
  <c r="U142783" i="1"/>
  <c r="U142782" i="1"/>
  <c r="U142781" i="1"/>
  <c r="U142780" i="1"/>
  <c r="U142779" i="1"/>
  <c r="U142778" i="1"/>
  <c r="U142777" i="1"/>
  <c r="U142776" i="1"/>
  <c r="U142775" i="1"/>
  <c r="U142774" i="1"/>
  <c r="U142773" i="1"/>
  <c r="U142772" i="1"/>
  <c r="U142771" i="1"/>
  <c r="U142770" i="1"/>
  <c r="U142769" i="1"/>
  <c r="U142768" i="1"/>
  <c r="U142767" i="1"/>
  <c r="U142766" i="1"/>
  <c r="U142765" i="1"/>
  <c r="U142764" i="1"/>
  <c r="U142763" i="1"/>
  <c r="U142762" i="1"/>
  <c r="U142761" i="1"/>
  <c r="U142760" i="1"/>
  <c r="U142759" i="1"/>
  <c r="U142758" i="1"/>
  <c r="U142757" i="1"/>
  <c r="U142756" i="1"/>
  <c r="U142755" i="1"/>
  <c r="U142754" i="1"/>
  <c r="U142753" i="1"/>
  <c r="U142752" i="1"/>
  <c r="U142751" i="1"/>
  <c r="U142750" i="1"/>
  <c r="U142749" i="1"/>
  <c r="U142748" i="1"/>
  <c r="U142747" i="1"/>
  <c r="U142746" i="1"/>
  <c r="U142745" i="1"/>
  <c r="U142744" i="1"/>
  <c r="U142743" i="1"/>
  <c r="U142742" i="1"/>
  <c r="U142741" i="1"/>
  <c r="U142740" i="1"/>
  <c r="U142739" i="1"/>
  <c r="U142738" i="1"/>
  <c r="U142737" i="1"/>
  <c r="U142736" i="1"/>
  <c r="U142735" i="1"/>
  <c r="U142734" i="1"/>
  <c r="U142733" i="1"/>
  <c r="U142732" i="1"/>
  <c r="U142731" i="1"/>
  <c r="U142730" i="1"/>
  <c r="U142729" i="1"/>
  <c r="U142728" i="1"/>
  <c r="U142727" i="1"/>
  <c r="U142726" i="1"/>
  <c r="U142725" i="1"/>
  <c r="U142724" i="1"/>
  <c r="U142723" i="1"/>
  <c r="U142722" i="1"/>
  <c r="U142721" i="1"/>
  <c r="U142720" i="1"/>
  <c r="U142719" i="1"/>
  <c r="U142718" i="1"/>
  <c r="U142717" i="1"/>
  <c r="U142716" i="1"/>
  <c r="U142715" i="1"/>
  <c r="U142714" i="1"/>
  <c r="U142713" i="1"/>
  <c r="U142712" i="1"/>
  <c r="U142711" i="1"/>
  <c r="U142710" i="1"/>
  <c r="U142709" i="1"/>
  <c r="U142708" i="1"/>
  <c r="U142707" i="1"/>
  <c r="U142706" i="1"/>
  <c r="U142705" i="1"/>
  <c r="U142704" i="1"/>
  <c r="U142703" i="1"/>
  <c r="U142702" i="1"/>
  <c r="U142701" i="1"/>
  <c r="U142700" i="1"/>
  <c r="U142699" i="1"/>
  <c r="U142698" i="1"/>
  <c r="U142697" i="1"/>
  <c r="U142696" i="1"/>
  <c r="U142695" i="1"/>
  <c r="U142694" i="1"/>
  <c r="U142693" i="1"/>
  <c r="U142692" i="1"/>
  <c r="U142691" i="1"/>
  <c r="U142690" i="1"/>
  <c r="U142689" i="1"/>
  <c r="U142688" i="1"/>
  <c r="U142687" i="1"/>
  <c r="U142686" i="1"/>
  <c r="U142685" i="1"/>
  <c r="U142684" i="1"/>
  <c r="U142683" i="1"/>
  <c r="U142682" i="1"/>
  <c r="U142681" i="1"/>
  <c r="U142680" i="1"/>
  <c r="U142679" i="1"/>
  <c r="U142678" i="1"/>
  <c r="U142677" i="1"/>
  <c r="U142676" i="1"/>
  <c r="U142675" i="1"/>
  <c r="U142674" i="1"/>
  <c r="U142673" i="1"/>
  <c r="U142672" i="1"/>
  <c r="U142671" i="1"/>
  <c r="U142670" i="1"/>
  <c r="U142669" i="1"/>
  <c r="U142668" i="1"/>
  <c r="U142667" i="1"/>
  <c r="U142666" i="1"/>
  <c r="U142665" i="1"/>
  <c r="U142664" i="1"/>
  <c r="U142663" i="1"/>
  <c r="U142662" i="1"/>
  <c r="U142661" i="1"/>
  <c r="U142660" i="1"/>
  <c r="U142659" i="1"/>
  <c r="U142658" i="1"/>
  <c r="U142657" i="1"/>
  <c r="U142656" i="1"/>
  <c r="U142655" i="1"/>
  <c r="U142654" i="1"/>
  <c r="U142653" i="1"/>
  <c r="U142652" i="1"/>
  <c r="U142651" i="1"/>
  <c r="U142650" i="1"/>
  <c r="U142649" i="1"/>
  <c r="U142648" i="1"/>
  <c r="U142647" i="1"/>
  <c r="U142646" i="1"/>
  <c r="U142645" i="1"/>
  <c r="U142644" i="1"/>
  <c r="U142643" i="1"/>
  <c r="U142642" i="1"/>
  <c r="U142641" i="1"/>
  <c r="U142640" i="1"/>
  <c r="U142639" i="1"/>
  <c r="U142638" i="1"/>
  <c r="U142637" i="1"/>
  <c r="U142636" i="1"/>
  <c r="U142635" i="1"/>
  <c r="U142634" i="1"/>
  <c r="U142633" i="1"/>
  <c r="U142632" i="1"/>
  <c r="U142631" i="1"/>
  <c r="U142630" i="1"/>
  <c r="U142629" i="1"/>
  <c r="U142628" i="1"/>
  <c r="U142627" i="1"/>
  <c r="U142626" i="1"/>
  <c r="U142625" i="1"/>
  <c r="U142624" i="1"/>
  <c r="U142623" i="1"/>
  <c r="U142622" i="1"/>
  <c r="U142621" i="1"/>
  <c r="U142620" i="1"/>
  <c r="U142619" i="1"/>
  <c r="U142618" i="1"/>
  <c r="U142617" i="1"/>
  <c r="U142616" i="1"/>
  <c r="U142615" i="1"/>
  <c r="U142614" i="1"/>
  <c r="U142613" i="1"/>
  <c r="U142612" i="1"/>
  <c r="U142611" i="1"/>
  <c r="U142610" i="1"/>
  <c r="U142609" i="1"/>
  <c r="U142608" i="1"/>
  <c r="U142607" i="1"/>
  <c r="U142606" i="1"/>
  <c r="U142605" i="1"/>
  <c r="U142604" i="1"/>
  <c r="U142603" i="1"/>
  <c r="U142602" i="1"/>
  <c r="U142601" i="1"/>
  <c r="U142600" i="1"/>
  <c r="U142599" i="1"/>
  <c r="U142598" i="1"/>
  <c r="U142597" i="1"/>
  <c r="U142596" i="1"/>
  <c r="U142595" i="1"/>
  <c r="U142594" i="1"/>
  <c r="U142593" i="1"/>
  <c r="U142592" i="1"/>
  <c r="U142591" i="1"/>
  <c r="U142590" i="1"/>
  <c r="U142589" i="1"/>
  <c r="U142588" i="1"/>
  <c r="U142587" i="1"/>
  <c r="U142586" i="1"/>
  <c r="U142585" i="1"/>
  <c r="U142584" i="1"/>
  <c r="U142583" i="1"/>
  <c r="U142582" i="1"/>
  <c r="U142581" i="1"/>
  <c r="U142580" i="1"/>
  <c r="U142579" i="1"/>
  <c r="U142578" i="1"/>
  <c r="U142577" i="1"/>
  <c r="U142576" i="1"/>
  <c r="U142575" i="1"/>
  <c r="U142574" i="1"/>
  <c r="U142573" i="1"/>
  <c r="U142572" i="1"/>
  <c r="U142571" i="1"/>
  <c r="U142570" i="1"/>
  <c r="U142569" i="1"/>
  <c r="U142568" i="1"/>
  <c r="U142567" i="1"/>
  <c r="U142566" i="1"/>
  <c r="U142565" i="1"/>
  <c r="U142564" i="1"/>
  <c r="U142563" i="1"/>
  <c r="U142562" i="1"/>
  <c r="U142561" i="1"/>
  <c r="U142560" i="1"/>
  <c r="U142559" i="1"/>
  <c r="U142558" i="1"/>
  <c r="U142557" i="1"/>
  <c r="U142556" i="1"/>
  <c r="U142555" i="1"/>
  <c r="U142554" i="1"/>
  <c r="U142553" i="1"/>
  <c r="U142552" i="1"/>
  <c r="U142551" i="1"/>
  <c r="U142550" i="1"/>
  <c r="U142549" i="1"/>
  <c r="U142548" i="1"/>
  <c r="U142547" i="1"/>
  <c r="U142546" i="1"/>
  <c r="U142545" i="1"/>
  <c r="U142544" i="1"/>
  <c r="U142543" i="1"/>
  <c r="U142542" i="1"/>
  <c r="U142541" i="1"/>
  <c r="U142540" i="1"/>
  <c r="U142539" i="1"/>
  <c r="U142538" i="1"/>
  <c r="U142537" i="1"/>
  <c r="U142536" i="1"/>
  <c r="U142535" i="1"/>
  <c r="U142534" i="1"/>
  <c r="U142533" i="1"/>
  <c r="U142532" i="1"/>
  <c r="U142531" i="1"/>
  <c r="U142530" i="1"/>
  <c r="U142529" i="1"/>
  <c r="U142528" i="1"/>
  <c r="U142527" i="1"/>
  <c r="U142526" i="1"/>
  <c r="U142525" i="1"/>
  <c r="U142524" i="1"/>
  <c r="U142523" i="1"/>
  <c r="U142522" i="1"/>
  <c r="U142521" i="1"/>
  <c r="U142520" i="1"/>
  <c r="U142519" i="1"/>
  <c r="U142518" i="1"/>
  <c r="U142517" i="1"/>
  <c r="U142516" i="1"/>
  <c r="U142515" i="1"/>
  <c r="U142514" i="1"/>
  <c r="U142513" i="1"/>
  <c r="U142512" i="1"/>
  <c r="U142511" i="1"/>
  <c r="U142510" i="1"/>
  <c r="U142509" i="1"/>
  <c r="U142508" i="1"/>
  <c r="U142507" i="1"/>
  <c r="U142506" i="1"/>
  <c r="U142505" i="1"/>
  <c r="U142504" i="1"/>
  <c r="U142503" i="1"/>
  <c r="U142502" i="1"/>
  <c r="U142501" i="1"/>
  <c r="U142500" i="1"/>
  <c r="U142499" i="1"/>
  <c r="U142498" i="1"/>
  <c r="U142497" i="1"/>
  <c r="U142496" i="1"/>
  <c r="U142495" i="1"/>
  <c r="U142494" i="1"/>
  <c r="U142493" i="1"/>
  <c r="U142492" i="1"/>
  <c r="U142491" i="1"/>
  <c r="U142490" i="1"/>
  <c r="U142489" i="1"/>
  <c r="U142488" i="1"/>
  <c r="U142487" i="1"/>
  <c r="U142486" i="1"/>
  <c r="U142485" i="1"/>
  <c r="U142484" i="1"/>
  <c r="U142483" i="1"/>
  <c r="U142482" i="1"/>
  <c r="U142481" i="1"/>
  <c r="U142480" i="1"/>
  <c r="U142479" i="1"/>
  <c r="U142478" i="1"/>
  <c r="U142477" i="1"/>
  <c r="U142476" i="1"/>
  <c r="U142475" i="1"/>
  <c r="U142474" i="1"/>
  <c r="U142473" i="1"/>
  <c r="U142472" i="1"/>
  <c r="U142471" i="1"/>
  <c r="U142470" i="1"/>
  <c r="U142469" i="1"/>
  <c r="U142468" i="1"/>
  <c r="U142467" i="1"/>
  <c r="U142466" i="1"/>
  <c r="U142465" i="1"/>
  <c r="U142464" i="1"/>
  <c r="U142463" i="1"/>
  <c r="U142462" i="1"/>
  <c r="U142461" i="1"/>
  <c r="U142460" i="1"/>
  <c r="U142459" i="1"/>
  <c r="U142458" i="1"/>
  <c r="U142457" i="1"/>
  <c r="U142456" i="1"/>
  <c r="U142455" i="1"/>
  <c r="U142454" i="1"/>
  <c r="U142453" i="1"/>
  <c r="U142452" i="1"/>
  <c r="U142451" i="1"/>
  <c r="U142450" i="1"/>
  <c r="U142449" i="1"/>
  <c r="U142448" i="1"/>
  <c r="U142447" i="1"/>
  <c r="U142446" i="1"/>
  <c r="U142445" i="1"/>
  <c r="U142444" i="1"/>
  <c r="U142443" i="1"/>
  <c r="U142442" i="1"/>
  <c r="U142441" i="1"/>
  <c r="U142440" i="1"/>
  <c r="U142439" i="1"/>
  <c r="U142438" i="1"/>
  <c r="U142437" i="1"/>
  <c r="U142436" i="1"/>
  <c r="U142435" i="1"/>
  <c r="U142434" i="1"/>
  <c r="U142433" i="1"/>
  <c r="U142432" i="1"/>
  <c r="U142431" i="1"/>
  <c r="U142430" i="1"/>
  <c r="U142429" i="1"/>
  <c r="U142428" i="1"/>
  <c r="U142427" i="1"/>
  <c r="U142426" i="1"/>
  <c r="U142425" i="1"/>
  <c r="U142424" i="1"/>
  <c r="U142423" i="1"/>
  <c r="U142422" i="1"/>
  <c r="U142421" i="1"/>
  <c r="U142420" i="1"/>
  <c r="U142419" i="1"/>
  <c r="U142418" i="1"/>
  <c r="U142417" i="1"/>
  <c r="U142416" i="1"/>
  <c r="U142415" i="1"/>
  <c r="U142414" i="1"/>
  <c r="U142413" i="1"/>
  <c r="U142412" i="1"/>
  <c r="U142411" i="1"/>
  <c r="U142410" i="1"/>
  <c r="U142409" i="1"/>
  <c r="U142408" i="1"/>
  <c r="U142407" i="1"/>
  <c r="U142406" i="1"/>
  <c r="U142405" i="1"/>
  <c r="U142404" i="1"/>
  <c r="U142403" i="1"/>
  <c r="U142402" i="1"/>
  <c r="U142401" i="1"/>
  <c r="U142400" i="1"/>
  <c r="U142399" i="1"/>
  <c r="U142398" i="1"/>
  <c r="U142397" i="1"/>
  <c r="U142396" i="1"/>
  <c r="U142395" i="1"/>
  <c r="U142394" i="1"/>
  <c r="U142393" i="1"/>
  <c r="U142392" i="1"/>
  <c r="U142391" i="1"/>
  <c r="U142390" i="1"/>
  <c r="U142389" i="1"/>
  <c r="U142388" i="1"/>
  <c r="U142387" i="1"/>
  <c r="U142386" i="1"/>
  <c r="U142385" i="1"/>
  <c r="U142384" i="1"/>
  <c r="U142383" i="1"/>
  <c r="U142382" i="1"/>
  <c r="U142381" i="1"/>
  <c r="U142380" i="1"/>
  <c r="U142379" i="1"/>
  <c r="U142378" i="1"/>
  <c r="U142377" i="1"/>
  <c r="U142376" i="1"/>
  <c r="U142375" i="1"/>
  <c r="U142374" i="1"/>
  <c r="U142373" i="1"/>
  <c r="U142372" i="1"/>
  <c r="U142371" i="1"/>
  <c r="U142370" i="1"/>
  <c r="U142369" i="1"/>
  <c r="U142368" i="1"/>
  <c r="U142367" i="1"/>
  <c r="U142366" i="1"/>
  <c r="U142365" i="1"/>
  <c r="U142364" i="1"/>
  <c r="U142363" i="1"/>
  <c r="U142362" i="1"/>
  <c r="U142361" i="1"/>
  <c r="U142360" i="1"/>
  <c r="U142359" i="1"/>
  <c r="U142358" i="1"/>
  <c r="U142357" i="1"/>
  <c r="U142356" i="1"/>
  <c r="U142355" i="1"/>
  <c r="U142354" i="1"/>
  <c r="U142353" i="1"/>
  <c r="U142352" i="1"/>
  <c r="U142351" i="1"/>
  <c r="U142350" i="1"/>
  <c r="U142349" i="1"/>
  <c r="U142348" i="1"/>
  <c r="U142347" i="1"/>
  <c r="U142346" i="1"/>
  <c r="U142345" i="1"/>
  <c r="U142344" i="1"/>
  <c r="U142343" i="1"/>
  <c r="U142342" i="1"/>
  <c r="U142341" i="1"/>
  <c r="U142340" i="1"/>
  <c r="U142339" i="1"/>
  <c r="U142338" i="1"/>
  <c r="U142337" i="1"/>
  <c r="U142336" i="1"/>
  <c r="U142335" i="1"/>
  <c r="U142334" i="1"/>
  <c r="U142333" i="1"/>
  <c r="U142332" i="1"/>
  <c r="U142331" i="1"/>
  <c r="U142330" i="1"/>
  <c r="U142329" i="1"/>
  <c r="U142328" i="1"/>
  <c r="U142327" i="1"/>
  <c r="U142326" i="1"/>
  <c r="U142325" i="1"/>
  <c r="U142324" i="1"/>
  <c r="U142323" i="1"/>
  <c r="U142322" i="1"/>
  <c r="U142321" i="1"/>
  <c r="U142320" i="1"/>
  <c r="U142319" i="1"/>
  <c r="U142318" i="1"/>
  <c r="U142317" i="1"/>
  <c r="U142316" i="1"/>
  <c r="U142315" i="1"/>
  <c r="U142314" i="1"/>
  <c r="U142313" i="1"/>
  <c r="U142312" i="1"/>
  <c r="U142311" i="1"/>
  <c r="U142310" i="1"/>
  <c r="U142309" i="1"/>
  <c r="U142308" i="1"/>
  <c r="U142307" i="1"/>
  <c r="U142306" i="1"/>
  <c r="U142305" i="1"/>
  <c r="U142304" i="1"/>
  <c r="U142303" i="1"/>
  <c r="U142302" i="1"/>
  <c r="U142301" i="1"/>
  <c r="U142300" i="1"/>
  <c r="U142299" i="1"/>
  <c r="U142298" i="1"/>
  <c r="U142297" i="1"/>
  <c r="U142296" i="1"/>
  <c r="U142295" i="1"/>
  <c r="U142294" i="1"/>
  <c r="U142293" i="1"/>
  <c r="U142292" i="1"/>
  <c r="U142291" i="1"/>
  <c r="U142290" i="1"/>
  <c r="U142289" i="1"/>
  <c r="U142288" i="1"/>
  <c r="U142287" i="1"/>
  <c r="U142286" i="1"/>
  <c r="U142285" i="1"/>
  <c r="U142284" i="1"/>
  <c r="U142283" i="1"/>
  <c r="U142282" i="1"/>
  <c r="U142281" i="1"/>
  <c r="U142280" i="1"/>
  <c r="U142279" i="1"/>
  <c r="U142278" i="1"/>
  <c r="U142277" i="1"/>
  <c r="U142276" i="1"/>
  <c r="U142275" i="1"/>
  <c r="U142274" i="1"/>
  <c r="U142273" i="1"/>
  <c r="U142272" i="1"/>
  <c r="U142271" i="1"/>
  <c r="U142270" i="1"/>
  <c r="U142269" i="1"/>
  <c r="U142268" i="1"/>
  <c r="U142267" i="1"/>
  <c r="U142266" i="1"/>
  <c r="U142265" i="1"/>
  <c r="U142264" i="1"/>
  <c r="U142263" i="1"/>
  <c r="U142262" i="1"/>
  <c r="U142261" i="1"/>
  <c r="U142260" i="1"/>
  <c r="U142259" i="1"/>
  <c r="U142258" i="1"/>
  <c r="U142257" i="1"/>
  <c r="U142256" i="1"/>
  <c r="U142255" i="1"/>
  <c r="U142254" i="1"/>
  <c r="U142253" i="1"/>
  <c r="U142252" i="1"/>
  <c r="U142251" i="1"/>
  <c r="U142250" i="1"/>
  <c r="U142249" i="1"/>
  <c r="U142248" i="1"/>
  <c r="U142247" i="1"/>
  <c r="U142246" i="1"/>
  <c r="U142245" i="1"/>
  <c r="U142244" i="1"/>
  <c r="U142243" i="1"/>
  <c r="U142242" i="1"/>
  <c r="U142241" i="1"/>
  <c r="U142240" i="1"/>
  <c r="U142239" i="1"/>
  <c r="U142238" i="1"/>
  <c r="U142237" i="1"/>
  <c r="U142236" i="1"/>
  <c r="U142235" i="1"/>
  <c r="U142234" i="1"/>
  <c r="U142233" i="1"/>
  <c r="U142232" i="1"/>
  <c r="U142231" i="1"/>
  <c r="U142230" i="1"/>
  <c r="U142229" i="1"/>
  <c r="U142228" i="1"/>
  <c r="U142227" i="1"/>
  <c r="U142226" i="1"/>
  <c r="U142225" i="1"/>
  <c r="U142224" i="1"/>
  <c r="U142223" i="1"/>
  <c r="U142222" i="1"/>
  <c r="U142221" i="1"/>
  <c r="U142220" i="1"/>
  <c r="U142219" i="1"/>
  <c r="U142218" i="1"/>
  <c r="U142217" i="1"/>
  <c r="U142216" i="1"/>
  <c r="U142215" i="1"/>
  <c r="U142214" i="1"/>
  <c r="U142213" i="1"/>
  <c r="U142212" i="1"/>
  <c r="U142211" i="1"/>
  <c r="U142210" i="1"/>
  <c r="U142209" i="1"/>
  <c r="U142208" i="1"/>
  <c r="U142207" i="1"/>
  <c r="U142206" i="1"/>
  <c r="U142205" i="1"/>
  <c r="U142204" i="1"/>
  <c r="U142203" i="1"/>
  <c r="U142202" i="1"/>
  <c r="U142201" i="1"/>
  <c r="U142200" i="1"/>
  <c r="U142199" i="1"/>
  <c r="U142198" i="1"/>
  <c r="U142197" i="1"/>
  <c r="U142196" i="1"/>
  <c r="U142195" i="1"/>
  <c r="U142194" i="1"/>
  <c r="U142193" i="1"/>
  <c r="U142192" i="1"/>
  <c r="U142191" i="1"/>
  <c r="U142190" i="1"/>
  <c r="U142189" i="1"/>
  <c r="U142188" i="1"/>
  <c r="U142187" i="1"/>
  <c r="U142186" i="1"/>
  <c r="U142185" i="1"/>
  <c r="U142184" i="1"/>
  <c r="U142183" i="1"/>
  <c r="U142182" i="1"/>
  <c r="U142181" i="1"/>
  <c r="U142180" i="1"/>
  <c r="U142179" i="1"/>
  <c r="U142178" i="1"/>
  <c r="U142177" i="1"/>
  <c r="U142176" i="1"/>
  <c r="U142175" i="1"/>
  <c r="U142174" i="1"/>
  <c r="U142173" i="1"/>
  <c r="U142172" i="1"/>
  <c r="U142171" i="1"/>
  <c r="U142170" i="1"/>
  <c r="U142169" i="1"/>
  <c r="U142168" i="1"/>
  <c r="U142167" i="1"/>
  <c r="U142166" i="1"/>
  <c r="U142165" i="1"/>
  <c r="U142164" i="1"/>
  <c r="U142163" i="1"/>
  <c r="U142162" i="1"/>
  <c r="U142161" i="1"/>
  <c r="U142160" i="1"/>
  <c r="U142159" i="1"/>
  <c r="U142158" i="1"/>
  <c r="U142157" i="1"/>
  <c r="U142156" i="1"/>
  <c r="U142155" i="1"/>
  <c r="U142154" i="1"/>
  <c r="U142153" i="1"/>
  <c r="U142152" i="1"/>
  <c r="U142151" i="1"/>
  <c r="U142150" i="1"/>
  <c r="U142149" i="1"/>
  <c r="U142148" i="1"/>
  <c r="U142147" i="1"/>
  <c r="U142146" i="1"/>
  <c r="U142145" i="1"/>
  <c r="U142144" i="1"/>
  <c r="U142143" i="1"/>
  <c r="U142142" i="1"/>
  <c r="U142141" i="1"/>
  <c r="U142140" i="1"/>
  <c r="U142139" i="1"/>
  <c r="U142138" i="1"/>
  <c r="U142137" i="1"/>
  <c r="U142136" i="1"/>
  <c r="U142135" i="1"/>
  <c r="U142134" i="1"/>
  <c r="U142133" i="1"/>
  <c r="U142132" i="1"/>
  <c r="U142131" i="1"/>
  <c r="U142130" i="1"/>
  <c r="U142129" i="1"/>
  <c r="U142128" i="1"/>
  <c r="U142127" i="1"/>
  <c r="U142126" i="1"/>
  <c r="U142125" i="1"/>
  <c r="U142124" i="1"/>
  <c r="U142123" i="1"/>
  <c r="U142122" i="1"/>
  <c r="U142121" i="1"/>
  <c r="U142120" i="1"/>
  <c r="U142119" i="1"/>
  <c r="U142118" i="1"/>
  <c r="U142117" i="1"/>
  <c r="U142116" i="1"/>
  <c r="U142115" i="1"/>
  <c r="U142114" i="1"/>
  <c r="U142113" i="1"/>
  <c r="U142112" i="1"/>
  <c r="U142111" i="1"/>
  <c r="U142110" i="1"/>
  <c r="U142109" i="1"/>
  <c r="U142108" i="1"/>
  <c r="U142107" i="1"/>
  <c r="U142106" i="1"/>
  <c r="U142105" i="1"/>
  <c r="U142104" i="1"/>
  <c r="U142103" i="1"/>
  <c r="U142102" i="1"/>
  <c r="U142101" i="1"/>
  <c r="U142100" i="1"/>
  <c r="U142099" i="1"/>
  <c r="U142098" i="1"/>
  <c r="U142097" i="1"/>
  <c r="U142096" i="1"/>
  <c r="U142095" i="1"/>
  <c r="U142094" i="1"/>
  <c r="U142093" i="1"/>
  <c r="U142092" i="1"/>
  <c r="U142091" i="1"/>
  <c r="U142090" i="1"/>
  <c r="U142089" i="1"/>
  <c r="U142088" i="1"/>
  <c r="U142087" i="1"/>
  <c r="U142086" i="1"/>
  <c r="U142085" i="1"/>
  <c r="U142084" i="1"/>
  <c r="U142083" i="1"/>
  <c r="U142082" i="1"/>
  <c r="U142081" i="1"/>
  <c r="U142080" i="1"/>
  <c r="U142079" i="1"/>
  <c r="U142078" i="1"/>
  <c r="U142077" i="1"/>
  <c r="U142076" i="1"/>
  <c r="U142075" i="1"/>
  <c r="U142074" i="1"/>
  <c r="U142073" i="1"/>
  <c r="U142072" i="1"/>
  <c r="U142071" i="1"/>
  <c r="U142070" i="1"/>
  <c r="U142069" i="1"/>
  <c r="U142068" i="1"/>
  <c r="U142067" i="1"/>
  <c r="U142066" i="1"/>
  <c r="U142065" i="1"/>
  <c r="U142064" i="1"/>
  <c r="U142063" i="1"/>
  <c r="U142062" i="1"/>
  <c r="U142061" i="1"/>
  <c r="U142060" i="1"/>
  <c r="U142059" i="1"/>
  <c r="U142058" i="1"/>
  <c r="U142057" i="1"/>
  <c r="U142056" i="1"/>
  <c r="U142055" i="1"/>
  <c r="U142054" i="1"/>
  <c r="U142053" i="1"/>
  <c r="U142052" i="1"/>
  <c r="U142051" i="1"/>
  <c r="U142050" i="1"/>
  <c r="U142049" i="1"/>
  <c r="U142048" i="1"/>
  <c r="U142047" i="1"/>
  <c r="U142046" i="1"/>
  <c r="U142045" i="1"/>
  <c r="U142044" i="1"/>
  <c r="U142043" i="1"/>
  <c r="U142042" i="1"/>
  <c r="U142041" i="1"/>
  <c r="U142040" i="1"/>
  <c r="U142039" i="1"/>
  <c r="U142038" i="1"/>
  <c r="U142037" i="1"/>
  <c r="U142036" i="1"/>
  <c r="U142035" i="1"/>
  <c r="U142034" i="1"/>
  <c r="U142033" i="1"/>
  <c r="U142032" i="1"/>
  <c r="U142031" i="1"/>
  <c r="U142030" i="1"/>
  <c r="U142029" i="1"/>
  <c r="U142028" i="1"/>
  <c r="U142027" i="1"/>
  <c r="U142026" i="1"/>
  <c r="U142025" i="1"/>
  <c r="U142024" i="1"/>
  <c r="U142023" i="1"/>
  <c r="U142022" i="1"/>
  <c r="U142021" i="1"/>
  <c r="U142020" i="1"/>
  <c r="U142019" i="1"/>
  <c r="U142018" i="1"/>
  <c r="U142017" i="1"/>
  <c r="U142016" i="1"/>
  <c r="U142015" i="1"/>
  <c r="U142014" i="1"/>
  <c r="U142013" i="1"/>
  <c r="U142012" i="1"/>
  <c r="U142011" i="1"/>
  <c r="U142010" i="1"/>
  <c r="U142009" i="1"/>
  <c r="U142008" i="1"/>
  <c r="U142007" i="1"/>
  <c r="U142006" i="1"/>
  <c r="U142005" i="1"/>
  <c r="U142004" i="1"/>
  <c r="U142003" i="1"/>
  <c r="U142002" i="1"/>
  <c r="U142001" i="1"/>
  <c r="U142000" i="1"/>
  <c r="U141999" i="1"/>
  <c r="U141998" i="1"/>
  <c r="U141997" i="1"/>
  <c r="U141996" i="1"/>
  <c r="U141995" i="1"/>
  <c r="U141994" i="1"/>
  <c r="U141993" i="1"/>
  <c r="U141992" i="1"/>
  <c r="U141991" i="1"/>
  <c r="U141990" i="1"/>
  <c r="U141989" i="1"/>
  <c r="U141988" i="1"/>
  <c r="U141987" i="1"/>
  <c r="U141986" i="1"/>
  <c r="U141985" i="1"/>
  <c r="U141984" i="1"/>
  <c r="U141983" i="1"/>
  <c r="U141982" i="1"/>
  <c r="U141981" i="1"/>
  <c r="U141980" i="1"/>
  <c r="U141979" i="1"/>
  <c r="U141978" i="1"/>
  <c r="U141977" i="1"/>
  <c r="U141976" i="1"/>
  <c r="U141975" i="1"/>
  <c r="U141974" i="1"/>
  <c r="U141973" i="1"/>
  <c r="U141972" i="1"/>
  <c r="U141971" i="1"/>
  <c r="U141970" i="1"/>
  <c r="U141969" i="1"/>
  <c r="U141968" i="1"/>
  <c r="U141967" i="1"/>
  <c r="U141966" i="1"/>
  <c r="U141965" i="1"/>
  <c r="U141964" i="1"/>
  <c r="U141963" i="1"/>
  <c r="U141962" i="1"/>
  <c r="U141961" i="1"/>
  <c r="U141960" i="1"/>
  <c r="U141959" i="1"/>
  <c r="U141958" i="1"/>
  <c r="U141957" i="1"/>
  <c r="U141956" i="1"/>
  <c r="U141955" i="1"/>
  <c r="U141954" i="1"/>
  <c r="U141953" i="1"/>
  <c r="U141952" i="1"/>
  <c r="U141951" i="1"/>
  <c r="U141950" i="1"/>
  <c r="U141949" i="1"/>
  <c r="U141948" i="1"/>
  <c r="U141947" i="1"/>
  <c r="U141946" i="1"/>
  <c r="U141945" i="1"/>
  <c r="U141944" i="1"/>
  <c r="U141943" i="1"/>
  <c r="U141942" i="1"/>
  <c r="U141941" i="1"/>
  <c r="U141940" i="1"/>
  <c r="U141939" i="1"/>
  <c r="U141938" i="1"/>
  <c r="U141937" i="1"/>
  <c r="U141936" i="1"/>
  <c r="U141935" i="1"/>
  <c r="U141934" i="1"/>
  <c r="U141933" i="1"/>
  <c r="U141932" i="1"/>
  <c r="U141931" i="1"/>
  <c r="U141930" i="1"/>
  <c r="U141929" i="1"/>
  <c r="U141928" i="1"/>
  <c r="U141927" i="1"/>
  <c r="U141926" i="1"/>
  <c r="U141925" i="1"/>
  <c r="U141924" i="1"/>
  <c r="U141923" i="1"/>
  <c r="U141922" i="1"/>
  <c r="U141921" i="1"/>
  <c r="U141920" i="1"/>
  <c r="U141919" i="1"/>
  <c r="U141918" i="1"/>
  <c r="U141917" i="1"/>
  <c r="U141916" i="1"/>
  <c r="U141915" i="1"/>
  <c r="U141914" i="1"/>
  <c r="U141913" i="1"/>
  <c r="U141912" i="1"/>
  <c r="U141911" i="1"/>
  <c r="U141910" i="1"/>
  <c r="U141909" i="1"/>
  <c r="U141908" i="1"/>
  <c r="U141907" i="1"/>
  <c r="U141906" i="1"/>
  <c r="U141905" i="1"/>
  <c r="U141904" i="1"/>
  <c r="U141903" i="1"/>
  <c r="U141902" i="1"/>
  <c r="U141901" i="1"/>
  <c r="U141900" i="1"/>
  <c r="U141899" i="1"/>
  <c r="U141898" i="1"/>
  <c r="U141897" i="1"/>
  <c r="U141896" i="1"/>
  <c r="U141895" i="1"/>
  <c r="U141894" i="1"/>
  <c r="U141893" i="1"/>
  <c r="U141892" i="1"/>
  <c r="U141891" i="1"/>
  <c r="U141890" i="1"/>
  <c r="U141889" i="1"/>
  <c r="U141888" i="1"/>
  <c r="U141887" i="1"/>
  <c r="U141886" i="1"/>
  <c r="U141885" i="1"/>
  <c r="U141884" i="1"/>
  <c r="U141883" i="1"/>
  <c r="U141882" i="1"/>
  <c r="U141881" i="1"/>
  <c r="U141880" i="1"/>
  <c r="U141879" i="1"/>
  <c r="U141878" i="1"/>
  <c r="U141877" i="1"/>
  <c r="U141876" i="1"/>
  <c r="U141875" i="1"/>
  <c r="U141874" i="1"/>
  <c r="U141873" i="1"/>
  <c r="U141872" i="1"/>
  <c r="U141871" i="1"/>
  <c r="U141870" i="1"/>
  <c r="U141869" i="1"/>
  <c r="U141868" i="1"/>
  <c r="U141867" i="1"/>
  <c r="U141866" i="1"/>
  <c r="U141865" i="1"/>
  <c r="U141864" i="1"/>
  <c r="U141863" i="1"/>
  <c r="U141862" i="1"/>
  <c r="U141861" i="1"/>
  <c r="U141860" i="1"/>
  <c r="U141859" i="1"/>
  <c r="U141858" i="1"/>
  <c r="U141857" i="1"/>
  <c r="U141856" i="1"/>
  <c r="U141855" i="1"/>
  <c r="U141854" i="1"/>
  <c r="U141853" i="1"/>
  <c r="U141852" i="1"/>
  <c r="U141851" i="1"/>
  <c r="U141850" i="1"/>
  <c r="U141849" i="1"/>
  <c r="U141848" i="1"/>
  <c r="U141847" i="1"/>
  <c r="U141846" i="1"/>
  <c r="U141845" i="1"/>
  <c r="U141844" i="1"/>
  <c r="U141843" i="1"/>
  <c r="U141842" i="1"/>
  <c r="U141841" i="1"/>
  <c r="U141840" i="1"/>
  <c r="U141839" i="1"/>
  <c r="U141838" i="1"/>
  <c r="U141837" i="1"/>
  <c r="U141836" i="1"/>
  <c r="U141835" i="1"/>
  <c r="U141834" i="1"/>
  <c r="U141833" i="1"/>
  <c r="U141832" i="1"/>
  <c r="U141831" i="1"/>
  <c r="U141830" i="1"/>
  <c r="U141829" i="1"/>
  <c r="U141828" i="1"/>
  <c r="U141827" i="1"/>
  <c r="U141826" i="1"/>
  <c r="U141825" i="1"/>
  <c r="U141824" i="1"/>
  <c r="U141823" i="1"/>
  <c r="U141822" i="1"/>
  <c r="U141821" i="1"/>
  <c r="U141820" i="1"/>
  <c r="U141819" i="1"/>
  <c r="U141818" i="1"/>
  <c r="U141817" i="1"/>
  <c r="U141816" i="1"/>
  <c r="U141815" i="1"/>
  <c r="U141814" i="1"/>
  <c r="U141813" i="1"/>
  <c r="U141812" i="1"/>
  <c r="U141811" i="1"/>
  <c r="U141810" i="1"/>
  <c r="U141809" i="1"/>
  <c r="U141808" i="1"/>
  <c r="U141807" i="1"/>
  <c r="U141806" i="1"/>
  <c r="U141805" i="1"/>
  <c r="U141804" i="1"/>
  <c r="U141803" i="1"/>
  <c r="U141802" i="1"/>
  <c r="U141801" i="1"/>
  <c r="U141800" i="1"/>
  <c r="U141799" i="1"/>
  <c r="U141798" i="1"/>
  <c r="U141797" i="1"/>
  <c r="U141796" i="1"/>
  <c r="U141795" i="1"/>
  <c r="U141794" i="1"/>
  <c r="U141793" i="1"/>
  <c r="U141792" i="1"/>
  <c r="U141791" i="1"/>
  <c r="U141790" i="1"/>
  <c r="U141789" i="1"/>
  <c r="U141788" i="1"/>
  <c r="U141787" i="1"/>
  <c r="U141786" i="1"/>
  <c r="U141785" i="1"/>
  <c r="U141784" i="1"/>
  <c r="U141783" i="1"/>
  <c r="U141782" i="1"/>
  <c r="U141781" i="1"/>
  <c r="U141780" i="1"/>
  <c r="U141779" i="1"/>
  <c r="U141778" i="1"/>
  <c r="U141777" i="1"/>
  <c r="U141776" i="1"/>
  <c r="U141775" i="1"/>
  <c r="U141774" i="1"/>
  <c r="U141773" i="1"/>
  <c r="U141772" i="1"/>
  <c r="U141771" i="1"/>
  <c r="U141770" i="1"/>
  <c r="U141769" i="1"/>
  <c r="U141768" i="1"/>
  <c r="U141767" i="1"/>
  <c r="U141766" i="1"/>
  <c r="U141765" i="1"/>
  <c r="U141764" i="1"/>
  <c r="U141763" i="1"/>
  <c r="U141762" i="1"/>
  <c r="U141761" i="1"/>
  <c r="U141760" i="1"/>
  <c r="U141759" i="1"/>
  <c r="U141758" i="1"/>
  <c r="U141757" i="1"/>
  <c r="U141756" i="1"/>
  <c r="U141755" i="1"/>
  <c r="U141754" i="1"/>
  <c r="U141753" i="1"/>
  <c r="U141752" i="1"/>
  <c r="U141751" i="1"/>
  <c r="U141750" i="1"/>
  <c r="U141749" i="1"/>
  <c r="U141748" i="1"/>
  <c r="U141747" i="1"/>
  <c r="U141746" i="1"/>
  <c r="U141745" i="1"/>
  <c r="U141744" i="1"/>
  <c r="U141743" i="1"/>
  <c r="U141742" i="1"/>
  <c r="U141741" i="1"/>
  <c r="U141740" i="1"/>
  <c r="U141739" i="1"/>
  <c r="U141738" i="1"/>
  <c r="U141737" i="1"/>
  <c r="U141736" i="1"/>
  <c r="U141735" i="1"/>
  <c r="U141734" i="1"/>
  <c r="U141733" i="1"/>
  <c r="U141732" i="1"/>
  <c r="U141731" i="1"/>
  <c r="U141730" i="1"/>
  <c r="U141729" i="1"/>
  <c r="U141728" i="1"/>
  <c r="U141727" i="1"/>
  <c r="U141726" i="1"/>
  <c r="U141725" i="1"/>
  <c r="U141724" i="1"/>
  <c r="U141723" i="1"/>
  <c r="U141722" i="1"/>
  <c r="U141721" i="1"/>
  <c r="U141720" i="1"/>
  <c r="U141719" i="1"/>
  <c r="U141718" i="1"/>
  <c r="U141717" i="1"/>
  <c r="U141716" i="1"/>
  <c r="U141715" i="1"/>
  <c r="U141714" i="1"/>
  <c r="U141713" i="1"/>
  <c r="U141712" i="1"/>
  <c r="U141711" i="1"/>
  <c r="U141710" i="1"/>
  <c r="U141709" i="1"/>
  <c r="U141708" i="1"/>
  <c r="U141707" i="1"/>
  <c r="U141706" i="1"/>
  <c r="U141705" i="1"/>
  <c r="U141704" i="1"/>
  <c r="U141703" i="1"/>
  <c r="U141702" i="1"/>
  <c r="U141701" i="1"/>
  <c r="U141700" i="1"/>
  <c r="U141699" i="1"/>
  <c r="U141698" i="1"/>
  <c r="U141697" i="1"/>
  <c r="U141696" i="1"/>
  <c r="U141695" i="1"/>
  <c r="U141694" i="1"/>
  <c r="U141693" i="1"/>
  <c r="U141692" i="1"/>
  <c r="U141691" i="1"/>
  <c r="U141690" i="1"/>
  <c r="U141689" i="1"/>
  <c r="U141688" i="1"/>
  <c r="U141687" i="1"/>
  <c r="U141686" i="1"/>
  <c r="U141685" i="1"/>
  <c r="U141684" i="1"/>
  <c r="U141683" i="1"/>
  <c r="U141682" i="1"/>
  <c r="U141681" i="1"/>
  <c r="U141680" i="1"/>
  <c r="U141679" i="1"/>
  <c r="U141678" i="1"/>
  <c r="U141677" i="1"/>
  <c r="U141676" i="1"/>
  <c r="U141675" i="1"/>
  <c r="U141674" i="1"/>
  <c r="U141673" i="1"/>
  <c r="U141672" i="1"/>
  <c r="U141671" i="1"/>
  <c r="U141670" i="1"/>
  <c r="U141669" i="1"/>
  <c r="U141668" i="1"/>
  <c r="U141667" i="1"/>
  <c r="U141666" i="1"/>
  <c r="U141665" i="1"/>
  <c r="U141664" i="1"/>
  <c r="U141663" i="1"/>
  <c r="U141662" i="1"/>
  <c r="U141661" i="1"/>
  <c r="U141660" i="1"/>
  <c r="U141659" i="1"/>
  <c r="U141658" i="1"/>
  <c r="U141657" i="1"/>
  <c r="U141656" i="1"/>
  <c r="U141655" i="1"/>
  <c r="U141654" i="1"/>
  <c r="U141653" i="1"/>
  <c r="U141652" i="1"/>
  <c r="U141651" i="1"/>
  <c r="U141650" i="1"/>
  <c r="U141649" i="1"/>
  <c r="U141648" i="1"/>
  <c r="U141647" i="1"/>
  <c r="U141646" i="1"/>
  <c r="U141645" i="1"/>
  <c r="U141644" i="1"/>
  <c r="U141643" i="1"/>
  <c r="U141642" i="1"/>
  <c r="U141641" i="1"/>
  <c r="U141640" i="1"/>
  <c r="U141639" i="1"/>
  <c r="U141638" i="1"/>
  <c r="U141637" i="1"/>
  <c r="U141636" i="1"/>
  <c r="U141635" i="1"/>
  <c r="U141634" i="1"/>
  <c r="U141633" i="1"/>
  <c r="U141632" i="1"/>
  <c r="U141631" i="1"/>
  <c r="U141630" i="1"/>
  <c r="U141629" i="1"/>
  <c r="U141628" i="1"/>
  <c r="U141627" i="1"/>
  <c r="U141626" i="1"/>
  <c r="U141625" i="1"/>
  <c r="U141624" i="1"/>
  <c r="U141623" i="1"/>
  <c r="U141622" i="1"/>
  <c r="U141621" i="1"/>
  <c r="U141620" i="1"/>
  <c r="U141619" i="1"/>
  <c r="U141618" i="1"/>
  <c r="U141617" i="1"/>
  <c r="U141616" i="1"/>
  <c r="U141615" i="1"/>
  <c r="U141614" i="1"/>
  <c r="U141613" i="1"/>
  <c r="U141612" i="1"/>
  <c r="U141611" i="1"/>
  <c r="U141610" i="1"/>
  <c r="U141609" i="1"/>
  <c r="U141608" i="1"/>
  <c r="U141607" i="1"/>
  <c r="U141606" i="1"/>
  <c r="U141605" i="1"/>
  <c r="U141604" i="1"/>
  <c r="U141603" i="1"/>
  <c r="U141602" i="1"/>
  <c r="U141601" i="1"/>
  <c r="U141600" i="1"/>
  <c r="U141599" i="1"/>
  <c r="U141598" i="1"/>
  <c r="U141597" i="1"/>
  <c r="U141596" i="1"/>
  <c r="U141595" i="1"/>
  <c r="U141594" i="1"/>
  <c r="U141593" i="1"/>
  <c r="U141592" i="1"/>
  <c r="U141591" i="1"/>
  <c r="U141590" i="1"/>
  <c r="U141589" i="1"/>
  <c r="U141588" i="1"/>
  <c r="U141587" i="1"/>
  <c r="U141586" i="1"/>
  <c r="U141585" i="1"/>
  <c r="U141584" i="1"/>
  <c r="U141583" i="1"/>
  <c r="U141582" i="1"/>
  <c r="U141581" i="1"/>
  <c r="U141580" i="1"/>
  <c r="U141579" i="1"/>
  <c r="U141578" i="1"/>
  <c r="U141577" i="1"/>
  <c r="U141576" i="1"/>
  <c r="U141575" i="1"/>
  <c r="U141574" i="1"/>
  <c r="U141573" i="1"/>
  <c r="U141572" i="1"/>
  <c r="U141571" i="1"/>
  <c r="U141570" i="1"/>
  <c r="U141569" i="1"/>
  <c r="U141568" i="1"/>
  <c r="U141567" i="1"/>
  <c r="U141566" i="1"/>
  <c r="U141565" i="1"/>
  <c r="U141564" i="1"/>
  <c r="U141563" i="1"/>
  <c r="U141562" i="1"/>
  <c r="U141561" i="1"/>
  <c r="U141560" i="1"/>
  <c r="U141559" i="1"/>
  <c r="U141558" i="1"/>
  <c r="U141557" i="1"/>
  <c r="U141556" i="1"/>
  <c r="U141555" i="1"/>
  <c r="U141554" i="1"/>
  <c r="U141553" i="1"/>
  <c r="U141552" i="1"/>
  <c r="U141551" i="1"/>
  <c r="U141550" i="1"/>
  <c r="U141549" i="1"/>
  <c r="U141548" i="1"/>
  <c r="U141547" i="1"/>
  <c r="U141546" i="1"/>
  <c r="U141545" i="1"/>
  <c r="U141544" i="1"/>
  <c r="U141543" i="1"/>
  <c r="U141542" i="1"/>
  <c r="U141541" i="1"/>
  <c r="U141540" i="1"/>
  <c r="U141539" i="1"/>
  <c r="U141538" i="1"/>
  <c r="U141537" i="1"/>
  <c r="U141536" i="1"/>
  <c r="U141535" i="1"/>
  <c r="U141534" i="1"/>
  <c r="U141533" i="1"/>
  <c r="U141532" i="1"/>
  <c r="U141531" i="1"/>
  <c r="U141530" i="1"/>
  <c r="U141529" i="1"/>
  <c r="U141528" i="1"/>
  <c r="U141527" i="1"/>
  <c r="U141526" i="1"/>
  <c r="U141525" i="1"/>
  <c r="U141524" i="1"/>
  <c r="U141523" i="1"/>
  <c r="U141522" i="1"/>
  <c r="U141521" i="1"/>
  <c r="U141520" i="1"/>
  <c r="U141519" i="1"/>
  <c r="U141518" i="1"/>
  <c r="U141517" i="1"/>
  <c r="U141516" i="1"/>
  <c r="U141515" i="1"/>
  <c r="U141514" i="1"/>
  <c r="U141513" i="1"/>
  <c r="U141512" i="1"/>
  <c r="U141511" i="1"/>
  <c r="U141510" i="1"/>
  <c r="U141509" i="1"/>
  <c r="U141508" i="1"/>
  <c r="U141507" i="1"/>
  <c r="U141506" i="1"/>
  <c r="U141505" i="1"/>
  <c r="U141504" i="1"/>
  <c r="U141503" i="1"/>
  <c r="U141502" i="1"/>
  <c r="U141501" i="1"/>
  <c r="U141500" i="1"/>
  <c r="U141499" i="1"/>
  <c r="U141498" i="1"/>
  <c r="U141497" i="1"/>
  <c r="U141496" i="1"/>
  <c r="U141495" i="1"/>
  <c r="U141494" i="1"/>
  <c r="U141493" i="1"/>
  <c r="U141492" i="1"/>
  <c r="U141491" i="1"/>
  <c r="U141490" i="1"/>
  <c r="U141489" i="1"/>
  <c r="U141488" i="1"/>
  <c r="U141487" i="1"/>
  <c r="U141486" i="1"/>
  <c r="U141485" i="1"/>
  <c r="U141484" i="1"/>
  <c r="U141483" i="1"/>
  <c r="U141482" i="1"/>
  <c r="U141481" i="1"/>
  <c r="U141480" i="1"/>
  <c r="U141479" i="1"/>
  <c r="U141478" i="1"/>
  <c r="U141477" i="1"/>
  <c r="U141476" i="1"/>
  <c r="U141475" i="1"/>
  <c r="U141474" i="1"/>
  <c r="U141473" i="1"/>
  <c r="U141472" i="1"/>
  <c r="U141471" i="1"/>
  <c r="U141470" i="1"/>
  <c r="U141469" i="1"/>
  <c r="U141468" i="1"/>
  <c r="U141467" i="1"/>
  <c r="U141466" i="1"/>
  <c r="U141465" i="1"/>
  <c r="U141464" i="1"/>
  <c r="U141463" i="1"/>
  <c r="U141462" i="1"/>
  <c r="U141461" i="1"/>
  <c r="U141460" i="1"/>
  <c r="U141459" i="1"/>
  <c r="U141458" i="1"/>
  <c r="U141457" i="1"/>
  <c r="U141456" i="1"/>
  <c r="U141455" i="1"/>
  <c r="U141454" i="1"/>
  <c r="U141453" i="1"/>
  <c r="U141452" i="1"/>
  <c r="U141451" i="1"/>
  <c r="U141450" i="1"/>
  <c r="U141449" i="1"/>
  <c r="U141448" i="1"/>
  <c r="U141447" i="1"/>
  <c r="U141446" i="1"/>
  <c r="U141445" i="1"/>
  <c r="U141444" i="1"/>
  <c r="U141443" i="1"/>
  <c r="U141442" i="1"/>
  <c r="U141441" i="1"/>
  <c r="U141440" i="1"/>
  <c r="U141439" i="1"/>
  <c r="U141438" i="1"/>
  <c r="U141437" i="1"/>
  <c r="U141436" i="1"/>
  <c r="U141435" i="1"/>
  <c r="U141434" i="1"/>
  <c r="U141433" i="1"/>
  <c r="U141432" i="1"/>
  <c r="U141431" i="1"/>
  <c r="U141430" i="1"/>
  <c r="U141429" i="1"/>
  <c r="U141428" i="1"/>
  <c r="U141427" i="1"/>
  <c r="U141426" i="1"/>
  <c r="U141425" i="1"/>
  <c r="U141424" i="1"/>
  <c r="U141423" i="1"/>
  <c r="U141422" i="1"/>
  <c r="U141421" i="1"/>
  <c r="U141420" i="1"/>
  <c r="U141419" i="1"/>
  <c r="U141418" i="1"/>
  <c r="U141417" i="1"/>
  <c r="U141416" i="1"/>
  <c r="U141415" i="1"/>
  <c r="U141414" i="1"/>
  <c r="U141413" i="1"/>
  <c r="U141412" i="1"/>
  <c r="U141411" i="1"/>
  <c r="U141410" i="1"/>
  <c r="U141409" i="1"/>
  <c r="U141408" i="1"/>
  <c r="U141407" i="1"/>
  <c r="U141406" i="1"/>
  <c r="U141405" i="1"/>
  <c r="U141404" i="1"/>
  <c r="U141403" i="1"/>
  <c r="U141402" i="1"/>
  <c r="U141401" i="1"/>
  <c r="U141400" i="1"/>
  <c r="U141399" i="1"/>
  <c r="U141398" i="1"/>
  <c r="U141397" i="1"/>
  <c r="U141396" i="1"/>
  <c r="U141395" i="1"/>
  <c r="U141394" i="1"/>
  <c r="U141393" i="1"/>
  <c r="U141392" i="1"/>
  <c r="U141391" i="1"/>
  <c r="U141390" i="1"/>
  <c r="U141389" i="1"/>
  <c r="U141388" i="1"/>
  <c r="U141387" i="1"/>
  <c r="U141386" i="1"/>
  <c r="U141385" i="1"/>
  <c r="U141384" i="1"/>
  <c r="U141383" i="1"/>
  <c r="U141382" i="1"/>
  <c r="U141381" i="1"/>
  <c r="U141380" i="1"/>
  <c r="U141379" i="1"/>
  <c r="U141378" i="1"/>
  <c r="U141377" i="1"/>
  <c r="U141376" i="1"/>
  <c r="U141375" i="1"/>
  <c r="U141374" i="1"/>
  <c r="U141373" i="1"/>
  <c r="U141372" i="1"/>
  <c r="U141371" i="1"/>
  <c r="U141370" i="1"/>
  <c r="U141369" i="1"/>
  <c r="U141368" i="1"/>
  <c r="U141367" i="1"/>
  <c r="U141366" i="1"/>
  <c r="U141365" i="1"/>
  <c r="U141364" i="1"/>
  <c r="U141363" i="1"/>
  <c r="U141362" i="1"/>
  <c r="U141361" i="1"/>
  <c r="U141360" i="1"/>
  <c r="U141359" i="1"/>
  <c r="U141358" i="1"/>
  <c r="U141357" i="1"/>
  <c r="U141356" i="1"/>
  <c r="U141355" i="1"/>
  <c r="U141354" i="1"/>
  <c r="U141353" i="1"/>
  <c r="U141352" i="1"/>
  <c r="U141351" i="1"/>
  <c r="U141350" i="1"/>
  <c r="U141349" i="1"/>
  <c r="U141348" i="1"/>
  <c r="U141347" i="1"/>
  <c r="U141346" i="1"/>
  <c r="U141345" i="1"/>
  <c r="U141344" i="1"/>
  <c r="U141343" i="1"/>
  <c r="U141342" i="1"/>
  <c r="U141341" i="1"/>
  <c r="U141340" i="1"/>
  <c r="U141339" i="1"/>
  <c r="U141338" i="1"/>
  <c r="U141337" i="1"/>
  <c r="U141336" i="1"/>
  <c r="U141335" i="1"/>
  <c r="U141334" i="1"/>
  <c r="U141333" i="1"/>
  <c r="U141332" i="1"/>
  <c r="U141331" i="1"/>
  <c r="U141330" i="1"/>
  <c r="U141329" i="1"/>
  <c r="U141328" i="1"/>
  <c r="U141327" i="1"/>
  <c r="U141326" i="1"/>
  <c r="U141325" i="1"/>
  <c r="U141324" i="1"/>
  <c r="U141323" i="1"/>
  <c r="U141322" i="1"/>
  <c r="U141321" i="1"/>
  <c r="U141320" i="1"/>
  <c r="U141319" i="1"/>
  <c r="U141318" i="1"/>
  <c r="U141317" i="1"/>
  <c r="U141316" i="1"/>
  <c r="U141315" i="1"/>
  <c r="U141314" i="1"/>
  <c r="U141313" i="1"/>
  <c r="U141312" i="1"/>
  <c r="U141311" i="1"/>
  <c r="U141310" i="1"/>
  <c r="U141309" i="1"/>
  <c r="U141308" i="1"/>
  <c r="U141307" i="1"/>
  <c r="U141306" i="1"/>
  <c r="U141305" i="1"/>
  <c r="U141304" i="1"/>
  <c r="U141303" i="1"/>
  <c r="U141302" i="1"/>
  <c r="U141301" i="1"/>
  <c r="U141300" i="1"/>
  <c r="U141299" i="1"/>
  <c r="U141298" i="1"/>
  <c r="U141297" i="1"/>
  <c r="U141296" i="1"/>
  <c r="U141295" i="1"/>
  <c r="U141294" i="1"/>
  <c r="U141293" i="1"/>
  <c r="U141292" i="1"/>
  <c r="U141291" i="1"/>
  <c r="U141290" i="1"/>
  <c r="U141289" i="1"/>
  <c r="U141288" i="1"/>
  <c r="U141287" i="1"/>
  <c r="U141286" i="1"/>
  <c r="U141285" i="1"/>
  <c r="U141284" i="1"/>
  <c r="U141283" i="1"/>
  <c r="U141282" i="1"/>
  <c r="U141281" i="1"/>
  <c r="U141280" i="1"/>
  <c r="U141279" i="1"/>
  <c r="U141278" i="1"/>
  <c r="U141277" i="1"/>
  <c r="U141276" i="1"/>
  <c r="U141275" i="1"/>
  <c r="U141274" i="1"/>
  <c r="U141273" i="1"/>
  <c r="U141272" i="1"/>
  <c r="U141271" i="1"/>
  <c r="U141270" i="1"/>
  <c r="U141269" i="1"/>
  <c r="U141268" i="1"/>
  <c r="U141267" i="1"/>
  <c r="U141266" i="1"/>
  <c r="U141265" i="1"/>
  <c r="U141264" i="1"/>
  <c r="U141263" i="1"/>
  <c r="U141262" i="1"/>
  <c r="U141261" i="1"/>
  <c r="U141260" i="1"/>
  <c r="U141259" i="1"/>
  <c r="U141258" i="1"/>
  <c r="U141257" i="1"/>
  <c r="U141256" i="1"/>
  <c r="U141255" i="1"/>
  <c r="U141254" i="1"/>
  <c r="U141253" i="1"/>
  <c r="U141252" i="1"/>
  <c r="U141251" i="1"/>
  <c r="U141250" i="1"/>
  <c r="U141249" i="1"/>
  <c r="U141248" i="1"/>
  <c r="U141247" i="1"/>
  <c r="U141246" i="1"/>
  <c r="U141245" i="1"/>
  <c r="U141244" i="1"/>
  <c r="U141243" i="1"/>
  <c r="U141242" i="1"/>
  <c r="U141241" i="1"/>
  <c r="U141240" i="1"/>
  <c r="U141239" i="1"/>
  <c r="U141238" i="1"/>
  <c r="U141237" i="1"/>
  <c r="U141236" i="1"/>
  <c r="U141235" i="1"/>
  <c r="U141234" i="1"/>
  <c r="U141233" i="1"/>
  <c r="U141232" i="1"/>
  <c r="U141231" i="1"/>
  <c r="U141230" i="1"/>
  <c r="U141229" i="1"/>
  <c r="U141228" i="1"/>
  <c r="U141227" i="1"/>
  <c r="U141226" i="1"/>
  <c r="U141225" i="1"/>
  <c r="U141224" i="1"/>
  <c r="U141223" i="1"/>
  <c r="U141222" i="1"/>
  <c r="U141221" i="1"/>
  <c r="U141220" i="1"/>
  <c r="U141219" i="1"/>
  <c r="U141218" i="1"/>
  <c r="U141217" i="1"/>
  <c r="U141216" i="1"/>
  <c r="U141215" i="1"/>
  <c r="U141214" i="1"/>
  <c r="U141213" i="1"/>
  <c r="U141212" i="1"/>
  <c r="U141211" i="1"/>
  <c r="U141210" i="1"/>
  <c r="U141209" i="1"/>
  <c r="U141208" i="1"/>
  <c r="U141207" i="1"/>
  <c r="U141206" i="1"/>
  <c r="U141205" i="1"/>
  <c r="U141204" i="1"/>
  <c r="U141203" i="1"/>
  <c r="U141202" i="1"/>
  <c r="U141201" i="1"/>
  <c r="U141200" i="1"/>
  <c r="U141199" i="1"/>
  <c r="U141198" i="1"/>
  <c r="U141197" i="1"/>
  <c r="U141196" i="1"/>
  <c r="U141195" i="1"/>
  <c r="U141194" i="1"/>
  <c r="U141193" i="1"/>
  <c r="U141192" i="1"/>
  <c r="U141191" i="1"/>
  <c r="U141190" i="1"/>
  <c r="U141189" i="1"/>
  <c r="U141188" i="1"/>
  <c r="U141187" i="1"/>
  <c r="U141186" i="1"/>
  <c r="U141185" i="1"/>
  <c r="U141184" i="1"/>
  <c r="U141183" i="1"/>
  <c r="U141182" i="1"/>
  <c r="U141181" i="1"/>
  <c r="U141180" i="1"/>
  <c r="U141179" i="1"/>
  <c r="U141178" i="1"/>
  <c r="U141177" i="1"/>
  <c r="U141176" i="1"/>
  <c r="U141175" i="1"/>
  <c r="U141174" i="1"/>
  <c r="U141173" i="1"/>
  <c r="U141172" i="1"/>
  <c r="U141171" i="1"/>
  <c r="U141170" i="1"/>
  <c r="U141169" i="1"/>
  <c r="U141168" i="1"/>
  <c r="U141167" i="1"/>
  <c r="U141166" i="1"/>
  <c r="U141165" i="1"/>
  <c r="U141164" i="1"/>
  <c r="U141163" i="1"/>
  <c r="U141162" i="1"/>
  <c r="U141161" i="1"/>
  <c r="U141160" i="1"/>
  <c r="U141159" i="1"/>
  <c r="U141158" i="1"/>
  <c r="U141157" i="1"/>
  <c r="U141156" i="1"/>
  <c r="U141155" i="1"/>
  <c r="U141154" i="1"/>
  <c r="U141153" i="1"/>
  <c r="U141152" i="1"/>
  <c r="U141151" i="1"/>
  <c r="U141150" i="1"/>
  <c r="U141149" i="1"/>
  <c r="U141148" i="1"/>
  <c r="U141147" i="1"/>
  <c r="U141146" i="1"/>
  <c r="U141145" i="1"/>
  <c r="U141144" i="1"/>
  <c r="U141143" i="1"/>
  <c r="U141142" i="1"/>
  <c r="U141141" i="1"/>
  <c r="U141140" i="1"/>
  <c r="U141139" i="1"/>
  <c r="U141138" i="1"/>
  <c r="U141137" i="1"/>
  <c r="U141136" i="1"/>
  <c r="U141135" i="1"/>
  <c r="U141134" i="1"/>
  <c r="U141133" i="1"/>
  <c r="U141132" i="1"/>
  <c r="U141131" i="1"/>
  <c r="U141130" i="1"/>
  <c r="U141129" i="1"/>
  <c r="U141128" i="1"/>
  <c r="U141127" i="1"/>
  <c r="U141126" i="1"/>
  <c r="U141125" i="1"/>
  <c r="U141124" i="1"/>
  <c r="U141123" i="1"/>
  <c r="U141122" i="1"/>
  <c r="U141121" i="1"/>
  <c r="U141120" i="1"/>
  <c r="U141119" i="1"/>
  <c r="U141118" i="1"/>
  <c r="U141117" i="1"/>
  <c r="U141116" i="1"/>
  <c r="U141115" i="1"/>
  <c r="U141114" i="1"/>
  <c r="U141113" i="1"/>
  <c r="U141112" i="1"/>
  <c r="U141111" i="1"/>
  <c r="U141110" i="1"/>
  <c r="U141109" i="1"/>
  <c r="U141108" i="1"/>
  <c r="U141107" i="1"/>
  <c r="U141106" i="1"/>
  <c r="U141105" i="1"/>
  <c r="U141104" i="1"/>
  <c r="U141103" i="1"/>
  <c r="U141102" i="1"/>
  <c r="U141101" i="1"/>
  <c r="U141100" i="1"/>
  <c r="U141099" i="1"/>
  <c r="U141098" i="1"/>
  <c r="U141097" i="1"/>
  <c r="U141096" i="1"/>
  <c r="U141095" i="1"/>
  <c r="U141094" i="1"/>
  <c r="U141093" i="1"/>
  <c r="U141092" i="1"/>
  <c r="U141091" i="1"/>
  <c r="U141090" i="1"/>
  <c r="U141089" i="1"/>
  <c r="U141088" i="1"/>
  <c r="U141087" i="1"/>
  <c r="U141086" i="1"/>
  <c r="U141085" i="1"/>
  <c r="U141084" i="1"/>
  <c r="U141083" i="1"/>
  <c r="U141082" i="1"/>
  <c r="U141081" i="1"/>
  <c r="U141080" i="1"/>
  <c r="U141079" i="1"/>
  <c r="U141078" i="1"/>
  <c r="U141077" i="1"/>
  <c r="U141076" i="1"/>
  <c r="U141075" i="1"/>
  <c r="U141074" i="1"/>
  <c r="U141073" i="1"/>
  <c r="U141072" i="1"/>
  <c r="U141071" i="1"/>
  <c r="U141070" i="1"/>
  <c r="U141069" i="1"/>
  <c r="U141068" i="1"/>
  <c r="U141067" i="1"/>
  <c r="U141066" i="1"/>
  <c r="U141065" i="1"/>
  <c r="U141064" i="1"/>
  <c r="U141063" i="1"/>
  <c r="U141062" i="1"/>
  <c r="U141061" i="1"/>
  <c r="U141060" i="1"/>
  <c r="U141059" i="1"/>
  <c r="U141058" i="1"/>
  <c r="U141057" i="1"/>
  <c r="U141056" i="1"/>
  <c r="U141055" i="1"/>
  <c r="U141054" i="1"/>
  <c r="U141053" i="1"/>
  <c r="U141052" i="1"/>
  <c r="U141051" i="1"/>
  <c r="U141050" i="1"/>
  <c r="U141049" i="1"/>
  <c r="U141048" i="1"/>
  <c r="U141047" i="1"/>
  <c r="U141046" i="1"/>
  <c r="U141045" i="1"/>
  <c r="U141044" i="1"/>
  <c r="U141043" i="1"/>
  <c r="U141042" i="1"/>
  <c r="U141041" i="1"/>
  <c r="U141040" i="1"/>
  <c r="U141039" i="1"/>
  <c r="U141038" i="1"/>
  <c r="U141037" i="1"/>
  <c r="U141036" i="1"/>
  <c r="U141035" i="1"/>
  <c r="U141034" i="1"/>
  <c r="U141033" i="1"/>
  <c r="U141032" i="1"/>
  <c r="U141031" i="1"/>
  <c r="U141030" i="1"/>
  <c r="U141029" i="1"/>
  <c r="U141028" i="1"/>
  <c r="U141027" i="1"/>
  <c r="U141026" i="1"/>
  <c r="U141025" i="1"/>
  <c r="U141024" i="1"/>
  <c r="U141023" i="1"/>
  <c r="U141022" i="1"/>
  <c r="U141021" i="1"/>
  <c r="U141020" i="1"/>
  <c r="U141019" i="1"/>
  <c r="U141018" i="1"/>
  <c r="U141017" i="1"/>
  <c r="U141016" i="1"/>
  <c r="U141015" i="1"/>
  <c r="U141014" i="1"/>
  <c r="U141013" i="1"/>
  <c r="U141012" i="1"/>
  <c r="U141011" i="1"/>
  <c r="U141010" i="1"/>
  <c r="U141009" i="1"/>
  <c r="U141008" i="1"/>
  <c r="U141007" i="1"/>
  <c r="U141006" i="1"/>
  <c r="U141005" i="1"/>
  <c r="U141004" i="1"/>
  <c r="U141003" i="1"/>
  <c r="U141002" i="1"/>
  <c r="U141001" i="1"/>
  <c r="U141000" i="1"/>
  <c r="U140999" i="1"/>
  <c r="U140998" i="1"/>
  <c r="U140997" i="1"/>
  <c r="U140996" i="1"/>
  <c r="U140995" i="1"/>
  <c r="U140994" i="1"/>
  <c r="U140993" i="1"/>
  <c r="U140992" i="1"/>
  <c r="U140991" i="1"/>
  <c r="U140990" i="1"/>
  <c r="U140989" i="1"/>
  <c r="U140988" i="1"/>
  <c r="U140987" i="1"/>
  <c r="U140986" i="1"/>
  <c r="U140985" i="1"/>
  <c r="U140984" i="1"/>
  <c r="U140983" i="1"/>
  <c r="U140982" i="1"/>
  <c r="U140981" i="1"/>
  <c r="U140980" i="1"/>
  <c r="U140979" i="1"/>
  <c r="U140978" i="1"/>
  <c r="U140977" i="1"/>
  <c r="U140976" i="1"/>
  <c r="U140975" i="1"/>
  <c r="U140974" i="1"/>
  <c r="U140973" i="1"/>
  <c r="U140972" i="1"/>
  <c r="U140971" i="1"/>
  <c r="U140970" i="1"/>
  <c r="U140969" i="1"/>
  <c r="U140968" i="1"/>
  <c r="U140967" i="1"/>
  <c r="U140966" i="1"/>
  <c r="U140965" i="1"/>
  <c r="U140964" i="1"/>
  <c r="U140963" i="1"/>
  <c r="U140962" i="1"/>
  <c r="U140961" i="1"/>
  <c r="U140960" i="1"/>
  <c r="U140959" i="1"/>
  <c r="U140958" i="1"/>
  <c r="U140957" i="1"/>
  <c r="U140956" i="1"/>
  <c r="U140955" i="1"/>
  <c r="U140954" i="1"/>
  <c r="U140953" i="1"/>
  <c r="U140952" i="1"/>
  <c r="U140951" i="1"/>
  <c r="U140950" i="1"/>
  <c r="U140949" i="1"/>
  <c r="U140948" i="1"/>
  <c r="U140947" i="1"/>
  <c r="U140946" i="1"/>
  <c r="U140945" i="1"/>
  <c r="U140944" i="1"/>
  <c r="U140943" i="1"/>
  <c r="U140942" i="1"/>
  <c r="U140941" i="1"/>
  <c r="U140940" i="1"/>
  <c r="U140939" i="1"/>
  <c r="U140938" i="1"/>
  <c r="U140937" i="1"/>
  <c r="U140936" i="1"/>
  <c r="U140935" i="1"/>
  <c r="U140934" i="1"/>
  <c r="U140933" i="1"/>
  <c r="U140932" i="1"/>
  <c r="U140931" i="1"/>
  <c r="U140930" i="1"/>
  <c r="U140929" i="1"/>
  <c r="U140928" i="1"/>
  <c r="U140927" i="1"/>
  <c r="U140926" i="1"/>
  <c r="U140925" i="1"/>
  <c r="U140924" i="1"/>
  <c r="U140923" i="1"/>
  <c r="U140922" i="1"/>
  <c r="U140921" i="1"/>
  <c r="U140920" i="1"/>
  <c r="U140919" i="1"/>
  <c r="U140918" i="1"/>
  <c r="U140917" i="1"/>
  <c r="U140916" i="1"/>
  <c r="U140915" i="1"/>
  <c r="U140914" i="1"/>
  <c r="U140913" i="1"/>
  <c r="U140912" i="1"/>
  <c r="U140911" i="1"/>
  <c r="U140910" i="1"/>
  <c r="U140909" i="1"/>
  <c r="U140908" i="1"/>
  <c r="U140907" i="1"/>
  <c r="U140906" i="1"/>
  <c r="U140905" i="1"/>
  <c r="U140904" i="1"/>
  <c r="U140903" i="1"/>
  <c r="U140902" i="1"/>
  <c r="U140901" i="1"/>
  <c r="U140900" i="1"/>
  <c r="U140899" i="1"/>
  <c r="U140898" i="1"/>
  <c r="U140897" i="1"/>
  <c r="U140896" i="1"/>
  <c r="U140895" i="1"/>
  <c r="U140894" i="1"/>
  <c r="U140893" i="1"/>
  <c r="U140892" i="1"/>
  <c r="U140891" i="1"/>
  <c r="U140890" i="1"/>
  <c r="U140889" i="1"/>
  <c r="U140888" i="1"/>
  <c r="U140887" i="1"/>
  <c r="U140886" i="1"/>
  <c r="U140885" i="1"/>
  <c r="U140884" i="1"/>
  <c r="U140883" i="1"/>
  <c r="U140882" i="1"/>
  <c r="U140881" i="1"/>
  <c r="U140880" i="1"/>
  <c r="U140879" i="1"/>
  <c r="U140878" i="1"/>
  <c r="U140877" i="1"/>
  <c r="U140876" i="1"/>
  <c r="U140875" i="1"/>
  <c r="U140874" i="1"/>
  <c r="U140873" i="1"/>
  <c r="U140872" i="1"/>
  <c r="U140871" i="1"/>
  <c r="U140870" i="1"/>
  <c r="U140869" i="1"/>
  <c r="U140868" i="1"/>
  <c r="U140867" i="1"/>
  <c r="U140866" i="1"/>
  <c r="U140865" i="1"/>
  <c r="U140864" i="1"/>
  <c r="U140863" i="1"/>
  <c r="U140862" i="1"/>
  <c r="U140861" i="1"/>
  <c r="U140860" i="1"/>
  <c r="U140859" i="1"/>
  <c r="U140858" i="1"/>
  <c r="U140857" i="1"/>
  <c r="U140856" i="1"/>
  <c r="U140855" i="1"/>
  <c r="U140854" i="1"/>
  <c r="U140853" i="1"/>
  <c r="U140852" i="1"/>
  <c r="U140851" i="1"/>
  <c r="U140850" i="1"/>
  <c r="U140849" i="1"/>
  <c r="U140848" i="1"/>
  <c r="U140847" i="1"/>
  <c r="U140846" i="1"/>
  <c r="U140845" i="1"/>
  <c r="U140844" i="1"/>
  <c r="U140843" i="1"/>
  <c r="U140842" i="1"/>
  <c r="U140841" i="1"/>
  <c r="U140840" i="1"/>
  <c r="U140839" i="1"/>
  <c r="U140838" i="1"/>
  <c r="U140837" i="1"/>
  <c r="U140836" i="1"/>
  <c r="U140835" i="1"/>
  <c r="U140834" i="1"/>
  <c r="U140833" i="1"/>
  <c r="U140832" i="1"/>
  <c r="U140831" i="1"/>
  <c r="U140830" i="1"/>
  <c r="U140829" i="1"/>
  <c r="U140828" i="1"/>
  <c r="U140827" i="1"/>
  <c r="U140826" i="1"/>
  <c r="U140825" i="1"/>
  <c r="U140824" i="1"/>
  <c r="U140823" i="1"/>
  <c r="U140822" i="1"/>
  <c r="U140821" i="1"/>
  <c r="U140820" i="1"/>
  <c r="U140819" i="1"/>
  <c r="U140818" i="1"/>
  <c r="U140817" i="1"/>
  <c r="U140816" i="1"/>
  <c r="U140815" i="1"/>
  <c r="U140814" i="1"/>
  <c r="U140813" i="1"/>
  <c r="U140812" i="1"/>
  <c r="U140811" i="1"/>
  <c r="U140810" i="1"/>
  <c r="U140809" i="1"/>
  <c r="U140808" i="1"/>
  <c r="U140807" i="1"/>
  <c r="U140806" i="1"/>
  <c r="U140805" i="1"/>
  <c r="U140804" i="1"/>
  <c r="U140803" i="1"/>
  <c r="U140802" i="1"/>
  <c r="U140801" i="1"/>
  <c r="U140800" i="1"/>
  <c r="U140799" i="1"/>
  <c r="U140798" i="1"/>
  <c r="U140797" i="1"/>
  <c r="U140796" i="1"/>
  <c r="U140795" i="1"/>
  <c r="U140794" i="1"/>
  <c r="U140793" i="1"/>
  <c r="U140792" i="1"/>
  <c r="U140791" i="1"/>
  <c r="U140790" i="1"/>
  <c r="U140789" i="1"/>
  <c r="U140788" i="1"/>
  <c r="U140787" i="1"/>
  <c r="U140786" i="1"/>
  <c r="U140785" i="1"/>
  <c r="U140784" i="1"/>
  <c r="U140783" i="1"/>
  <c r="U140782" i="1"/>
  <c r="U140781" i="1"/>
  <c r="U140780" i="1"/>
  <c r="U140779" i="1"/>
  <c r="U140778" i="1"/>
  <c r="U140777" i="1"/>
  <c r="U140776" i="1"/>
  <c r="U140775" i="1"/>
  <c r="U140774" i="1"/>
  <c r="U140773" i="1"/>
  <c r="U140772" i="1"/>
  <c r="U140771" i="1"/>
  <c r="U140770" i="1"/>
  <c r="U140769" i="1"/>
  <c r="U140768" i="1"/>
  <c r="U140767" i="1"/>
  <c r="U140766" i="1"/>
  <c r="U140765" i="1"/>
  <c r="U140764" i="1"/>
  <c r="U140763" i="1"/>
  <c r="U140762" i="1"/>
  <c r="U140761" i="1"/>
  <c r="U140760" i="1"/>
  <c r="U140759" i="1"/>
  <c r="U140758" i="1"/>
  <c r="U140757" i="1"/>
  <c r="U140756" i="1"/>
  <c r="U140755" i="1"/>
  <c r="U140754" i="1"/>
  <c r="U140753" i="1"/>
  <c r="U140752" i="1"/>
  <c r="U140751" i="1"/>
  <c r="U140750" i="1"/>
  <c r="U140749" i="1"/>
  <c r="U140748" i="1"/>
  <c r="U140747" i="1"/>
  <c r="U140746" i="1"/>
  <c r="U140745" i="1"/>
  <c r="U140744" i="1"/>
  <c r="U140743" i="1"/>
  <c r="U140742" i="1"/>
  <c r="U140741" i="1"/>
  <c r="U140740" i="1"/>
  <c r="U140739" i="1"/>
  <c r="U140738" i="1"/>
  <c r="U140737" i="1"/>
  <c r="U140736" i="1"/>
  <c r="U140735" i="1"/>
  <c r="U140734" i="1"/>
  <c r="U140733" i="1"/>
  <c r="U140732" i="1"/>
  <c r="U140731" i="1"/>
  <c r="U140730" i="1"/>
  <c r="U140729" i="1"/>
  <c r="U140728" i="1"/>
  <c r="U140727" i="1"/>
  <c r="U140726" i="1"/>
  <c r="U140725" i="1"/>
  <c r="U140724" i="1"/>
  <c r="U140723" i="1"/>
  <c r="U140722" i="1"/>
  <c r="U140721" i="1"/>
  <c r="U140720" i="1"/>
  <c r="U140719" i="1"/>
  <c r="U140718" i="1"/>
  <c r="U140717" i="1"/>
  <c r="U140716" i="1"/>
  <c r="U140715" i="1"/>
  <c r="U140714" i="1"/>
  <c r="U140713" i="1"/>
  <c r="U140712" i="1"/>
  <c r="U140711" i="1"/>
  <c r="U140710" i="1"/>
  <c r="U140709" i="1"/>
  <c r="U140708" i="1"/>
  <c r="U140707" i="1"/>
  <c r="U140706" i="1"/>
  <c r="U140705" i="1"/>
  <c r="U140704" i="1"/>
  <c r="U140703" i="1"/>
  <c r="U140702" i="1"/>
  <c r="U140701" i="1"/>
  <c r="U140700" i="1"/>
  <c r="U140699" i="1"/>
  <c r="U140698" i="1"/>
  <c r="U140697" i="1"/>
  <c r="U140696" i="1"/>
  <c r="U140695" i="1"/>
  <c r="U140694" i="1"/>
  <c r="U140693" i="1"/>
  <c r="U140692" i="1"/>
  <c r="U140691" i="1"/>
  <c r="U140690" i="1"/>
  <c r="U140689" i="1"/>
  <c r="U140688" i="1"/>
  <c r="U140687" i="1"/>
  <c r="U140686" i="1"/>
  <c r="U140685" i="1"/>
  <c r="U140684" i="1"/>
  <c r="U140683" i="1"/>
  <c r="U140682" i="1"/>
  <c r="U140681" i="1"/>
  <c r="U140680" i="1"/>
  <c r="U140679" i="1"/>
  <c r="U140678" i="1"/>
  <c r="U140677" i="1"/>
  <c r="U140676" i="1"/>
  <c r="U140675" i="1"/>
  <c r="U140674" i="1"/>
  <c r="U140673" i="1"/>
  <c r="U140672" i="1"/>
  <c r="U140671" i="1"/>
  <c r="U140670" i="1"/>
  <c r="U140669" i="1"/>
  <c r="U140668" i="1"/>
  <c r="U140667" i="1"/>
  <c r="U140666" i="1"/>
  <c r="U140665" i="1"/>
  <c r="U140664" i="1"/>
  <c r="U140663" i="1"/>
  <c r="U140662" i="1"/>
  <c r="U140661" i="1"/>
  <c r="U140660" i="1"/>
  <c r="U140659" i="1"/>
  <c r="U140658" i="1"/>
  <c r="U140657" i="1"/>
  <c r="U140656" i="1"/>
  <c r="U140655" i="1"/>
  <c r="U140654" i="1"/>
  <c r="U140653" i="1"/>
  <c r="U140652" i="1"/>
  <c r="U140651" i="1"/>
  <c r="U140650" i="1"/>
  <c r="U140649" i="1"/>
  <c r="U140648" i="1"/>
  <c r="U140647" i="1"/>
  <c r="U140646" i="1"/>
  <c r="U140645" i="1"/>
  <c r="U140644" i="1"/>
  <c r="U140643" i="1"/>
  <c r="U140642" i="1"/>
  <c r="U140641" i="1"/>
  <c r="U140640" i="1"/>
  <c r="U140639" i="1"/>
  <c r="U140638" i="1"/>
  <c r="U140637" i="1"/>
  <c r="U140636" i="1"/>
  <c r="U140635" i="1"/>
  <c r="U140634" i="1"/>
  <c r="U140633" i="1"/>
  <c r="U140632" i="1"/>
  <c r="U140631" i="1"/>
  <c r="U140630" i="1"/>
  <c r="U140629" i="1"/>
  <c r="U140628" i="1"/>
  <c r="U140627" i="1"/>
  <c r="U140626" i="1"/>
  <c r="U140625" i="1"/>
  <c r="U140624" i="1"/>
  <c r="U140623" i="1"/>
  <c r="U140622" i="1"/>
  <c r="U140621" i="1"/>
  <c r="U140620" i="1"/>
  <c r="U140619" i="1"/>
  <c r="U140618" i="1"/>
  <c r="U140617" i="1"/>
  <c r="U140616" i="1"/>
  <c r="U140615" i="1"/>
  <c r="U140614" i="1"/>
  <c r="U140613" i="1"/>
  <c r="U140612" i="1"/>
  <c r="U140611" i="1"/>
  <c r="U140610" i="1"/>
  <c r="U140609" i="1"/>
  <c r="U140608" i="1"/>
  <c r="U140607" i="1"/>
  <c r="U140606" i="1"/>
  <c r="U140605" i="1"/>
  <c r="U140604" i="1"/>
  <c r="U140603" i="1"/>
  <c r="U140602" i="1"/>
  <c r="U140601" i="1"/>
  <c r="U140600" i="1"/>
  <c r="U140599" i="1"/>
  <c r="U140598" i="1"/>
  <c r="U140597" i="1"/>
  <c r="U140596" i="1"/>
  <c r="U140595" i="1"/>
  <c r="U140594" i="1"/>
  <c r="U140593" i="1"/>
  <c r="U140592" i="1"/>
  <c r="U140591" i="1"/>
  <c r="U140590" i="1"/>
  <c r="U140589" i="1"/>
  <c r="U140588" i="1"/>
  <c r="U140587" i="1"/>
  <c r="U140586" i="1"/>
  <c r="U140585" i="1"/>
  <c r="U140584" i="1"/>
  <c r="U140583" i="1"/>
  <c r="U140582" i="1"/>
  <c r="U140581" i="1"/>
  <c r="U140580" i="1"/>
  <c r="U140579" i="1"/>
  <c r="U140578" i="1"/>
  <c r="U140577" i="1"/>
  <c r="U140576" i="1"/>
  <c r="U140575" i="1"/>
  <c r="U140574" i="1"/>
  <c r="U140573" i="1"/>
  <c r="U140572" i="1"/>
  <c r="U140571" i="1"/>
  <c r="U140570" i="1"/>
  <c r="U140569" i="1"/>
  <c r="U140568" i="1"/>
  <c r="U140567" i="1"/>
  <c r="U140566" i="1"/>
  <c r="U140565" i="1"/>
  <c r="U140564" i="1"/>
  <c r="U140563" i="1"/>
  <c r="U140562" i="1"/>
  <c r="U140561" i="1"/>
  <c r="U140560" i="1"/>
  <c r="U140559" i="1"/>
  <c r="U140558" i="1"/>
  <c r="U140557" i="1"/>
  <c r="U140556" i="1"/>
  <c r="U140555" i="1"/>
  <c r="U140554" i="1"/>
  <c r="U140553" i="1"/>
  <c r="U140552" i="1"/>
  <c r="U140551" i="1"/>
  <c r="U140550" i="1"/>
  <c r="U140549" i="1"/>
  <c r="U140548" i="1"/>
  <c r="U140547" i="1"/>
  <c r="U140546" i="1"/>
  <c r="U140545" i="1"/>
  <c r="U140544" i="1"/>
  <c r="U140543" i="1"/>
  <c r="U140542" i="1"/>
  <c r="U140541" i="1"/>
  <c r="U140540" i="1"/>
  <c r="U140539" i="1"/>
  <c r="U140538" i="1"/>
  <c r="U140537" i="1"/>
  <c r="U140536" i="1"/>
  <c r="U140535" i="1"/>
  <c r="U140534" i="1"/>
  <c r="U140533" i="1"/>
  <c r="U140532" i="1"/>
  <c r="U140531" i="1"/>
  <c r="U140530" i="1"/>
  <c r="U140529" i="1"/>
  <c r="U140528" i="1"/>
  <c r="U140527" i="1"/>
  <c r="U140526" i="1"/>
  <c r="U140525" i="1"/>
  <c r="U140524" i="1"/>
  <c r="U140523" i="1"/>
  <c r="U140522" i="1"/>
  <c r="U140521" i="1"/>
  <c r="U140520" i="1"/>
  <c r="U140519" i="1"/>
  <c r="U140518" i="1"/>
  <c r="U140517" i="1"/>
  <c r="U140516" i="1"/>
  <c r="U140515" i="1"/>
  <c r="U140514" i="1"/>
  <c r="U140513" i="1"/>
  <c r="U140512" i="1"/>
  <c r="U140511" i="1"/>
  <c r="U140510" i="1"/>
  <c r="U140509" i="1"/>
  <c r="U140508" i="1"/>
  <c r="U140507" i="1"/>
  <c r="U140506" i="1"/>
  <c r="U140505" i="1"/>
  <c r="U140504" i="1"/>
  <c r="U140503" i="1"/>
  <c r="U140502" i="1"/>
  <c r="U140501" i="1"/>
  <c r="U140500" i="1"/>
  <c r="U140499" i="1"/>
  <c r="U140498" i="1"/>
  <c r="U140497" i="1"/>
  <c r="U140496" i="1"/>
  <c r="U140495" i="1"/>
  <c r="U140494" i="1"/>
  <c r="U140493" i="1"/>
  <c r="U140492" i="1"/>
  <c r="U140491" i="1"/>
  <c r="U140490" i="1"/>
  <c r="U140489" i="1"/>
  <c r="U140488" i="1"/>
  <c r="U140487" i="1"/>
  <c r="U140486" i="1"/>
  <c r="U140485" i="1"/>
  <c r="U140484" i="1"/>
  <c r="U140483" i="1"/>
  <c r="U140482" i="1"/>
  <c r="U140481" i="1"/>
  <c r="U140480" i="1"/>
  <c r="U140479" i="1"/>
  <c r="U140478" i="1"/>
  <c r="U140477" i="1"/>
  <c r="U140476" i="1"/>
  <c r="U140475" i="1"/>
  <c r="U140474" i="1"/>
  <c r="U140473" i="1"/>
  <c r="U140472" i="1"/>
  <c r="U140471" i="1"/>
  <c r="U140470" i="1"/>
  <c r="U140469" i="1"/>
  <c r="U140468" i="1"/>
  <c r="U140467" i="1"/>
  <c r="U140466" i="1"/>
  <c r="U140465" i="1"/>
  <c r="U140464" i="1"/>
  <c r="U140463" i="1"/>
  <c r="U140462" i="1"/>
  <c r="U140461" i="1"/>
  <c r="U140460" i="1"/>
  <c r="U140459" i="1"/>
  <c r="U140458" i="1"/>
  <c r="U140457" i="1"/>
  <c r="U140456" i="1"/>
  <c r="U140455" i="1"/>
  <c r="U140454" i="1"/>
  <c r="U140453" i="1"/>
  <c r="U140452" i="1"/>
  <c r="U140451" i="1"/>
  <c r="U140450" i="1"/>
  <c r="U140449" i="1"/>
  <c r="U140448" i="1"/>
  <c r="U140447" i="1"/>
  <c r="U140446" i="1"/>
  <c r="U140445" i="1"/>
  <c r="U140444" i="1"/>
  <c r="U140443" i="1"/>
  <c r="U140442" i="1"/>
  <c r="U140441" i="1"/>
  <c r="U140440" i="1"/>
  <c r="U140439" i="1"/>
  <c r="U140438" i="1"/>
  <c r="U140437" i="1"/>
  <c r="U140436" i="1"/>
  <c r="U140435" i="1"/>
  <c r="U140434" i="1"/>
  <c r="U140433" i="1"/>
  <c r="U140432" i="1"/>
  <c r="U140431" i="1"/>
  <c r="U140430" i="1"/>
  <c r="U140429" i="1"/>
  <c r="U140428" i="1"/>
  <c r="U140427" i="1"/>
  <c r="U140426" i="1"/>
  <c r="U140425" i="1"/>
  <c r="U140424" i="1"/>
  <c r="U140423" i="1"/>
  <c r="U140422" i="1"/>
  <c r="U140421" i="1"/>
  <c r="U140420" i="1"/>
  <c r="U140419" i="1"/>
  <c r="U140418" i="1"/>
  <c r="U140417" i="1"/>
  <c r="U140416" i="1"/>
  <c r="U140415" i="1"/>
  <c r="U140414" i="1"/>
  <c r="U140413" i="1"/>
  <c r="U140412" i="1"/>
  <c r="U140411" i="1"/>
  <c r="U140410" i="1"/>
  <c r="U140409" i="1"/>
  <c r="U140408" i="1"/>
  <c r="U140407" i="1"/>
  <c r="U140406" i="1"/>
  <c r="U140405" i="1"/>
  <c r="U140404" i="1"/>
  <c r="U140403" i="1"/>
  <c r="U140402" i="1"/>
  <c r="U140401" i="1"/>
  <c r="U140400" i="1"/>
  <c r="U140399" i="1"/>
  <c r="U140398" i="1"/>
  <c r="U140397" i="1"/>
  <c r="U140396" i="1"/>
  <c r="U140395" i="1"/>
  <c r="U140394" i="1"/>
  <c r="U140393" i="1"/>
  <c r="U140392" i="1"/>
  <c r="U140391" i="1"/>
  <c r="U140390" i="1"/>
  <c r="U140389" i="1"/>
  <c r="U140388" i="1"/>
  <c r="U140387" i="1"/>
  <c r="U140386" i="1"/>
  <c r="U140385" i="1"/>
  <c r="U140384" i="1"/>
  <c r="U140383" i="1"/>
  <c r="U140382" i="1"/>
  <c r="U140381" i="1"/>
  <c r="U140380" i="1"/>
  <c r="U140379" i="1"/>
  <c r="U140378" i="1"/>
  <c r="U140377" i="1"/>
  <c r="U140376" i="1"/>
  <c r="U140375" i="1"/>
  <c r="U140374" i="1"/>
  <c r="U140373" i="1"/>
  <c r="U140372" i="1"/>
  <c r="U140371" i="1"/>
  <c r="U140370" i="1"/>
  <c r="U140369" i="1"/>
  <c r="U140368" i="1"/>
  <c r="U140367" i="1"/>
  <c r="U140366" i="1"/>
  <c r="U140365" i="1"/>
  <c r="U140364" i="1"/>
  <c r="U140363" i="1"/>
  <c r="U140362" i="1"/>
  <c r="U140361" i="1"/>
  <c r="U140360" i="1"/>
  <c r="U140359" i="1"/>
  <c r="U140358" i="1"/>
  <c r="U140357" i="1"/>
  <c r="U140356" i="1"/>
  <c r="U140355" i="1"/>
  <c r="U140354" i="1"/>
  <c r="U140353" i="1"/>
  <c r="U140352" i="1"/>
  <c r="U140351" i="1"/>
  <c r="U140350" i="1"/>
  <c r="U140349" i="1"/>
  <c r="U140348" i="1"/>
  <c r="U140347" i="1"/>
  <c r="U140346" i="1"/>
  <c r="U140345" i="1"/>
  <c r="U140344" i="1"/>
  <c r="U140343" i="1"/>
  <c r="U140342" i="1"/>
  <c r="U140341" i="1"/>
  <c r="U140340" i="1"/>
  <c r="U140339" i="1"/>
  <c r="U140338" i="1"/>
  <c r="U140337" i="1"/>
  <c r="U140336" i="1"/>
  <c r="U140335" i="1"/>
  <c r="U140334" i="1"/>
  <c r="U140333" i="1"/>
  <c r="U140332" i="1"/>
  <c r="U140331" i="1"/>
  <c r="U140330" i="1"/>
  <c r="U140329" i="1"/>
  <c r="U140328" i="1"/>
  <c r="U140327" i="1"/>
  <c r="U140326" i="1"/>
  <c r="U140325" i="1"/>
  <c r="U140324" i="1"/>
  <c r="U140323" i="1"/>
  <c r="U140322" i="1"/>
  <c r="U140321" i="1"/>
  <c r="U140320" i="1"/>
  <c r="U140319" i="1"/>
  <c r="U140318" i="1"/>
  <c r="U140317" i="1"/>
  <c r="U140316" i="1"/>
  <c r="U140315" i="1"/>
  <c r="U140314" i="1"/>
  <c r="U140313" i="1"/>
  <c r="U140312" i="1"/>
  <c r="U140311" i="1"/>
  <c r="U140310" i="1"/>
  <c r="U140309" i="1"/>
  <c r="U140308" i="1"/>
  <c r="U140307" i="1"/>
  <c r="U140306" i="1"/>
  <c r="U140305" i="1"/>
  <c r="U140304" i="1"/>
  <c r="U140303" i="1"/>
  <c r="U140302" i="1"/>
  <c r="U140301" i="1"/>
  <c r="U140300" i="1"/>
  <c r="U140299" i="1"/>
  <c r="U140298" i="1"/>
  <c r="U140297" i="1"/>
  <c r="U140296" i="1"/>
  <c r="U140295" i="1"/>
  <c r="U140294" i="1"/>
  <c r="U140293" i="1"/>
  <c r="U140292" i="1"/>
  <c r="U140291" i="1"/>
  <c r="U140290" i="1"/>
  <c r="U140289" i="1"/>
  <c r="U140288" i="1"/>
  <c r="U140287" i="1"/>
  <c r="U140286" i="1"/>
  <c r="U140285" i="1"/>
  <c r="U140284" i="1"/>
  <c r="U140283" i="1"/>
  <c r="U140282" i="1"/>
  <c r="U140281" i="1"/>
  <c r="U140280" i="1"/>
  <c r="U140279" i="1"/>
  <c r="U140278" i="1"/>
  <c r="U140277" i="1"/>
  <c r="U140276" i="1"/>
  <c r="U140275" i="1"/>
  <c r="U140274" i="1"/>
  <c r="U140273" i="1"/>
  <c r="U140272" i="1"/>
  <c r="U140271" i="1"/>
  <c r="U140270" i="1"/>
  <c r="U140269" i="1"/>
  <c r="U140268" i="1"/>
  <c r="U140267" i="1"/>
  <c r="U140266" i="1"/>
  <c r="U140265" i="1"/>
  <c r="U140264" i="1"/>
  <c r="U140263" i="1"/>
  <c r="U140262" i="1"/>
  <c r="U140261" i="1"/>
  <c r="U140260" i="1"/>
  <c r="U140259" i="1"/>
  <c r="U140258" i="1"/>
  <c r="U140257" i="1"/>
  <c r="U140256" i="1"/>
  <c r="U140255" i="1"/>
  <c r="U140254" i="1"/>
  <c r="U140253" i="1"/>
  <c r="U140252" i="1"/>
  <c r="U140251" i="1"/>
  <c r="U140250" i="1"/>
  <c r="U140249" i="1"/>
  <c r="U140248" i="1"/>
  <c r="U140247" i="1"/>
  <c r="U140246" i="1"/>
  <c r="U140245" i="1"/>
  <c r="U140244" i="1"/>
  <c r="U140243" i="1"/>
  <c r="U140242" i="1"/>
  <c r="U140241" i="1"/>
  <c r="U140240" i="1"/>
  <c r="U140239" i="1"/>
  <c r="U140238" i="1"/>
  <c r="U140237" i="1"/>
  <c r="U140236" i="1"/>
  <c r="U140235" i="1"/>
  <c r="U140234" i="1"/>
  <c r="U140233" i="1"/>
  <c r="U140232" i="1"/>
  <c r="U140231" i="1"/>
  <c r="U140230" i="1"/>
  <c r="U140229" i="1"/>
  <c r="U140228" i="1"/>
  <c r="U140227" i="1"/>
  <c r="U140226" i="1"/>
  <c r="U140225" i="1"/>
  <c r="U140224" i="1"/>
  <c r="U140223" i="1"/>
  <c r="U140222" i="1"/>
  <c r="U140221" i="1"/>
  <c r="U140220" i="1"/>
  <c r="U140219" i="1"/>
  <c r="U140218" i="1"/>
  <c r="U140217" i="1"/>
  <c r="U140216" i="1"/>
  <c r="U140215" i="1"/>
  <c r="U140214" i="1"/>
  <c r="U140213" i="1"/>
  <c r="U140212" i="1"/>
  <c r="U140211" i="1"/>
  <c r="U140210" i="1"/>
  <c r="U140209" i="1"/>
  <c r="U140208" i="1"/>
  <c r="U140207" i="1"/>
  <c r="U140206" i="1"/>
  <c r="U140205" i="1"/>
  <c r="U140204" i="1"/>
  <c r="U140203" i="1"/>
  <c r="U140202" i="1"/>
  <c r="U140201" i="1"/>
  <c r="U140200" i="1"/>
  <c r="U140199" i="1"/>
  <c r="U140198" i="1"/>
  <c r="U140197" i="1"/>
  <c r="U140196" i="1"/>
  <c r="U140195" i="1"/>
  <c r="U140194" i="1"/>
  <c r="U140193" i="1"/>
  <c r="U140192" i="1"/>
  <c r="U140191" i="1"/>
  <c r="U140190" i="1"/>
  <c r="U140189" i="1"/>
  <c r="U140188" i="1"/>
  <c r="U140187" i="1"/>
  <c r="U140186" i="1"/>
  <c r="U140185" i="1"/>
  <c r="U140184" i="1"/>
  <c r="U140183" i="1"/>
  <c r="U140182" i="1"/>
  <c r="U140181" i="1"/>
  <c r="U140180" i="1"/>
  <c r="U140179" i="1"/>
  <c r="U140178" i="1"/>
  <c r="U140177" i="1"/>
  <c r="U140176" i="1"/>
  <c r="U140175" i="1"/>
  <c r="U140174" i="1"/>
  <c r="U140173" i="1"/>
  <c r="U140172" i="1"/>
  <c r="U140171" i="1"/>
  <c r="U140170" i="1"/>
  <c r="U140169" i="1"/>
  <c r="U140168" i="1"/>
  <c r="U140167" i="1"/>
  <c r="U140166" i="1"/>
  <c r="U140165" i="1"/>
  <c r="U140164" i="1"/>
  <c r="U140163" i="1"/>
  <c r="U140162" i="1"/>
  <c r="U140161" i="1"/>
  <c r="U140160" i="1"/>
  <c r="U140159" i="1"/>
  <c r="U140158" i="1"/>
  <c r="U140157" i="1"/>
  <c r="U140156" i="1"/>
  <c r="U140155" i="1"/>
  <c r="U140154" i="1"/>
  <c r="U140153" i="1"/>
  <c r="U140152" i="1"/>
  <c r="U140151" i="1"/>
  <c r="U140150" i="1"/>
  <c r="U140149" i="1"/>
  <c r="U140148" i="1"/>
  <c r="U140147" i="1"/>
  <c r="U140146" i="1"/>
  <c r="U140145" i="1"/>
  <c r="U140144" i="1"/>
  <c r="U140143" i="1"/>
  <c r="U140142" i="1"/>
  <c r="U140141" i="1"/>
  <c r="U140140" i="1"/>
  <c r="U140139" i="1"/>
  <c r="U140138" i="1"/>
  <c r="U140137" i="1"/>
  <c r="U140136" i="1"/>
  <c r="U140135" i="1"/>
  <c r="U140134" i="1"/>
  <c r="U140133" i="1"/>
  <c r="U140132" i="1"/>
  <c r="U140131" i="1"/>
  <c r="U140130" i="1"/>
  <c r="U140129" i="1"/>
  <c r="U140128" i="1"/>
  <c r="U140127" i="1"/>
  <c r="U140126" i="1"/>
  <c r="U140125" i="1"/>
  <c r="U140124" i="1"/>
  <c r="U140123" i="1"/>
  <c r="U140122" i="1"/>
  <c r="U140121" i="1"/>
  <c r="U140120" i="1"/>
  <c r="U140119" i="1"/>
  <c r="U140118" i="1"/>
  <c r="U140117" i="1"/>
  <c r="U140116" i="1"/>
  <c r="U140115" i="1"/>
  <c r="U140114" i="1"/>
  <c r="U140113" i="1"/>
  <c r="U140112" i="1"/>
  <c r="U140111" i="1"/>
  <c r="U140110" i="1"/>
  <c r="U140109" i="1"/>
  <c r="U140108" i="1"/>
  <c r="U140107" i="1"/>
  <c r="U140106" i="1"/>
  <c r="U140105" i="1"/>
  <c r="U140104" i="1"/>
  <c r="U140103" i="1"/>
  <c r="U140102" i="1"/>
  <c r="U140101" i="1"/>
  <c r="U140100" i="1"/>
  <c r="U140099" i="1"/>
  <c r="U140098" i="1"/>
  <c r="U140097" i="1"/>
  <c r="U140096" i="1"/>
  <c r="U140095" i="1"/>
  <c r="U140094" i="1"/>
  <c r="U140093" i="1"/>
  <c r="U140092" i="1"/>
  <c r="U140091" i="1"/>
  <c r="U140090" i="1"/>
  <c r="U140089" i="1"/>
  <c r="U140088" i="1"/>
  <c r="U140087" i="1"/>
  <c r="U140086" i="1"/>
  <c r="U140085" i="1"/>
  <c r="U140084" i="1"/>
  <c r="U140083" i="1"/>
  <c r="U140082" i="1"/>
  <c r="U140081" i="1"/>
  <c r="U140080" i="1"/>
  <c r="U140079" i="1"/>
  <c r="U140078" i="1"/>
  <c r="U140077" i="1"/>
  <c r="U140076" i="1"/>
  <c r="U140075" i="1"/>
  <c r="U140074" i="1"/>
  <c r="U140073" i="1"/>
  <c r="U140072" i="1"/>
  <c r="U140071" i="1"/>
  <c r="U140070" i="1"/>
  <c r="U140069" i="1"/>
  <c r="U140068" i="1"/>
  <c r="U140067" i="1"/>
  <c r="U140066" i="1"/>
  <c r="U140065" i="1"/>
  <c r="U140064" i="1"/>
  <c r="U140063" i="1"/>
  <c r="U140062" i="1"/>
  <c r="U140061" i="1"/>
  <c r="U140060" i="1"/>
  <c r="U140059" i="1"/>
  <c r="U140058" i="1"/>
  <c r="U140057" i="1"/>
  <c r="U140056" i="1"/>
  <c r="U140055" i="1"/>
  <c r="U140054" i="1"/>
  <c r="U140053" i="1"/>
  <c r="U140052" i="1"/>
  <c r="U140051" i="1"/>
  <c r="U140050" i="1"/>
  <c r="U140049" i="1"/>
  <c r="U140048" i="1"/>
  <c r="U140047" i="1"/>
  <c r="U140046" i="1"/>
  <c r="U140045" i="1"/>
  <c r="U140044" i="1"/>
  <c r="U140043" i="1"/>
  <c r="U140042" i="1"/>
  <c r="U140041" i="1"/>
  <c r="U140040" i="1"/>
  <c r="U140039" i="1"/>
  <c r="U140038" i="1"/>
  <c r="U140037" i="1"/>
  <c r="U140036" i="1"/>
  <c r="U140035" i="1"/>
  <c r="U140034" i="1"/>
  <c r="U140033" i="1"/>
  <c r="U140032" i="1"/>
  <c r="U140031" i="1"/>
  <c r="U140030" i="1"/>
  <c r="U140029" i="1"/>
  <c r="U140028" i="1"/>
  <c r="U140027" i="1"/>
  <c r="U140026" i="1"/>
  <c r="U140025" i="1"/>
  <c r="U140024" i="1"/>
  <c r="U140023" i="1"/>
  <c r="U140022" i="1"/>
  <c r="U140021" i="1"/>
  <c r="U140020" i="1"/>
  <c r="U140019" i="1"/>
  <c r="U140018" i="1"/>
  <c r="U140017" i="1"/>
  <c r="U140016" i="1"/>
  <c r="U140015" i="1"/>
  <c r="U140014" i="1"/>
  <c r="U140013" i="1"/>
  <c r="U140012" i="1"/>
  <c r="U140011" i="1"/>
  <c r="U140010" i="1"/>
  <c r="U140009" i="1"/>
  <c r="U140008" i="1"/>
  <c r="U140007" i="1"/>
  <c r="U140006" i="1"/>
  <c r="U140005" i="1"/>
  <c r="U140004" i="1"/>
  <c r="U140003" i="1"/>
  <c r="U140002" i="1"/>
  <c r="U140001" i="1"/>
  <c r="U140000" i="1"/>
  <c r="U139999" i="1"/>
  <c r="U139998" i="1"/>
  <c r="U139997" i="1"/>
  <c r="U139996" i="1"/>
  <c r="U139995" i="1"/>
  <c r="U139994" i="1"/>
  <c r="U139993" i="1"/>
  <c r="U139992" i="1"/>
  <c r="U139991" i="1"/>
  <c r="U139990" i="1"/>
  <c r="U139989" i="1"/>
  <c r="U139988" i="1"/>
  <c r="U139987" i="1"/>
  <c r="U139986" i="1"/>
  <c r="U139985" i="1"/>
  <c r="U139984" i="1"/>
  <c r="U139983" i="1"/>
  <c r="U139982" i="1"/>
  <c r="U139981" i="1"/>
  <c r="U139980" i="1"/>
  <c r="U139979" i="1"/>
  <c r="U139978" i="1"/>
  <c r="U139977" i="1"/>
  <c r="U139976" i="1"/>
  <c r="U139975" i="1"/>
  <c r="U139974" i="1"/>
  <c r="U139973" i="1"/>
  <c r="U139972" i="1"/>
  <c r="U139971" i="1"/>
  <c r="U139970" i="1"/>
  <c r="U139969" i="1"/>
  <c r="U139968" i="1"/>
  <c r="U139967" i="1"/>
  <c r="U139966" i="1"/>
  <c r="U139965" i="1"/>
  <c r="U139964" i="1"/>
  <c r="U139963" i="1"/>
  <c r="U139962" i="1"/>
  <c r="U139961" i="1"/>
  <c r="U139960" i="1"/>
  <c r="U139959" i="1"/>
  <c r="U139958" i="1"/>
  <c r="U139957" i="1"/>
  <c r="U139956" i="1"/>
  <c r="U139955" i="1"/>
  <c r="U139954" i="1"/>
  <c r="U139953" i="1"/>
  <c r="U139952" i="1"/>
  <c r="U139951" i="1"/>
  <c r="U139950" i="1"/>
  <c r="U139949" i="1"/>
  <c r="U139948" i="1"/>
  <c r="U139947" i="1"/>
  <c r="U139946" i="1"/>
  <c r="U139945" i="1"/>
  <c r="U139944" i="1"/>
  <c r="U139943" i="1"/>
  <c r="U139942" i="1"/>
  <c r="U139941" i="1"/>
  <c r="U139940" i="1"/>
  <c r="U139939" i="1"/>
  <c r="U139938" i="1"/>
  <c r="U139937" i="1"/>
  <c r="U139936" i="1"/>
  <c r="U139935" i="1"/>
  <c r="U139934" i="1"/>
  <c r="U139933" i="1"/>
  <c r="U139932" i="1"/>
  <c r="U139931" i="1"/>
  <c r="U139930" i="1"/>
  <c r="U139929" i="1"/>
  <c r="U139928" i="1"/>
  <c r="U139927" i="1"/>
  <c r="U139926" i="1"/>
  <c r="U139925" i="1"/>
  <c r="U139924" i="1"/>
  <c r="U139923" i="1"/>
  <c r="U139922" i="1"/>
  <c r="U139921" i="1"/>
  <c r="U139920" i="1"/>
  <c r="U139919" i="1"/>
  <c r="U139918" i="1"/>
  <c r="U139917" i="1"/>
  <c r="U139916" i="1"/>
  <c r="U139915" i="1"/>
  <c r="U139914" i="1"/>
  <c r="U139913" i="1"/>
  <c r="U139912" i="1"/>
  <c r="U139911" i="1"/>
  <c r="U139910" i="1"/>
  <c r="U139909" i="1"/>
  <c r="U139908" i="1"/>
  <c r="U139907" i="1"/>
  <c r="U139906" i="1"/>
  <c r="U139905" i="1"/>
  <c r="U139904" i="1"/>
  <c r="U139903" i="1"/>
  <c r="U139902" i="1"/>
  <c r="U139901" i="1"/>
  <c r="U139900" i="1"/>
  <c r="U139899" i="1"/>
  <c r="U139898" i="1"/>
  <c r="U139897" i="1"/>
  <c r="U139896" i="1"/>
  <c r="U139895" i="1"/>
  <c r="U139894" i="1"/>
  <c r="U139893" i="1"/>
  <c r="U139892" i="1"/>
  <c r="U139891" i="1"/>
  <c r="U139890" i="1"/>
  <c r="U139889" i="1"/>
  <c r="U139888" i="1"/>
  <c r="U139887" i="1"/>
  <c r="U139886" i="1"/>
  <c r="U139885" i="1"/>
  <c r="U139884" i="1"/>
  <c r="U139883" i="1"/>
  <c r="U139882" i="1"/>
  <c r="U139881" i="1"/>
  <c r="U139880" i="1"/>
  <c r="U139879" i="1"/>
  <c r="U139878" i="1"/>
  <c r="U139877" i="1"/>
  <c r="U139876" i="1"/>
  <c r="U139875" i="1"/>
  <c r="U139874" i="1"/>
  <c r="U139873" i="1"/>
  <c r="U139872" i="1"/>
  <c r="U139871" i="1"/>
  <c r="U139870" i="1"/>
  <c r="U139869" i="1"/>
  <c r="U139868" i="1"/>
  <c r="U139867" i="1"/>
  <c r="U139866" i="1"/>
  <c r="U139865" i="1"/>
  <c r="U139864" i="1"/>
  <c r="U139863" i="1"/>
  <c r="U139862" i="1"/>
  <c r="U139861" i="1"/>
  <c r="U139860" i="1"/>
  <c r="U139859" i="1"/>
  <c r="U139858" i="1"/>
  <c r="U139857" i="1"/>
  <c r="U139856" i="1"/>
  <c r="U139855" i="1"/>
  <c r="U139854" i="1"/>
  <c r="U139853" i="1"/>
  <c r="U139852" i="1"/>
  <c r="U139851" i="1"/>
  <c r="U139850" i="1"/>
  <c r="U139849" i="1"/>
  <c r="U139848" i="1"/>
  <c r="U139847" i="1"/>
  <c r="U139846" i="1"/>
  <c r="U139845" i="1"/>
  <c r="U139844" i="1"/>
  <c r="U139843" i="1"/>
  <c r="U139842" i="1"/>
  <c r="U139841" i="1"/>
  <c r="U139840" i="1"/>
  <c r="U139839" i="1"/>
  <c r="U139838" i="1"/>
  <c r="U139837" i="1"/>
  <c r="U139836" i="1"/>
  <c r="U139835" i="1"/>
  <c r="U139834" i="1"/>
  <c r="U139833" i="1"/>
  <c r="U139832" i="1"/>
  <c r="U139831" i="1"/>
  <c r="U139830" i="1"/>
  <c r="U139829" i="1"/>
  <c r="U139828" i="1"/>
  <c r="U139827" i="1"/>
  <c r="U139826" i="1"/>
  <c r="U139825" i="1"/>
  <c r="U139824" i="1"/>
  <c r="U139823" i="1"/>
  <c r="U139822" i="1"/>
  <c r="U139821" i="1"/>
  <c r="U139820" i="1"/>
  <c r="U139819" i="1"/>
  <c r="U139818" i="1"/>
  <c r="U139817" i="1"/>
  <c r="U139816" i="1"/>
  <c r="U139815" i="1"/>
  <c r="U139814" i="1"/>
  <c r="U139813" i="1"/>
  <c r="U139812" i="1"/>
  <c r="U139811" i="1"/>
  <c r="U139810" i="1"/>
  <c r="U139809" i="1"/>
  <c r="U139808" i="1"/>
  <c r="U139807" i="1"/>
  <c r="U139806" i="1"/>
  <c r="U139805" i="1"/>
  <c r="U139804" i="1"/>
  <c r="U139803" i="1"/>
  <c r="U139802" i="1"/>
  <c r="U139801" i="1"/>
  <c r="U139800" i="1"/>
  <c r="U139799" i="1"/>
  <c r="U139798" i="1"/>
  <c r="U139797" i="1"/>
  <c r="U139796" i="1"/>
  <c r="U139795" i="1"/>
  <c r="U139794" i="1"/>
  <c r="U139793" i="1"/>
  <c r="U139792" i="1"/>
  <c r="U139791" i="1"/>
  <c r="U139790" i="1"/>
  <c r="U139789" i="1"/>
  <c r="U139788" i="1"/>
  <c r="U139787" i="1"/>
  <c r="U139786" i="1"/>
  <c r="U139785" i="1"/>
  <c r="U139784" i="1"/>
  <c r="U139783" i="1"/>
  <c r="U139782" i="1"/>
  <c r="U139781" i="1"/>
  <c r="U139780" i="1"/>
  <c r="U139779" i="1"/>
  <c r="U139778" i="1"/>
  <c r="U139777" i="1"/>
  <c r="U139776" i="1"/>
  <c r="U139775" i="1"/>
  <c r="U139774" i="1"/>
  <c r="U139773" i="1"/>
  <c r="U139772" i="1"/>
  <c r="U139771" i="1"/>
  <c r="U139770" i="1"/>
  <c r="U139769" i="1"/>
  <c r="U139768" i="1"/>
  <c r="U139767" i="1"/>
  <c r="U139766" i="1"/>
  <c r="U139765" i="1"/>
  <c r="U139764" i="1"/>
  <c r="U139763" i="1"/>
  <c r="U139762" i="1"/>
  <c r="U139761" i="1"/>
  <c r="U139760" i="1"/>
  <c r="U139759" i="1"/>
  <c r="U139758" i="1"/>
  <c r="U139757" i="1"/>
  <c r="U139756" i="1"/>
  <c r="U139755" i="1"/>
  <c r="U139754" i="1"/>
  <c r="U139753" i="1"/>
  <c r="U139752" i="1"/>
  <c r="U139751" i="1"/>
  <c r="U139750" i="1"/>
  <c r="U139749" i="1"/>
  <c r="U139748" i="1"/>
  <c r="U139747" i="1"/>
  <c r="U139746" i="1"/>
  <c r="U139745" i="1"/>
  <c r="U139744" i="1"/>
  <c r="U139743" i="1"/>
  <c r="U139742" i="1"/>
  <c r="U139741" i="1"/>
  <c r="U139740" i="1"/>
  <c r="U139739" i="1"/>
  <c r="U139738" i="1"/>
  <c r="U139737" i="1"/>
  <c r="U139736" i="1"/>
  <c r="U139735" i="1"/>
  <c r="U139734" i="1"/>
  <c r="U139733" i="1"/>
  <c r="U139732" i="1"/>
  <c r="U139731" i="1"/>
  <c r="U139730" i="1"/>
  <c r="U139729" i="1"/>
  <c r="U139728" i="1"/>
  <c r="U139727" i="1"/>
  <c r="U139726" i="1"/>
  <c r="U139725" i="1"/>
  <c r="U139724" i="1"/>
  <c r="U139723" i="1"/>
  <c r="U139722" i="1"/>
  <c r="U139721" i="1"/>
  <c r="U139720" i="1"/>
  <c r="U139719" i="1"/>
  <c r="U139718" i="1"/>
  <c r="U139717" i="1"/>
  <c r="U139716" i="1"/>
  <c r="U139715" i="1"/>
  <c r="U139714" i="1"/>
  <c r="U139713" i="1"/>
  <c r="U139712" i="1"/>
  <c r="U139711" i="1"/>
  <c r="U139710" i="1"/>
  <c r="U139709" i="1"/>
  <c r="U139708" i="1"/>
  <c r="U139707" i="1"/>
  <c r="U139706" i="1"/>
  <c r="U139705" i="1"/>
  <c r="U139704" i="1"/>
  <c r="U139703" i="1"/>
  <c r="U139702" i="1"/>
  <c r="U139701" i="1"/>
  <c r="U139700" i="1"/>
  <c r="U139699" i="1"/>
  <c r="U139698" i="1"/>
  <c r="U139697" i="1"/>
  <c r="U139696" i="1"/>
  <c r="U139695" i="1"/>
  <c r="U139694" i="1"/>
  <c r="U139693" i="1"/>
  <c r="U139692" i="1"/>
  <c r="U139691" i="1"/>
  <c r="U139690" i="1"/>
  <c r="U139689" i="1"/>
  <c r="U139688" i="1"/>
  <c r="U139687" i="1"/>
  <c r="U139686" i="1"/>
  <c r="U139685" i="1"/>
  <c r="U139684" i="1"/>
  <c r="U139683" i="1"/>
  <c r="U139682" i="1"/>
  <c r="U139681" i="1"/>
  <c r="U139680" i="1"/>
  <c r="U139679" i="1"/>
  <c r="U139678" i="1"/>
  <c r="U139677" i="1"/>
  <c r="U139676" i="1"/>
  <c r="U139675" i="1"/>
  <c r="U139674" i="1"/>
  <c r="U139673" i="1"/>
  <c r="U139672" i="1"/>
  <c r="U139671" i="1"/>
  <c r="U139670" i="1"/>
  <c r="U139669" i="1"/>
  <c r="U139668" i="1"/>
  <c r="U139667" i="1"/>
  <c r="U139666" i="1"/>
  <c r="U139665" i="1"/>
  <c r="U139664" i="1"/>
  <c r="U139663" i="1"/>
  <c r="U139662" i="1"/>
  <c r="U139661" i="1"/>
  <c r="U139660" i="1"/>
  <c r="U139659" i="1"/>
  <c r="U139658" i="1"/>
  <c r="U139657" i="1"/>
  <c r="U139656" i="1"/>
  <c r="U139655" i="1"/>
  <c r="U139654" i="1"/>
  <c r="U139653" i="1"/>
  <c r="U139652" i="1"/>
  <c r="U139651" i="1"/>
  <c r="U139650" i="1"/>
  <c r="U139649" i="1"/>
  <c r="U139648" i="1"/>
  <c r="U139647" i="1"/>
  <c r="U139646" i="1"/>
  <c r="U139645" i="1"/>
  <c r="U139644" i="1"/>
  <c r="U139643" i="1"/>
  <c r="U139642" i="1"/>
  <c r="U139641" i="1"/>
  <c r="U139640" i="1"/>
  <c r="U139639" i="1"/>
  <c r="U139638" i="1"/>
  <c r="U139637" i="1"/>
  <c r="U139636" i="1"/>
  <c r="U139635" i="1"/>
  <c r="U139634" i="1"/>
  <c r="U139633" i="1"/>
  <c r="U139632" i="1"/>
  <c r="U139631" i="1"/>
  <c r="U139630" i="1"/>
  <c r="U139629" i="1"/>
  <c r="U139628" i="1"/>
  <c r="U139627" i="1"/>
  <c r="U139626" i="1"/>
  <c r="U139625" i="1"/>
  <c r="U139624" i="1"/>
  <c r="U139623" i="1"/>
  <c r="U139622" i="1"/>
  <c r="U139621" i="1"/>
  <c r="U139620" i="1"/>
  <c r="U139619" i="1"/>
  <c r="U139618" i="1"/>
  <c r="U139617" i="1"/>
  <c r="U139616" i="1"/>
  <c r="U139615" i="1"/>
  <c r="U139614" i="1"/>
  <c r="U139613" i="1"/>
  <c r="U139612" i="1"/>
  <c r="U139611" i="1"/>
  <c r="U139610" i="1"/>
  <c r="U139609" i="1"/>
  <c r="U139608" i="1"/>
  <c r="U139607" i="1"/>
  <c r="U139606" i="1"/>
  <c r="U139605" i="1"/>
  <c r="U139604" i="1"/>
  <c r="U139603" i="1"/>
  <c r="U139602" i="1"/>
  <c r="U139601" i="1"/>
  <c r="U139600" i="1"/>
  <c r="U139599" i="1"/>
  <c r="U139598" i="1"/>
  <c r="U139597" i="1"/>
  <c r="U139596" i="1"/>
  <c r="U139595" i="1"/>
  <c r="U139594" i="1"/>
  <c r="U139593" i="1"/>
  <c r="U139592" i="1"/>
  <c r="U139591" i="1"/>
  <c r="U139590" i="1"/>
  <c r="U139589" i="1"/>
  <c r="U139588" i="1"/>
  <c r="U139587" i="1"/>
  <c r="U139586" i="1"/>
  <c r="U139585" i="1"/>
  <c r="U139584" i="1"/>
  <c r="U139583" i="1"/>
  <c r="U139582" i="1"/>
  <c r="U139581" i="1"/>
  <c r="U139580" i="1"/>
  <c r="U139579" i="1"/>
  <c r="U139578" i="1"/>
  <c r="U139577" i="1"/>
  <c r="U139576" i="1"/>
  <c r="U139575" i="1"/>
  <c r="U139574" i="1"/>
  <c r="U139573" i="1"/>
  <c r="U139572" i="1"/>
  <c r="U139571" i="1"/>
  <c r="U139570" i="1"/>
  <c r="U139569" i="1"/>
  <c r="U139568" i="1"/>
  <c r="U139567" i="1"/>
  <c r="U139566" i="1"/>
  <c r="U139565" i="1"/>
  <c r="U139564" i="1"/>
  <c r="U139563" i="1"/>
  <c r="U139562" i="1"/>
  <c r="U139561" i="1"/>
  <c r="U139560" i="1"/>
  <c r="U139559" i="1"/>
  <c r="U139558" i="1"/>
  <c r="U139557" i="1"/>
  <c r="U139556" i="1"/>
  <c r="U139555" i="1"/>
  <c r="U139554" i="1"/>
  <c r="U139553" i="1"/>
  <c r="U139552" i="1"/>
  <c r="U139551" i="1"/>
  <c r="U139550" i="1"/>
  <c r="U139549" i="1"/>
  <c r="U139548" i="1"/>
  <c r="U139547" i="1"/>
  <c r="U139546" i="1"/>
  <c r="U139545" i="1"/>
  <c r="U139544" i="1"/>
  <c r="U139543" i="1"/>
  <c r="U139542" i="1"/>
  <c r="U139541" i="1"/>
  <c r="U139540" i="1"/>
  <c r="U139539" i="1"/>
  <c r="U139538" i="1"/>
  <c r="U139537" i="1"/>
  <c r="U139536" i="1"/>
  <c r="U139535" i="1"/>
  <c r="U139534" i="1"/>
  <c r="U139533" i="1"/>
  <c r="U139532" i="1"/>
  <c r="U139531" i="1"/>
  <c r="U139530" i="1"/>
  <c r="U139529" i="1"/>
  <c r="U139528" i="1"/>
  <c r="U139527" i="1"/>
  <c r="U139526" i="1"/>
  <c r="U139525" i="1"/>
  <c r="U139524" i="1"/>
  <c r="U139523" i="1"/>
  <c r="U139522" i="1"/>
  <c r="U139521" i="1"/>
  <c r="U139520" i="1"/>
  <c r="U139519" i="1"/>
  <c r="U139518" i="1"/>
  <c r="U139517" i="1"/>
  <c r="U139516" i="1"/>
  <c r="U139515" i="1"/>
  <c r="U139514" i="1"/>
  <c r="U139513" i="1"/>
  <c r="U139512" i="1"/>
  <c r="U139511" i="1"/>
  <c r="U139510" i="1"/>
  <c r="U139509" i="1"/>
  <c r="U139508" i="1"/>
  <c r="U139507" i="1"/>
  <c r="U139506" i="1"/>
  <c r="U139505" i="1"/>
  <c r="U139504" i="1"/>
  <c r="U139503" i="1"/>
  <c r="U139502" i="1"/>
  <c r="U139501" i="1"/>
  <c r="U139500" i="1"/>
  <c r="U139499" i="1"/>
  <c r="U139498" i="1"/>
  <c r="U139497" i="1"/>
  <c r="U139496" i="1"/>
  <c r="U139495" i="1"/>
  <c r="U139494" i="1"/>
  <c r="U139493" i="1"/>
  <c r="U139492" i="1"/>
  <c r="U139491" i="1"/>
  <c r="U139490" i="1"/>
  <c r="U139489" i="1"/>
  <c r="U139488" i="1"/>
  <c r="U139487" i="1"/>
  <c r="U139486" i="1"/>
  <c r="U139485" i="1"/>
  <c r="U139484" i="1"/>
  <c r="U139483" i="1"/>
  <c r="U139482" i="1"/>
  <c r="U139481" i="1"/>
  <c r="U139480" i="1"/>
  <c r="U139479" i="1"/>
  <c r="U139478" i="1"/>
  <c r="U139477" i="1"/>
  <c r="U139476" i="1"/>
  <c r="U139475" i="1"/>
  <c r="U139474" i="1"/>
  <c r="U139473" i="1"/>
  <c r="U139472" i="1"/>
  <c r="U139471" i="1"/>
  <c r="U139470" i="1"/>
  <c r="U139469" i="1"/>
  <c r="U139468" i="1"/>
  <c r="U139467" i="1"/>
  <c r="U139466" i="1"/>
  <c r="U139465" i="1"/>
  <c r="U139464" i="1"/>
  <c r="U139463" i="1"/>
  <c r="U139462" i="1"/>
  <c r="U139461" i="1"/>
  <c r="U139460" i="1"/>
  <c r="U139459" i="1"/>
  <c r="U139458" i="1"/>
  <c r="U139457" i="1"/>
  <c r="U139456" i="1"/>
  <c r="U139455" i="1"/>
  <c r="U139454" i="1"/>
  <c r="U139453" i="1"/>
  <c r="U139452" i="1"/>
  <c r="U139451" i="1"/>
  <c r="U139450" i="1"/>
  <c r="U139449" i="1"/>
  <c r="U139448" i="1"/>
  <c r="U139447" i="1"/>
  <c r="U139446" i="1"/>
  <c r="U139445" i="1"/>
  <c r="U139444" i="1"/>
  <c r="U139443" i="1"/>
  <c r="U139442" i="1"/>
  <c r="U139441" i="1"/>
  <c r="U139440" i="1"/>
  <c r="U139439" i="1"/>
  <c r="U139438" i="1"/>
  <c r="U139437" i="1"/>
  <c r="U139436" i="1"/>
  <c r="U139435" i="1"/>
  <c r="U139434" i="1"/>
  <c r="U139433" i="1"/>
  <c r="U139432" i="1"/>
  <c r="U139431" i="1"/>
  <c r="U139430" i="1"/>
  <c r="U139429" i="1"/>
  <c r="U139428" i="1"/>
  <c r="U139427" i="1"/>
  <c r="U139426" i="1"/>
  <c r="U139425" i="1"/>
  <c r="U139424" i="1"/>
  <c r="U139423" i="1"/>
  <c r="U139422" i="1"/>
  <c r="U139421" i="1"/>
  <c r="U139420" i="1"/>
  <c r="U139419" i="1"/>
  <c r="U139418" i="1"/>
  <c r="U139417" i="1"/>
  <c r="U139416" i="1"/>
  <c r="U139415" i="1"/>
  <c r="U139414" i="1"/>
  <c r="U139413" i="1"/>
  <c r="U139412" i="1"/>
  <c r="U139411" i="1"/>
  <c r="U139410" i="1"/>
  <c r="U139409" i="1"/>
  <c r="U139408" i="1"/>
  <c r="U139407" i="1"/>
  <c r="U139406" i="1"/>
  <c r="U139405" i="1"/>
  <c r="U139404" i="1"/>
  <c r="U139403" i="1"/>
  <c r="U139402" i="1"/>
  <c r="U139401" i="1"/>
  <c r="U139400" i="1"/>
  <c r="U139399" i="1"/>
  <c r="U139398" i="1"/>
  <c r="U139397" i="1"/>
  <c r="U139396" i="1"/>
  <c r="U139395" i="1"/>
  <c r="U139394" i="1"/>
  <c r="U139393" i="1"/>
  <c r="U139392" i="1"/>
  <c r="U139391" i="1"/>
  <c r="U139390" i="1"/>
  <c r="U139389" i="1"/>
  <c r="U139388" i="1"/>
  <c r="U139387" i="1"/>
  <c r="U139386" i="1"/>
  <c r="U139385" i="1"/>
  <c r="U139384" i="1"/>
  <c r="U139383" i="1"/>
  <c r="U139382" i="1"/>
  <c r="U139381" i="1"/>
  <c r="U139380" i="1"/>
  <c r="U139379" i="1"/>
  <c r="U139378" i="1"/>
  <c r="U139377" i="1"/>
  <c r="U139376" i="1"/>
  <c r="U139375" i="1"/>
  <c r="U139374" i="1"/>
  <c r="U139373" i="1"/>
  <c r="U139372" i="1"/>
  <c r="U139371" i="1"/>
  <c r="U139370" i="1"/>
  <c r="U139369" i="1"/>
  <c r="U139368" i="1"/>
  <c r="U139367" i="1"/>
  <c r="U139366" i="1"/>
  <c r="U139365" i="1"/>
  <c r="U139364" i="1"/>
  <c r="U139363" i="1"/>
  <c r="U139362" i="1"/>
  <c r="U139361" i="1"/>
  <c r="U139360" i="1"/>
  <c r="U139359" i="1"/>
  <c r="U139358" i="1"/>
  <c r="U139357" i="1"/>
  <c r="U139356" i="1"/>
  <c r="U139355" i="1"/>
  <c r="U139354" i="1"/>
  <c r="U139353" i="1"/>
  <c r="U139352" i="1"/>
  <c r="U139351" i="1"/>
  <c r="U139350" i="1"/>
  <c r="U139349" i="1"/>
  <c r="U139348" i="1"/>
  <c r="U139347" i="1"/>
  <c r="U139346" i="1"/>
  <c r="U139345" i="1"/>
  <c r="U139344" i="1"/>
  <c r="U139343" i="1"/>
  <c r="U139342" i="1"/>
  <c r="U139341" i="1"/>
  <c r="U139340" i="1"/>
  <c r="U139339" i="1"/>
  <c r="U139338" i="1"/>
  <c r="U139337" i="1"/>
  <c r="U139336" i="1"/>
  <c r="U139335" i="1"/>
  <c r="U139334" i="1"/>
  <c r="U139333" i="1"/>
  <c r="U139332" i="1"/>
  <c r="U139331" i="1"/>
  <c r="U139330" i="1"/>
  <c r="U139329" i="1"/>
  <c r="U139328" i="1"/>
  <c r="U139327" i="1"/>
  <c r="U139326" i="1"/>
  <c r="U139325" i="1"/>
  <c r="U139324" i="1"/>
  <c r="U139323" i="1"/>
  <c r="U139322" i="1"/>
  <c r="U139321" i="1"/>
  <c r="U139320" i="1"/>
  <c r="U139319" i="1"/>
  <c r="U139318" i="1"/>
  <c r="U139317" i="1"/>
  <c r="U139316" i="1"/>
  <c r="U139315" i="1"/>
  <c r="U139314" i="1"/>
  <c r="U139313" i="1"/>
  <c r="U139312" i="1"/>
  <c r="U139311" i="1"/>
  <c r="U139310" i="1"/>
  <c r="U139309" i="1"/>
  <c r="U139308" i="1"/>
  <c r="U139307" i="1"/>
  <c r="U139306" i="1"/>
  <c r="U139305" i="1"/>
  <c r="U139304" i="1"/>
  <c r="U139303" i="1"/>
  <c r="U139302" i="1"/>
  <c r="U139301" i="1"/>
  <c r="U139300" i="1"/>
  <c r="U139299" i="1"/>
  <c r="U139298" i="1"/>
  <c r="U139297" i="1"/>
  <c r="U139296" i="1"/>
  <c r="U139295" i="1"/>
  <c r="U139294" i="1"/>
  <c r="U139293" i="1"/>
  <c r="U139292" i="1"/>
  <c r="U139291" i="1"/>
  <c r="U139290" i="1"/>
  <c r="U139289" i="1"/>
  <c r="U139288" i="1"/>
  <c r="U139287" i="1"/>
  <c r="U139286" i="1"/>
  <c r="U139285" i="1"/>
  <c r="U139284" i="1"/>
  <c r="U139283" i="1"/>
  <c r="U139282" i="1"/>
  <c r="U139281" i="1"/>
  <c r="U139280" i="1"/>
  <c r="U139279" i="1"/>
  <c r="U139278" i="1"/>
  <c r="U139277" i="1"/>
  <c r="U139276" i="1"/>
  <c r="U139275" i="1"/>
  <c r="U139274" i="1"/>
  <c r="U139273" i="1"/>
  <c r="U139272" i="1"/>
  <c r="U139271" i="1"/>
  <c r="U139270" i="1"/>
  <c r="U139269" i="1"/>
  <c r="U139268" i="1"/>
  <c r="U139267" i="1"/>
  <c r="U139266" i="1"/>
  <c r="U139265" i="1"/>
  <c r="U139264" i="1"/>
  <c r="U139263" i="1"/>
  <c r="U139262" i="1"/>
  <c r="U139261" i="1"/>
  <c r="U139260" i="1"/>
  <c r="U139259" i="1"/>
  <c r="U139258" i="1"/>
  <c r="U139257" i="1"/>
  <c r="U139256" i="1"/>
  <c r="U139255" i="1"/>
  <c r="U139254" i="1"/>
  <c r="U139253" i="1"/>
  <c r="U139252" i="1"/>
  <c r="U139251" i="1"/>
  <c r="U139250" i="1"/>
  <c r="U139249" i="1"/>
  <c r="U139248" i="1"/>
  <c r="U139247" i="1"/>
  <c r="U139246" i="1"/>
  <c r="U139245" i="1"/>
  <c r="U139244" i="1"/>
  <c r="U139243" i="1"/>
  <c r="U139242" i="1"/>
  <c r="U139241" i="1"/>
  <c r="U139240" i="1"/>
  <c r="U139239" i="1"/>
  <c r="U139238" i="1"/>
  <c r="U139237" i="1"/>
  <c r="U139236" i="1"/>
  <c r="U139235" i="1"/>
  <c r="U139234" i="1"/>
  <c r="U139233" i="1"/>
  <c r="U139232" i="1"/>
  <c r="U139231" i="1"/>
  <c r="U139230" i="1"/>
  <c r="U139229" i="1"/>
  <c r="U139228" i="1"/>
  <c r="U139227" i="1"/>
  <c r="U139226" i="1"/>
  <c r="U139225" i="1"/>
  <c r="U139224" i="1"/>
  <c r="U139223" i="1"/>
  <c r="U139222" i="1"/>
  <c r="U139221" i="1"/>
  <c r="U139220" i="1"/>
  <c r="U139219" i="1"/>
  <c r="U139218" i="1"/>
  <c r="U139217" i="1"/>
  <c r="U139216" i="1"/>
  <c r="U139215" i="1"/>
  <c r="U139214" i="1"/>
  <c r="U139213" i="1"/>
  <c r="U139212" i="1"/>
  <c r="U139211" i="1"/>
  <c r="U139210" i="1"/>
  <c r="U139209" i="1"/>
  <c r="U139208" i="1"/>
  <c r="U139207" i="1"/>
  <c r="U139206" i="1"/>
  <c r="U139205" i="1"/>
  <c r="U139204" i="1"/>
  <c r="U139203" i="1"/>
  <c r="U139202" i="1"/>
  <c r="U139201" i="1"/>
  <c r="U139200" i="1"/>
  <c r="U139199" i="1"/>
  <c r="U139198" i="1"/>
  <c r="U139197" i="1"/>
  <c r="U139196" i="1"/>
  <c r="U139195" i="1"/>
  <c r="U139194" i="1"/>
  <c r="U139193" i="1"/>
  <c r="U139192" i="1"/>
  <c r="U139191" i="1"/>
  <c r="U139190" i="1"/>
  <c r="U139189" i="1"/>
  <c r="U139188" i="1"/>
  <c r="U139187" i="1"/>
  <c r="U139186" i="1"/>
  <c r="U139185" i="1"/>
  <c r="U139184" i="1"/>
  <c r="U139183" i="1"/>
  <c r="U139182" i="1"/>
  <c r="U139181" i="1"/>
  <c r="U139180" i="1"/>
  <c r="U139179" i="1"/>
  <c r="U139178" i="1"/>
  <c r="U139177" i="1"/>
  <c r="U139176" i="1"/>
  <c r="U139175" i="1"/>
  <c r="U139174" i="1"/>
  <c r="U139173" i="1"/>
  <c r="U139172" i="1"/>
  <c r="U139171" i="1"/>
  <c r="U139170" i="1"/>
  <c r="U139169" i="1"/>
  <c r="U139168" i="1"/>
  <c r="U139167" i="1"/>
  <c r="U139166" i="1"/>
  <c r="U139165" i="1"/>
  <c r="U139164" i="1"/>
  <c r="U139163" i="1"/>
  <c r="U139162" i="1"/>
  <c r="U139161" i="1"/>
  <c r="U139160" i="1"/>
  <c r="U139159" i="1"/>
  <c r="U139158" i="1"/>
  <c r="U139157" i="1"/>
  <c r="U139156" i="1"/>
  <c r="U139155" i="1"/>
  <c r="U139154" i="1"/>
  <c r="U139153" i="1"/>
  <c r="U139152" i="1"/>
  <c r="U139151" i="1"/>
  <c r="U139150" i="1"/>
  <c r="U139149" i="1"/>
  <c r="U139148" i="1"/>
  <c r="U139147" i="1"/>
  <c r="U139146" i="1"/>
  <c r="U139145" i="1"/>
  <c r="U139144" i="1"/>
  <c r="U139143" i="1"/>
  <c r="U139142" i="1"/>
  <c r="U139141" i="1"/>
  <c r="U139140" i="1"/>
  <c r="U139139" i="1"/>
  <c r="U139138" i="1"/>
  <c r="U139137" i="1"/>
  <c r="U139136" i="1"/>
  <c r="U139135" i="1"/>
  <c r="U139134" i="1"/>
  <c r="U139133" i="1"/>
  <c r="U139132" i="1"/>
  <c r="U139131" i="1"/>
  <c r="U139130" i="1"/>
  <c r="U139129" i="1"/>
  <c r="U139128" i="1"/>
  <c r="U139127" i="1"/>
  <c r="U139126" i="1"/>
  <c r="U139125" i="1"/>
  <c r="U139124" i="1"/>
  <c r="U139123" i="1"/>
  <c r="U139122" i="1"/>
  <c r="U139121" i="1"/>
  <c r="U139120" i="1"/>
  <c r="U139119" i="1"/>
  <c r="U139118" i="1"/>
  <c r="U139117" i="1"/>
  <c r="U139116" i="1"/>
  <c r="U139115" i="1"/>
  <c r="U139114" i="1"/>
  <c r="U139113" i="1"/>
  <c r="U139112" i="1"/>
  <c r="U139111" i="1"/>
  <c r="U139110" i="1"/>
  <c r="U139109" i="1"/>
  <c r="U139108" i="1"/>
  <c r="U139107" i="1"/>
  <c r="U139106" i="1"/>
  <c r="U139105" i="1"/>
  <c r="U139104" i="1"/>
  <c r="U139103" i="1"/>
  <c r="U139102" i="1"/>
  <c r="U139101" i="1"/>
  <c r="U139100" i="1"/>
  <c r="U139099" i="1"/>
  <c r="U139098" i="1"/>
  <c r="U139097" i="1"/>
  <c r="U139096" i="1"/>
  <c r="U139095" i="1"/>
  <c r="U139094" i="1"/>
  <c r="U139093" i="1"/>
  <c r="U139092" i="1"/>
  <c r="U139091" i="1"/>
  <c r="U139090" i="1"/>
  <c r="U139089" i="1"/>
  <c r="U139088" i="1"/>
  <c r="U139087" i="1"/>
  <c r="U139086" i="1"/>
  <c r="U139085" i="1"/>
  <c r="U139084" i="1"/>
  <c r="U139083" i="1"/>
  <c r="U139082" i="1"/>
  <c r="U139081" i="1"/>
  <c r="U139080" i="1"/>
  <c r="U139079" i="1"/>
  <c r="U139078" i="1"/>
  <c r="U139077" i="1"/>
  <c r="U139076" i="1"/>
  <c r="U139075" i="1"/>
  <c r="U139074" i="1"/>
  <c r="U139073" i="1"/>
  <c r="U139072" i="1"/>
  <c r="U139071" i="1"/>
  <c r="U139070" i="1"/>
  <c r="U139069" i="1"/>
  <c r="U139068" i="1"/>
  <c r="U139067" i="1"/>
  <c r="U139066" i="1"/>
  <c r="U139065" i="1"/>
  <c r="U139064" i="1"/>
  <c r="U139063" i="1"/>
  <c r="U139062" i="1"/>
  <c r="U139061" i="1"/>
  <c r="U139060" i="1"/>
  <c r="U139059" i="1"/>
  <c r="U139058" i="1"/>
  <c r="U139057" i="1"/>
  <c r="U139056" i="1"/>
  <c r="U139055" i="1"/>
  <c r="U139054" i="1"/>
  <c r="U139053" i="1"/>
  <c r="U139052" i="1"/>
  <c r="U139051" i="1"/>
  <c r="U139050" i="1"/>
  <c r="U139049" i="1"/>
  <c r="U139048" i="1"/>
  <c r="U139047" i="1"/>
  <c r="U139046" i="1"/>
  <c r="U139045" i="1"/>
  <c r="U139044" i="1"/>
  <c r="U139043" i="1"/>
  <c r="U139042" i="1"/>
  <c r="U139041" i="1"/>
  <c r="U139040" i="1"/>
  <c r="U139039" i="1"/>
  <c r="U139038" i="1"/>
  <c r="U139037" i="1"/>
  <c r="U139036" i="1"/>
  <c r="U139035" i="1"/>
  <c r="U139034" i="1"/>
  <c r="U139033" i="1"/>
  <c r="U139032" i="1"/>
  <c r="U139031" i="1"/>
  <c r="U139030" i="1"/>
  <c r="U139029" i="1"/>
  <c r="U139028" i="1"/>
  <c r="U139027" i="1"/>
  <c r="U139026" i="1"/>
  <c r="U139025" i="1"/>
  <c r="U139024" i="1"/>
  <c r="U139023" i="1"/>
  <c r="U139022" i="1"/>
  <c r="U139021" i="1"/>
  <c r="U139020" i="1"/>
  <c r="U139019" i="1"/>
  <c r="U139018" i="1"/>
  <c r="U139017" i="1"/>
  <c r="U139016" i="1"/>
  <c r="U139015" i="1"/>
  <c r="U139014" i="1"/>
  <c r="U139013" i="1"/>
  <c r="U139012" i="1"/>
  <c r="U139011" i="1"/>
  <c r="U139010" i="1"/>
  <c r="U139009" i="1"/>
  <c r="U139008" i="1"/>
  <c r="U139007" i="1"/>
  <c r="U139006" i="1"/>
  <c r="U139005" i="1"/>
  <c r="U139004" i="1"/>
  <c r="U139003" i="1"/>
  <c r="U139002" i="1"/>
  <c r="U139001" i="1"/>
  <c r="U139000" i="1"/>
  <c r="U138999" i="1"/>
  <c r="U138998" i="1"/>
  <c r="U138997" i="1"/>
  <c r="U138996" i="1"/>
  <c r="U138995" i="1"/>
  <c r="U138994" i="1"/>
  <c r="U138993" i="1"/>
  <c r="U138992" i="1"/>
  <c r="U138991" i="1"/>
  <c r="U138990" i="1"/>
  <c r="U138989" i="1"/>
  <c r="U138988" i="1"/>
  <c r="U138987" i="1"/>
  <c r="U138986" i="1"/>
  <c r="U138985" i="1"/>
  <c r="U138984" i="1"/>
  <c r="U138983" i="1"/>
  <c r="U138982" i="1"/>
  <c r="U138981" i="1"/>
  <c r="U138980" i="1"/>
  <c r="U138979" i="1"/>
  <c r="U138978" i="1"/>
  <c r="U138977" i="1"/>
  <c r="U138976" i="1"/>
  <c r="U138975" i="1"/>
  <c r="U138974" i="1"/>
  <c r="U138973" i="1"/>
  <c r="U138972" i="1"/>
  <c r="U138971" i="1"/>
  <c r="U138970" i="1"/>
  <c r="U138969" i="1"/>
  <c r="U138968" i="1"/>
  <c r="U138967" i="1"/>
  <c r="U138966" i="1"/>
  <c r="U138965" i="1"/>
  <c r="U138964" i="1"/>
  <c r="U138963" i="1"/>
  <c r="U138962" i="1"/>
  <c r="U138961" i="1"/>
  <c r="U138960" i="1"/>
  <c r="U138959" i="1"/>
  <c r="U138958" i="1"/>
  <c r="U138957" i="1"/>
  <c r="U138956" i="1"/>
  <c r="U138955" i="1"/>
  <c r="U138954" i="1"/>
  <c r="U138953" i="1"/>
  <c r="U138952" i="1"/>
  <c r="U138951" i="1"/>
  <c r="U138950" i="1"/>
  <c r="U138949" i="1"/>
  <c r="U138948" i="1"/>
  <c r="U138947" i="1"/>
  <c r="U138946" i="1"/>
  <c r="U138945" i="1"/>
  <c r="U138944" i="1"/>
  <c r="U138943" i="1"/>
  <c r="U138942" i="1"/>
  <c r="U138941" i="1"/>
  <c r="U138940" i="1"/>
  <c r="U138939" i="1"/>
  <c r="U138938" i="1"/>
  <c r="U138937" i="1"/>
  <c r="U138936" i="1"/>
  <c r="U138935" i="1"/>
  <c r="U138934" i="1"/>
  <c r="U138933" i="1"/>
  <c r="U138932" i="1"/>
  <c r="U138931" i="1"/>
  <c r="U138930" i="1"/>
  <c r="U138929" i="1"/>
  <c r="U138928" i="1"/>
  <c r="U138927" i="1"/>
  <c r="U138926" i="1"/>
  <c r="U138925" i="1"/>
  <c r="U138924" i="1"/>
  <c r="U138923" i="1"/>
  <c r="U138922" i="1"/>
  <c r="U138921" i="1"/>
  <c r="U138920" i="1"/>
  <c r="U138919" i="1"/>
  <c r="U138918" i="1"/>
  <c r="U138917" i="1"/>
  <c r="U138916" i="1"/>
  <c r="U138915" i="1"/>
  <c r="U138914" i="1"/>
  <c r="U138913" i="1"/>
  <c r="U138912" i="1"/>
  <c r="U138911" i="1"/>
  <c r="U138910" i="1"/>
  <c r="U138909" i="1"/>
  <c r="U138908" i="1"/>
  <c r="U138907" i="1"/>
  <c r="U138906" i="1"/>
  <c r="U138905" i="1"/>
  <c r="U138904" i="1"/>
  <c r="U138903" i="1"/>
  <c r="U138902" i="1"/>
  <c r="U138901" i="1"/>
  <c r="U138900" i="1"/>
  <c r="U138899" i="1"/>
  <c r="U138898" i="1"/>
  <c r="U138897" i="1"/>
  <c r="U138896" i="1"/>
  <c r="U138895" i="1"/>
  <c r="U138894" i="1"/>
  <c r="U138893" i="1"/>
  <c r="U138892" i="1"/>
  <c r="U138891" i="1"/>
  <c r="U138890" i="1"/>
  <c r="U138889" i="1"/>
  <c r="U138888" i="1"/>
  <c r="U138887" i="1"/>
  <c r="U138886" i="1"/>
  <c r="U138885" i="1"/>
  <c r="U138884" i="1"/>
  <c r="U138883" i="1"/>
  <c r="U138882" i="1"/>
  <c r="U138881" i="1"/>
  <c r="U138880" i="1"/>
  <c r="U138879" i="1"/>
  <c r="U138878" i="1"/>
  <c r="U138877" i="1"/>
  <c r="U138876" i="1"/>
  <c r="U138875" i="1"/>
  <c r="U138874" i="1"/>
  <c r="U138873" i="1"/>
  <c r="U138872" i="1"/>
  <c r="U138871" i="1"/>
  <c r="U138870" i="1"/>
  <c r="U138869" i="1"/>
  <c r="U138868" i="1"/>
  <c r="U138867" i="1"/>
  <c r="U138866" i="1"/>
  <c r="U138865" i="1"/>
  <c r="U138864" i="1"/>
  <c r="U138863" i="1"/>
  <c r="U138862" i="1"/>
  <c r="U138861" i="1"/>
  <c r="U138860" i="1"/>
  <c r="U138859" i="1"/>
  <c r="U138858" i="1"/>
  <c r="U138857" i="1"/>
  <c r="U138856" i="1"/>
  <c r="U138855" i="1"/>
  <c r="U138854" i="1"/>
  <c r="U138853" i="1"/>
  <c r="U138852" i="1"/>
  <c r="U138851" i="1"/>
  <c r="U138850" i="1"/>
  <c r="U138849" i="1"/>
  <c r="U138848" i="1"/>
  <c r="U138847" i="1"/>
  <c r="U138846" i="1"/>
  <c r="U138845" i="1"/>
  <c r="U138844" i="1"/>
  <c r="U138843" i="1"/>
  <c r="U138842" i="1"/>
  <c r="U138841" i="1"/>
  <c r="U138840" i="1"/>
  <c r="U138839" i="1"/>
  <c r="U138838" i="1"/>
  <c r="U138837" i="1"/>
  <c r="U138836" i="1"/>
  <c r="U138835" i="1"/>
  <c r="U138834" i="1"/>
  <c r="U138833" i="1"/>
  <c r="U138832" i="1"/>
  <c r="U138831" i="1"/>
  <c r="U138830" i="1"/>
  <c r="U138829" i="1"/>
  <c r="U138828" i="1"/>
  <c r="U138827" i="1"/>
  <c r="U138826" i="1"/>
  <c r="U138825" i="1"/>
  <c r="U138824" i="1"/>
  <c r="U138823" i="1"/>
  <c r="U138822" i="1"/>
  <c r="U138821" i="1"/>
  <c r="U138820" i="1"/>
  <c r="U138819" i="1"/>
  <c r="U138818" i="1"/>
  <c r="U138817" i="1"/>
  <c r="U138816" i="1"/>
  <c r="U138815" i="1"/>
  <c r="U138814" i="1"/>
  <c r="U138813" i="1"/>
  <c r="U138812" i="1"/>
  <c r="U138811" i="1"/>
  <c r="U138810" i="1"/>
  <c r="U138809" i="1"/>
  <c r="U138808" i="1"/>
  <c r="U138807" i="1"/>
  <c r="U138806" i="1"/>
  <c r="U138805" i="1"/>
  <c r="U138804" i="1"/>
  <c r="U138803" i="1"/>
  <c r="U138802" i="1"/>
  <c r="U138801" i="1"/>
  <c r="U138800" i="1"/>
  <c r="U138799" i="1"/>
  <c r="U138798" i="1"/>
  <c r="U138797" i="1"/>
  <c r="U138796" i="1"/>
  <c r="U138795" i="1"/>
  <c r="U138794" i="1"/>
  <c r="U138793" i="1"/>
  <c r="U138792" i="1"/>
  <c r="U138791" i="1"/>
  <c r="U138790" i="1"/>
  <c r="U138789" i="1"/>
  <c r="U138788" i="1"/>
  <c r="U138787" i="1"/>
  <c r="U138786" i="1"/>
  <c r="U138785" i="1"/>
  <c r="U138784" i="1"/>
  <c r="U138783" i="1"/>
  <c r="U138782" i="1"/>
  <c r="U138781" i="1"/>
  <c r="U138780" i="1"/>
  <c r="U138779" i="1"/>
  <c r="U138778" i="1"/>
  <c r="U138777" i="1"/>
  <c r="U138776" i="1"/>
  <c r="U138775" i="1"/>
  <c r="U138774" i="1"/>
  <c r="U138773" i="1"/>
  <c r="U138772" i="1"/>
  <c r="U138771" i="1"/>
  <c r="U138770" i="1"/>
  <c r="U138769" i="1"/>
  <c r="U138768" i="1"/>
  <c r="U138767" i="1"/>
  <c r="U138766" i="1"/>
  <c r="U138765" i="1"/>
  <c r="U138764" i="1"/>
  <c r="U138763" i="1"/>
  <c r="U138762" i="1"/>
  <c r="U138761" i="1"/>
  <c r="U138760" i="1"/>
  <c r="U138759" i="1"/>
  <c r="U138758" i="1"/>
  <c r="U138757" i="1"/>
  <c r="U138756" i="1"/>
  <c r="U138755" i="1"/>
  <c r="U138754" i="1"/>
  <c r="U138753" i="1"/>
  <c r="U138752" i="1"/>
  <c r="U138751" i="1"/>
  <c r="U138750" i="1"/>
  <c r="U138749" i="1"/>
  <c r="U138748" i="1"/>
  <c r="U138747" i="1"/>
  <c r="U138746" i="1"/>
  <c r="U138745" i="1"/>
  <c r="U138744" i="1"/>
  <c r="U138743" i="1"/>
  <c r="U138742" i="1"/>
  <c r="U138741" i="1"/>
  <c r="U138740" i="1"/>
  <c r="U138739" i="1"/>
  <c r="U138738" i="1"/>
  <c r="U138737" i="1"/>
  <c r="U138736" i="1"/>
  <c r="U138735" i="1"/>
  <c r="U138734" i="1"/>
  <c r="U138733" i="1"/>
  <c r="U138732" i="1"/>
  <c r="U138731" i="1"/>
  <c r="U138730" i="1"/>
  <c r="U138729" i="1"/>
  <c r="U138728" i="1"/>
  <c r="U138727" i="1"/>
  <c r="U138726" i="1"/>
  <c r="U138725" i="1"/>
  <c r="U138724" i="1"/>
  <c r="U138723" i="1"/>
  <c r="U138722" i="1"/>
  <c r="U138721" i="1"/>
  <c r="U138720" i="1"/>
  <c r="U138719" i="1"/>
  <c r="U138718" i="1"/>
  <c r="U138717" i="1"/>
  <c r="U138716" i="1"/>
  <c r="U138715" i="1"/>
  <c r="U138714" i="1"/>
  <c r="U138713" i="1"/>
  <c r="U138712" i="1"/>
  <c r="U138711" i="1"/>
  <c r="U138710" i="1"/>
  <c r="U138709" i="1"/>
  <c r="U138708" i="1"/>
  <c r="U138707" i="1"/>
  <c r="U138706" i="1"/>
  <c r="U138705" i="1"/>
  <c r="U138704" i="1"/>
  <c r="U138703" i="1"/>
  <c r="U138702" i="1"/>
  <c r="U138701" i="1"/>
  <c r="U138700" i="1"/>
  <c r="U138699" i="1"/>
  <c r="U138698" i="1"/>
  <c r="U138697" i="1"/>
  <c r="U138696" i="1"/>
  <c r="U138695" i="1"/>
  <c r="U138694" i="1"/>
  <c r="U138693" i="1"/>
  <c r="U138692" i="1"/>
  <c r="U138691" i="1"/>
  <c r="U138690" i="1"/>
  <c r="U138689" i="1"/>
  <c r="U138688" i="1"/>
  <c r="U138687" i="1"/>
  <c r="U138686" i="1"/>
  <c r="U138685" i="1"/>
  <c r="U138684" i="1"/>
  <c r="U138683" i="1"/>
  <c r="U138682" i="1"/>
  <c r="U138681" i="1"/>
  <c r="U138680" i="1"/>
  <c r="U138679" i="1"/>
  <c r="U138678" i="1"/>
  <c r="U138677" i="1"/>
  <c r="U138676" i="1"/>
  <c r="U138675" i="1"/>
  <c r="U138674" i="1"/>
  <c r="U138673" i="1"/>
  <c r="U138672" i="1"/>
  <c r="U138671" i="1"/>
  <c r="U138670" i="1"/>
  <c r="U138669" i="1"/>
  <c r="U138668" i="1"/>
  <c r="U138667" i="1"/>
  <c r="U138666" i="1"/>
  <c r="U138665" i="1"/>
  <c r="U138664" i="1"/>
  <c r="U138663" i="1"/>
  <c r="U138662" i="1"/>
  <c r="U138661" i="1"/>
  <c r="U138660" i="1"/>
  <c r="U138659" i="1"/>
  <c r="U138658" i="1"/>
  <c r="U138657" i="1"/>
  <c r="U138656" i="1"/>
  <c r="U138655" i="1"/>
  <c r="U138654" i="1"/>
  <c r="U138653" i="1"/>
  <c r="U138652" i="1"/>
  <c r="U138651" i="1"/>
  <c r="U138650" i="1"/>
  <c r="U138649" i="1"/>
  <c r="U138648" i="1"/>
  <c r="U138647" i="1"/>
  <c r="U138646" i="1"/>
  <c r="U138645" i="1"/>
  <c r="U138644" i="1"/>
  <c r="U138643" i="1"/>
  <c r="U138642" i="1"/>
  <c r="U138641" i="1"/>
  <c r="U138640" i="1"/>
  <c r="U138639" i="1"/>
  <c r="U138638" i="1"/>
  <c r="U138637" i="1"/>
  <c r="U138636" i="1"/>
  <c r="U138635" i="1"/>
  <c r="U138634" i="1"/>
  <c r="U138633" i="1"/>
  <c r="U138632" i="1"/>
  <c r="U138631" i="1"/>
  <c r="U138630" i="1"/>
  <c r="U138629" i="1"/>
  <c r="U138628" i="1"/>
  <c r="U138627" i="1"/>
  <c r="U138626" i="1"/>
  <c r="U138625" i="1"/>
  <c r="U138624" i="1"/>
  <c r="U138623" i="1"/>
  <c r="U138622" i="1"/>
  <c r="U138621" i="1"/>
  <c r="U138620" i="1"/>
  <c r="U138619" i="1"/>
  <c r="U138618" i="1"/>
  <c r="U138617" i="1"/>
  <c r="U138616" i="1"/>
  <c r="U138615" i="1"/>
  <c r="U138614" i="1"/>
  <c r="U138613" i="1"/>
  <c r="U138612" i="1"/>
  <c r="U138611" i="1"/>
  <c r="U138610" i="1"/>
  <c r="U138609" i="1"/>
  <c r="U138608" i="1"/>
  <c r="U138607" i="1"/>
  <c r="U138606" i="1"/>
  <c r="U138605" i="1"/>
  <c r="U138604" i="1"/>
  <c r="U138603" i="1"/>
  <c r="U138602" i="1"/>
  <c r="U138601" i="1"/>
  <c r="U138600" i="1"/>
  <c r="U138599" i="1"/>
  <c r="U138598" i="1"/>
  <c r="U138597" i="1"/>
  <c r="U138596" i="1"/>
  <c r="U138595" i="1"/>
  <c r="U138594" i="1"/>
  <c r="U138593" i="1"/>
  <c r="U138592" i="1"/>
  <c r="U138591" i="1"/>
  <c r="U138590" i="1"/>
  <c r="U138589" i="1"/>
  <c r="U138588" i="1"/>
  <c r="U138587" i="1"/>
  <c r="U138586" i="1"/>
  <c r="U138585" i="1"/>
  <c r="U138584" i="1"/>
  <c r="U138583" i="1"/>
  <c r="U138582" i="1"/>
  <c r="U138581" i="1"/>
  <c r="U138580" i="1"/>
  <c r="U138579" i="1"/>
  <c r="U138578" i="1"/>
  <c r="U138577" i="1"/>
  <c r="U138576" i="1"/>
  <c r="U138575" i="1"/>
  <c r="U138574" i="1"/>
  <c r="U138573" i="1"/>
  <c r="U138572" i="1"/>
  <c r="U138571" i="1"/>
  <c r="U138570" i="1"/>
  <c r="U138569" i="1"/>
  <c r="U138568" i="1"/>
  <c r="U138567" i="1"/>
  <c r="U138566" i="1"/>
  <c r="U138565" i="1"/>
  <c r="U138564" i="1"/>
  <c r="U138563" i="1"/>
  <c r="U138562" i="1"/>
  <c r="U138561" i="1"/>
  <c r="U138560" i="1"/>
  <c r="U138559" i="1"/>
  <c r="U138558" i="1"/>
  <c r="U138557" i="1"/>
  <c r="U138556" i="1"/>
  <c r="U138555" i="1"/>
  <c r="U138554" i="1"/>
  <c r="U138553" i="1"/>
  <c r="U138552" i="1"/>
  <c r="U138551" i="1"/>
  <c r="U138550" i="1"/>
  <c r="U138549" i="1"/>
  <c r="U138548" i="1"/>
  <c r="U138547" i="1"/>
  <c r="U138546" i="1"/>
  <c r="U138545" i="1"/>
  <c r="U138544" i="1"/>
  <c r="U138543" i="1"/>
  <c r="U138542" i="1"/>
  <c r="U138541" i="1"/>
  <c r="U138540" i="1"/>
  <c r="U138539" i="1"/>
  <c r="U138538" i="1"/>
  <c r="U138537" i="1"/>
  <c r="U138536" i="1"/>
  <c r="U138535" i="1"/>
  <c r="U138534" i="1"/>
  <c r="U138533" i="1"/>
  <c r="U138532" i="1"/>
  <c r="U138531" i="1"/>
  <c r="U138530" i="1"/>
  <c r="U138529" i="1"/>
  <c r="U138528" i="1"/>
  <c r="U138527" i="1"/>
  <c r="U138526" i="1"/>
  <c r="U138525" i="1"/>
  <c r="U138524" i="1"/>
  <c r="U138523" i="1"/>
  <c r="U138522" i="1"/>
  <c r="U138521" i="1"/>
  <c r="U138520" i="1"/>
  <c r="U138519" i="1"/>
  <c r="U138518" i="1"/>
  <c r="U138517" i="1"/>
  <c r="U138516" i="1"/>
  <c r="U138515" i="1"/>
  <c r="U138514" i="1"/>
  <c r="U138513" i="1"/>
  <c r="U138512" i="1"/>
  <c r="U138511" i="1"/>
  <c r="U138510" i="1"/>
  <c r="U138509" i="1"/>
  <c r="U138508" i="1"/>
  <c r="U138507" i="1"/>
  <c r="U138506" i="1"/>
  <c r="U138505" i="1"/>
  <c r="U138504" i="1"/>
  <c r="U138503" i="1"/>
  <c r="U138502" i="1"/>
  <c r="U138501" i="1"/>
  <c r="U138500" i="1"/>
  <c r="U138499" i="1"/>
  <c r="U138498" i="1"/>
  <c r="U138497" i="1"/>
  <c r="U138496" i="1"/>
  <c r="U138495" i="1"/>
  <c r="U138494" i="1"/>
  <c r="U138493" i="1"/>
  <c r="U138492" i="1"/>
  <c r="U138491" i="1"/>
  <c r="U138490" i="1"/>
  <c r="U138489" i="1"/>
  <c r="U138488" i="1"/>
  <c r="U138487" i="1"/>
  <c r="U138486" i="1"/>
  <c r="U138485" i="1"/>
  <c r="U138484" i="1"/>
  <c r="U138483" i="1"/>
  <c r="U138482" i="1"/>
  <c r="U138481" i="1"/>
  <c r="U138480" i="1"/>
  <c r="U138479" i="1"/>
  <c r="U138478" i="1"/>
  <c r="U138477" i="1"/>
  <c r="U138476" i="1"/>
  <c r="U138475" i="1"/>
  <c r="U138474" i="1"/>
  <c r="U138473" i="1"/>
  <c r="U138472" i="1"/>
  <c r="U138471" i="1"/>
  <c r="U138470" i="1"/>
  <c r="U138469" i="1"/>
  <c r="U138468" i="1"/>
  <c r="U138467" i="1"/>
  <c r="U138466" i="1"/>
  <c r="U138465" i="1"/>
  <c r="U138464" i="1"/>
  <c r="U138463" i="1"/>
  <c r="U138462" i="1"/>
  <c r="U138461" i="1"/>
  <c r="U138460" i="1"/>
  <c r="U138459" i="1"/>
  <c r="U138458" i="1"/>
  <c r="U138457" i="1"/>
  <c r="U138456" i="1"/>
  <c r="U138455" i="1"/>
  <c r="U138454" i="1"/>
  <c r="U138453" i="1"/>
  <c r="U138452" i="1"/>
  <c r="U138451" i="1"/>
  <c r="U138450" i="1"/>
  <c r="U138449" i="1"/>
  <c r="U138448" i="1"/>
  <c r="U138447" i="1"/>
  <c r="U138446" i="1"/>
  <c r="U138445" i="1"/>
  <c r="U138444" i="1"/>
  <c r="U138443" i="1"/>
  <c r="U138442" i="1"/>
  <c r="U138441" i="1"/>
  <c r="U138440" i="1"/>
  <c r="U138439" i="1"/>
  <c r="U138438" i="1"/>
  <c r="U138437" i="1"/>
  <c r="U138436" i="1"/>
  <c r="U138435" i="1"/>
  <c r="U138434" i="1"/>
  <c r="U138433" i="1"/>
  <c r="U138432" i="1"/>
  <c r="U138431" i="1"/>
  <c r="U138430" i="1"/>
  <c r="U138429" i="1"/>
  <c r="U138428" i="1"/>
  <c r="U138427" i="1"/>
  <c r="U138426" i="1"/>
  <c r="U138425" i="1"/>
  <c r="U138424" i="1"/>
  <c r="U138423" i="1"/>
  <c r="U138422" i="1"/>
  <c r="U138421" i="1"/>
  <c r="U138420" i="1"/>
  <c r="U138419" i="1"/>
  <c r="U138418" i="1"/>
  <c r="U138417" i="1"/>
  <c r="U138416" i="1"/>
  <c r="U138415" i="1"/>
  <c r="U138414" i="1"/>
  <c r="U138413" i="1"/>
  <c r="U138412" i="1"/>
  <c r="U138411" i="1"/>
  <c r="U138410" i="1"/>
  <c r="U138409" i="1"/>
  <c r="U138408" i="1"/>
  <c r="U138407" i="1"/>
  <c r="U138406" i="1"/>
  <c r="U138405" i="1"/>
  <c r="U138404" i="1"/>
  <c r="U138403" i="1"/>
  <c r="U138402" i="1"/>
  <c r="U138401" i="1"/>
  <c r="U138400" i="1"/>
  <c r="U138399" i="1"/>
  <c r="U138398" i="1"/>
  <c r="U138397" i="1"/>
  <c r="U138396" i="1"/>
  <c r="U138395" i="1"/>
  <c r="U138394" i="1"/>
  <c r="U138393" i="1"/>
  <c r="U138392" i="1"/>
  <c r="U138391" i="1"/>
  <c r="U138390" i="1"/>
  <c r="U138389" i="1"/>
  <c r="U138388" i="1"/>
  <c r="U138387" i="1"/>
  <c r="U138386" i="1"/>
  <c r="U138385" i="1"/>
  <c r="U138384" i="1"/>
  <c r="U138383" i="1"/>
  <c r="U138382" i="1"/>
  <c r="U138381" i="1"/>
  <c r="U138380" i="1"/>
  <c r="U138379" i="1"/>
  <c r="U138378" i="1"/>
  <c r="U138377" i="1"/>
  <c r="U138376" i="1"/>
  <c r="U138375" i="1"/>
  <c r="U138374" i="1"/>
  <c r="U138373" i="1"/>
  <c r="U138372" i="1"/>
  <c r="U138371" i="1"/>
  <c r="U138370" i="1"/>
  <c r="U138369" i="1"/>
  <c r="U138368" i="1"/>
  <c r="U138367" i="1"/>
  <c r="U138366" i="1"/>
  <c r="U138365" i="1"/>
  <c r="U138364" i="1"/>
  <c r="U138363" i="1"/>
  <c r="U138362" i="1"/>
  <c r="U138361" i="1"/>
  <c r="U138360" i="1"/>
  <c r="U138359" i="1"/>
  <c r="U138358" i="1"/>
  <c r="U138357" i="1"/>
  <c r="U138356" i="1"/>
  <c r="U138355" i="1"/>
  <c r="U138354" i="1"/>
  <c r="U138353" i="1"/>
  <c r="U138352" i="1"/>
  <c r="U138351" i="1"/>
  <c r="U138350" i="1"/>
  <c r="U138349" i="1"/>
  <c r="U138348" i="1"/>
  <c r="U138347" i="1"/>
  <c r="U138346" i="1"/>
  <c r="U138345" i="1"/>
  <c r="U138344" i="1"/>
  <c r="U138343" i="1"/>
  <c r="U138342" i="1"/>
  <c r="U138341" i="1"/>
  <c r="U138340" i="1"/>
  <c r="U138339" i="1"/>
  <c r="U138338" i="1"/>
  <c r="U138337" i="1"/>
  <c r="U138336" i="1"/>
  <c r="U138335" i="1"/>
  <c r="U138334" i="1"/>
  <c r="U138333" i="1"/>
  <c r="U138332" i="1"/>
  <c r="U138331" i="1"/>
  <c r="U138330" i="1"/>
  <c r="U138329" i="1"/>
  <c r="U138328" i="1"/>
  <c r="U138327" i="1"/>
  <c r="U138326" i="1"/>
  <c r="U138325" i="1"/>
  <c r="U138324" i="1"/>
  <c r="U138323" i="1"/>
  <c r="U138322" i="1"/>
  <c r="U138321" i="1"/>
  <c r="U138320" i="1"/>
  <c r="U138319" i="1"/>
  <c r="U138318" i="1"/>
  <c r="U138317" i="1"/>
  <c r="U138316" i="1"/>
  <c r="U138315" i="1"/>
  <c r="U138314" i="1"/>
  <c r="U138313" i="1"/>
  <c r="U138312" i="1"/>
  <c r="U138311" i="1"/>
  <c r="U138310" i="1"/>
  <c r="U138309" i="1"/>
  <c r="U138308" i="1"/>
  <c r="U138307" i="1"/>
  <c r="U138306" i="1"/>
  <c r="U138305" i="1"/>
  <c r="U138304" i="1"/>
  <c r="U138303" i="1"/>
  <c r="U138302" i="1"/>
  <c r="U138301" i="1"/>
  <c r="U138300" i="1"/>
  <c r="U138299" i="1"/>
  <c r="U138298" i="1"/>
  <c r="U138297" i="1"/>
  <c r="U138296" i="1"/>
  <c r="U138295" i="1"/>
  <c r="U138294" i="1"/>
  <c r="U138293" i="1"/>
  <c r="U138292" i="1"/>
  <c r="U138291" i="1"/>
  <c r="U138290" i="1"/>
  <c r="U138289" i="1"/>
  <c r="U138288" i="1"/>
  <c r="U138287" i="1"/>
  <c r="U138286" i="1"/>
  <c r="U138285" i="1"/>
  <c r="U138284" i="1"/>
  <c r="U138283" i="1"/>
  <c r="U138282" i="1"/>
  <c r="U138281" i="1"/>
  <c r="U138280" i="1"/>
  <c r="U138279" i="1"/>
  <c r="U138278" i="1"/>
  <c r="U138277" i="1"/>
  <c r="U138276" i="1"/>
  <c r="U138275" i="1"/>
  <c r="U138274" i="1"/>
  <c r="U138273" i="1"/>
  <c r="U138272" i="1"/>
  <c r="U138271" i="1"/>
  <c r="U138270" i="1"/>
  <c r="U138269" i="1"/>
  <c r="U138268" i="1"/>
  <c r="U138267" i="1"/>
  <c r="U138266" i="1"/>
  <c r="U138265" i="1"/>
  <c r="U138264" i="1"/>
  <c r="U138263" i="1"/>
  <c r="U138262" i="1"/>
  <c r="U138261" i="1"/>
  <c r="U138260" i="1"/>
  <c r="U138259" i="1"/>
  <c r="U138258" i="1"/>
  <c r="U138257" i="1"/>
  <c r="U138256" i="1"/>
  <c r="U138255" i="1"/>
  <c r="U138254" i="1"/>
  <c r="U138253" i="1"/>
  <c r="U138252" i="1"/>
  <c r="U138251" i="1"/>
  <c r="U138250" i="1"/>
  <c r="U138249" i="1"/>
  <c r="U138248" i="1"/>
  <c r="U138247" i="1"/>
  <c r="U138246" i="1"/>
  <c r="U138245" i="1"/>
  <c r="U138244" i="1"/>
  <c r="U138243" i="1"/>
  <c r="U138242" i="1"/>
  <c r="U138241" i="1"/>
  <c r="U138240" i="1"/>
  <c r="U138239" i="1"/>
  <c r="U138238" i="1"/>
  <c r="U138237" i="1"/>
  <c r="U138236" i="1"/>
  <c r="U138235" i="1"/>
  <c r="U138234" i="1"/>
  <c r="U138233" i="1"/>
  <c r="U138232" i="1"/>
  <c r="U138231" i="1"/>
  <c r="U138230" i="1"/>
  <c r="U138229" i="1"/>
  <c r="U138228" i="1"/>
  <c r="U138227" i="1"/>
  <c r="U138226" i="1"/>
  <c r="U138225" i="1"/>
  <c r="U138224" i="1"/>
  <c r="U138223" i="1"/>
  <c r="U138222" i="1"/>
  <c r="U138221" i="1"/>
  <c r="U138220" i="1"/>
  <c r="U138219" i="1"/>
  <c r="U138218" i="1"/>
  <c r="U138217" i="1"/>
  <c r="U138216" i="1"/>
  <c r="U138215" i="1"/>
  <c r="U138214" i="1"/>
  <c r="U138213" i="1"/>
  <c r="U138212" i="1"/>
  <c r="U138211" i="1"/>
  <c r="U138210" i="1"/>
  <c r="U138209" i="1"/>
  <c r="U138208" i="1"/>
  <c r="U138207" i="1"/>
  <c r="U138206" i="1"/>
  <c r="U138205" i="1"/>
  <c r="U138204" i="1"/>
  <c r="U138203" i="1"/>
  <c r="U138202" i="1"/>
  <c r="U138201" i="1"/>
  <c r="U138200" i="1"/>
  <c r="U138199" i="1"/>
  <c r="U138198" i="1"/>
  <c r="U138197" i="1"/>
  <c r="U138196" i="1"/>
  <c r="U138195" i="1"/>
  <c r="U138194" i="1"/>
  <c r="U138193" i="1"/>
  <c r="U138192" i="1"/>
  <c r="U138191" i="1"/>
  <c r="U138190" i="1"/>
  <c r="U138189" i="1"/>
  <c r="U138188" i="1"/>
  <c r="U138187" i="1"/>
  <c r="U138186" i="1"/>
  <c r="U138185" i="1"/>
  <c r="U138184" i="1"/>
  <c r="U138183" i="1"/>
  <c r="U138182" i="1"/>
  <c r="U138181" i="1"/>
  <c r="U138180" i="1"/>
  <c r="U138179" i="1"/>
  <c r="U138178" i="1"/>
  <c r="U138177" i="1"/>
  <c r="U138176" i="1"/>
  <c r="U138175" i="1"/>
  <c r="U138174" i="1"/>
  <c r="U138173" i="1"/>
  <c r="U138172" i="1"/>
  <c r="U138171" i="1"/>
  <c r="U138170" i="1"/>
  <c r="U138169" i="1"/>
  <c r="U138168" i="1"/>
  <c r="U138167" i="1"/>
  <c r="U138166" i="1"/>
  <c r="U138165" i="1"/>
  <c r="U138164" i="1"/>
  <c r="U138163" i="1"/>
  <c r="U138162" i="1"/>
  <c r="U138161" i="1"/>
  <c r="U138160" i="1"/>
  <c r="U138159" i="1"/>
  <c r="U138158" i="1"/>
  <c r="U138157" i="1"/>
  <c r="U138156" i="1"/>
  <c r="U138155" i="1"/>
  <c r="U138154" i="1"/>
  <c r="U138153" i="1"/>
  <c r="U138152" i="1"/>
  <c r="U138151" i="1"/>
  <c r="U138150" i="1"/>
  <c r="U138149" i="1"/>
  <c r="U138148" i="1"/>
  <c r="U138147" i="1"/>
  <c r="U138146" i="1"/>
  <c r="U138145" i="1"/>
  <c r="U138144" i="1"/>
  <c r="U138143" i="1"/>
  <c r="U138142" i="1"/>
  <c r="U138141" i="1"/>
  <c r="U138140" i="1"/>
  <c r="U138139" i="1"/>
  <c r="U138138" i="1"/>
  <c r="U138137" i="1"/>
  <c r="U138136" i="1"/>
  <c r="U138135" i="1"/>
  <c r="U138134" i="1"/>
  <c r="U138133" i="1"/>
  <c r="U138132" i="1"/>
  <c r="U138131" i="1"/>
  <c r="U138130" i="1"/>
  <c r="U138129" i="1"/>
  <c r="U138128" i="1"/>
  <c r="U138127" i="1"/>
  <c r="U138126" i="1"/>
  <c r="U138125" i="1"/>
  <c r="U138124" i="1"/>
  <c r="U138123" i="1"/>
  <c r="U138122" i="1"/>
  <c r="U138121" i="1"/>
  <c r="U138120" i="1"/>
  <c r="U138119" i="1"/>
  <c r="U138118" i="1"/>
  <c r="U138117" i="1"/>
  <c r="U138116" i="1"/>
  <c r="U138115" i="1"/>
  <c r="U138114" i="1"/>
  <c r="U138113" i="1"/>
  <c r="U138112" i="1"/>
  <c r="U138111" i="1"/>
  <c r="U138110" i="1"/>
  <c r="U138109" i="1"/>
  <c r="U138108" i="1"/>
  <c r="U138107" i="1"/>
  <c r="U138106" i="1"/>
  <c r="U138105" i="1"/>
  <c r="U138104" i="1"/>
  <c r="U138103" i="1"/>
  <c r="U138102" i="1"/>
  <c r="U138101" i="1"/>
  <c r="U138100" i="1"/>
  <c r="U138099" i="1"/>
  <c r="U138098" i="1"/>
  <c r="U138097" i="1"/>
  <c r="U138096" i="1"/>
  <c r="U138095" i="1"/>
  <c r="U138094" i="1"/>
  <c r="U138093" i="1"/>
  <c r="U138092" i="1"/>
  <c r="U138091" i="1"/>
  <c r="U138090" i="1"/>
  <c r="U138089" i="1"/>
  <c r="U138088" i="1"/>
  <c r="U138087" i="1"/>
  <c r="U138086" i="1"/>
  <c r="U138085" i="1"/>
  <c r="U138084" i="1"/>
  <c r="U138083" i="1"/>
  <c r="U138082" i="1"/>
  <c r="U138081" i="1"/>
  <c r="U138080" i="1"/>
  <c r="U138079" i="1"/>
  <c r="U138078" i="1"/>
  <c r="U138077" i="1"/>
  <c r="U138076" i="1"/>
  <c r="U138075" i="1"/>
  <c r="U138074" i="1"/>
  <c r="U138073" i="1"/>
  <c r="U138072" i="1"/>
  <c r="U138071" i="1"/>
  <c r="U138070" i="1"/>
  <c r="U138069" i="1"/>
  <c r="U138068" i="1"/>
  <c r="U138067" i="1"/>
  <c r="U138066" i="1"/>
  <c r="U138065" i="1"/>
  <c r="U138064" i="1"/>
  <c r="U138063" i="1"/>
  <c r="U138062" i="1"/>
  <c r="U138061" i="1"/>
  <c r="U138060" i="1"/>
  <c r="U138059" i="1"/>
  <c r="U138058" i="1"/>
  <c r="U138057" i="1"/>
  <c r="U138056" i="1"/>
  <c r="U138055" i="1"/>
  <c r="U138054" i="1"/>
  <c r="U138053" i="1"/>
  <c r="U138052" i="1"/>
  <c r="U138051" i="1"/>
  <c r="U138050" i="1"/>
  <c r="U138049" i="1"/>
  <c r="U138048" i="1"/>
  <c r="U138047" i="1"/>
  <c r="U138046" i="1"/>
  <c r="U138045" i="1"/>
  <c r="U138044" i="1"/>
  <c r="U138043" i="1"/>
  <c r="U138042" i="1"/>
  <c r="U138041" i="1"/>
  <c r="U138040" i="1"/>
  <c r="U138039" i="1"/>
  <c r="U138038" i="1"/>
  <c r="U138037" i="1"/>
  <c r="U138036" i="1"/>
  <c r="U138035" i="1"/>
  <c r="U138034" i="1"/>
  <c r="U138033" i="1"/>
  <c r="U138032" i="1"/>
  <c r="U138031" i="1"/>
  <c r="U138030" i="1"/>
  <c r="U138029" i="1"/>
  <c r="U138028" i="1"/>
  <c r="U138027" i="1"/>
  <c r="U138026" i="1"/>
  <c r="U138025" i="1"/>
  <c r="U138024" i="1"/>
  <c r="U138023" i="1"/>
  <c r="U138022" i="1"/>
  <c r="U138021" i="1"/>
  <c r="U138020" i="1"/>
  <c r="U138019" i="1"/>
  <c r="U138018" i="1"/>
  <c r="U138017" i="1"/>
  <c r="U138016" i="1"/>
  <c r="U138015" i="1"/>
  <c r="U138014" i="1"/>
  <c r="U138013" i="1"/>
  <c r="U138012" i="1"/>
  <c r="U138011" i="1"/>
  <c r="U138010" i="1"/>
  <c r="U138009" i="1"/>
  <c r="U138008" i="1"/>
  <c r="U138007" i="1"/>
  <c r="U138006" i="1"/>
  <c r="U138005" i="1"/>
  <c r="U138004" i="1"/>
  <c r="U138003" i="1"/>
  <c r="U138002" i="1"/>
  <c r="U138001" i="1"/>
  <c r="U138000" i="1"/>
  <c r="U137999" i="1"/>
  <c r="U137998" i="1"/>
  <c r="U137997" i="1"/>
  <c r="U137996" i="1"/>
  <c r="U137995" i="1"/>
  <c r="U137994" i="1"/>
  <c r="U137993" i="1"/>
  <c r="U137992" i="1"/>
  <c r="U137991" i="1"/>
  <c r="U137990" i="1"/>
  <c r="U137989" i="1"/>
  <c r="U137988" i="1"/>
  <c r="U137987" i="1"/>
  <c r="U137986" i="1"/>
  <c r="U137985" i="1"/>
  <c r="U137984" i="1"/>
  <c r="U137983" i="1"/>
  <c r="U137982" i="1"/>
  <c r="U137981" i="1"/>
  <c r="U137980" i="1"/>
  <c r="U137979" i="1"/>
  <c r="U137978" i="1"/>
  <c r="U137977" i="1"/>
  <c r="U137976" i="1"/>
  <c r="U137975" i="1"/>
  <c r="U137974" i="1"/>
  <c r="U137973" i="1"/>
  <c r="U137972" i="1"/>
  <c r="U137971" i="1"/>
  <c r="U137970" i="1"/>
  <c r="U137969" i="1"/>
  <c r="U137968" i="1"/>
  <c r="U137967" i="1"/>
  <c r="U137966" i="1"/>
  <c r="U137965" i="1"/>
  <c r="U137964" i="1"/>
  <c r="U137963" i="1"/>
  <c r="U137962" i="1"/>
  <c r="U137961" i="1"/>
  <c r="U137960" i="1"/>
  <c r="U137959" i="1"/>
  <c r="U137958" i="1"/>
  <c r="U137957" i="1"/>
  <c r="U137956" i="1"/>
  <c r="U137955" i="1"/>
  <c r="U137954" i="1"/>
  <c r="U137953" i="1"/>
  <c r="U137952" i="1"/>
  <c r="U137951" i="1"/>
  <c r="U137950" i="1"/>
  <c r="U137949" i="1"/>
  <c r="U137948" i="1"/>
  <c r="U137947" i="1"/>
  <c r="U137946" i="1"/>
  <c r="U137945" i="1"/>
  <c r="U137944" i="1"/>
  <c r="U137943" i="1"/>
  <c r="U137942" i="1"/>
  <c r="U137941" i="1"/>
  <c r="U137940" i="1"/>
  <c r="U137939" i="1"/>
  <c r="U137938" i="1"/>
  <c r="U137937" i="1"/>
  <c r="U137936" i="1"/>
  <c r="U137935" i="1"/>
  <c r="U137934" i="1"/>
  <c r="U137933" i="1"/>
  <c r="U137932" i="1"/>
  <c r="U137931" i="1"/>
  <c r="U137930" i="1"/>
  <c r="U137929" i="1"/>
  <c r="U137928" i="1"/>
  <c r="U137927" i="1"/>
  <c r="U137926" i="1"/>
  <c r="U137925" i="1"/>
  <c r="U137924" i="1"/>
  <c r="U137923" i="1"/>
  <c r="U137922" i="1"/>
  <c r="U137921" i="1"/>
  <c r="U137920" i="1"/>
  <c r="U137919" i="1"/>
  <c r="U137918" i="1"/>
  <c r="U137917" i="1"/>
  <c r="U137916" i="1"/>
  <c r="U137915" i="1"/>
  <c r="U137914" i="1"/>
  <c r="U137913" i="1"/>
  <c r="U137912" i="1"/>
  <c r="U137911" i="1"/>
  <c r="U137910" i="1"/>
  <c r="U137909" i="1"/>
  <c r="U137908" i="1"/>
  <c r="U137907" i="1"/>
  <c r="U137906" i="1"/>
  <c r="U137905" i="1"/>
  <c r="U137904" i="1"/>
  <c r="U137903" i="1"/>
  <c r="U137902" i="1"/>
  <c r="U137901" i="1"/>
  <c r="U137900" i="1"/>
  <c r="U137899" i="1"/>
  <c r="U137898" i="1"/>
  <c r="U137897" i="1"/>
  <c r="U137896" i="1"/>
  <c r="U137895" i="1"/>
  <c r="U137894" i="1"/>
  <c r="U137893" i="1"/>
  <c r="U137892" i="1"/>
  <c r="U137891" i="1"/>
  <c r="U137890" i="1"/>
  <c r="U137889" i="1"/>
  <c r="U137888" i="1"/>
  <c r="U137887" i="1"/>
  <c r="U137886" i="1"/>
  <c r="U137885" i="1"/>
  <c r="U137884" i="1"/>
  <c r="U137883" i="1"/>
  <c r="U137882" i="1"/>
  <c r="U137881" i="1"/>
  <c r="U137880" i="1"/>
  <c r="U137879" i="1"/>
  <c r="U137878" i="1"/>
  <c r="U137877" i="1"/>
  <c r="U137876" i="1"/>
  <c r="U137875" i="1"/>
  <c r="U137874" i="1"/>
  <c r="U137873" i="1"/>
  <c r="U137872" i="1"/>
  <c r="U137871" i="1"/>
  <c r="U137870" i="1"/>
  <c r="U137869" i="1"/>
  <c r="U137868" i="1"/>
  <c r="U137867" i="1"/>
  <c r="U137866" i="1"/>
  <c r="U137865" i="1"/>
  <c r="U137864" i="1"/>
  <c r="U137863" i="1"/>
  <c r="U137862" i="1"/>
  <c r="U137861" i="1"/>
  <c r="U137860" i="1"/>
  <c r="U137859" i="1"/>
  <c r="U137858" i="1"/>
  <c r="U137857" i="1"/>
  <c r="U137856" i="1"/>
  <c r="U137855" i="1"/>
  <c r="U137854" i="1"/>
  <c r="U137853" i="1"/>
  <c r="U137852" i="1"/>
  <c r="U137851" i="1"/>
  <c r="U137850" i="1"/>
  <c r="U137849" i="1"/>
  <c r="U137848" i="1"/>
  <c r="U137847" i="1"/>
  <c r="U137846" i="1"/>
  <c r="U137845" i="1"/>
  <c r="U137844" i="1"/>
  <c r="U137843" i="1"/>
  <c r="U137842" i="1"/>
  <c r="U137841" i="1"/>
  <c r="U137840" i="1"/>
  <c r="U137839" i="1"/>
  <c r="U137838" i="1"/>
  <c r="U137837" i="1"/>
  <c r="U137836" i="1"/>
  <c r="U137835" i="1"/>
  <c r="U137834" i="1"/>
  <c r="U137833" i="1"/>
  <c r="U137832" i="1"/>
  <c r="U137831" i="1"/>
  <c r="U137830" i="1"/>
  <c r="U137829" i="1"/>
  <c r="U137828" i="1"/>
  <c r="U137827" i="1"/>
  <c r="U137826" i="1"/>
  <c r="U137825" i="1"/>
  <c r="U137824" i="1"/>
  <c r="U137823" i="1"/>
  <c r="U137822" i="1"/>
  <c r="U137821" i="1"/>
  <c r="U137820" i="1"/>
  <c r="U137819" i="1"/>
  <c r="U137818" i="1"/>
  <c r="U137817" i="1"/>
  <c r="U137816" i="1"/>
  <c r="U137815" i="1"/>
  <c r="U137814" i="1"/>
  <c r="U137813" i="1"/>
  <c r="U137812" i="1"/>
  <c r="U137811" i="1"/>
  <c r="U137810" i="1"/>
  <c r="U137809" i="1"/>
  <c r="U137808" i="1"/>
  <c r="U137807" i="1"/>
  <c r="U137806" i="1"/>
  <c r="U137805" i="1"/>
  <c r="U137804" i="1"/>
  <c r="U137803" i="1"/>
  <c r="U137802" i="1"/>
  <c r="U137801" i="1"/>
  <c r="U137800" i="1"/>
  <c r="U137799" i="1"/>
  <c r="U137798" i="1"/>
  <c r="U137797" i="1"/>
  <c r="U137796" i="1"/>
  <c r="U137795" i="1"/>
  <c r="U137794" i="1"/>
  <c r="U137793" i="1"/>
  <c r="U137792" i="1"/>
  <c r="U137791" i="1"/>
  <c r="U137790" i="1"/>
  <c r="U137789" i="1"/>
  <c r="U137788" i="1"/>
  <c r="U137787" i="1"/>
  <c r="U137786" i="1"/>
  <c r="U137785" i="1"/>
  <c r="U137784" i="1"/>
  <c r="U137783" i="1"/>
  <c r="U137782" i="1"/>
  <c r="U137781" i="1"/>
  <c r="U137780" i="1"/>
  <c r="U137779" i="1"/>
  <c r="U137778" i="1"/>
  <c r="U137777" i="1"/>
  <c r="U137776" i="1"/>
  <c r="U137775" i="1"/>
  <c r="U137774" i="1"/>
  <c r="U137773" i="1"/>
  <c r="U137772" i="1"/>
  <c r="U137771" i="1"/>
  <c r="U137770" i="1"/>
  <c r="U137769" i="1"/>
  <c r="U137768" i="1"/>
  <c r="U137767" i="1"/>
  <c r="U137766" i="1"/>
  <c r="U137765" i="1"/>
  <c r="U137764" i="1"/>
  <c r="U137763" i="1"/>
  <c r="U137762" i="1"/>
  <c r="U137761" i="1"/>
  <c r="U137760" i="1"/>
  <c r="U137759" i="1"/>
  <c r="U137758" i="1"/>
  <c r="U137757" i="1"/>
  <c r="U137756" i="1"/>
  <c r="U137755" i="1"/>
  <c r="U137754" i="1"/>
  <c r="U137753" i="1"/>
  <c r="U137752" i="1"/>
  <c r="U137751" i="1"/>
  <c r="U137750" i="1"/>
  <c r="U137749" i="1"/>
  <c r="U137748" i="1"/>
  <c r="U137747" i="1"/>
  <c r="U137746" i="1"/>
  <c r="U137745" i="1"/>
  <c r="U137744" i="1"/>
  <c r="U137743" i="1"/>
  <c r="U137742" i="1"/>
  <c r="U137741" i="1"/>
  <c r="U137740" i="1"/>
  <c r="U137739" i="1"/>
  <c r="U137738" i="1"/>
  <c r="U137737" i="1"/>
  <c r="U137736" i="1"/>
  <c r="U137735" i="1"/>
  <c r="U137734" i="1"/>
  <c r="U137733" i="1"/>
  <c r="U137732" i="1"/>
  <c r="U137731" i="1"/>
  <c r="U137730" i="1"/>
  <c r="U137729" i="1"/>
  <c r="U137728" i="1"/>
  <c r="U137727" i="1"/>
  <c r="U137726" i="1"/>
  <c r="U137725" i="1"/>
  <c r="U137724" i="1"/>
  <c r="U137723" i="1"/>
  <c r="U137722" i="1"/>
  <c r="U137721" i="1"/>
  <c r="U137720" i="1"/>
  <c r="U137719" i="1"/>
  <c r="U137718" i="1"/>
  <c r="U137717" i="1"/>
  <c r="U137716" i="1"/>
  <c r="U137715" i="1"/>
  <c r="U137714" i="1"/>
  <c r="U137713" i="1"/>
  <c r="U137712" i="1"/>
  <c r="U137711" i="1"/>
  <c r="U137710" i="1"/>
  <c r="U137709" i="1"/>
  <c r="U137708" i="1"/>
  <c r="U137707" i="1"/>
  <c r="U137706" i="1"/>
  <c r="U137705" i="1"/>
  <c r="U137704" i="1"/>
  <c r="U137703" i="1"/>
  <c r="U137702" i="1"/>
  <c r="U137701" i="1"/>
  <c r="U137700" i="1"/>
  <c r="U137699" i="1"/>
  <c r="U137698" i="1"/>
  <c r="U137697" i="1"/>
  <c r="U137696" i="1"/>
  <c r="U137695" i="1"/>
  <c r="U137694" i="1"/>
  <c r="U137693" i="1"/>
  <c r="U137692" i="1"/>
  <c r="U137691" i="1"/>
  <c r="U137690" i="1"/>
  <c r="U137689" i="1"/>
  <c r="U137688" i="1"/>
  <c r="U137687" i="1"/>
  <c r="U137686" i="1"/>
  <c r="U137685" i="1"/>
  <c r="U137684" i="1"/>
  <c r="U137683" i="1"/>
  <c r="U137682" i="1"/>
  <c r="U137681" i="1"/>
  <c r="U137680" i="1"/>
  <c r="U137679" i="1"/>
  <c r="U137678" i="1"/>
  <c r="U137677" i="1"/>
  <c r="U137676" i="1"/>
  <c r="U137675" i="1"/>
  <c r="U137674" i="1"/>
  <c r="U137673" i="1"/>
  <c r="U137672" i="1"/>
  <c r="U137671" i="1"/>
  <c r="U137670" i="1"/>
  <c r="U137669" i="1"/>
  <c r="U137668" i="1"/>
  <c r="U137667" i="1"/>
  <c r="U137666" i="1"/>
  <c r="U137665" i="1"/>
  <c r="U137664" i="1"/>
  <c r="U137663" i="1"/>
  <c r="U137662" i="1"/>
  <c r="U137661" i="1"/>
  <c r="U137660" i="1"/>
  <c r="U137659" i="1"/>
  <c r="U137658" i="1"/>
  <c r="U137657" i="1"/>
  <c r="U137656" i="1"/>
  <c r="U137655" i="1"/>
  <c r="U137654" i="1"/>
  <c r="U137653" i="1"/>
  <c r="U137652" i="1"/>
  <c r="U137651" i="1"/>
  <c r="U137650" i="1"/>
  <c r="U137649" i="1"/>
  <c r="U137648" i="1"/>
  <c r="U137647" i="1"/>
  <c r="U137646" i="1"/>
  <c r="U137645" i="1"/>
  <c r="U137644" i="1"/>
  <c r="U137643" i="1"/>
  <c r="U137642" i="1"/>
  <c r="U137641" i="1"/>
  <c r="U137640" i="1"/>
  <c r="U137639" i="1"/>
  <c r="U137638" i="1"/>
  <c r="U137637" i="1"/>
  <c r="U137636" i="1"/>
  <c r="U137635" i="1"/>
  <c r="U137634" i="1"/>
  <c r="U137633" i="1"/>
  <c r="U137632" i="1"/>
  <c r="U137631" i="1"/>
  <c r="U137630" i="1"/>
  <c r="U137629" i="1"/>
  <c r="U137628" i="1"/>
  <c r="U137627" i="1"/>
  <c r="U137626" i="1"/>
  <c r="U137625" i="1"/>
  <c r="U137624" i="1"/>
  <c r="U137623" i="1"/>
  <c r="U137622" i="1"/>
  <c r="U137621" i="1"/>
  <c r="U137620" i="1"/>
  <c r="U137619" i="1"/>
  <c r="U137618" i="1"/>
  <c r="U137617" i="1"/>
  <c r="U137616" i="1"/>
  <c r="U137615" i="1"/>
  <c r="U137614" i="1"/>
  <c r="U137613" i="1"/>
  <c r="U137612" i="1"/>
  <c r="U137611" i="1"/>
  <c r="U137610" i="1"/>
  <c r="U137609" i="1"/>
  <c r="U137608" i="1"/>
  <c r="U137607" i="1"/>
  <c r="U137606" i="1"/>
  <c r="U137605" i="1"/>
  <c r="U137604" i="1"/>
  <c r="U137603" i="1"/>
  <c r="U137602" i="1"/>
  <c r="U137601" i="1"/>
  <c r="U137600" i="1"/>
  <c r="U137599" i="1"/>
  <c r="U137598" i="1"/>
  <c r="U137597" i="1"/>
  <c r="U137596" i="1"/>
  <c r="U137595" i="1"/>
  <c r="U137594" i="1"/>
  <c r="U137593" i="1"/>
  <c r="U137592" i="1"/>
  <c r="U137591" i="1"/>
  <c r="U137590" i="1"/>
  <c r="U137589" i="1"/>
  <c r="U137588" i="1"/>
  <c r="U137587" i="1"/>
  <c r="U137586" i="1"/>
  <c r="U137585" i="1"/>
  <c r="U137584" i="1"/>
  <c r="U137583" i="1"/>
  <c r="U137582" i="1"/>
  <c r="U137581" i="1"/>
  <c r="U137580" i="1"/>
  <c r="U137579" i="1"/>
  <c r="U137578" i="1"/>
  <c r="U137577" i="1"/>
  <c r="U137576" i="1"/>
  <c r="U137575" i="1"/>
  <c r="U137574" i="1"/>
  <c r="U137573" i="1"/>
  <c r="U137572" i="1"/>
  <c r="U137571" i="1"/>
  <c r="U137570" i="1"/>
  <c r="U137569" i="1"/>
  <c r="U137568" i="1"/>
  <c r="U137567" i="1"/>
  <c r="U137566" i="1"/>
  <c r="U137565" i="1"/>
  <c r="U137564" i="1"/>
  <c r="U137563" i="1"/>
  <c r="U137562" i="1"/>
  <c r="U137561" i="1"/>
  <c r="U137560" i="1"/>
  <c r="U137559" i="1"/>
  <c r="U137558" i="1"/>
  <c r="U137557" i="1"/>
  <c r="U137556" i="1"/>
  <c r="U137555" i="1"/>
  <c r="U137554" i="1"/>
  <c r="U137553" i="1"/>
  <c r="U137552" i="1"/>
  <c r="U137551" i="1"/>
  <c r="U137550" i="1"/>
  <c r="U137549" i="1"/>
  <c r="U137548" i="1"/>
  <c r="U137547" i="1"/>
  <c r="U137546" i="1"/>
  <c r="U137545" i="1"/>
  <c r="U137544" i="1"/>
  <c r="U137543" i="1"/>
  <c r="U137542" i="1"/>
  <c r="U137541" i="1"/>
  <c r="U137540" i="1"/>
  <c r="U137539" i="1"/>
  <c r="U137538" i="1"/>
  <c r="U137537" i="1"/>
  <c r="U137536" i="1"/>
  <c r="U137535" i="1"/>
  <c r="U137534" i="1"/>
  <c r="U137533" i="1"/>
  <c r="U137532" i="1"/>
  <c r="U137531" i="1"/>
  <c r="U137530" i="1"/>
  <c r="U137529" i="1"/>
  <c r="U137528" i="1"/>
  <c r="U137527" i="1"/>
  <c r="U137526" i="1"/>
  <c r="U137525" i="1"/>
  <c r="U137524" i="1"/>
  <c r="U137523" i="1"/>
  <c r="U137522" i="1"/>
  <c r="U137521" i="1"/>
  <c r="U137520" i="1"/>
  <c r="U137519" i="1"/>
  <c r="U137518" i="1"/>
  <c r="U137517" i="1"/>
  <c r="U137516" i="1"/>
  <c r="U137515" i="1"/>
  <c r="U137514" i="1"/>
  <c r="U137513" i="1"/>
  <c r="U137512" i="1"/>
  <c r="U137511" i="1"/>
  <c r="U137510" i="1"/>
  <c r="U137509" i="1"/>
  <c r="U137508" i="1"/>
  <c r="U137507" i="1"/>
  <c r="U137506" i="1"/>
  <c r="U137505" i="1"/>
  <c r="U137504" i="1"/>
  <c r="U137503" i="1"/>
  <c r="U137502" i="1"/>
  <c r="U137501" i="1"/>
  <c r="U137500" i="1"/>
  <c r="U137499" i="1"/>
  <c r="U137498" i="1"/>
  <c r="U137497" i="1"/>
  <c r="U137496" i="1"/>
  <c r="U137495" i="1"/>
  <c r="U137494" i="1"/>
  <c r="U137493" i="1"/>
  <c r="U137492" i="1"/>
  <c r="U137491" i="1"/>
  <c r="U137490" i="1"/>
  <c r="U137489" i="1"/>
  <c r="U137488" i="1"/>
  <c r="U137487" i="1"/>
  <c r="U137486" i="1"/>
  <c r="U137485" i="1"/>
  <c r="U137484" i="1"/>
  <c r="U137483" i="1"/>
  <c r="U137482" i="1"/>
  <c r="U137481" i="1"/>
  <c r="U137480" i="1"/>
  <c r="U137479" i="1"/>
  <c r="U137478" i="1"/>
  <c r="U137477" i="1"/>
  <c r="U137476" i="1"/>
  <c r="U137475" i="1"/>
  <c r="U137474" i="1"/>
  <c r="U137473" i="1"/>
  <c r="U137472" i="1"/>
  <c r="U137471" i="1"/>
  <c r="U137470" i="1"/>
  <c r="U137469" i="1"/>
  <c r="U137468" i="1"/>
  <c r="U137467" i="1"/>
  <c r="U137466" i="1"/>
  <c r="U137465" i="1"/>
  <c r="U137464" i="1"/>
  <c r="U137463" i="1"/>
  <c r="U137462" i="1"/>
  <c r="U137461" i="1"/>
  <c r="U137460" i="1"/>
  <c r="U137459" i="1"/>
  <c r="U137458" i="1"/>
  <c r="U137457" i="1"/>
  <c r="U137456" i="1"/>
  <c r="U137455" i="1"/>
  <c r="U137454" i="1"/>
  <c r="U137453" i="1"/>
  <c r="U137452" i="1"/>
  <c r="U137451" i="1"/>
  <c r="U137450" i="1"/>
  <c r="U137449" i="1"/>
  <c r="U137448" i="1"/>
  <c r="U137447" i="1"/>
  <c r="U137446" i="1"/>
  <c r="U137445" i="1"/>
  <c r="U137444" i="1"/>
  <c r="U137443" i="1"/>
  <c r="U137442" i="1"/>
  <c r="U137441" i="1"/>
  <c r="U137440" i="1"/>
  <c r="U137439" i="1"/>
  <c r="U137438" i="1"/>
  <c r="U137437" i="1"/>
  <c r="U137436" i="1"/>
  <c r="U137435" i="1"/>
  <c r="U137434" i="1"/>
  <c r="U137433" i="1"/>
  <c r="U137432" i="1"/>
  <c r="U137431" i="1"/>
  <c r="U137430" i="1"/>
  <c r="U137429" i="1"/>
  <c r="U137428" i="1"/>
  <c r="U137427" i="1"/>
  <c r="U137426" i="1"/>
  <c r="U137425" i="1"/>
  <c r="U137424" i="1"/>
  <c r="U137423" i="1"/>
  <c r="U137422" i="1"/>
  <c r="U137421" i="1"/>
  <c r="U137420" i="1"/>
  <c r="U137419" i="1"/>
  <c r="U137418" i="1"/>
  <c r="U137417" i="1"/>
  <c r="U137416" i="1"/>
  <c r="U137415" i="1"/>
  <c r="U137414" i="1"/>
  <c r="U137413" i="1"/>
  <c r="U137412" i="1"/>
  <c r="U137411" i="1"/>
  <c r="U137410" i="1"/>
  <c r="U137409" i="1"/>
  <c r="U137408" i="1"/>
  <c r="U137407" i="1"/>
  <c r="U137406" i="1"/>
  <c r="U137405" i="1"/>
  <c r="U137404" i="1"/>
  <c r="U137403" i="1"/>
  <c r="U137402" i="1"/>
  <c r="U137401" i="1"/>
  <c r="U137400" i="1"/>
  <c r="U137399" i="1"/>
  <c r="U137398" i="1"/>
  <c r="U137397" i="1"/>
  <c r="U137396" i="1"/>
  <c r="U137395" i="1"/>
  <c r="U137394" i="1"/>
  <c r="U137393" i="1"/>
  <c r="U137392" i="1"/>
  <c r="U137391" i="1"/>
  <c r="U137390" i="1"/>
  <c r="U137389" i="1"/>
  <c r="U137388" i="1"/>
  <c r="U137387" i="1"/>
  <c r="U137386" i="1"/>
  <c r="U137385" i="1"/>
  <c r="U137384" i="1"/>
  <c r="U137383" i="1"/>
  <c r="U137382" i="1"/>
  <c r="U137381" i="1"/>
  <c r="U137380" i="1"/>
  <c r="U137379" i="1"/>
  <c r="U137378" i="1"/>
  <c r="U137377" i="1"/>
  <c r="U137376" i="1"/>
  <c r="U137375" i="1"/>
  <c r="U137374" i="1"/>
  <c r="U137373" i="1"/>
  <c r="U137372" i="1"/>
  <c r="U137371" i="1"/>
  <c r="U137370" i="1"/>
  <c r="U137369" i="1"/>
  <c r="U137368" i="1"/>
  <c r="U137367" i="1"/>
  <c r="U137366" i="1"/>
  <c r="U137365" i="1"/>
  <c r="U137364" i="1"/>
  <c r="U137363" i="1"/>
  <c r="U137362" i="1"/>
  <c r="U137361" i="1"/>
  <c r="U137360" i="1"/>
  <c r="U137359" i="1"/>
  <c r="U137358" i="1"/>
  <c r="U137357" i="1"/>
  <c r="U137356" i="1"/>
  <c r="U137355" i="1"/>
  <c r="U137354" i="1"/>
  <c r="U137353" i="1"/>
  <c r="U137352" i="1"/>
  <c r="U137351" i="1"/>
  <c r="U137350" i="1"/>
  <c r="U137349" i="1"/>
  <c r="U137348" i="1"/>
  <c r="U137347" i="1"/>
  <c r="U137346" i="1"/>
  <c r="U137345" i="1"/>
  <c r="U137344" i="1"/>
  <c r="U137343" i="1"/>
  <c r="U137342" i="1"/>
  <c r="U137341" i="1"/>
  <c r="U137340" i="1"/>
  <c r="U137339" i="1"/>
  <c r="U137338" i="1"/>
  <c r="U137337" i="1"/>
  <c r="U137336" i="1"/>
  <c r="U137335" i="1"/>
  <c r="U137334" i="1"/>
  <c r="U137333" i="1"/>
  <c r="U137332" i="1"/>
  <c r="U137331" i="1"/>
  <c r="U137330" i="1"/>
  <c r="U137329" i="1"/>
  <c r="U137328" i="1"/>
  <c r="U137327" i="1"/>
  <c r="U137326" i="1"/>
  <c r="U137325" i="1"/>
  <c r="U137324" i="1"/>
  <c r="U137323" i="1"/>
  <c r="U137322" i="1"/>
  <c r="U137321" i="1"/>
  <c r="U137320" i="1"/>
  <c r="U137319" i="1"/>
  <c r="U137318" i="1"/>
  <c r="U137317" i="1"/>
  <c r="U137316" i="1"/>
  <c r="U137315" i="1"/>
  <c r="U137314" i="1"/>
  <c r="U137313" i="1"/>
  <c r="U137312" i="1"/>
  <c r="U137311" i="1"/>
  <c r="U137310" i="1"/>
  <c r="U137309" i="1"/>
  <c r="U137308" i="1"/>
  <c r="U137307" i="1"/>
  <c r="U137306" i="1"/>
  <c r="U137305" i="1"/>
  <c r="U137304" i="1"/>
  <c r="U137303" i="1"/>
  <c r="U137302" i="1"/>
  <c r="U137301" i="1"/>
  <c r="U137300" i="1"/>
  <c r="U137299" i="1"/>
  <c r="U137298" i="1"/>
  <c r="U137297" i="1"/>
  <c r="U137296" i="1"/>
  <c r="U137295" i="1"/>
  <c r="U137294" i="1"/>
  <c r="U137293" i="1"/>
  <c r="U137292" i="1"/>
  <c r="U137291" i="1"/>
  <c r="U137290" i="1"/>
  <c r="U137289" i="1"/>
  <c r="U137288" i="1"/>
  <c r="U137287" i="1"/>
  <c r="U137286" i="1"/>
  <c r="U137285" i="1"/>
  <c r="U137284" i="1"/>
  <c r="U137283" i="1"/>
  <c r="U137282" i="1"/>
  <c r="U137281" i="1"/>
  <c r="U137280" i="1"/>
  <c r="U137279" i="1"/>
  <c r="U137278" i="1"/>
  <c r="U137277" i="1"/>
  <c r="U137276" i="1"/>
  <c r="U137275" i="1"/>
  <c r="U137274" i="1"/>
  <c r="U137273" i="1"/>
  <c r="U137272" i="1"/>
  <c r="U137271" i="1"/>
  <c r="U137270" i="1"/>
  <c r="U137269" i="1"/>
  <c r="U137268" i="1"/>
  <c r="U137267" i="1"/>
  <c r="U137266" i="1"/>
  <c r="U137265" i="1"/>
  <c r="U137264" i="1"/>
  <c r="U137263" i="1"/>
  <c r="U137262" i="1"/>
  <c r="U137261" i="1"/>
  <c r="U137260" i="1"/>
  <c r="U137259" i="1"/>
  <c r="U137258" i="1"/>
  <c r="U137257" i="1"/>
  <c r="U137256" i="1"/>
  <c r="U137255" i="1"/>
  <c r="U137254" i="1"/>
  <c r="U137253" i="1"/>
  <c r="U137252" i="1"/>
  <c r="U137251" i="1"/>
  <c r="U137250" i="1"/>
  <c r="U137249" i="1"/>
  <c r="U137248" i="1"/>
  <c r="U137247" i="1"/>
  <c r="U137246" i="1"/>
  <c r="U137245" i="1"/>
  <c r="U137244" i="1"/>
  <c r="U137243" i="1"/>
  <c r="U137242" i="1"/>
  <c r="U137241" i="1"/>
  <c r="U137240" i="1"/>
  <c r="U137239" i="1"/>
  <c r="U137238" i="1"/>
  <c r="U137237" i="1"/>
  <c r="U137236" i="1"/>
  <c r="U137235" i="1"/>
  <c r="U137234" i="1"/>
  <c r="U137233" i="1"/>
  <c r="U137232" i="1"/>
  <c r="U137231" i="1"/>
  <c r="U137230" i="1"/>
  <c r="U137229" i="1"/>
  <c r="U137228" i="1"/>
  <c r="U137227" i="1"/>
  <c r="U137226" i="1"/>
  <c r="U137225" i="1"/>
  <c r="U137224" i="1"/>
  <c r="U137223" i="1"/>
  <c r="U137222" i="1"/>
  <c r="U137221" i="1"/>
  <c r="U137220" i="1"/>
  <c r="U137219" i="1"/>
  <c r="U137218" i="1"/>
  <c r="U137217" i="1"/>
  <c r="U137216" i="1"/>
  <c r="U137215" i="1"/>
  <c r="U137214" i="1"/>
  <c r="U137213" i="1"/>
  <c r="U137212" i="1"/>
  <c r="U137211" i="1"/>
  <c r="U137210" i="1"/>
  <c r="U137209" i="1"/>
  <c r="U137208" i="1"/>
  <c r="U137207" i="1"/>
  <c r="U137206" i="1"/>
  <c r="U137205" i="1"/>
  <c r="U137204" i="1"/>
  <c r="U137203" i="1"/>
  <c r="U137202" i="1"/>
  <c r="U137201" i="1"/>
  <c r="U137200" i="1"/>
  <c r="U137199" i="1"/>
  <c r="U137198" i="1"/>
  <c r="U137197" i="1"/>
  <c r="U137196" i="1"/>
  <c r="U137195" i="1"/>
  <c r="U137194" i="1"/>
  <c r="U137193" i="1"/>
  <c r="U137192" i="1"/>
  <c r="U137191" i="1"/>
  <c r="U137190" i="1"/>
  <c r="U137189" i="1"/>
  <c r="U137188" i="1"/>
  <c r="U137187" i="1"/>
  <c r="U137186" i="1"/>
  <c r="U137185" i="1"/>
  <c r="U137184" i="1"/>
  <c r="U137183" i="1"/>
  <c r="U137182" i="1"/>
  <c r="U137181" i="1"/>
  <c r="U137180" i="1"/>
  <c r="U137179" i="1"/>
  <c r="U137178" i="1"/>
  <c r="U137177" i="1"/>
  <c r="U137176" i="1"/>
  <c r="U137175" i="1"/>
  <c r="U137174" i="1"/>
  <c r="U137173" i="1"/>
  <c r="U137172" i="1"/>
  <c r="U137171" i="1"/>
  <c r="U137170" i="1"/>
  <c r="U137169" i="1"/>
  <c r="U137168" i="1"/>
  <c r="U137167" i="1"/>
  <c r="U137166" i="1"/>
  <c r="U137165" i="1"/>
  <c r="U137164" i="1"/>
  <c r="U137163" i="1"/>
  <c r="U137162" i="1"/>
  <c r="U137161" i="1"/>
  <c r="U137160" i="1"/>
  <c r="U137159" i="1"/>
  <c r="U137158" i="1"/>
  <c r="U137157" i="1"/>
  <c r="U137156" i="1"/>
  <c r="U137155" i="1"/>
  <c r="U137154" i="1"/>
  <c r="U137153" i="1"/>
  <c r="U137152" i="1"/>
  <c r="U137151" i="1"/>
  <c r="U137150" i="1"/>
  <c r="U137149" i="1"/>
  <c r="U137148" i="1"/>
  <c r="U137147" i="1"/>
  <c r="U137146" i="1"/>
  <c r="U137145" i="1"/>
  <c r="U137144" i="1"/>
  <c r="U137143" i="1"/>
  <c r="U137142" i="1"/>
  <c r="U137141" i="1"/>
  <c r="U137140" i="1"/>
  <c r="U137139" i="1"/>
  <c r="U137138" i="1"/>
  <c r="U137137" i="1"/>
  <c r="U137136" i="1"/>
  <c r="U137135" i="1"/>
  <c r="U137134" i="1"/>
  <c r="U137133" i="1"/>
  <c r="U137132" i="1"/>
  <c r="U137131" i="1"/>
  <c r="U137130" i="1"/>
  <c r="U137129" i="1"/>
  <c r="U137128" i="1"/>
  <c r="U137127" i="1"/>
  <c r="U137126" i="1"/>
  <c r="U137125" i="1"/>
  <c r="U137124" i="1"/>
  <c r="U137123" i="1"/>
  <c r="U137122" i="1"/>
  <c r="U137121" i="1"/>
  <c r="U137120" i="1"/>
  <c r="U137119" i="1"/>
  <c r="U137118" i="1"/>
  <c r="U137117" i="1"/>
  <c r="U137116" i="1"/>
  <c r="U137115" i="1"/>
  <c r="U137114" i="1"/>
  <c r="U137113" i="1"/>
  <c r="U137112" i="1"/>
  <c r="U137111" i="1"/>
  <c r="U137110" i="1"/>
  <c r="U137109" i="1"/>
  <c r="U137108" i="1"/>
  <c r="U137107" i="1"/>
  <c r="U137106" i="1"/>
  <c r="U137105" i="1"/>
  <c r="U137104" i="1"/>
  <c r="U137103" i="1"/>
  <c r="U137102" i="1"/>
  <c r="U137101" i="1"/>
  <c r="U137100" i="1"/>
  <c r="U137099" i="1"/>
  <c r="U137098" i="1"/>
  <c r="U137097" i="1"/>
  <c r="U137096" i="1"/>
  <c r="U137095" i="1"/>
  <c r="U137094" i="1"/>
  <c r="U137093" i="1"/>
  <c r="U137092" i="1"/>
  <c r="U137091" i="1"/>
  <c r="U137090" i="1"/>
  <c r="U137089" i="1"/>
  <c r="U137088" i="1"/>
  <c r="U137087" i="1"/>
  <c r="U137086" i="1"/>
  <c r="U137085" i="1"/>
  <c r="U137084" i="1"/>
  <c r="U137083" i="1"/>
  <c r="U137082" i="1"/>
  <c r="U137081" i="1"/>
  <c r="U137080" i="1"/>
  <c r="U137079" i="1"/>
  <c r="U137078" i="1"/>
  <c r="U137077" i="1"/>
  <c r="U137076" i="1"/>
  <c r="U137075" i="1"/>
  <c r="U137074" i="1"/>
  <c r="U137073" i="1"/>
  <c r="U137072" i="1"/>
  <c r="U137071" i="1"/>
  <c r="U137070" i="1"/>
  <c r="U137069" i="1"/>
  <c r="U137068" i="1"/>
  <c r="U137067" i="1"/>
  <c r="U137066" i="1"/>
  <c r="U137065" i="1"/>
  <c r="U137064" i="1"/>
  <c r="U137063" i="1"/>
  <c r="U137062" i="1"/>
  <c r="U137061" i="1"/>
  <c r="U137060" i="1"/>
  <c r="U137059" i="1"/>
  <c r="U137058" i="1"/>
  <c r="U137057" i="1"/>
  <c r="U137056" i="1"/>
  <c r="U137055" i="1"/>
  <c r="U137054" i="1"/>
  <c r="U137053" i="1"/>
  <c r="U137052" i="1"/>
  <c r="U137051" i="1"/>
  <c r="U137050" i="1"/>
  <c r="U137049" i="1"/>
  <c r="U137048" i="1"/>
  <c r="U137047" i="1"/>
  <c r="U137046" i="1"/>
  <c r="U137045" i="1"/>
  <c r="U137044" i="1"/>
  <c r="U137043" i="1"/>
  <c r="U137042" i="1"/>
  <c r="U137041" i="1"/>
  <c r="U137040" i="1"/>
  <c r="U137039" i="1"/>
  <c r="U137038" i="1"/>
  <c r="U137037" i="1"/>
  <c r="U137036" i="1"/>
  <c r="U137035" i="1"/>
  <c r="U137034" i="1"/>
  <c r="U137033" i="1"/>
  <c r="U137032" i="1"/>
  <c r="U137031" i="1"/>
  <c r="U137030" i="1"/>
  <c r="U137029" i="1"/>
  <c r="U137028" i="1"/>
  <c r="U137027" i="1"/>
  <c r="U137026" i="1"/>
  <c r="U137025" i="1"/>
  <c r="U137024" i="1"/>
  <c r="U137023" i="1"/>
  <c r="U137022" i="1"/>
  <c r="U137021" i="1"/>
  <c r="U137020" i="1"/>
  <c r="U137019" i="1"/>
  <c r="U137018" i="1"/>
  <c r="U137017" i="1"/>
  <c r="U137016" i="1"/>
  <c r="U137015" i="1"/>
  <c r="U137014" i="1"/>
  <c r="U137013" i="1"/>
  <c r="U137012" i="1"/>
  <c r="U137011" i="1"/>
  <c r="U137010" i="1"/>
  <c r="U137009" i="1"/>
  <c r="U137008" i="1"/>
  <c r="U137007" i="1"/>
  <c r="U137006" i="1"/>
  <c r="U137005" i="1"/>
  <c r="U137004" i="1"/>
  <c r="U137003" i="1"/>
  <c r="U137002" i="1"/>
  <c r="U137001" i="1"/>
  <c r="U137000" i="1"/>
  <c r="U136999" i="1"/>
  <c r="U136998" i="1"/>
  <c r="U136997" i="1"/>
  <c r="U136996" i="1"/>
  <c r="U136995" i="1"/>
  <c r="U136994" i="1"/>
  <c r="U136993" i="1"/>
  <c r="U136992" i="1"/>
  <c r="U136991" i="1"/>
  <c r="U136990" i="1"/>
  <c r="U136989" i="1"/>
  <c r="U136988" i="1"/>
  <c r="U136987" i="1"/>
  <c r="U136986" i="1"/>
  <c r="U136985" i="1"/>
  <c r="U136984" i="1"/>
  <c r="U136983" i="1"/>
  <c r="U136982" i="1"/>
  <c r="U136981" i="1"/>
  <c r="U136980" i="1"/>
  <c r="U136979" i="1"/>
  <c r="U136978" i="1"/>
  <c r="U136977" i="1"/>
  <c r="U136976" i="1"/>
  <c r="U136975" i="1"/>
  <c r="U136974" i="1"/>
  <c r="U136973" i="1"/>
  <c r="U136972" i="1"/>
  <c r="U136971" i="1"/>
  <c r="U136970" i="1"/>
  <c r="U136969" i="1"/>
  <c r="U136968" i="1"/>
  <c r="U136967" i="1"/>
  <c r="U136966" i="1"/>
  <c r="U136965" i="1"/>
  <c r="U136964" i="1"/>
  <c r="U136963" i="1"/>
  <c r="U136962" i="1"/>
  <c r="U136961" i="1"/>
  <c r="U136960" i="1"/>
  <c r="U136959" i="1"/>
  <c r="U136958" i="1"/>
  <c r="U136957" i="1"/>
  <c r="U136956" i="1"/>
  <c r="U136955" i="1"/>
  <c r="U136954" i="1"/>
  <c r="U136953" i="1"/>
  <c r="U136952" i="1"/>
  <c r="U136951" i="1"/>
  <c r="U136950" i="1"/>
  <c r="U136949" i="1"/>
  <c r="U136948" i="1"/>
  <c r="U136947" i="1"/>
  <c r="U136946" i="1"/>
  <c r="U136945" i="1"/>
  <c r="U136944" i="1"/>
  <c r="U136943" i="1"/>
  <c r="U136942" i="1"/>
  <c r="U136941" i="1"/>
  <c r="U136940" i="1"/>
  <c r="U136939" i="1"/>
  <c r="U136938" i="1"/>
  <c r="U136937" i="1"/>
  <c r="U136936" i="1"/>
  <c r="U136935" i="1"/>
  <c r="U136934" i="1"/>
  <c r="U136933" i="1"/>
  <c r="U136932" i="1"/>
  <c r="U136931" i="1"/>
  <c r="U136930" i="1"/>
  <c r="U136929" i="1"/>
  <c r="U136928" i="1"/>
  <c r="U136927" i="1"/>
  <c r="U136926" i="1"/>
  <c r="U136925" i="1"/>
  <c r="U136924" i="1"/>
  <c r="U136923" i="1"/>
  <c r="U136922" i="1"/>
  <c r="U136921" i="1"/>
  <c r="U136920" i="1"/>
  <c r="U136919" i="1"/>
  <c r="U136918" i="1"/>
  <c r="U136917" i="1"/>
  <c r="U136916" i="1"/>
  <c r="U136915" i="1"/>
  <c r="U136914" i="1"/>
  <c r="U136913" i="1"/>
  <c r="U136912" i="1"/>
  <c r="U136911" i="1"/>
  <c r="U136910" i="1"/>
  <c r="U136909" i="1"/>
  <c r="U136908" i="1"/>
  <c r="U136907" i="1"/>
  <c r="U136906" i="1"/>
  <c r="U136905" i="1"/>
  <c r="U136904" i="1"/>
  <c r="U136903" i="1"/>
  <c r="U136902" i="1"/>
  <c r="U136901" i="1"/>
  <c r="U136900" i="1"/>
  <c r="U136899" i="1"/>
  <c r="U136898" i="1"/>
  <c r="U136897" i="1"/>
  <c r="U136896" i="1"/>
  <c r="U136895" i="1"/>
  <c r="U136894" i="1"/>
  <c r="U136893" i="1"/>
  <c r="U136892" i="1"/>
  <c r="U136891" i="1"/>
  <c r="U136890" i="1"/>
  <c r="U136889" i="1"/>
  <c r="U136888" i="1"/>
  <c r="U136887" i="1"/>
  <c r="U136886" i="1"/>
  <c r="U136885" i="1"/>
  <c r="U136884" i="1"/>
  <c r="U136883" i="1"/>
  <c r="U136882" i="1"/>
  <c r="U136881" i="1"/>
  <c r="U136880" i="1"/>
  <c r="U136879" i="1"/>
  <c r="U136878" i="1"/>
  <c r="U136877" i="1"/>
  <c r="U136876" i="1"/>
  <c r="U136875" i="1"/>
  <c r="U136874" i="1"/>
  <c r="U136873" i="1"/>
  <c r="U136872" i="1"/>
  <c r="U136871" i="1"/>
  <c r="U136870" i="1"/>
  <c r="U136869" i="1"/>
  <c r="U136868" i="1"/>
  <c r="U136867" i="1"/>
  <c r="U136866" i="1"/>
  <c r="U136865" i="1"/>
  <c r="U136864" i="1"/>
  <c r="U136863" i="1"/>
  <c r="U136862" i="1"/>
  <c r="U136861" i="1"/>
  <c r="U136860" i="1"/>
  <c r="U136859" i="1"/>
  <c r="U136858" i="1"/>
  <c r="U136857" i="1"/>
  <c r="U136856" i="1"/>
  <c r="U136855" i="1"/>
  <c r="U136854" i="1"/>
  <c r="U136853" i="1"/>
  <c r="U136852" i="1"/>
  <c r="U136851" i="1"/>
  <c r="U136850" i="1"/>
  <c r="U136849" i="1"/>
  <c r="U136848" i="1"/>
  <c r="U136847" i="1"/>
  <c r="U136846" i="1"/>
  <c r="U136845" i="1"/>
  <c r="U136844" i="1"/>
  <c r="U136843" i="1"/>
  <c r="U136842" i="1"/>
  <c r="U136841" i="1"/>
  <c r="U136840" i="1"/>
  <c r="U136839" i="1"/>
  <c r="U136838" i="1"/>
  <c r="U136837" i="1"/>
  <c r="U136836" i="1"/>
  <c r="U136835" i="1"/>
  <c r="U136834" i="1"/>
  <c r="U136833" i="1"/>
  <c r="U136832" i="1"/>
  <c r="U136831" i="1"/>
  <c r="U136830" i="1"/>
  <c r="U136829" i="1"/>
  <c r="U136828" i="1"/>
  <c r="U136827" i="1"/>
  <c r="U136826" i="1"/>
  <c r="U136825" i="1"/>
  <c r="U136824" i="1"/>
  <c r="U136823" i="1"/>
  <c r="U136822" i="1"/>
  <c r="U136821" i="1"/>
  <c r="U136820" i="1"/>
  <c r="U136819" i="1"/>
  <c r="U136818" i="1"/>
  <c r="U136817" i="1"/>
  <c r="U136816" i="1"/>
  <c r="U136815" i="1"/>
  <c r="U136814" i="1"/>
  <c r="U136813" i="1"/>
  <c r="U136812" i="1"/>
  <c r="U136811" i="1"/>
  <c r="U136810" i="1"/>
  <c r="U136809" i="1"/>
  <c r="U136808" i="1"/>
  <c r="U136807" i="1"/>
  <c r="U136806" i="1"/>
  <c r="U136805" i="1"/>
  <c r="U136804" i="1"/>
  <c r="U136803" i="1"/>
  <c r="U136802" i="1"/>
  <c r="U136801" i="1"/>
  <c r="U136800" i="1"/>
  <c r="U136799" i="1"/>
  <c r="U136798" i="1"/>
  <c r="U136797" i="1"/>
  <c r="U136796" i="1"/>
  <c r="U136795" i="1"/>
  <c r="U136794" i="1"/>
  <c r="U136793" i="1"/>
  <c r="U136792" i="1"/>
  <c r="U136791" i="1"/>
  <c r="U136790" i="1"/>
  <c r="U136789" i="1"/>
  <c r="U136788" i="1"/>
  <c r="U136787" i="1"/>
  <c r="U136786" i="1"/>
  <c r="U136785" i="1"/>
  <c r="U136784" i="1"/>
  <c r="U136783" i="1"/>
  <c r="U136782" i="1"/>
  <c r="U136781" i="1"/>
  <c r="U136780" i="1"/>
  <c r="U136779" i="1"/>
  <c r="U136778" i="1"/>
  <c r="U136777" i="1"/>
  <c r="U136776" i="1"/>
  <c r="U136775" i="1"/>
  <c r="U136774" i="1"/>
  <c r="U136773" i="1"/>
  <c r="U136772" i="1"/>
  <c r="U136771" i="1"/>
  <c r="U136770" i="1"/>
  <c r="U136769" i="1"/>
  <c r="U136768" i="1"/>
  <c r="U136767" i="1"/>
  <c r="U136766" i="1"/>
  <c r="U136765" i="1"/>
  <c r="U136764" i="1"/>
  <c r="U136763" i="1"/>
  <c r="U136762" i="1"/>
  <c r="U136761" i="1"/>
  <c r="U136760" i="1"/>
  <c r="U136759" i="1"/>
  <c r="U136758" i="1"/>
  <c r="U136757" i="1"/>
  <c r="U136756" i="1"/>
  <c r="U136755" i="1"/>
  <c r="U136754" i="1"/>
  <c r="U136753" i="1"/>
  <c r="U136752" i="1"/>
  <c r="U136751" i="1"/>
  <c r="U136750" i="1"/>
  <c r="U136749" i="1"/>
  <c r="U136748" i="1"/>
  <c r="U136747" i="1"/>
  <c r="U136746" i="1"/>
  <c r="U136745" i="1"/>
  <c r="U136744" i="1"/>
  <c r="U136743" i="1"/>
  <c r="U136742" i="1"/>
  <c r="U136741" i="1"/>
  <c r="U136740" i="1"/>
  <c r="U136739" i="1"/>
  <c r="U136738" i="1"/>
  <c r="U136737" i="1"/>
  <c r="U136736" i="1"/>
  <c r="U136735" i="1"/>
  <c r="U136734" i="1"/>
  <c r="U136733" i="1"/>
  <c r="U136732" i="1"/>
  <c r="U136731" i="1"/>
  <c r="U136730" i="1"/>
  <c r="U136729" i="1"/>
  <c r="U136728" i="1"/>
  <c r="U136727" i="1"/>
  <c r="U136726" i="1"/>
  <c r="U136725" i="1"/>
  <c r="U136724" i="1"/>
  <c r="U136723" i="1"/>
  <c r="U136722" i="1"/>
  <c r="U136721" i="1"/>
  <c r="U136720" i="1"/>
  <c r="U136719" i="1"/>
  <c r="U136718" i="1"/>
  <c r="U136717" i="1"/>
  <c r="U136716" i="1"/>
  <c r="U136715" i="1"/>
  <c r="U136714" i="1"/>
  <c r="U136713" i="1"/>
  <c r="U136712" i="1"/>
  <c r="U136711" i="1"/>
  <c r="U136710" i="1"/>
  <c r="U136709" i="1"/>
  <c r="U136708" i="1"/>
  <c r="U136707" i="1"/>
  <c r="U136706" i="1"/>
  <c r="U136705" i="1"/>
  <c r="U136704" i="1"/>
  <c r="U136703" i="1"/>
  <c r="U136702" i="1"/>
  <c r="U136701" i="1"/>
  <c r="U136700" i="1"/>
  <c r="U136699" i="1"/>
  <c r="U136698" i="1"/>
  <c r="U136697" i="1"/>
  <c r="U136696" i="1"/>
  <c r="U136695" i="1"/>
  <c r="U136694" i="1"/>
  <c r="U136693" i="1"/>
  <c r="U136692" i="1"/>
  <c r="U136691" i="1"/>
  <c r="U136690" i="1"/>
  <c r="U136689" i="1"/>
  <c r="U136688" i="1"/>
  <c r="U136687" i="1"/>
  <c r="U136686" i="1"/>
  <c r="U136685" i="1"/>
  <c r="U136684" i="1"/>
  <c r="U136683" i="1"/>
  <c r="U136682" i="1"/>
  <c r="U136681" i="1"/>
  <c r="U136680" i="1"/>
  <c r="U136679" i="1"/>
  <c r="U136678" i="1"/>
  <c r="U136677" i="1"/>
  <c r="U136676" i="1"/>
  <c r="U136675" i="1"/>
  <c r="U136674" i="1"/>
  <c r="U136673" i="1"/>
  <c r="U136672" i="1"/>
  <c r="U136671" i="1"/>
  <c r="U136670" i="1"/>
  <c r="U136669" i="1"/>
  <c r="U136668" i="1"/>
  <c r="U136667" i="1"/>
  <c r="U136666" i="1"/>
  <c r="U136665" i="1"/>
  <c r="U136664" i="1"/>
  <c r="U136663" i="1"/>
  <c r="U136662" i="1"/>
  <c r="U136661" i="1"/>
  <c r="U136660" i="1"/>
  <c r="U136659" i="1"/>
  <c r="U136658" i="1"/>
  <c r="U136657" i="1"/>
  <c r="U136656" i="1"/>
  <c r="U136655" i="1"/>
  <c r="U136654" i="1"/>
  <c r="U136653" i="1"/>
  <c r="U136652" i="1"/>
  <c r="U136651" i="1"/>
  <c r="U136650" i="1"/>
  <c r="U136649" i="1"/>
  <c r="U136648" i="1"/>
  <c r="U136647" i="1"/>
  <c r="U136646" i="1"/>
  <c r="U136645" i="1"/>
  <c r="U136644" i="1"/>
  <c r="U136643" i="1"/>
  <c r="U136642" i="1"/>
  <c r="U136641" i="1"/>
  <c r="U136640" i="1"/>
  <c r="U136639" i="1"/>
  <c r="U136638" i="1"/>
  <c r="U136637" i="1"/>
  <c r="U136636" i="1"/>
  <c r="U136635" i="1"/>
  <c r="U136634" i="1"/>
  <c r="U136633" i="1"/>
  <c r="U136632" i="1"/>
  <c r="U136631" i="1"/>
  <c r="U136630" i="1"/>
  <c r="U136629" i="1"/>
  <c r="U136628" i="1"/>
  <c r="U136627" i="1"/>
  <c r="U136626" i="1"/>
  <c r="U136625" i="1"/>
  <c r="U136624" i="1"/>
  <c r="U136623" i="1"/>
  <c r="U136622" i="1"/>
  <c r="U136621" i="1"/>
  <c r="U136620" i="1"/>
  <c r="U136619" i="1"/>
  <c r="U136618" i="1"/>
  <c r="U136617" i="1"/>
  <c r="U136616" i="1"/>
  <c r="U136615" i="1"/>
  <c r="U136614" i="1"/>
  <c r="U136613" i="1"/>
  <c r="U136612" i="1"/>
  <c r="U136611" i="1"/>
  <c r="U136610" i="1"/>
  <c r="U136609" i="1"/>
  <c r="U136608" i="1"/>
  <c r="U136607" i="1"/>
  <c r="U136606" i="1"/>
  <c r="U136605" i="1"/>
  <c r="U136604" i="1"/>
  <c r="U136603" i="1"/>
  <c r="U136602" i="1"/>
  <c r="U136601" i="1"/>
  <c r="U136600" i="1"/>
  <c r="U136599" i="1"/>
  <c r="U136598" i="1"/>
  <c r="U136597" i="1"/>
  <c r="U136596" i="1"/>
  <c r="U136595" i="1"/>
  <c r="U136594" i="1"/>
  <c r="U136593" i="1"/>
  <c r="U136592" i="1"/>
  <c r="U136591" i="1"/>
  <c r="U136590" i="1"/>
  <c r="U136589" i="1"/>
  <c r="U136588" i="1"/>
  <c r="U136587" i="1"/>
  <c r="U136586" i="1"/>
  <c r="U136585" i="1"/>
  <c r="U136584" i="1"/>
  <c r="U136583" i="1"/>
  <c r="U136582" i="1"/>
  <c r="U136581" i="1"/>
  <c r="U136580" i="1"/>
  <c r="U136579" i="1"/>
  <c r="U136578" i="1"/>
  <c r="U136577" i="1"/>
  <c r="U136576" i="1"/>
  <c r="U136575" i="1"/>
  <c r="U136574" i="1"/>
  <c r="U136573" i="1"/>
  <c r="U136572" i="1"/>
  <c r="U136571" i="1"/>
  <c r="U136570" i="1"/>
  <c r="U136569" i="1"/>
  <c r="U136568" i="1"/>
  <c r="U136567" i="1"/>
  <c r="U136566" i="1"/>
  <c r="U136565" i="1"/>
  <c r="U136564" i="1"/>
  <c r="U136563" i="1"/>
  <c r="U136562" i="1"/>
  <c r="U136561" i="1"/>
  <c r="U136560" i="1"/>
  <c r="U136559" i="1"/>
  <c r="U136558" i="1"/>
  <c r="U136557" i="1"/>
  <c r="U136556" i="1"/>
  <c r="U136555" i="1"/>
  <c r="U136554" i="1"/>
  <c r="U136553" i="1"/>
  <c r="U136552" i="1"/>
  <c r="U136551" i="1"/>
  <c r="U136550" i="1"/>
  <c r="U136549" i="1"/>
  <c r="U136548" i="1"/>
  <c r="U136547" i="1"/>
  <c r="U136546" i="1"/>
  <c r="U136545" i="1"/>
  <c r="U136544" i="1"/>
  <c r="U136543" i="1"/>
  <c r="U136542" i="1"/>
  <c r="U136541" i="1"/>
  <c r="U136540" i="1"/>
  <c r="U136539" i="1"/>
  <c r="U136538" i="1"/>
  <c r="U136537" i="1"/>
  <c r="U136536" i="1"/>
  <c r="U136535" i="1"/>
  <c r="U136534" i="1"/>
  <c r="U136533" i="1"/>
  <c r="U136532" i="1"/>
  <c r="U136531" i="1"/>
  <c r="U136530" i="1"/>
  <c r="U136529" i="1"/>
  <c r="U136528" i="1"/>
  <c r="U136527" i="1"/>
  <c r="U136526" i="1"/>
  <c r="U136525" i="1"/>
  <c r="U136524" i="1"/>
  <c r="U136523" i="1"/>
  <c r="U136522" i="1"/>
  <c r="U136521" i="1"/>
  <c r="U136520" i="1"/>
  <c r="U136519" i="1"/>
  <c r="U136518" i="1"/>
  <c r="U136517" i="1"/>
  <c r="U136516" i="1"/>
  <c r="U136515" i="1"/>
  <c r="U136514" i="1"/>
  <c r="U136513" i="1"/>
  <c r="U136512" i="1"/>
  <c r="U136511" i="1"/>
  <c r="U136510" i="1"/>
  <c r="U136509" i="1"/>
  <c r="U136508" i="1"/>
  <c r="U136507" i="1"/>
  <c r="U136506" i="1"/>
  <c r="U136505" i="1"/>
  <c r="U136504" i="1"/>
  <c r="U136503" i="1"/>
  <c r="U136502" i="1"/>
  <c r="U136501" i="1"/>
  <c r="U136500" i="1"/>
  <c r="U136499" i="1"/>
  <c r="U136498" i="1"/>
  <c r="U136497" i="1"/>
  <c r="U136496" i="1"/>
  <c r="U136495" i="1"/>
  <c r="U136494" i="1"/>
  <c r="U136493" i="1"/>
  <c r="U136492" i="1"/>
  <c r="U136491" i="1"/>
  <c r="U136490" i="1"/>
  <c r="U136489" i="1"/>
  <c r="U136488" i="1"/>
  <c r="U136487" i="1"/>
  <c r="U136486" i="1"/>
  <c r="U136485" i="1"/>
  <c r="U136484" i="1"/>
  <c r="U136483" i="1"/>
  <c r="U136482" i="1"/>
  <c r="U136481" i="1"/>
  <c r="U136480" i="1"/>
  <c r="U136479" i="1"/>
  <c r="U136478" i="1"/>
  <c r="U136477" i="1"/>
  <c r="U136476" i="1"/>
  <c r="U136475" i="1"/>
  <c r="U136474" i="1"/>
  <c r="U136473" i="1"/>
  <c r="U136472" i="1"/>
  <c r="U136471" i="1"/>
  <c r="U136470" i="1"/>
  <c r="U136469" i="1"/>
  <c r="U136468" i="1"/>
  <c r="U136467" i="1"/>
  <c r="U136466" i="1"/>
  <c r="U136465" i="1"/>
  <c r="U136464" i="1"/>
  <c r="U136463" i="1"/>
  <c r="U136462" i="1"/>
  <c r="U136461" i="1"/>
  <c r="U136460" i="1"/>
  <c r="U136459" i="1"/>
  <c r="U136458" i="1"/>
  <c r="U136457" i="1"/>
  <c r="U136456" i="1"/>
  <c r="U136455" i="1"/>
  <c r="U136454" i="1"/>
  <c r="U136453" i="1"/>
  <c r="U136452" i="1"/>
  <c r="U136451" i="1"/>
  <c r="U136450" i="1"/>
  <c r="U136449" i="1"/>
  <c r="U136448" i="1"/>
  <c r="U136447" i="1"/>
  <c r="U136446" i="1"/>
  <c r="U136445" i="1"/>
  <c r="U136444" i="1"/>
  <c r="U136443" i="1"/>
  <c r="U136442" i="1"/>
  <c r="U136441" i="1"/>
  <c r="U136440" i="1"/>
  <c r="U136439" i="1"/>
  <c r="U136438" i="1"/>
  <c r="U136437" i="1"/>
  <c r="U136436" i="1"/>
  <c r="U136435" i="1"/>
  <c r="U136434" i="1"/>
  <c r="U136433" i="1"/>
  <c r="U136432" i="1"/>
  <c r="U136431" i="1"/>
  <c r="U136430" i="1"/>
  <c r="U136429" i="1"/>
  <c r="U136428" i="1"/>
  <c r="U136427" i="1"/>
  <c r="U136426" i="1"/>
  <c r="U136425" i="1"/>
  <c r="U136424" i="1"/>
  <c r="U136423" i="1"/>
  <c r="U136422" i="1"/>
  <c r="U136421" i="1"/>
  <c r="U136420" i="1"/>
  <c r="U136419" i="1"/>
  <c r="U136418" i="1"/>
  <c r="U136417" i="1"/>
  <c r="U136416" i="1"/>
  <c r="U136415" i="1"/>
  <c r="U136414" i="1"/>
  <c r="U136413" i="1"/>
  <c r="U136412" i="1"/>
  <c r="U136411" i="1"/>
  <c r="U136410" i="1"/>
  <c r="U136409" i="1"/>
  <c r="U136408" i="1"/>
  <c r="U136407" i="1"/>
  <c r="U136406" i="1"/>
  <c r="U136405" i="1"/>
  <c r="U136404" i="1"/>
  <c r="U136403" i="1"/>
  <c r="U136402" i="1"/>
  <c r="U136401" i="1"/>
  <c r="U136400" i="1"/>
  <c r="U136399" i="1"/>
  <c r="U136398" i="1"/>
  <c r="U136397" i="1"/>
  <c r="U136396" i="1"/>
  <c r="U136395" i="1"/>
  <c r="U136394" i="1"/>
  <c r="U136393" i="1"/>
  <c r="U136392" i="1"/>
  <c r="U136391" i="1"/>
  <c r="U136390" i="1"/>
  <c r="U136389" i="1"/>
  <c r="U136388" i="1"/>
  <c r="U136387" i="1"/>
  <c r="U136386" i="1"/>
  <c r="U136385" i="1"/>
  <c r="U136384" i="1"/>
  <c r="U136383" i="1"/>
  <c r="U136382" i="1"/>
  <c r="U136381" i="1"/>
  <c r="U136380" i="1"/>
  <c r="U136379" i="1"/>
  <c r="U136378" i="1"/>
  <c r="U136377" i="1"/>
  <c r="U136376" i="1"/>
  <c r="U136375" i="1"/>
  <c r="U136374" i="1"/>
  <c r="U136373" i="1"/>
  <c r="U136372" i="1"/>
  <c r="U136371" i="1"/>
  <c r="U136370" i="1"/>
  <c r="U136369" i="1"/>
  <c r="U136368" i="1"/>
  <c r="U136367" i="1"/>
  <c r="U136366" i="1"/>
  <c r="U136365" i="1"/>
  <c r="U136364" i="1"/>
  <c r="U136363" i="1"/>
  <c r="U136362" i="1"/>
  <c r="U136361" i="1"/>
  <c r="U136360" i="1"/>
  <c r="U136359" i="1"/>
  <c r="U136358" i="1"/>
  <c r="U136357" i="1"/>
  <c r="U136356" i="1"/>
  <c r="U136355" i="1"/>
  <c r="U136354" i="1"/>
  <c r="U136353" i="1"/>
  <c r="U136352" i="1"/>
  <c r="U136351" i="1"/>
  <c r="U136350" i="1"/>
  <c r="U136349" i="1"/>
  <c r="U136348" i="1"/>
  <c r="U136347" i="1"/>
  <c r="U136346" i="1"/>
  <c r="U136345" i="1"/>
  <c r="U136344" i="1"/>
  <c r="U136343" i="1"/>
  <c r="U136342" i="1"/>
  <c r="U136341" i="1"/>
  <c r="U136340" i="1"/>
  <c r="U136339" i="1"/>
  <c r="U136338" i="1"/>
  <c r="U136337" i="1"/>
  <c r="U136336" i="1"/>
  <c r="U136335" i="1"/>
  <c r="U136334" i="1"/>
  <c r="U136333" i="1"/>
  <c r="U136332" i="1"/>
  <c r="U136331" i="1"/>
  <c r="U136330" i="1"/>
  <c r="U136329" i="1"/>
  <c r="U136328" i="1"/>
  <c r="U136327" i="1"/>
  <c r="U136326" i="1"/>
  <c r="U136325" i="1"/>
  <c r="U136324" i="1"/>
  <c r="U136323" i="1"/>
  <c r="U136322" i="1"/>
  <c r="U136321" i="1"/>
  <c r="U136320" i="1"/>
  <c r="U136319" i="1"/>
  <c r="U136318" i="1"/>
  <c r="U136317" i="1"/>
  <c r="U136316" i="1"/>
  <c r="U136315" i="1"/>
  <c r="U136314" i="1"/>
  <c r="U136313" i="1"/>
  <c r="U136312" i="1"/>
  <c r="U136311" i="1"/>
  <c r="U136310" i="1"/>
  <c r="U136309" i="1"/>
  <c r="U136308" i="1"/>
  <c r="U136307" i="1"/>
  <c r="U136306" i="1"/>
  <c r="U136305" i="1"/>
  <c r="U136304" i="1"/>
  <c r="U136303" i="1"/>
  <c r="U136302" i="1"/>
  <c r="U136301" i="1"/>
  <c r="U136300" i="1"/>
  <c r="U136299" i="1"/>
  <c r="U136298" i="1"/>
  <c r="U136297" i="1"/>
  <c r="U136296" i="1"/>
  <c r="U136295" i="1"/>
  <c r="U136294" i="1"/>
  <c r="U136293" i="1"/>
  <c r="U136292" i="1"/>
  <c r="U136291" i="1"/>
  <c r="U136290" i="1"/>
  <c r="U136289" i="1"/>
  <c r="U136288" i="1"/>
  <c r="U136287" i="1"/>
  <c r="U136286" i="1"/>
  <c r="U136285" i="1"/>
  <c r="U136284" i="1"/>
  <c r="U136283" i="1"/>
  <c r="U136282" i="1"/>
  <c r="U136281" i="1"/>
  <c r="U136280" i="1"/>
  <c r="U136279" i="1"/>
  <c r="U136278" i="1"/>
  <c r="U136277" i="1"/>
  <c r="U136276" i="1"/>
  <c r="U136275" i="1"/>
  <c r="U136274" i="1"/>
  <c r="U136273" i="1"/>
  <c r="U136272" i="1"/>
  <c r="U136271" i="1"/>
  <c r="U136270" i="1"/>
  <c r="U136269" i="1"/>
  <c r="U136268" i="1"/>
  <c r="U136267" i="1"/>
  <c r="U136266" i="1"/>
  <c r="U136265" i="1"/>
  <c r="U136264" i="1"/>
  <c r="U136263" i="1"/>
  <c r="U136262" i="1"/>
  <c r="U136261" i="1"/>
  <c r="U136260" i="1"/>
  <c r="U136259" i="1"/>
  <c r="U136258" i="1"/>
  <c r="U136257" i="1"/>
  <c r="U136256" i="1"/>
  <c r="U136255" i="1"/>
  <c r="U136254" i="1"/>
  <c r="U136253" i="1"/>
  <c r="U136252" i="1"/>
  <c r="U136251" i="1"/>
  <c r="U136250" i="1"/>
  <c r="U136249" i="1"/>
  <c r="U136248" i="1"/>
  <c r="U136247" i="1"/>
  <c r="U136246" i="1"/>
  <c r="U136245" i="1"/>
  <c r="U136244" i="1"/>
  <c r="U136243" i="1"/>
  <c r="U136242" i="1"/>
  <c r="U136241" i="1"/>
  <c r="U136240" i="1"/>
  <c r="U136239" i="1"/>
  <c r="U136238" i="1"/>
  <c r="U136237" i="1"/>
  <c r="U136236" i="1"/>
  <c r="U136235" i="1"/>
  <c r="U136234" i="1"/>
  <c r="U136233" i="1"/>
  <c r="U136232" i="1"/>
  <c r="U136231" i="1"/>
  <c r="U136230" i="1"/>
  <c r="U136229" i="1"/>
  <c r="U136228" i="1"/>
  <c r="U136227" i="1"/>
  <c r="U136226" i="1"/>
  <c r="U136225" i="1"/>
  <c r="U136224" i="1"/>
  <c r="U136223" i="1"/>
  <c r="U136222" i="1"/>
  <c r="U136221" i="1"/>
  <c r="U136220" i="1"/>
  <c r="U136219" i="1"/>
  <c r="U136218" i="1"/>
  <c r="U136217" i="1"/>
  <c r="U136216" i="1"/>
  <c r="U136215" i="1"/>
  <c r="U136214" i="1"/>
  <c r="U136213" i="1"/>
  <c r="U136212" i="1"/>
  <c r="U136211" i="1"/>
  <c r="U136210" i="1"/>
  <c r="U136209" i="1"/>
  <c r="U136208" i="1"/>
  <c r="U136207" i="1"/>
  <c r="U136206" i="1"/>
  <c r="U136205" i="1"/>
  <c r="U136204" i="1"/>
  <c r="U136203" i="1"/>
  <c r="U136202" i="1"/>
  <c r="U136201" i="1"/>
  <c r="U136200" i="1"/>
  <c r="U136199" i="1"/>
  <c r="U136198" i="1"/>
  <c r="U136197" i="1"/>
  <c r="U136196" i="1"/>
  <c r="U136195" i="1"/>
  <c r="U136194" i="1"/>
  <c r="U136193" i="1"/>
  <c r="U136192" i="1"/>
  <c r="U136191" i="1"/>
  <c r="U136190" i="1"/>
  <c r="U136189" i="1"/>
  <c r="U136188" i="1"/>
  <c r="U136187" i="1"/>
  <c r="U136186" i="1"/>
  <c r="U136185" i="1"/>
  <c r="U136184" i="1"/>
  <c r="U136183" i="1"/>
  <c r="U136182" i="1"/>
  <c r="U136181" i="1"/>
  <c r="U136180" i="1"/>
  <c r="U136179" i="1"/>
  <c r="U136178" i="1"/>
  <c r="U136177" i="1"/>
  <c r="U136176" i="1"/>
  <c r="U136175" i="1"/>
  <c r="U136174" i="1"/>
  <c r="U136173" i="1"/>
  <c r="U136172" i="1"/>
  <c r="U136171" i="1"/>
  <c r="U136170" i="1"/>
  <c r="U136169" i="1"/>
  <c r="U136168" i="1"/>
  <c r="U136167" i="1"/>
  <c r="U136166" i="1"/>
  <c r="U136165" i="1"/>
  <c r="U136164" i="1"/>
  <c r="U136163" i="1"/>
  <c r="U136162" i="1"/>
  <c r="U136161" i="1"/>
  <c r="U136160" i="1"/>
  <c r="U136159" i="1"/>
  <c r="U136158" i="1"/>
  <c r="U136157" i="1"/>
  <c r="U136156" i="1"/>
  <c r="U136155" i="1"/>
  <c r="U136154" i="1"/>
  <c r="U136153" i="1"/>
  <c r="U136152" i="1"/>
  <c r="U136151" i="1"/>
  <c r="U136150" i="1"/>
  <c r="U136149" i="1"/>
  <c r="U136148" i="1"/>
  <c r="U136147" i="1"/>
  <c r="U136146" i="1"/>
  <c r="U136145" i="1"/>
  <c r="U136144" i="1"/>
  <c r="U136143" i="1"/>
  <c r="U136142" i="1"/>
  <c r="U136141" i="1"/>
  <c r="U136140" i="1"/>
  <c r="U136139" i="1"/>
  <c r="U136138" i="1"/>
  <c r="U136137" i="1"/>
  <c r="U136136" i="1"/>
  <c r="U136135" i="1"/>
  <c r="U136134" i="1"/>
  <c r="U136133" i="1"/>
  <c r="U136132" i="1"/>
  <c r="U136131" i="1"/>
  <c r="U136130" i="1"/>
  <c r="U136129" i="1"/>
  <c r="U136128" i="1"/>
  <c r="U136127" i="1"/>
  <c r="U136126" i="1"/>
  <c r="U136125" i="1"/>
  <c r="U136124" i="1"/>
  <c r="U136123" i="1"/>
  <c r="U136122" i="1"/>
  <c r="U136121" i="1"/>
  <c r="U136120" i="1"/>
  <c r="U136119" i="1"/>
  <c r="U136118" i="1"/>
  <c r="U136117" i="1"/>
  <c r="U136116" i="1"/>
  <c r="U136115" i="1"/>
  <c r="U136114" i="1"/>
  <c r="U136113" i="1"/>
  <c r="U136112" i="1"/>
  <c r="U136111" i="1"/>
  <c r="U136110" i="1"/>
  <c r="U136109" i="1"/>
  <c r="U136108" i="1"/>
  <c r="U136107" i="1"/>
  <c r="U136106" i="1"/>
  <c r="U136105" i="1"/>
  <c r="U136104" i="1"/>
  <c r="U136103" i="1"/>
  <c r="U136102" i="1"/>
  <c r="U136101" i="1"/>
  <c r="U136100" i="1"/>
  <c r="U136099" i="1"/>
  <c r="U136098" i="1"/>
  <c r="U136097" i="1"/>
  <c r="U136096" i="1"/>
  <c r="U136095" i="1"/>
  <c r="U136094" i="1"/>
  <c r="U136093" i="1"/>
  <c r="U136092" i="1"/>
  <c r="U136091" i="1"/>
  <c r="U136090" i="1"/>
  <c r="U136089" i="1"/>
  <c r="U136088" i="1"/>
  <c r="U136087" i="1"/>
  <c r="U136086" i="1"/>
  <c r="U136085" i="1"/>
  <c r="U136084" i="1"/>
  <c r="U136083" i="1"/>
  <c r="U136082" i="1"/>
  <c r="U136081" i="1"/>
  <c r="U136080" i="1"/>
  <c r="U136079" i="1"/>
  <c r="U136078" i="1"/>
  <c r="U136077" i="1"/>
  <c r="U136076" i="1"/>
  <c r="U136075" i="1"/>
  <c r="U136074" i="1"/>
  <c r="U136073" i="1"/>
  <c r="U136072" i="1"/>
  <c r="U136071" i="1"/>
  <c r="U136070" i="1"/>
  <c r="U136069" i="1"/>
  <c r="U136068" i="1"/>
  <c r="U136067" i="1"/>
  <c r="U136066" i="1"/>
  <c r="U136065" i="1"/>
  <c r="U136064" i="1"/>
  <c r="U136063" i="1"/>
  <c r="U136062" i="1"/>
  <c r="U136061" i="1"/>
  <c r="U136060" i="1"/>
  <c r="U136059" i="1"/>
  <c r="U136058" i="1"/>
  <c r="U136057" i="1"/>
  <c r="U136056" i="1"/>
  <c r="U136055" i="1"/>
  <c r="U136054" i="1"/>
  <c r="U136053" i="1"/>
  <c r="U136052" i="1"/>
  <c r="U136051" i="1"/>
  <c r="U136050" i="1"/>
  <c r="U136049" i="1"/>
  <c r="U136048" i="1"/>
  <c r="U136047" i="1"/>
  <c r="U136046" i="1"/>
  <c r="U136045" i="1"/>
  <c r="U136044" i="1"/>
  <c r="U136043" i="1"/>
  <c r="U136042" i="1"/>
  <c r="U136041" i="1"/>
  <c r="U136040" i="1"/>
  <c r="U136039" i="1"/>
  <c r="U136038" i="1"/>
  <c r="U136037" i="1"/>
  <c r="U136036" i="1"/>
  <c r="U136035" i="1"/>
  <c r="U136034" i="1"/>
  <c r="U136033" i="1"/>
  <c r="U136032" i="1"/>
  <c r="U136031" i="1"/>
  <c r="U136030" i="1"/>
  <c r="U136029" i="1"/>
  <c r="U136028" i="1"/>
  <c r="U136027" i="1"/>
  <c r="U136026" i="1"/>
  <c r="U136025" i="1"/>
  <c r="U136024" i="1"/>
  <c r="U136023" i="1"/>
  <c r="U136022" i="1"/>
  <c r="U136021" i="1"/>
  <c r="U136020" i="1"/>
  <c r="U136019" i="1"/>
  <c r="U136018" i="1"/>
  <c r="U136017" i="1"/>
  <c r="U136016" i="1"/>
  <c r="U136015" i="1"/>
  <c r="U136014" i="1"/>
  <c r="U136013" i="1"/>
  <c r="U136012" i="1"/>
  <c r="U136011" i="1"/>
  <c r="U136010" i="1"/>
  <c r="U136009" i="1"/>
  <c r="U136008" i="1"/>
  <c r="U136007" i="1"/>
  <c r="U136006" i="1"/>
  <c r="U136005" i="1"/>
  <c r="U136004" i="1"/>
  <c r="U136003" i="1"/>
  <c r="U136002" i="1"/>
  <c r="U136001" i="1"/>
  <c r="U136000" i="1"/>
  <c r="U135999" i="1"/>
  <c r="U135998" i="1"/>
  <c r="U135997" i="1"/>
  <c r="U135996" i="1"/>
  <c r="U135995" i="1"/>
  <c r="U135994" i="1"/>
  <c r="U135993" i="1"/>
  <c r="U135992" i="1"/>
  <c r="U135991" i="1"/>
  <c r="U135990" i="1"/>
  <c r="U135989" i="1"/>
  <c r="U135988" i="1"/>
  <c r="U135987" i="1"/>
  <c r="U135986" i="1"/>
  <c r="U135985" i="1"/>
  <c r="U135984" i="1"/>
  <c r="U135983" i="1"/>
  <c r="U135982" i="1"/>
  <c r="U135981" i="1"/>
  <c r="U135980" i="1"/>
  <c r="U135979" i="1"/>
  <c r="U135978" i="1"/>
  <c r="U135977" i="1"/>
  <c r="U135976" i="1"/>
  <c r="U135975" i="1"/>
  <c r="U135974" i="1"/>
  <c r="U135973" i="1"/>
  <c r="U135972" i="1"/>
  <c r="U135971" i="1"/>
  <c r="U135970" i="1"/>
  <c r="U135969" i="1"/>
  <c r="U135968" i="1"/>
  <c r="U135967" i="1"/>
  <c r="U135966" i="1"/>
  <c r="U135965" i="1"/>
  <c r="U135964" i="1"/>
  <c r="U135963" i="1"/>
  <c r="U135962" i="1"/>
  <c r="U135961" i="1"/>
  <c r="U135960" i="1"/>
  <c r="U135959" i="1"/>
  <c r="U135958" i="1"/>
  <c r="U135957" i="1"/>
  <c r="U135956" i="1"/>
  <c r="U135955" i="1"/>
  <c r="U135954" i="1"/>
  <c r="U135953" i="1"/>
  <c r="U135952" i="1"/>
  <c r="U135951" i="1"/>
  <c r="U135950" i="1"/>
  <c r="U135949" i="1"/>
  <c r="U135948" i="1"/>
  <c r="U135947" i="1"/>
  <c r="U135946" i="1"/>
  <c r="U135945" i="1"/>
  <c r="U135944" i="1"/>
  <c r="U135943" i="1"/>
  <c r="U135942" i="1"/>
  <c r="U135941" i="1"/>
  <c r="U135940" i="1"/>
  <c r="U135939" i="1"/>
  <c r="U135938" i="1"/>
  <c r="U135937" i="1"/>
  <c r="U135936" i="1"/>
  <c r="U135935" i="1"/>
  <c r="U135934" i="1"/>
  <c r="U135933" i="1"/>
  <c r="U135932" i="1"/>
  <c r="U135931" i="1"/>
  <c r="U135930" i="1"/>
  <c r="U135929" i="1"/>
  <c r="U135928" i="1"/>
  <c r="U135927" i="1"/>
  <c r="U135926" i="1"/>
  <c r="U135925" i="1"/>
  <c r="U135924" i="1"/>
  <c r="U135923" i="1"/>
  <c r="U135922" i="1"/>
  <c r="U135921" i="1"/>
  <c r="U135920" i="1"/>
  <c r="U135919" i="1"/>
  <c r="U135918" i="1"/>
  <c r="U135917" i="1"/>
  <c r="U135916" i="1"/>
  <c r="U135915" i="1"/>
  <c r="U135914" i="1"/>
  <c r="U135913" i="1"/>
  <c r="U135912" i="1"/>
  <c r="U135911" i="1"/>
  <c r="U135910" i="1"/>
  <c r="U135909" i="1"/>
  <c r="U135908" i="1"/>
  <c r="U135907" i="1"/>
  <c r="U135906" i="1"/>
  <c r="U135905" i="1"/>
  <c r="U135904" i="1"/>
  <c r="U135903" i="1"/>
  <c r="U135902" i="1"/>
  <c r="U135901" i="1"/>
  <c r="U135900" i="1"/>
  <c r="U135899" i="1"/>
  <c r="U135898" i="1"/>
  <c r="U135897" i="1"/>
  <c r="U135896" i="1"/>
  <c r="U135895" i="1"/>
  <c r="U135894" i="1"/>
  <c r="U135893" i="1"/>
  <c r="U135892" i="1"/>
  <c r="U135891" i="1"/>
  <c r="U135890" i="1"/>
  <c r="U135889" i="1"/>
  <c r="U135888" i="1"/>
  <c r="U135887" i="1"/>
  <c r="U135886" i="1"/>
  <c r="U135885" i="1"/>
  <c r="U135884" i="1"/>
  <c r="U135883" i="1"/>
  <c r="U135882" i="1"/>
  <c r="U135881" i="1"/>
  <c r="U135880" i="1"/>
  <c r="U135879" i="1"/>
  <c r="U135878" i="1"/>
  <c r="U135877" i="1"/>
  <c r="U135876" i="1"/>
  <c r="U135875" i="1"/>
  <c r="U135874" i="1"/>
  <c r="U135873" i="1"/>
  <c r="U135872" i="1"/>
  <c r="U135871" i="1"/>
  <c r="U135870" i="1"/>
  <c r="U135869" i="1"/>
  <c r="U135868" i="1"/>
  <c r="U135867" i="1"/>
  <c r="U135866" i="1"/>
  <c r="U135865" i="1"/>
  <c r="U135864" i="1"/>
  <c r="U135863" i="1"/>
  <c r="U135862" i="1"/>
  <c r="U135861" i="1"/>
  <c r="U135860" i="1"/>
  <c r="U135859" i="1"/>
  <c r="U135858" i="1"/>
  <c r="U135857" i="1"/>
  <c r="U135856" i="1"/>
  <c r="U135855" i="1"/>
  <c r="U135854" i="1"/>
  <c r="U135853" i="1"/>
  <c r="U135852" i="1"/>
  <c r="U135851" i="1"/>
  <c r="U135850" i="1"/>
  <c r="U135849" i="1"/>
  <c r="U135848" i="1"/>
  <c r="U135847" i="1"/>
  <c r="U135846" i="1"/>
  <c r="U135845" i="1"/>
  <c r="U135844" i="1"/>
  <c r="U135843" i="1"/>
  <c r="U135842" i="1"/>
  <c r="U135841" i="1"/>
  <c r="U135840" i="1"/>
  <c r="U135839" i="1"/>
  <c r="U135838" i="1"/>
  <c r="U135837" i="1"/>
  <c r="U135836" i="1"/>
  <c r="U135835" i="1"/>
  <c r="U135834" i="1"/>
  <c r="U135833" i="1"/>
  <c r="U135832" i="1"/>
  <c r="U135831" i="1"/>
  <c r="U135830" i="1"/>
  <c r="U135829" i="1"/>
  <c r="U135828" i="1"/>
  <c r="U135827" i="1"/>
  <c r="U135826" i="1"/>
  <c r="U135825" i="1"/>
  <c r="U135824" i="1"/>
  <c r="U135823" i="1"/>
  <c r="U135822" i="1"/>
  <c r="U135821" i="1"/>
  <c r="U135820" i="1"/>
  <c r="U135819" i="1"/>
  <c r="U135818" i="1"/>
  <c r="U135817" i="1"/>
  <c r="U135816" i="1"/>
  <c r="U135815" i="1"/>
  <c r="U135814" i="1"/>
  <c r="U135813" i="1"/>
  <c r="U135812" i="1"/>
  <c r="U135811" i="1"/>
  <c r="U135810" i="1"/>
  <c r="U135809" i="1"/>
  <c r="U135808" i="1"/>
  <c r="U135807" i="1"/>
  <c r="U135806" i="1"/>
  <c r="U135805" i="1"/>
  <c r="U135804" i="1"/>
  <c r="U135803" i="1"/>
  <c r="U135802" i="1"/>
  <c r="U135801" i="1"/>
  <c r="U135800" i="1"/>
  <c r="U135799" i="1"/>
  <c r="U135798" i="1"/>
  <c r="U135797" i="1"/>
  <c r="U135796" i="1"/>
  <c r="U135795" i="1"/>
  <c r="U135794" i="1"/>
  <c r="U135793" i="1"/>
  <c r="U135792" i="1"/>
  <c r="U135791" i="1"/>
  <c r="U135790" i="1"/>
  <c r="U135789" i="1"/>
  <c r="U135788" i="1"/>
  <c r="U135787" i="1"/>
  <c r="U135786" i="1"/>
  <c r="U135785" i="1"/>
  <c r="U135784" i="1"/>
  <c r="U135783" i="1"/>
  <c r="U135782" i="1"/>
  <c r="U135781" i="1"/>
  <c r="U135780" i="1"/>
  <c r="U135779" i="1"/>
  <c r="U135778" i="1"/>
  <c r="U135777" i="1"/>
  <c r="U135776" i="1"/>
  <c r="U135775" i="1"/>
  <c r="U135774" i="1"/>
  <c r="U135773" i="1"/>
  <c r="U135772" i="1"/>
  <c r="U135771" i="1"/>
  <c r="U135770" i="1"/>
  <c r="U135769" i="1"/>
  <c r="U135768" i="1"/>
  <c r="U135767" i="1"/>
  <c r="U135766" i="1"/>
  <c r="U135765" i="1"/>
  <c r="U135764" i="1"/>
  <c r="U135763" i="1"/>
  <c r="U135762" i="1"/>
  <c r="U135761" i="1"/>
  <c r="U135760" i="1"/>
  <c r="U135759" i="1"/>
  <c r="U135758" i="1"/>
  <c r="U135757" i="1"/>
  <c r="U135756" i="1"/>
  <c r="U135755" i="1"/>
  <c r="U135754" i="1"/>
  <c r="U135753" i="1"/>
  <c r="U135752" i="1"/>
  <c r="U135751" i="1"/>
  <c r="U135750" i="1"/>
  <c r="U135749" i="1"/>
  <c r="U135748" i="1"/>
  <c r="U135747" i="1"/>
  <c r="U135746" i="1"/>
  <c r="U135745" i="1"/>
  <c r="U135744" i="1"/>
  <c r="U135743" i="1"/>
  <c r="U135742" i="1"/>
  <c r="U135741" i="1"/>
  <c r="U135740" i="1"/>
  <c r="U135739" i="1"/>
  <c r="U135738" i="1"/>
  <c r="U135737" i="1"/>
  <c r="U135736" i="1"/>
  <c r="U135735" i="1"/>
  <c r="U135734" i="1"/>
  <c r="U135733" i="1"/>
  <c r="U135732" i="1"/>
  <c r="U135731" i="1"/>
  <c r="U135730" i="1"/>
  <c r="U135729" i="1"/>
  <c r="U135728" i="1"/>
  <c r="U135727" i="1"/>
  <c r="U135726" i="1"/>
  <c r="U135725" i="1"/>
  <c r="U135724" i="1"/>
  <c r="U135723" i="1"/>
  <c r="U135722" i="1"/>
  <c r="U135721" i="1"/>
  <c r="U135720" i="1"/>
  <c r="U135719" i="1"/>
  <c r="U135718" i="1"/>
  <c r="U135717" i="1"/>
  <c r="U135716" i="1"/>
  <c r="U135715" i="1"/>
  <c r="U135714" i="1"/>
  <c r="U135713" i="1"/>
  <c r="U135712" i="1"/>
  <c r="U135711" i="1"/>
  <c r="U135710" i="1"/>
  <c r="U135709" i="1"/>
  <c r="U135708" i="1"/>
  <c r="U135707" i="1"/>
  <c r="U135706" i="1"/>
  <c r="U135705" i="1"/>
  <c r="U135704" i="1"/>
  <c r="U135703" i="1"/>
  <c r="U135702" i="1"/>
  <c r="U135701" i="1"/>
  <c r="U135700" i="1"/>
  <c r="U135699" i="1"/>
  <c r="U135698" i="1"/>
  <c r="U135697" i="1"/>
  <c r="U135696" i="1"/>
  <c r="U135695" i="1"/>
  <c r="U135694" i="1"/>
  <c r="U135693" i="1"/>
  <c r="U135692" i="1"/>
  <c r="U135691" i="1"/>
  <c r="U135690" i="1"/>
  <c r="U135689" i="1"/>
  <c r="U135688" i="1"/>
  <c r="U135687" i="1"/>
  <c r="U135686" i="1"/>
  <c r="U135685" i="1"/>
  <c r="U135684" i="1"/>
  <c r="U135683" i="1"/>
  <c r="U135682" i="1"/>
  <c r="U135681" i="1"/>
  <c r="U135680" i="1"/>
  <c r="U135679" i="1"/>
  <c r="U135678" i="1"/>
  <c r="U135677" i="1"/>
  <c r="U135676" i="1"/>
  <c r="U135675" i="1"/>
  <c r="U135674" i="1"/>
  <c r="U135673" i="1"/>
  <c r="U135672" i="1"/>
  <c r="U135671" i="1"/>
  <c r="U135670" i="1"/>
  <c r="U135669" i="1"/>
  <c r="U135668" i="1"/>
  <c r="U135667" i="1"/>
  <c r="U135666" i="1"/>
  <c r="U135665" i="1"/>
  <c r="U135664" i="1"/>
  <c r="U135663" i="1"/>
  <c r="U135662" i="1"/>
  <c r="U135661" i="1"/>
  <c r="U135660" i="1"/>
  <c r="U135659" i="1"/>
  <c r="U135658" i="1"/>
  <c r="U135657" i="1"/>
  <c r="U135656" i="1"/>
  <c r="U135655" i="1"/>
  <c r="U135654" i="1"/>
  <c r="U135653" i="1"/>
  <c r="U135652" i="1"/>
  <c r="U135651" i="1"/>
  <c r="U135650" i="1"/>
  <c r="U135649" i="1"/>
  <c r="U135648" i="1"/>
  <c r="U135647" i="1"/>
  <c r="U135646" i="1"/>
  <c r="U135645" i="1"/>
  <c r="U135644" i="1"/>
  <c r="U135643" i="1"/>
  <c r="U135642" i="1"/>
  <c r="U135641" i="1"/>
  <c r="U135640" i="1"/>
  <c r="U135639" i="1"/>
  <c r="U135638" i="1"/>
  <c r="U135637" i="1"/>
  <c r="U135636" i="1"/>
  <c r="U135635" i="1"/>
  <c r="U135634" i="1"/>
  <c r="U135633" i="1"/>
  <c r="U135632" i="1"/>
  <c r="U135631" i="1"/>
  <c r="U135630" i="1"/>
  <c r="U135629" i="1"/>
  <c r="U135628" i="1"/>
  <c r="U135627" i="1"/>
  <c r="U135626" i="1"/>
  <c r="U135625" i="1"/>
  <c r="U135624" i="1"/>
  <c r="U135623" i="1"/>
  <c r="U135622" i="1"/>
  <c r="U135621" i="1"/>
  <c r="U135620" i="1"/>
  <c r="U135619" i="1"/>
  <c r="U135618" i="1"/>
  <c r="U135617" i="1"/>
  <c r="U135616" i="1"/>
  <c r="U135615" i="1"/>
  <c r="U135614" i="1"/>
  <c r="U135613" i="1"/>
  <c r="U135612" i="1"/>
  <c r="U135611" i="1"/>
  <c r="U135610" i="1"/>
  <c r="U135609" i="1"/>
  <c r="U135608" i="1"/>
  <c r="U135607" i="1"/>
  <c r="U135606" i="1"/>
  <c r="U135605" i="1"/>
  <c r="U135604" i="1"/>
  <c r="U135603" i="1"/>
  <c r="U135602" i="1"/>
  <c r="U135601" i="1"/>
  <c r="U135600" i="1"/>
  <c r="U135599" i="1"/>
  <c r="U135598" i="1"/>
  <c r="U135597" i="1"/>
  <c r="U135596" i="1"/>
  <c r="U135595" i="1"/>
  <c r="U135594" i="1"/>
  <c r="U135593" i="1"/>
  <c r="U135592" i="1"/>
  <c r="U135591" i="1"/>
  <c r="U135590" i="1"/>
  <c r="U135589" i="1"/>
  <c r="U135588" i="1"/>
  <c r="U135587" i="1"/>
  <c r="U135586" i="1"/>
  <c r="U135585" i="1"/>
  <c r="U135584" i="1"/>
  <c r="U135583" i="1"/>
  <c r="U135582" i="1"/>
  <c r="U135581" i="1"/>
  <c r="U135580" i="1"/>
  <c r="U135579" i="1"/>
  <c r="U135578" i="1"/>
  <c r="U135577" i="1"/>
  <c r="U135576" i="1"/>
  <c r="U135575" i="1"/>
  <c r="U135574" i="1"/>
  <c r="U135573" i="1"/>
  <c r="U135572" i="1"/>
  <c r="U135571" i="1"/>
  <c r="U135570" i="1"/>
  <c r="U135569" i="1"/>
  <c r="U135568" i="1"/>
  <c r="U135567" i="1"/>
  <c r="U135566" i="1"/>
  <c r="U135565" i="1"/>
  <c r="U135564" i="1"/>
  <c r="U135563" i="1"/>
  <c r="U135562" i="1"/>
  <c r="U135561" i="1"/>
  <c r="U135560" i="1"/>
  <c r="U135559" i="1"/>
  <c r="U135558" i="1"/>
  <c r="U135557" i="1"/>
  <c r="U135556" i="1"/>
  <c r="U135555" i="1"/>
  <c r="U135554" i="1"/>
  <c r="U135553" i="1"/>
  <c r="U135552" i="1"/>
  <c r="U135551" i="1"/>
  <c r="U135550" i="1"/>
  <c r="U135549" i="1"/>
  <c r="U135548" i="1"/>
  <c r="U135547" i="1"/>
  <c r="U135546" i="1"/>
  <c r="U135545" i="1"/>
  <c r="U135544" i="1"/>
  <c r="U135543" i="1"/>
  <c r="U135542" i="1"/>
  <c r="U135541" i="1"/>
  <c r="U135540" i="1"/>
  <c r="U135539" i="1"/>
  <c r="U135538" i="1"/>
  <c r="U135537" i="1"/>
  <c r="U135536" i="1"/>
  <c r="U135535" i="1"/>
  <c r="U135534" i="1"/>
  <c r="U135533" i="1"/>
  <c r="U135532" i="1"/>
  <c r="U135531" i="1"/>
  <c r="U135530" i="1"/>
  <c r="U135529" i="1"/>
  <c r="U135528" i="1"/>
  <c r="U135527" i="1"/>
  <c r="U135526" i="1"/>
  <c r="U135525" i="1"/>
  <c r="U135524" i="1"/>
  <c r="U135523" i="1"/>
  <c r="U135522" i="1"/>
  <c r="U135521" i="1"/>
  <c r="U135520" i="1"/>
  <c r="U135519" i="1"/>
  <c r="U135518" i="1"/>
  <c r="U135517" i="1"/>
  <c r="U135516" i="1"/>
  <c r="U135515" i="1"/>
  <c r="U135514" i="1"/>
  <c r="U135513" i="1"/>
  <c r="U135512" i="1"/>
  <c r="U135511" i="1"/>
  <c r="U135510" i="1"/>
  <c r="U135509" i="1"/>
  <c r="U135508" i="1"/>
  <c r="U135507" i="1"/>
  <c r="U135506" i="1"/>
  <c r="U135505" i="1"/>
  <c r="U135504" i="1"/>
  <c r="U135503" i="1"/>
  <c r="U135502" i="1"/>
  <c r="U135501" i="1"/>
  <c r="U135500" i="1"/>
  <c r="U135499" i="1"/>
  <c r="U135498" i="1"/>
  <c r="U135497" i="1"/>
  <c r="U135496" i="1"/>
  <c r="U135495" i="1"/>
  <c r="U135494" i="1"/>
  <c r="U135493" i="1"/>
  <c r="U135492" i="1"/>
  <c r="U135491" i="1"/>
  <c r="U135490" i="1"/>
  <c r="U135489" i="1"/>
  <c r="U135488" i="1"/>
  <c r="U135487" i="1"/>
  <c r="U135486" i="1"/>
  <c r="U135485" i="1"/>
  <c r="U135484" i="1"/>
  <c r="U135483" i="1"/>
  <c r="U135482" i="1"/>
  <c r="U135481" i="1"/>
  <c r="U135480" i="1"/>
  <c r="U135479" i="1"/>
  <c r="U135478" i="1"/>
  <c r="U135477" i="1"/>
  <c r="U135476" i="1"/>
  <c r="U135475" i="1"/>
  <c r="U135474" i="1"/>
  <c r="U135473" i="1"/>
  <c r="U135472" i="1"/>
  <c r="U135471" i="1"/>
  <c r="U135470" i="1"/>
  <c r="U135469" i="1"/>
  <c r="U135468" i="1"/>
  <c r="U135467" i="1"/>
  <c r="U135466" i="1"/>
  <c r="U135465" i="1"/>
  <c r="U135464" i="1"/>
  <c r="U135463" i="1"/>
  <c r="U135462" i="1"/>
  <c r="U135461" i="1"/>
  <c r="U135460" i="1"/>
  <c r="U135459" i="1"/>
  <c r="U135458" i="1"/>
  <c r="U135457" i="1"/>
  <c r="U135456" i="1"/>
  <c r="U135455" i="1"/>
  <c r="U135454" i="1"/>
  <c r="U135453" i="1"/>
  <c r="U135452" i="1"/>
  <c r="U135451" i="1"/>
  <c r="U135450" i="1"/>
  <c r="U135449" i="1"/>
  <c r="U135448" i="1"/>
  <c r="U135447" i="1"/>
  <c r="U135446" i="1"/>
  <c r="U135445" i="1"/>
  <c r="U135444" i="1"/>
  <c r="U135443" i="1"/>
  <c r="U135442" i="1"/>
  <c r="U135441" i="1"/>
  <c r="U135440" i="1"/>
  <c r="U135439" i="1"/>
  <c r="U135438" i="1"/>
  <c r="U135437" i="1"/>
  <c r="U135436" i="1"/>
  <c r="U135435" i="1"/>
  <c r="U135434" i="1"/>
  <c r="U135433" i="1"/>
  <c r="U135432" i="1"/>
  <c r="U135431" i="1"/>
  <c r="U135430" i="1"/>
  <c r="U135429" i="1"/>
  <c r="U135428" i="1"/>
  <c r="U135427" i="1"/>
  <c r="U135426" i="1"/>
  <c r="U135425" i="1"/>
  <c r="U135424" i="1"/>
  <c r="U135423" i="1"/>
  <c r="U135422" i="1"/>
  <c r="U135421" i="1"/>
  <c r="U135420" i="1"/>
  <c r="U135419" i="1"/>
  <c r="U135418" i="1"/>
  <c r="U135417" i="1"/>
  <c r="U135416" i="1"/>
  <c r="U135415" i="1"/>
  <c r="U135414" i="1"/>
  <c r="U135413" i="1"/>
  <c r="U135412" i="1"/>
  <c r="U135411" i="1"/>
  <c r="U135410" i="1"/>
  <c r="U135409" i="1"/>
  <c r="U135408" i="1"/>
  <c r="U135407" i="1"/>
  <c r="U135406" i="1"/>
  <c r="U135405" i="1"/>
  <c r="U135404" i="1"/>
  <c r="U135403" i="1"/>
  <c r="U135402" i="1"/>
  <c r="U135401" i="1"/>
  <c r="U135400" i="1"/>
  <c r="U135399" i="1"/>
  <c r="U135398" i="1"/>
  <c r="U135397" i="1"/>
  <c r="U135396" i="1"/>
  <c r="U135395" i="1"/>
  <c r="U135394" i="1"/>
  <c r="U135393" i="1"/>
  <c r="U135392" i="1"/>
  <c r="U135391" i="1"/>
  <c r="U135390" i="1"/>
  <c r="U135389" i="1"/>
  <c r="U135388" i="1"/>
  <c r="U135387" i="1"/>
  <c r="U135386" i="1"/>
  <c r="U135385" i="1"/>
  <c r="U135384" i="1"/>
  <c r="U135383" i="1"/>
  <c r="U135382" i="1"/>
  <c r="U135381" i="1"/>
  <c r="U135380" i="1"/>
  <c r="U135379" i="1"/>
  <c r="U135378" i="1"/>
  <c r="U135377" i="1"/>
  <c r="U135376" i="1"/>
  <c r="U135375" i="1"/>
  <c r="U135374" i="1"/>
  <c r="U135373" i="1"/>
  <c r="U135372" i="1"/>
  <c r="U135371" i="1"/>
  <c r="U135370" i="1"/>
  <c r="U135369" i="1"/>
  <c r="U135368" i="1"/>
  <c r="U135367" i="1"/>
  <c r="U135366" i="1"/>
  <c r="U135365" i="1"/>
  <c r="U135364" i="1"/>
  <c r="U135363" i="1"/>
  <c r="U135362" i="1"/>
  <c r="U135361" i="1"/>
  <c r="U135360" i="1"/>
  <c r="U135359" i="1"/>
  <c r="U135358" i="1"/>
  <c r="U135357" i="1"/>
  <c r="U135356" i="1"/>
  <c r="U135355" i="1"/>
  <c r="U135354" i="1"/>
  <c r="U135353" i="1"/>
  <c r="U135352" i="1"/>
  <c r="U135351" i="1"/>
  <c r="U135350" i="1"/>
  <c r="U135349" i="1"/>
  <c r="U135348" i="1"/>
  <c r="U135347" i="1"/>
  <c r="U135346" i="1"/>
  <c r="U135345" i="1"/>
  <c r="U135344" i="1"/>
  <c r="U135343" i="1"/>
  <c r="U135342" i="1"/>
  <c r="U135341" i="1"/>
  <c r="U135340" i="1"/>
  <c r="U135339" i="1"/>
  <c r="U135338" i="1"/>
  <c r="U135337" i="1"/>
  <c r="U135336" i="1"/>
  <c r="U135335" i="1"/>
  <c r="U135334" i="1"/>
  <c r="U135333" i="1"/>
  <c r="U135332" i="1"/>
  <c r="U135331" i="1"/>
  <c r="U135330" i="1"/>
  <c r="U135329" i="1"/>
  <c r="U135328" i="1"/>
  <c r="U135327" i="1"/>
  <c r="U135326" i="1"/>
  <c r="U135325" i="1"/>
  <c r="U135324" i="1"/>
  <c r="U135323" i="1"/>
  <c r="U135322" i="1"/>
  <c r="U135321" i="1"/>
  <c r="U135320" i="1"/>
  <c r="U135319" i="1"/>
  <c r="U135318" i="1"/>
  <c r="U135317" i="1"/>
  <c r="U135316" i="1"/>
  <c r="U135315" i="1"/>
  <c r="U135314" i="1"/>
  <c r="U135313" i="1"/>
  <c r="U135312" i="1"/>
  <c r="U135311" i="1"/>
  <c r="U135310" i="1"/>
  <c r="U135309" i="1"/>
  <c r="U135308" i="1"/>
  <c r="U135307" i="1"/>
  <c r="U135306" i="1"/>
  <c r="U135305" i="1"/>
  <c r="U135304" i="1"/>
  <c r="U135303" i="1"/>
  <c r="U135302" i="1"/>
  <c r="U135301" i="1"/>
  <c r="U135300" i="1"/>
  <c r="U135299" i="1"/>
  <c r="U135298" i="1"/>
  <c r="U135297" i="1"/>
  <c r="U135296" i="1"/>
  <c r="U135295" i="1"/>
  <c r="U135294" i="1"/>
  <c r="U135293" i="1"/>
  <c r="U135292" i="1"/>
  <c r="U135291" i="1"/>
  <c r="U135290" i="1"/>
  <c r="U135289" i="1"/>
  <c r="U135288" i="1"/>
  <c r="U135287" i="1"/>
  <c r="U135286" i="1"/>
  <c r="U135285" i="1"/>
  <c r="U135284" i="1"/>
  <c r="U135283" i="1"/>
  <c r="U135282" i="1"/>
  <c r="U135281" i="1"/>
  <c r="U135280" i="1"/>
  <c r="U135279" i="1"/>
  <c r="U135278" i="1"/>
  <c r="U135277" i="1"/>
  <c r="U135276" i="1"/>
  <c r="U135275" i="1"/>
  <c r="U135274" i="1"/>
  <c r="U135273" i="1"/>
  <c r="U135272" i="1"/>
  <c r="U135271" i="1"/>
  <c r="U135270" i="1"/>
  <c r="U135269" i="1"/>
  <c r="U135268" i="1"/>
  <c r="U135267" i="1"/>
  <c r="U135266" i="1"/>
  <c r="U135265" i="1"/>
  <c r="U135264" i="1"/>
  <c r="U135263" i="1"/>
  <c r="U135262" i="1"/>
  <c r="U135261" i="1"/>
  <c r="U135260" i="1"/>
  <c r="U135259" i="1"/>
  <c r="U135258" i="1"/>
  <c r="U135257" i="1"/>
  <c r="U135256" i="1"/>
  <c r="U135255" i="1"/>
  <c r="U135254" i="1"/>
  <c r="U135253" i="1"/>
  <c r="U135252" i="1"/>
  <c r="U135251" i="1"/>
  <c r="U135250" i="1"/>
  <c r="U135249" i="1"/>
  <c r="U135248" i="1"/>
  <c r="U135247" i="1"/>
  <c r="U135246" i="1"/>
  <c r="U135245" i="1"/>
  <c r="U135244" i="1"/>
  <c r="U135243" i="1"/>
  <c r="U135242" i="1"/>
  <c r="U135241" i="1"/>
  <c r="U135240" i="1"/>
  <c r="U135239" i="1"/>
  <c r="U135238" i="1"/>
  <c r="U135237" i="1"/>
  <c r="U135236" i="1"/>
  <c r="U135235" i="1"/>
  <c r="U135234" i="1"/>
  <c r="U135233" i="1"/>
  <c r="U135232" i="1"/>
  <c r="U135231" i="1"/>
  <c r="U135230" i="1"/>
  <c r="U135229" i="1"/>
  <c r="U135228" i="1"/>
  <c r="U135227" i="1"/>
  <c r="U135226" i="1"/>
  <c r="U135225" i="1"/>
  <c r="U135224" i="1"/>
  <c r="U135223" i="1"/>
  <c r="U135222" i="1"/>
  <c r="U135221" i="1"/>
  <c r="U135220" i="1"/>
  <c r="U135219" i="1"/>
  <c r="U135218" i="1"/>
  <c r="U135217" i="1"/>
  <c r="U135216" i="1"/>
  <c r="U135215" i="1"/>
  <c r="U135214" i="1"/>
  <c r="U135213" i="1"/>
  <c r="U135212" i="1"/>
  <c r="U135211" i="1"/>
  <c r="U135210" i="1"/>
  <c r="U135209" i="1"/>
  <c r="U135208" i="1"/>
  <c r="U135207" i="1"/>
  <c r="U135206" i="1"/>
  <c r="U135205" i="1"/>
  <c r="U135204" i="1"/>
  <c r="U135203" i="1"/>
  <c r="U135202" i="1"/>
  <c r="U135201" i="1"/>
  <c r="U135200" i="1"/>
  <c r="U135199" i="1"/>
  <c r="U135198" i="1"/>
  <c r="U135197" i="1"/>
  <c r="U135196" i="1"/>
  <c r="U135195" i="1"/>
  <c r="U135194" i="1"/>
  <c r="U135193" i="1"/>
  <c r="U135192" i="1"/>
  <c r="U135191" i="1"/>
  <c r="U135190" i="1"/>
  <c r="U135189" i="1"/>
  <c r="U135188" i="1"/>
  <c r="U135187" i="1"/>
  <c r="U135186" i="1"/>
  <c r="U135185" i="1"/>
  <c r="U135184" i="1"/>
  <c r="U135183" i="1"/>
  <c r="U135182" i="1"/>
  <c r="U135181" i="1"/>
  <c r="U135180" i="1"/>
  <c r="U135179" i="1"/>
  <c r="U135178" i="1"/>
  <c r="U135177" i="1"/>
  <c r="U135176" i="1"/>
  <c r="U135175" i="1"/>
  <c r="U135174" i="1"/>
  <c r="U135173" i="1"/>
  <c r="U135172" i="1"/>
  <c r="U135171" i="1"/>
  <c r="U135170" i="1"/>
  <c r="U135169" i="1"/>
  <c r="U135168" i="1"/>
  <c r="U135167" i="1"/>
  <c r="U135166" i="1"/>
  <c r="U135165" i="1"/>
  <c r="U135164" i="1"/>
  <c r="U135163" i="1"/>
  <c r="U135162" i="1"/>
  <c r="U135161" i="1"/>
  <c r="U135160" i="1"/>
  <c r="U135159" i="1"/>
  <c r="U135158" i="1"/>
  <c r="U135157" i="1"/>
  <c r="U135156" i="1"/>
  <c r="U135155" i="1"/>
  <c r="U135154" i="1"/>
  <c r="U135153" i="1"/>
  <c r="U135152" i="1"/>
  <c r="U135151" i="1"/>
  <c r="U135150" i="1"/>
  <c r="U135149" i="1"/>
  <c r="U135148" i="1"/>
  <c r="U135147" i="1"/>
  <c r="U135146" i="1"/>
  <c r="U135145" i="1"/>
  <c r="U135144" i="1"/>
  <c r="U135143" i="1"/>
  <c r="U135142" i="1"/>
  <c r="U135141" i="1"/>
  <c r="U135140" i="1"/>
  <c r="U135139" i="1"/>
  <c r="U135138" i="1"/>
  <c r="U135137" i="1"/>
  <c r="U135136" i="1"/>
  <c r="U135135" i="1"/>
  <c r="U135134" i="1"/>
  <c r="U135133" i="1"/>
  <c r="U135132" i="1"/>
  <c r="U135131" i="1"/>
  <c r="U135130" i="1"/>
  <c r="U135129" i="1"/>
  <c r="U135128" i="1"/>
  <c r="U135127" i="1"/>
  <c r="U135126" i="1"/>
  <c r="U135125" i="1"/>
  <c r="U135124" i="1"/>
  <c r="U135123" i="1"/>
  <c r="U135122" i="1"/>
  <c r="U135121" i="1"/>
  <c r="U135120" i="1"/>
  <c r="U135119" i="1"/>
  <c r="U135118" i="1"/>
  <c r="U135117" i="1"/>
  <c r="U135116" i="1"/>
  <c r="U135115" i="1"/>
  <c r="U135114" i="1"/>
  <c r="U135113" i="1"/>
  <c r="U135112" i="1"/>
  <c r="U135111" i="1"/>
  <c r="U135110" i="1"/>
  <c r="U135109" i="1"/>
  <c r="U135108" i="1"/>
  <c r="U135107" i="1"/>
  <c r="U135106" i="1"/>
  <c r="U135105" i="1"/>
  <c r="U135104" i="1"/>
  <c r="U135103" i="1"/>
  <c r="U135102" i="1"/>
  <c r="U135101" i="1"/>
  <c r="U135100" i="1"/>
  <c r="U135099" i="1"/>
  <c r="U135098" i="1"/>
  <c r="U135097" i="1"/>
  <c r="U135096" i="1"/>
  <c r="U135095" i="1"/>
  <c r="U135094" i="1"/>
  <c r="U135093" i="1"/>
  <c r="U135092" i="1"/>
  <c r="U135091" i="1"/>
  <c r="U135090" i="1"/>
  <c r="U135089" i="1"/>
  <c r="U135088" i="1"/>
  <c r="U135087" i="1"/>
  <c r="U135086" i="1"/>
  <c r="U135085" i="1"/>
  <c r="U135084" i="1"/>
  <c r="U135083" i="1"/>
  <c r="U135082" i="1"/>
  <c r="U135081" i="1"/>
  <c r="U135080" i="1"/>
  <c r="U135079" i="1"/>
  <c r="U135078" i="1"/>
  <c r="U135077" i="1"/>
  <c r="U135076" i="1"/>
  <c r="U135075" i="1"/>
  <c r="U135074" i="1"/>
  <c r="U135073" i="1"/>
  <c r="U135072" i="1"/>
  <c r="U135071" i="1"/>
  <c r="U135070" i="1"/>
  <c r="U135069" i="1"/>
  <c r="U135068" i="1"/>
  <c r="U135067" i="1"/>
  <c r="U135066" i="1"/>
  <c r="U135065" i="1"/>
  <c r="U135064" i="1"/>
  <c r="U135063" i="1"/>
  <c r="U135062" i="1"/>
  <c r="U135061" i="1"/>
  <c r="U135060" i="1"/>
  <c r="U135059" i="1"/>
  <c r="U135058" i="1"/>
  <c r="U135057" i="1"/>
  <c r="U135056" i="1"/>
  <c r="U135055" i="1"/>
  <c r="U135054" i="1"/>
  <c r="U135053" i="1"/>
  <c r="U135052" i="1"/>
  <c r="U135051" i="1"/>
  <c r="U135050" i="1"/>
  <c r="U135049" i="1"/>
  <c r="U135048" i="1"/>
  <c r="U135047" i="1"/>
  <c r="U135046" i="1"/>
  <c r="U135045" i="1"/>
  <c r="U135044" i="1"/>
  <c r="U135043" i="1"/>
  <c r="U135042" i="1"/>
  <c r="U135041" i="1"/>
  <c r="U135040" i="1"/>
  <c r="U135039" i="1"/>
  <c r="U135038" i="1"/>
  <c r="U135037" i="1"/>
  <c r="U135036" i="1"/>
  <c r="U135035" i="1"/>
  <c r="U135034" i="1"/>
  <c r="U135033" i="1"/>
  <c r="U135032" i="1"/>
  <c r="U135031" i="1"/>
  <c r="U135030" i="1"/>
  <c r="U135029" i="1"/>
  <c r="U135028" i="1"/>
  <c r="U135027" i="1"/>
  <c r="U135026" i="1"/>
  <c r="U135025" i="1"/>
  <c r="U135024" i="1"/>
  <c r="U135023" i="1"/>
  <c r="U135022" i="1"/>
  <c r="U135021" i="1"/>
  <c r="U135020" i="1"/>
  <c r="U135019" i="1"/>
  <c r="U135018" i="1"/>
  <c r="U135017" i="1"/>
  <c r="U135016" i="1"/>
  <c r="U135015" i="1"/>
  <c r="U135014" i="1"/>
  <c r="U135013" i="1"/>
  <c r="U135012" i="1"/>
  <c r="U135011" i="1"/>
  <c r="U135010" i="1"/>
  <c r="U135009" i="1"/>
  <c r="U135008" i="1"/>
  <c r="U135007" i="1"/>
  <c r="U135006" i="1"/>
  <c r="U135005" i="1"/>
  <c r="U135004" i="1"/>
  <c r="U135003" i="1"/>
  <c r="U135002" i="1"/>
  <c r="U135001" i="1"/>
  <c r="U135000" i="1"/>
  <c r="U134999" i="1"/>
  <c r="U134998" i="1"/>
  <c r="U134997" i="1"/>
  <c r="U134996" i="1"/>
  <c r="U134995" i="1"/>
  <c r="U134994" i="1"/>
  <c r="U134993" i="1"/>
  <c r="U134992" i="1"/>
  <c r="U134991" i="1"/>
  <c r="U134990" i="1"/>
  <c r="U134989" i="1"/>
  <c r="U134988" i="1"/>
  <c r="U134987" i="1"/>
  <c r="U134986" i="1"/>
  <c r="U134985" i="1"/>
  <c r="U134984" i="1"/>
  <c r="U134983" i="1"/>
  <c r="U134982" i="1"/>
  <c r="U134981" i="1"/>
  <c r="U134980" i="1"/>
  <c r="U134979" i="1"/>
  <c r="U134978" i="1"/>
  <c r="U134977" i="1"/>
  <c r="U134976" i="1"/>
  <c r="U134975" i="1"/>
  <c r="U134974" i="1"/>
  <c r="U134973" i="1"/>
  <c r="U134972" i="1"/>
  <c r="U134971" i="1"/>
  <c r="U134970" i="1"/>
  <c r="U134969" i="1"/>
  <c r="U134968" i="1"/>
  <c r="U134967" i="1"/>
  <c r="U134966" i="1"/>
  <c r="U134965" i="1"/>
  <c r="U134964" i="1"/>
  <c r="U134963" i="1"/>
  <c r="U134962" i="1"/>
  <c r="U134961" i="1"/>
  <c r="U134960" i="1"/>
  <c r="U134959" i="1"/>
  <c r="U134958" i="1"/>
  <c r="U134957" i="1"/>
  <c r="U134956" i="1"/>
  <c r="U134955" i="1"/>
  <c r="U134954" i="1"/>
  <c r="U134953" i="1"/>
  <c r="U134952" i="1"/>
  <c r="U134951" i="1"/>
  <c r="U134950" i="1"/>
  <c r="U134949" i="1"/>
  <c r="U134948" i="1"/>
  <c r="U134947" i="1"/>
  <c r="U134946" i="1"/>
  <c r="U134945" i="1"/>
  <c r="U134944" i="1"/>
  <c r="U134943" i="1"/>
  <c r="U134942" i="1"/>
  <c r="U134941" i="1"/>
  <c r="U134940" i="1"/>
  <c r="U134939" i="1"/>
  <c r="U134938" i="1"/>
  <c r="U134937" i="1"/>
  <c r="U134936" i="1"/>
  <c r="U134935" i="1"/>
  <c r="U134934" i="1"/>
  <c r="U134933" i="1"/>
  <c r="U134932" i="1"/>
  <c r="U134931" i="1"/>
  <c r="U134930" i="1"/>
  <c r="U134929" i="1"/>
  <c r="U134928" i="1"/>
  <c r="U134927" i="1"/>
  <c r="U134926" i="1"/>
  <c r="U134925" i="1"/>
  <c r="U134924" i="1"/>
  <c r="U134923" i="1"/>
  <c r="U134922" i="1"/>
  <c r="U134921" i="1"/>
  <c r="U134920" i="1"/>
  <c r="U134919" i="1"/>
  <c r="U134918" i="1"/>
  <c r="U134917" i="1"/>
  <c r="U134916" i="1"/>
  <c r="U134915" i="1"/>
  <c r="U134914" i="1"/>
  <c r="U134913" i="1"/>
  <c r="U134912" i="1"/>
  <c r="U134911" i="1"/>
  <c r="U134910" i="1"/>
  <c r="U134909" i="1"/>
  <c r="U134908" i="1"/>
  <c r="U134907" i="1"/>
  <c r="U134906" i="1"/>
  <c r="U134905" i="1"/>
  <c r="U134904" i="1"/>
  <c r="U134903" i="1"/>
  <c r="U134902" i="1"/>
  <c r="U134901" i="1"/>
  <c r="U134900" i="1"/>
  <c r="U134899" i="1"/>
  <c r="U134898" i="1"/>
  <c r="U134897" i="1"/>
  <c r="U134896" i="1"/>
  <c r="U134895" i="1"/>
  <c r="U134894" i="1"/>
  <c r="U134893" i="1"/>
  <c r="U134892" i="1"/>
  <c r="U134891" i="1"/>
  <c r="U134890" i="1"/>
  <c r="U134889" i="1"/>
  <c r="U134888" i="1"/>
  <c r="U134887" i="1"/>
  <c r="U134886" i="1"/>
  <c r="U134885" i="1"/>
  <c r="U134884" i="1"/>
  <c r="U134883" i="1"/>
  <c r="U134882" i="1"/>
  <c r="U134881" i="1"/>
  <c r="U134880" i="1"/>
  <c r="U134879" i="1"/>
  <c r="U134878" i="1"/>
  <c r="U134877" i="1"/>
  <c r="U134876" i="1"/>
  <c r="U134875" i="1"/>
  <c r="U134874" i="1"/>
  <c r="U134873" i="1"/>
  <c r="U134872" i="1"/>
  <c r="U134871" i="1"/>
  <c r="U134870" i="1"/>
  <c r="U134869" i="1"/>
  <c r="U134868" i="1"/>
  <c r="U134867" i="1"/>
  <c r="U134866" i="1"/>
  <c r="U134865" i="1"/>
  <c r="U134864" i="1"/>
  <c r="U134863" i="1"/>
  <c r="U134862" i="1"/>
  <c r="U134861" i="1"/>
  <c r="U134860" i="1"/>
  <c r="U134859" i="1"/>
  <c r="U134858" i="1"/>
  <c r="U134857" i="1"/>
  <c r="U134856" i="1"/>
  <c r="U134855" i="1"/>
  <c r="U134854" i="1"/>
  <c r="U134853" i="1"/>
  <c r="U134852" i="1"/>
  <c r="U134851" i="1"/>
  <c r="U134850" i="1"/>
  <c r="U134849" i="1"/>
  <c r="U134848" i="1"/>
  <c r="U134847" i="1"/>
  <c r="U134846" i="1"/>
  <c r="U134845" i="1"/>
  <c r="U134844" i="1"/>
  <c r="U134843" i="1"/>
  <c r="U134842" i="1"/>
  <c r="U134841" i="1"/>
  <c r="U134840" i="1"/>
  <c r="U134839" i="1"/>
  <c r="U134838" i="1"/>
  <c r="U134837" i="1"/>
  <c r="U134836" i="1"/>
  <c r="U134835" i="1"/>
  <c r="U134834" i="1"/>
  <c r="U134833" i="1"/>
  <c r="U134832" i="1"/>
  <c r="U134831" i="1"/>
  <c r="U134830" i="1"/>
  <c r="U134829" i="1"/>
  <c r="U134828" i="1"/>
  <c r="U134827" i="1"/>
  <c r="U134826" i="1"/>
  <c r="U134825" i="1"/>
  <c r="U134824" i="1"/>
  <c r="U134823" i="1"/>
  <c r="U134822" i="1"/>
  <c r="U134821" i="1"/>
  <c r="U134820" i="1"/>
  <c r="U134819" i="1"/>
  <c r="U134818" i="1"/>
  <c r="U134817" i="1"/>
  <c r="U134816" i="1"/>
  <c r="U134815" i="1"/>
  <c r="U134814" i="1"/>
  <c r="U134813" i="1"/>
  <c r="U134812" i="1"/>
  <c r="U134811" i="1"/>
  <c r="U134810" i="1"/>
  <c r="U134809" i="1"/>
  <c r="U134808" i="1"/>
  <c r="U134807" i="1"/>
  <c r="U134806" i="1"/>
  <c r="U134805" i="1"/>
  <c r="U134804" i="1"/>
  <c r="U134803" i="1"/>
  <c r="U134802" i="1"/>
  <c r="U134801" i="1"/>
  <c r="U134800" i="1"/>
  <c r="U134799" i="1"/>
  <c r="U134798" i="1"/>
  <c r="U134797" i="1"/>
  <c r="U134796" i="1"/>
  <c r="U134795" i="1"/>
  <c r="U134794" i="1"/>
  <c r="U134793" i="1"/>
  <c r="U134792" i="1"/>
  <c r="U134791" i="1"/>
  <c r="U134790" i="1"/>
  <c r="U134789" i="1"/>
  <c r="U134788" i="1"/>
  <c r="U134787" i="1"/>
  <c r="U134786" i="1"/>
  <c r="U134785" i="1"/>
  <c r="U134784" i="1"/>
  <c r="U134783" i="1"/>
  <c r="U134782" i="1"/>
  <c r="U134781" i="1"/>
  <c r="U134780" i="1"/>
  <c r="U134779" i="1"/>
  <c r="U134778" i="1"/>
  <c r="U134777" i="1"/>
  <c r="U134776" i="1"/>
  <c r="U134775" i="1"/>
  <c r="U134774" i="1"/>
  <c r="U134773" i="1"/>
  <c r="U134772" i="1"/>
  <c r="U134771" i="1"/>
  <c r="U134770" i="1"/>
  <c r="U134769" i="1"/>
  <c r="U134768" i="1"/>
  <c r="U134767" i="1"/>
  <c r="U134766" i="1"/>
  <c r="U134765" i="1"/>
  <c r="U134764" i="1"/>
  <c r="U134763" i="1"/>
  <c r="U134762" i="1"/>
  <c r="U134761" i="1"/>
  <c r="U134760" i="1"/>
  <c r="U134759" i="1"/>
  <c r="U134758" i="1"/>
  <c r="U134757" i="1"/>
  <c r="U134756" i="1"/>
  <c r="U134755" i="1"/>
  <c r="U134754" i="1"/>
  <c r="U134753" i="1"/>
  <c r="U134752" i="1"/>
  <c r="U134751" i="1"/>
  <c r="U134750" i="1"/>
  <c r="U134749" i="1"/>
  <c r="U134748" i="1"/>
  <c r="U134747" i="1"/>
  <c r="U134746" i="1"/>
  <c r="U134745" i="1"/>
  <c r="U134744" i="1"/>
  <c r="U134743" i="1"/>
  <c r="U134742" i="1"/>
  <c r="U134741" i="1"/>
  <c r="U134740" i="1"/>
  <c r="U134739" i="1"/>
  <c r="U134738" i="1"/>
  <c r="U134737" i="1"/>
  <c r="U134736" i="1"/>
  <c r="U134735" i="1"/>
  <c r="U134734" i="1"/>
  <c r="U134733" i="1"/>
  <c r="U134732" i="1"/>
  <c r="U134731" i="1"/>
  <c r="U134730" i="1"/>
  <c r="U134729" i="1"/>
  <c r="U134728" i="1"/>
  <c r="U134727" i="1"/>
  <c r="U134726" i="1"/>
  <c r="U134725" i="1"/>
  <c r="U134724" i="1"/>
  <c r="U134723" i="1"/>
  <c r="U134722" i="1"/>
  <c r="U134721" i="1"/>
  <c r="U134720" i="1"/>
  <c r="U134719" i="1"/>
  <c r="U134718" i="1"/>
  <c r="U134717" i="1"/>
  <c r="U134716" i="1"/>
  <c r="U134715" i="1"/>
  <c r="U134714" i="1"/>
  <c r="U134713" i="1"/>
  <c r="U134712" i="1"/>
  <c r="U134711" i="1"/>
  <c r="U134710" i="1"/>
  <c r="U134709" i="1"/>
  <c r="U134708" i="1"/>
  <c r="U134707" i="1"/>
  <c r="U134706" i="1"/>
  <c r="U134705" i="1"/>
  <c r="U134704" i="1"/>
  <c r="U134703" i="1"/>
  <c r="U134702" i="1"/>
  <c r="U134701" i="1"/>
  <c r="U134700" i="1"/>
  <c r="U134699" i="1"/>
  <c r="U134698" i="1"/>
  <c r="U134697" i="1"/>
  <c r="U134696" i="1"/>
  <c r="U134695" i="1"/>
  <c r="U134694" i="1"/>
  <c r="U134693" i="1"/>
  <c r="U134692" i="1"/>
  <c r="U134691" i="1"/>
  <c r="U134690" i="1"/>
  <c r="U134689" i="1"/>
  <c r="U134688" i="1"/>
  <c r="U134687" i="1"/>
  <c r="U134686" i="1"/>
  <c r="U134685" i="1"/>
  <c r="U134684" i="1"/>
  <c r="U134683" i="1"/>
  <c r="U134682" i="1"/>
  <c r="U134681" i="1"/>
  <c r="U134680" i="1"/>
  <c r="U134679" i="1"/>
  <c r="U134678" i="1"/>
  <c r="U134677" i="1"/>
  <c r="U134676" i="1"/>
  <c r="U134675" i="1"/>
  <c r="U134674" i="1"/>
  <c r="U134673" i="1"/>
  <c r="U134672" i="1"/>
  <c r="U134671" i="1"/>
  <c r="U134670" i="1"/>
  <c r="U134669" i="1"/>
  <c r="U134668" i="1"/>
  <c r="U134667" i="1"/>
  <c r="U134666" i="1"/>
  <c r="U134665" i="1"/>
  <c r="U134664" i="1"/>
  <c r="U134663" i="1"/>
  <c r="U134662" i="1"/>
  <c r="U134661" i="1"/>
  <c r="U134660" i="1"/>
  <c r="U134659" i="1"/>
  <c r="U134658" i="1"/>
  <c r="U134657" i="1"/>
  <c r="U134656" i="1"/>
  <c r="U134655" i="1"/>
  <c r="U134654" i="1"/>
  <c r="U134653" i="1"/>
  <c r="U134652" i="1"/>
  <c r="U134651" i="1"/>
  <c r="U134650" i="1"/>
  <c r="U134649" i="1"/>
  <c r="U134648" i="1"/>
  <c r="U134647" i="1"/>
  <c r="U134646" i="1"/>
  <c r="U134645" i="1"/>
  <c r="U134644" i="1"/>
  <c r="U134643" i="1"/>
  <c r="U134642" i="1"/>
  <c r="U134641" i="1"/>
  <c r="U134640" i="1"/>
  <c r="U134639" i="1"/>
  <c r="U134638" i="1"/>
  <c r="U134637" i="1"/>
  <c r="U134636" i="1"/>
  <c r="U134635" i="1"/>
  <c r="U134634" i="1"/>
  <c r="U134633" i="1"/>
  <c r="U134632" i="1"/>
  <c r="U134631" i="1"/>
  <c r="U134630" i="1"/>
  <c r="U134629" i="1"/>
  <c r="U134628" i="1"/>
  <c r="U134627" i="1"/>
  <c r="U134626" i="1"/>
  <c r="U134625" i="1"/>
  <c r="U134624" i="1"/>
  <c r="U134623" i="1"/>
  <c r="U134622" i="1"/>
  <c r="U134621" i="1"/>
  <c r="U134620" i="1"/>
  <c r="U134619" i="1"/>
  <c r="U134618" i="1"/>
  <c r="U134617" i="1"/>
  <c r="U134616" i="1"/>
  <c r="U134615" i="1"/>
  <c r="U134614" i="1"/>
  <c r="U134613" i="1"/>
  <c r="U134612" i="1"/>
  <c r="U134611" i="1"/>
  <c r="U134610" i="1"/>
  <c r="U134609" i="1"/>
  <c r="U134608" i="1"/>
  <c r="U134607" i="1"/>
  <c r="U134606" i="1"/>
  <c r="U134605" i="1"/>
  <c r="U134604" i="1"/>
  <c r="U134603" i="1"/>
  <c r="U134602" i="1"/>
  <c r="U134601" i="1"/>
  <c r="U134600" i="1"/>
  <c r="U134599" i="1"/>
  <c r="U134598" i="1"/>
  <c r="U134597" i="1"/>
  <c r="U134596" i="1"/>
  <c r="U134595" i="1"/>
  <c r="U134594" i="1"/>
  <c r="U134593" i="1"/>
  <c r="U134592" i="1"/>
  <c r="U134591" i="1"/>
  <c r="U134590" i="1"/>
  <c r="U134589" i="1"/>
  <c r="U134588" i="1"/>
  <c r="U134587" i="1"/>
  <c r="U134586" i="1"/>
  <c r="U134585" i="1"/>
  <c r="U134584" i="1"/>
  <c r="U134583" i="1"/>
  <c r="U134582" i="1"/>
  <c r="U134581" i="1"/>
  <c r="U134580" i="1"/>
  <c r="U134579" i="1"/>
  <c r="U134578" i="1"/>
  <c r="U134577" i="1"/>
  <c r="U134576" i="1"/>
  <c r="U134575" i="1"/>
  <c r="U134574" i="1"/>
  <c r="U134573" i="1"/>
  <c r="U134572" i="1"/>
  <c r="U134571" i="1"/>
  <c r="U134570" i="1"/>
  <c r="U134569" i="1"/>
  <c r="U134568" i="1"/>
  <c r="U134567" i="1"/>
  <c r="U134566" i="1"/>
  <c r="U134565" i="1"/>
  <c r="U134564" i="1"/>
  <c r="U134563" i="1"/>
  <c r="U134562" i="1"/>
  <c r="U134561" i="1"/>
  <c r="U134560" i="1"/>
  <c r="U134559" i="1"/>
  <c r="U134558" i="1"/>
  <c r="U134557" i="1"/>
  <c r="U134556" i="1"/>
  <c r="U134555" i="1"/>
  <c r="U134554" i="1"/>
  <c r="U134553" i="1"/>
  <c r="U134552" i="1"/>
  <c r="U134551" i="1"/>
  <c r="U134550" i="1"/>
  <c r="U134549" i="1"/>
  <c r="U134548" i="1"/>
  <c r="U134547" i="1"/>
  <c r="U134546" i="1"/>
  <c r="U134545" i="1"/>
  <c r="U134544" i="1"/>
  <c r="U134543" i="1"/>
  <c r="U134542" i="1"/>
  <c r="U134541" i="1"/>
  <c r="U134540" i="1"/>
  <c r="U134539" i="1"/>
  <c r="U134538" i="1"/>
  <c r="U134537" i="1"/>
  <c r="U134536" i="1"/>
  <c r="U134535" i="1"/>
  <c r="U134534" i="1"/>
  <c r="U134533" i="1"/>
  <c r="U134532" i="1"/>
  <c r="U134531" i="1"/>
  <c r="U134530" i="1"/>
  <c r="U134529" i="1"/>
  <c r="U134528" i="1"/>
  <c r="U134527" i="1"/>
  <c r="U134526" i="1"/>
  <c r="U134525" i="1"/>
  <c r="U134524" i="1"/>
  <c r="U134523" i="1"/>
  <c r="U134522" i="1"/>
  <c r="U134521" i="1"/>
  <c r="U134520" i="1"/>
  <c r="U134519" i="1"/>
  <c r="U134518" i="1"/>
  <c r="U134517" i="1"/>
  <c r="U134516" i="1"/>
  <c r="U134515" i="1"/>
  <c r="U134514" i="1"/>
  <c r="U134513" i="1"/>
  <c r="U134512" i="1"/>
  <c r="U134511" i="1"/>
  <c r="U134510" i="1"/>
  <c r="U134509" i="1"/>
  <c r="U134508" i="1"/>
  <c r="U134507" i="1"/>
  <c r="U134506" i="1"/>
  <c r="U134505" i="1"/>
  <c r="U134504" i="1"/>
  <c r="U134503" i="1"/>
  <c r="U134502" i="1"/>
  <c r="U134501" i="1"/>
  <c r="U134500" i="1"/>
  <c r="U134499" i="1"/>
  <c r="U134498" i="1"/>
  <c r="U134497" i="1"/>
  <c r="U134496" i="1"/>
  <c r="U134495" i="1"/>
  <c r="U134494" i="1"/>
  <c r="U134493" i="1"/>
  <c r="U134492" i="1"/>
  <c r="U134491" i="1"/>
  <c r="U134490" i="1"/>
  <c r="U134489" i="1"/>
  <c r="U134488" i="1"/>
  <c r="U134487" i="1"/>
  <c r="U134486" i="1"/>
  <c r="U134485" i="1"/>
  <c r="U134484" i="1"/>
  <c r="U134483" i="1"/>
  <c r="U134482" i="1"/>
  <c r="U134481" i="1"/>
  <c r="U134480" i="1"/>
  <c r="U134479" i="1"/>
  <c r="U134478" i="1"/>
  <c r="U134477" i="1"/>
  <c r="U134476" i="1"/>
  <c r="U134475" i="1"/>
  <c r="U134474" i="1"/>
  <c r="U134473" i="1"/>
  <c r="U134472" i="1"/>
  <c r="U134471" i="1"/>
  <c r="U134470" i="1"/>
  <c r="U134469" i="1"/>
  <c r="U134468" i="1"/>
  <c r="U134467" i="1"/>
  <c r="U134466" i="1"/>
  <c r="U134465" i="1"/>
  <c r="U134464" i="1"/>
  <c r="U134463" i="1"/>
  <c r="U134462" i="1"/>
  <c r="U134461" i="1"/>
  <c r="U134460" i="1"/>
  <c r="U134459" i="1"/>
  <c r="U134458" i="1"/>
  <c r="U134457" i="1"/>
  <c r="U134456" i="1"/>
  <c r="U134455" i="1"/>
  <c r="U134454" i="1"/>
  <c r="U134453" i="1"/>
  <c r="U134452" i="1"/>
  <c r="U134451" i="1"/>
  <c r="U134450" i="1"/>
  <c r="U134449" i="1"/>
  <c r="U134448" i="1"/>
  <c r="U134447" i="1"/>
  <c r="U134446" i="1"/>
  <c r="U134445" i="1"/>
  <c r="U134444" i="1"/>
  <c r="U134443" i="1"/>
  <c r="U134442" i="1"/>
  <c r="U134441" i="1"/>
  <c r="U134440" i="1"/>
  <c r="U134439" i="1"/>
  <c r="U134438" i="1"/>
  <c r="U134437" i="1"/>
  <c r="U134436" i="1"/>
  <c r="U134435" i="1"/>
  <c r="U134434" i="1"/>
  <c r="U134433" i="1"/>
  <c r="U134432" i="1"/>
  <c r="U134431" i="1"/>
  <c r="U134430" i="1"/>
  <c r="U134429" i="1"/>
  <c r="U134428" i="1"/>
  <c r="U134427" i="1"/>
  <c r="U134426" i="1"/>
  <c r="U134425" i="1"/>
  <c r="U134424" i="1"/>
  <c r="U134423" i="1"/>
  <c r="U134422" i="1"/>
  <c r="U134421" i="1"/>
  <c r="U134420" i="1"/>
  <c r="U134419" i="1"/>
  <c r="U134418" i="1"/>
  <c r="U134417" i="1"/>
  <c r="U134416" i="1"/>
  <c r="U134415" i="1"/>
  <c r="U134414" i="1"/>
  <c r="U134413" i="1"/>
  <c r="U134412" i="1"/>
  <c r="U134411" i="1"/>
  <c r="U134410" i="1"/>
  <c r="U134409" i="1"/>
  <c r="U134408" i="1"/>
  <c r="U134407" i="1"/>
  <c r="U134406" i="1"/>
  <c r="U134405" i="1"/>
  <c r="U134404" i="1"/>
  <c r="U134403" i="1"/>
  <c r="U134402" i="1"/>
  <c r="U134401" i="1"/>
  <c r="U134400" i="1"/>
  <c r="U134399" i="1"/>
  <c r="U134398" i="1"/>
  <c r="U134397" i="1"/>
  <c r="U134396" i="1"/>
  <c r="U134395" i="1"/>
  <c r="U134394" i="1"/>
  <c r="U134393" i="1"/>
  <c r="U134392" i="1"/>
  <c r="U134391" i="1"/>
  <c r="U134390" i="1"/>
  <c r="U134389" i="1"/>
  <c r="U134388" i="1"/>
  <c r="U134387" i="1"/>
  <c r="U134386" i="1"/>
  <c r="U134385" i="1"/>
  <c r="U134384" i="1"/>
  <c r="U134383" i="1"/>
  <c r="U134382" i="1"/>
  <c r="U134381" i="1"/>
  <c r="U134380" i="1"/>
  <c r="U134379" i="1"/>
  <c r="U134378" i="1"/>
  <c r="U134377" i="1"/>
  <c r="U134376" i="1"/>
  <c r="U134375" i="1"/>
  <c r="U134374" i="1"/>
  <c r="U134373" i="1"/>
  <c r="U134372" i="1"/>
  <c r="U134371" i="1"/>
  <c r="U134370" i="1"/>
  <c r="U134369" i="1"/>
  <c r="U134368" i="1"/>
  <c r="U134367" i="1"/>
  <c r="U134366" i="1"/>
  <c r="U134365" i="1"/>
  <c r="U134364" i="1"/>
  <c r="U134363" i="1"/>
  <c r="U134362" i="1"/>
  <c r="U134361" i="1"/>
  <c r="U134360" i="1"/>
  <c r="U134359" i="1"/>
  <c r="U134358" i="1"/>
  <c r="U134357" i="1"/>
  <c r="U134356" i="1"/>
  <c r="U134355" i="1"/>
  <c r="U134354" i="1"/>
  <c r="U134353" i="1"/>
  <c r="U134352" i="1"/>
  <c r="U134351" i="1"/>
  <c r="U134350" i="1"/>
  <c r="U134349" i="1"/>
  <c r="U134348" i="1"/>
  <c r="U134347" i="1"/>
  <c r="U134346" i="1"/>
  <c r="U134345" i="1"/>
  <c r="U134344" i="1"/>
  <c r="U134343" i="1"/>
  <c r="U134342" i="1"/>
  <c r="U134341" i="1"/>
  <c r="U134340" i="1"/>
  <c r="U134339" i="1"/>
  <c r="U134338" i="1"/>
  <c r="U134337" i="1"/>
  <c r="U134336" i="1"/>
  <c r="U134335" i="1"/>
  <c r="U134334" i="1"/>
  <c r="U134333" i="1"/>
  <c r="U134332" i="1"/>
  <c r="U134331" i="1"/>
  <c r="U134330" i="1"/>
  <c r="U134329" i="1"/>
  <c r="U134328" i="1"/>
  <c r="U134327" i="1"/>
  <c r="U134326" i="1"/>
  <c r="U134325" i="1"/>
  <c r="U134324" i="1"/>
  <c r="U134323" i="1"/>
  <c r="U134322" i="1"/>
  <c r="U134321" i="1"/>
  <c r="U134320" i="1"/>
  <c r="U134319" i="1"/>
  <c r="U134318" i="1"/>
  <c r="U134317" i="1"/>
  <c r="U134316" i="1"/>
  <c r="U134315" i="1"/>
  <c r="U134314" i="1"/>
  <c r="U134313" i="1"/>
  <c r="U134312" i="1"/>
  <c r="U134311" i="1"/>
  <c r="U134310" i="1"/>
  <c r="U134309" i="1"/>
  <c r="U134308" i="1"/>
  <c r="U134307" i="1"/>
  <c r="U134306" i="1"/>
  <c r="U134305" i="1"/>
  <c r="U134304" i="1"/>
  <c r="U134303" i="1"/>
  <c r="U134302" i="1"/>
  <c r="U134301" i="1"/>
  <c r="U134300" i="1"/>
  <c r="U134299" i="1"/>
  <c r="U134298" i="1"/>
  <c r="U134297" i="1"/>
  <c r="U134296" i="1"/>
  <c r="U134295" i="1"/>
  <c r="U134294" i="1"/>
  <c r="U134293" i="1"/>
  <c r="U134292" i="1"/>
  <c r="U134291" i="1"/>
  <c r="U134290" i="1"/>
  <c r="U134289" i="1"/>
  <c r="U134288" i="1"/>
  <c r="U134287" i="1"/>
  <c r="U134286" i="1"/>
  <c r="U134285" i="1"/>
  <c r="U134284" i="1"/>
  <c r="U134283" i="1"/>
  <c r="U134282" i="1"/>
  <c r="U134281" i="1"/>
  <c r="U134280" i="1"/>
  <c r="U134279" i="1"/>
  <c r="U134278" i="1"/>
  <c r="U134277" i="1"/>
  <c r="U134276" i="1"/>
  <c r="U134275" i="1"/>
  <c r="U134274" i="1"/>
  <c r="U134273" i="1"/>
  <c r="U134272" i="1"/>
  <c r="U134271" i="1"/>
  <c r="U134270" i="1"/>
  <c r="U134269" i="1"/>
  <c r="U134268" i="1"/>
  <c r="U134267" i="1"/>
  <c r="U134266" i="1"/>
  <c r="U134265" i="1"/>
  <c r="U134264" i="1"/>
  <c r="U134263" i="1"/>
  <c r="U134262" i="1"/>
  <c r="U134261" i="1"/>
  <c r="U134260" i="1"/>
  <c r="U134259" i="1"/>
  <c r="U134258" i="1"/>
  <c r="U134257" i="1"/>
  <c r="U134256" i="1"/>
  <c r="U134255" i="1"/>
  <c r="U134254" i="1"/>
  <c r="U134253" i="1"/>
  <c r="U134252" i="1"/>
  <c r="U134251" i="1"/>
  <c r="U134250" i="1"/>
  <c r="U134249" i="1"/>
  <c r="U134248" i="1"/>
  <c r="U134247" i="1"/>
  <c r="U134246" i="1"/>
  <c r="U134245" i="1"/>
  <c r="U134244" i="1"/>
  <c r="U134243" i="1"/>
  <c r="U134242" i="1"/>
  <c r="U134241" i="1"/>
  <c r="U134240" i="1"/>
  <c r="U134239" i="1"/>
  <c r="U134238" i="1"/>
  <c r="U134237" i="1"/>
  <c r="U134236" i="1"/>
  <c r="U134235" i="1"/>
  <c r="U134234" i="1"/>
  <c r="U134233" i="1"/>
  <c r="U134232" i="1"/>
  <c r="U134231" i="1"/>
  <c r="U134230" i="1"/>
  <c r="U134229" i="1"/>
  <c r="U134228" i="1"/>
  <c r="U134227" i="1"/>
  <c r="U134226" i="1"/>
  <c r="U134225" i="1"/>
  <c r="U134224" i="1"/>
  <c r="U134223" i="1"/>
  <c r="U134222" i="1"/>
  <c r="U134221" i="1"/>
  <c r="U134220" i="1"/>
  <c r="U134219" i="1"/>
  <c r="U134218" i="1"/>
  <c r="U134217" i="1"/>
  <c r="U134216" i="1"/>
  <c r="U134215" i="1"/>
  <c r="U134214" i="1"/>
  <c r="U134213" i="1"/>
  <c r="U134212" i="1"/>
  <c r="U134211" i="1"/>
  <c r="U134210" i="1"/>
  <c r="U134209" i="1"/>
  <c r="U134208" i="1"/>
  <c r="U134207" i="1"/>
  <c r="U134206" i="1"/>
  <c r="U134205" i="1"/>
  <c r="U134204" i="1"/>
  <c r="U134203" i="1"/>
  <c r="U134202" i="1"/>
  <c r="U134201" i="1"/>
  <c r="U134200" i="1"/>
  <c r="U134199" i="1"/>
  <c r="U134198" i="1"/>
  <c r="U134197" i="1"/>
  <c r="U134196" i="1"/>
  <c r="U134195" i="1"/>
  <c r="U134194" i="1"/>
  <c r="U134193" i="1"/>
  <c r="U134192" i="1"/>
  <c r="U134191" i="1"/>
  <c r="U134190" i="1"/>
  <c r="U134189" i="1"/>
  <c r="U134188" i="1"/>
  <c r="U134187" i="1"/>
  <c r="U134186" i="1"/>
  <c r="U134185" i="1"/>
  <c r="U134184" i="1"/>
  <c r="U134183" i="1"/>
  <c r="U134182" i="1"/>
  <c r="U134181" i="1"/>
  <c r="U134180" i="1"/>
  <c r="U134179" i="1"/>
  <c r="U134178" i="1"/>
  <c r="U134177" i="1"/>
  <c r="U134176" i="1"/>
  <c r="U134175" i="1"/>
  <c r="U134174" i="1"/>
  <c r="U134173" i="1"/>
  <c r="U134172" i="1"/>
  <c r="U134171" i="1"/>
  <c r="U134170" i="1"/>
  <c r="U134169" i="1"/>
  <c r="U134168" i="1"/>
  <c r="U134167" i="1"/>
  <c r="U134166" i="1"/>
  <c r="U134165" i="1"/>
  <c r="U134164" i="1"/>
  <c r="U134163" i="1"/>
  <c r="U134162" i="1"/>
  <c r="U134161" i="1"/>
  <c r="U134160" i="1"/>
  <c r="U134159" i="1"/>
  <c r="U134158" i="1"/>
  <c r="U134157" i="1"/>
  <c r="U134156" i="1"/>
  <c r="U134155" i="1"/>
  <c r="U134154" i="1"/>
  <c r="U134153" i="1"/>
  <c r="U134152" i="1"/>
  <c r="U134151" i="1"/>
  <c r="U134150" i="1"/>
  <c r="U134149" i="1"/>
  <c r="U134148" i="1"/>
  <c r="U134147" i="1"/>
  <c r="U134146" i="1"/>
  <c r="U134145" i="1"/>
  <c r="U134144" i="1"/>
  <c r="U134143" i="1"/>
  <c r="U134142" i="1"/>
  <c r="U134141" i="1"/>
  <c r="U134140" i="1"/>
  <c r="U134139" i="1"/>
  <c r="U134138" i="1"/>
  <c r="U134137" i="1"/>
  <c r="U134136" i="1"/>
  <c r="U134135" i="1"/>
  <c r="U134134" i="1"/>
  <c r="U134133" i="1"/>
  <c r="U134132" i="1"/>
  <c r="U134131" i="1"/>
  <c r="U134130" i="1"/>
  <c r="U134129" i="1"/>
  <c r="U134128" i="1"/>
  <c r="U134127" i="1"/>
  <c r="U134126" i="1"/>
  <c r="U134125" i="1"/>
  <c r="U134124" i="1"/>
  <c r="U134123" i="1"/>
  <c r="U134122" i="1"/>
  <c r="U134121" i="1"/>
  <c r="U134120" i="1"/>
  <c r="U134119" i="1"/>
  <c r="U134118" i="1"/>
  <c r="U134117" i="1"/>
  <c r="U134116" i="1"/>
  <c r="U134115" i="1"/>
  <c r="U134114" i="1"/>
  <c r="U134113" i="1"/>
  <c r="U134112" i="1"/>
  <c r="U134111" i="1"/>
  <c r="U134110" i="1"/>
  <c r="U134109" i="1"/>
  <c r="U134108" i="1"/>
  <c r="U134107" i="1"/>
  <c r="U134106" i="1"/>
  <c r="U134105" i="1"/>
  <c r="U134104" i="1"/>
  <c r="U134103" i="1"/>
  <c r="U134102" i="1"/>
  <c r="U134101" i="1"/>
  <c r="U134100" i="1"/>
  <c r="U134099" i="1"/>
  <c r="U134098" i="1"/>
  <c r="U134097" i="1"/>
  <c r="U134096" i="1"/>
  <c r="U134095" i="1"/>
  <c r="U134094" i="1"/>
  <c r="U134093" i="1"/>
  <c r="U134092" i="1"/>
  <c r="U134091" i="1"/>
  <c r="U134090" i="1"/>
  <c r="U134089" i="1"/>
  <c r="U134088" i="1"/>
  <c r="U134087" i="1"/>
  <c r="U134086" i="1"/>
  <c r="U134085" i="1"/>
  <c r="U134084" i="1"/>
  <c r="U134083" i="1"/>
  <c r="U134082" i="1"/>
  <c r="U134081" i="1"/>
  <c r="U134080" i="1"/>
  <c r="U134079" i="1"/>
  <c r="U134078" i="1"/>
  <c r="U134077" i="1"/>
  <c r="U134076" i="1"/>
  <c r="U134075" i="1"/>
  <c r="U134074" i="1"/>
  <c r="U134073" i="1"/>
  <c r="U134072" i="1"/>
  <c r="U134071" i="1"/>
  <c r="U134070" i="1"/>
  <c r="U134069" i="1"/>
  <c r="U134068" i="1"/>
  <c r="U134067" i="1"/>
  <c r="U134066" i="1"/>
  <c r="U134065" i="1"/>
  <c r="U134064" i="1"/>
  <c r="U134063" i="1"/>
  <c r="U134062" i="1"/>
  <c r="U134061" i="1"/>
  <c r="U134060" i="1"/>
  <c r="U134059" i="1"/>
  <c r="U134058" i="1"/>
  <c r="U134057" i="1"/>
  <c r="U134056" i="1"/>
  <c r="U134055" i="1"/>
  <c r="U134054" i="1"/>
  <c r="U134053" i="1"/>
  <c r="U134052" i="1"/>
  <c r="U134051" i="1"/>
  <c r="U134050" i="1"/>
  <c r="U134049" i="1"/>
  <c r="U134048" i="1"/>
  <c r="U134047" i="1"/>
  <c r="U134046" i="1"/>
  <c r="U134045" i="1"/>
  <c r="U134044" i="1"/>
  <c r="U134043" i="1"/>
  <c r="U134042" i="1"/>
  <c r="U134041" i="1"/>
  <c r="U134040" i="1"/>
  <c r="U134039" i="1"/>
  <c r="U134038" i="1"/>
  <c r="U134037" i="1"/>
  <c r="U134036" i="1"/>
  <c r="U134035" i="1"/>
  <c r="U134034" i="1"/>
  <c r="U134033" i="1"/>
  <c r="U134032" i="1"/>
  <c r="U134031" i="1"/>
  <c r="U134030" i="1"/>
  <c r="U134029" i="1"/>
  <c r="U134028" i="1"/>
  <c r="U134027" i="1"/>
  <c r="U134026" i="1"/>
  <c r="U134025" i="1"/>
  <c r="U134024" i="1"/>
  <c r="U134023" i="1"/>
  <c r="U134022" i="1"/>
  <c r="U134021" i="1"/>
  <c r="U134020" i="1"/>
  <c r="U134019" i="1"/>
  <c r="U134018" i="1"/>
  <c r="U134017" i="1"/>
  <c r="U134016" i="1"/>
  <c r="U134015" i="1"/>
  <c r="U134014" i="1"/>
  <c r="U134013" i="1"/>
  <c r="U134012" i="1"/>
  <c r="U134011" i="1"/>
  <c r="U134010" i="1"/>
  <c r="U134009" i="1"/>
  <c r="U134008" i="1"/>
  <c r="U134007" i="1"/>
  <c r="U134006" i="1"/>
  <c r="U134005" i="1"/>
  <c r="U134004" i="1"/>
  <c r="U134003" i="1"/>
  <c r="U134002" i="1"/>
  <c r="U134001" i="1"/>
  <c r="U134000" i="1"/>
  <c r="U133999" i="1"/>
  <c r="U133998" i="1"/>
  <c r="U133997" i="1"/>
  <c r="U133996" i="1"/>
  <c r="U133995" i="1"/>
  <c r="U133994" i="1"/>
  <c r="U133993" i="1"/>
  <c r="U133992" i="1"/>
  <c r="U133991" i="1"/>
  <c r="U133990" i="1"/>
  <c r="U133989" i="1"/>
  <c r="U133988" i="1"/>
  <c r="U133987" i="1"/>
  <c r="U133986" i="1"/>
  <c r="U133985" i="1"/>
  <c r="U133984" i="1"/>
  <c r="U133983" i="1"/>
  <c r="U133982" i="1"/>
  <c r="U133981" i="1"/>
  <c r="U133980" i="1"/>
  <c r="U133979" i="1"/>
  <c r="U133978" i="1"/>
  <c r="U133977" i="1"/>
  <c r="U133976" i="1"/>
  <c r="U133975" i="1"/>
  <c r="U133974" i="1"/>
  <c r="U133973" i="1"/>
  <c r="U133972" i="1"/>
  <c r="U133971" i="1"/>
  <c r="U133970" i="1"/>
  <c r="U133969" i="1"/>
  <c r="U133968" i="1"/>
  <c r="U133967" i="1"/>
  <c r="U133966" i="1"/>
  <c r="U133965" i="1"/>
  <c r="U133964" i="1"/>
  <c r="U133963" i="1"/>
  <c r="U133962" i="1"/>
  <c r="U133961" i="1"/>
  <c r="U133960" i="1"/>
  <c r="U133959" i="1"/>
  <c r="U133958" i="1"/>
  <c r="U133957" i="1"/>
  <c r="U133956" i="1"/>
  <c r="U133955" i="1"/>
  <c r="U133954" i="1"/>
  <c r="U133953" i="1"/>
  <c r="U133952" i="1"/>
  <c r="U133951" i="1"/>
  <c r="U133950" i="1"/>
  <c r="U133949" i="1"/>
  <c r="U133948" i="1"/>
  <c r="U133947" i="1"/>
  <c r="U133946" i="1"/>
  <c r="U133945" i="1"/>
  <c r="U133944" i="1"/>
  <c r="U133943" i="1"/>
  <c r="U133942" i="1"/>
  <c r="U133941" i="1"/>
  <c r="U133940" i="1"/>
  <c r="U133939" i="1"/>
  <c r="U133938" i="1"/>
  <c r="U133937" i="1"/>
  <c r="U133936" i="1"/>
  <c r="U133935" i="1"/>
  <c r="U133934" i="1"/>
  <c r="U133933" i="1"/>
  <c r="U133932" i="1"/>
  <c r="U133931" i="1"/>
  <c r="U133930" i="1"/>
  <c r="U133929" i="1"/>
  <c r="U133928" i="1"/>
  <c r="U133927" i="1"/>
  <c r="U133926" i="1"/>
  <c r="U133925" i="1"/>
  <c r="U133924" i="1"/>
  <c r="U133923" i="1"/>
  <c r="U133922" i="1"/>
  <c r="U133921" i="1"/>
  <c r="U133920" i="1"/>
  <c r="U133919" i="1"/>
  <c r="U133918" i="1"/>
  <c r="U133917" i="1"/>
  <c r="U133916" i="1"/>
  <c r="U133915" i="1"/>
  <c r="U133914" i="1"/>
  <c r="U133913" i="1"/>
  <c r="U133912" i="1"/>
  <c r="U133911" i="1"/>
  <c r="U133910" i="1"/>
  <c r="U133909" i="1"/>
  <c r="U133908" i="1"/>
  <c r="U133907" i="1"/>
  <c r="U133906" i="1"/>
  <c r="U133905" i="1"/>
  <c r="U133904" i="1"/>
  <c r="U133903" i="1"/>
  <c r="U133902" i="1"/>
  <c r="U133901" i="1"/>
  <c r="U133900" i="1"/>
  <c r="U133899" i="1"/>
  <c r="U133898" i="1"/>
  <c r="U133897" i="1"/>
  <c r="U133896" i="1"/>
  <c r="U133895" i="1"/>
  <c r="U133894" i="1"/>
  <c r="U133893" i="1"/>
  <c r="U133892" i="1"/>
  <c r="U133891" i="1"/>
  <c r="U133890" i="1"/>
  <c r="U133889" i="1"/>
  <c r="U133888" i="1"/>
  <c r="U133887" i="1"/>
  <c r="U133886" i="1"/>
  <c r="U133885" i="1"/>
  <c r="U133884" i="1"/>
  <c r="U133883" i="1"/>
  <c r="U133882" i="1"/>
  <c r="U133881" i="1"/>
  <c r="U133880" i="1"/>
  <c r="U133879" i="1"/>
  <c r="U133878" i="1"/>
  <c r="U133877" i="1"/>
  <c r="U133876" i="1"/>
  <c r="U133875" i="1"/>
  <c r="U133874" i="1"/>
  <c r="U133873" i="1"/>
  <c r="U133872" i="1"/>
  <c r="U133871" i="1"/>
  <c r="U133870" i="1"/>
  <c r="U133869" i="1"/>
  <c r="U133868" i="1"/>
  <c r="U133867" i="1"/>
  <c r="U133866" i="1"/>
  <c r="U133865" i="1"/>
  <c r="U133864" i="1"/>
  <c r="U133863" i="1"/>
  <c r="U133862" i="1"/>
  <c r="U133861" i="1"/>
  <c r="U133860" i="1"/>
  <c r="U133859" i="1"/>
  <c r="U133858" i="1"/>
  <c r="U133857" i="1"/>
  <c r="U133856" i="1"/>
  <c r="U133855" i="1"/>
  <c r="U133854" i="1"/>
  <c r="U133853" i="1"/>
  <c r="U133852" i="1"/>
  <c r="U133851" i="1"/>
  <c r="U133850" i="1"/>
  <c r="U133849" i="1"/>
  <c r="U133848" i="1"/>
  <c r="U133847" i="1"/>
  <c r="U133846" i="1"/>
  <c r="U133845" i="1"/>
  <c r="U133844" i="1"/>
  <c r="U133843" i="1"/>
  <c r="U133842" i="1"/>
  <c r="U133841" i="1"/>
  <c r="U133840" i="1"/>
  <c r="U133839" i="1"/>
  <c r="U133838" i="1"/>
  <c r="U133837" i="1"/>
  <c r="U133836" i="1"/>
  <c r="U133835" i="1"/>
  <c r="U133834" i="1"/>
  <c r="U133833" i="1"/>
  <c r="U133832" i="1"/>
  <c r="U133831" i="1"/>
  <c r="U133830" i="1"/>
  <c r="U133829" i="1"/>
  <c r="U133828" i="1"/>
  <c r="U133827" i="1"/>
  <c r="U133826" i="1"/>
  <c r="U133825" i="1"/>
  <c r="U133824" i="1"/>
  <c r="U133823" i="1"/>
  <c r="U133822" i="1"/>
  <c r="U133821" i="1"/>
  <c r="U133820" i="1"/>
  <c r="U133819" i="1"/>
  <c r="U133818" i="1"/>
  <c r="U133817" i="1"/>
  <c r="U133816" i="1"/>
  <c r="U133815" i="1"/>
  <c r="U133814" i="1"/>
  <c r="U133813" i="1"/>
  <c r="U133812" i="1"/>
  <c r="U133811" i="1"/>
  <c r="U133810" i="1"/>
  <c r="U133809" i="1"/>
  <c r="U133808" i="1"/>
  <c r="U133807" i="1"/>
  <c r="U133806" i="1"/>
  <c r="U133805" i="1"/>
  <c r="U133804" i="1"/>
  <c r="U133803" i="1"/>
  <c r="U133802" i="1"/>
  <c r="U133801" i="1"/>
  <c r="U133800" i="1"/>
  <c r="U133799" i="1"/>
  <c r="U133798" i="1"/>
  <c r="U133797" i="1"/>
  <c r="U133796" i="1"/>
  <c r="U133795" i="1"/>
  <c r="U133794" i="1"/>
  <c r="U133793" i="1"/>
  <c r="U133792" i="1"/>
  <c r="U133791" i="1"/>
  <c r="U133790" i="1"/>
  <c r="U133789" i="1"/>
  <c r="U133788" i="1"/>
  <c r="U133787" i="1"/>
  <c r="U133786" i="1"/>
  <c r="U133785" i="1"/>
  <c r="U133784" i="1"/>
  <c r="U133783" i="1"/>
  <c r="U133782" i="1"/>
  <c r="U133781" i="1"/>
  <c r="U133780" i="1"/>
  <c r="U133779" i="1"/>
  <c r="U133778" i="1"/>
  <c r="U133777" i="1"/>
  <c r="U133776" i="1"/>
  <c r="U133775" i="1"/>
  <c r="U133774" i="1"/>
  <c r="U133773" i="1"/>
  <c r="U133772" i="1"/>
  <c r="U133771" i="1"/>
  <c r="U133770" i="1"/>
  <c r="U133769" i="1"/>
  <c r="U133768" i="1"/>
  <c r="U133767" i="1"/>
  <c r="U133766" i="1"/>
  <c r="U133765" i="1"/>
  <c r="U133764" i="1"/>
  <c r="U133763" i="1"/>
  <c r="U133762" i="1"/>
  <c r="U133761" i="1"/>
  <c r="U133760" i="1"/>
  <c r="U133759" i="1"/>
  <c r="U133758" i="1"/>
  <c r="U133757" i="1"/>
  <c r="U133756" i="1"/>
  <c r="U133755" i="1"/>
  <c r="U133754" i="1"/>
  <c r="U133753" i="1"/>
  <c r="U133752" i="1"/>
  <c r="U133751" i="1"/>
  <c r="U133750" i="1"/>
  <c r="U133749" i="1"/>
  <c r="U133748" i="1"/>
  <c r="U133747" i="1"/>
  <c r="U133746" i="1"/>
  <c r="U133745" i="1"/>
  <c r="U133744" i="1"/>
  <c r="U133743" i="1"/>
  <c r="U133742" i="1"/>
  <c r="U133741" i="1"/>
  <c r="U133740" i="1"/>
  <c r="U133739" i="1"/>
  <c r="U133738" i="1"/>
  <c r="U133737" i="1"/>
  <c r="U133736" i="1"/>
  <c r="U133735" i="1"/>
  <c r="U133734" i="1"/>
  <c r="U133733" i="1"/>
  <c r="U133732" i="1"/>
  <c r="U133731" i="1"/>
  <c r="U133730" i="1"/>
  <c r="U133729" i="1"/>
  <c r="U133728" i="1"/>
  <c r="U133727" i="1"/>
  <c r="U133726" i="1"/>
  <c r="U133725" i="1"/>
  <c r="U133724" i="1"/>
  <c r="U133723" i="1"/>
  <c r="U133722" i="1"/>
  <c r="U133721" i="1"/>
  <c r="U133720" i="1"/>
  <c r="U133719" i="1"/>
  <c r="U133718" i="1"/>
  <c r="U133717" i="1"/>
  <c r="U133716" i="1"/>
  <c r="U133715" i="1"/>
  <c r="U133714" i="1"/>
  <c r="U133713" i="1"/>
  <c r="U133712" i="1"/>
  <c r="U133711" i="1"/>
  <c r="U133710" i="1"/>
  <c r="U133709" i="1"/>
  <c r="U133708" i="1"/>
  <c r="U133707" i="1"/>
  <c r="U133706" i="1"/>
  <c r="U133705" i="1"/>
  <c r="U133704" i="1"/>
  <c r="U133703" i="1"/>
  <c r="U133702" i="1"/>
  <c r="U133701" i="1"/>
  <c r="U133700" i="1"/>
  <c r="U133699" i="1"/>
  <c r="U133698" i="1"/>
  <c r="U133697" i="1"/>
  <c r="U133696" i="1"/>
  <c r="U133695" i="1"/>
  <c r="U133694" i="1"/>
  <c r="U133693" i="1"/>
  <c r="U133692" i="1"/>
  <c r="U133691" i="1"/>
  <c r="U133690" i="1"/>
  <c r="U133689" i="1"/>
  <c r="U133688" i="1"/>
  <c r="U133687" i="1"/>
  <c r="U133686" i="1"/>
  <c r="U133685" i="1"/>
  <c r="U133684" i="1"/>
  <c r="U133683" i="1"/>
  <c r="U133682" i="1"/>
  <c r="U133681" i="1"/>
  <c r="U133680" i="1"/>
  <c r="U133679" i="1"/>
  <c r="U133678" i="1"/>
  <c r="U133677" i="1"/>
  <c r="U133676" i="1"/>
  <c r="U133675" i="1"/>
  <c r="U133674" i="1"/>
  <c r="U133673" i="1"/>
  <c r="U133672" i="1"/>
  <c r="U133671" i="1"/>
  <c r="U133670" i="1"/>
  <c r="U133669" i="1"/>
  <c r="U133668" i="1"/>
  <c r="U133667" i="1"/>
  <c r="U133666" i="1"/>
  <c r="U133665" i="1"/>
  <c r="U133664" i="1"/>
  <c r="U133663" i="1"/>
  <c r="U133662" i="1"/>
  <c r="U133661" i="1"/>
  <c r="U133660" i="1"/>
  <c r="U133659" i="1"/>
  <c r="U133658" i="1"/>
  <c r="U133657" i="1"/>
  <c r="U133656" i="1"/>
  <c r="U133655" i="1"/>
  <c r="U133654" i="1"/>
  <c r="U133653" i="1"/>
  <c r="U133652" i="1"/>
  <c r="U133651" i="1"/>
  <c r="U133650" i="1"/>
  <c r="U133649" i="1"/>
  <c r="U133648" i="1"/>
  <c r="U133647" i="1"/>
  <c r="U133646" i="1"/>
  <c r="U133645" i="1"/>
  <c r="U133644" i="1"/>
  <c r="U133643" i="1"/>
  <c r="U133642" i="1"/>
  <c r="U133641" i="1"/>
  <c r="U133640" i="1"/>
  <c r="U133639" i="1"/>
  <c r="U133638" i="1"/>
  <c r="U133637" i="1"/>
  <c r="U133636" i="1"/>
  <c r="U133635" i="1"/>
  <c r="U133634" i="1"/>
  <c r="U133633" i="1"/>
  <c r="U133632" i="1"/>
  <c r="U133631" i="1"/>
  <c r="U133630" i="1"/>
  <c r="U133629" i="1"/>
  <c r="U133628" i="1"/>
  <c r="U133627" i="1"/>
  <c r="U133626" i="1"/>
  <c r="U133625" i="1"/>
  <c r="U133624" i="1"/>
  <c r="U133623" i="1"/>
  <c r="U133622" i="1"/>
  <c r="U133621" i="1"/>
  <c r="U133620" i="1"/>
  <c r="U133619" i="1"/>
  <c r="U133618" i="1"/>
  <c r="U133617" i="1"/>
  <c r="U133616" i="1"/>
  <c r="U133615" i="1"/>
  <c r="U133614" i="1"/>
  <c r="U133613" i="1"/>
  <c r="U133612" i="1"/>
  <c r="U133611" i="1"/>
  <c r="U133610" i="1"/>
  <c r="U133609" i="1"/>
  <c r="U133608" i="1"/>
  <c r="U133607" i="1"/>
  <c r="U133606" i="1"/>
  <c r="U133605" i="1"/>
  <c r="U133604" i="1"/>
  <c r="U133603" i="1"/>
  <c r="U133602" i="1"/>
  <c r="U133601" i="1"/>
  <c r="U133600" i="1"/>
  <c r="U133599" i="1"/>
  <c r="U133598" i="1"/>
  <c r="U133597" i="1"/>
  <c r="U133596" i="1"/>
  <c r="U133595" i="1"/>
  <c r="U133594" i="1"/>
  <c r="U133593" i="1"/>
  <c r="U133592" i="1"/>
  <c r="U133591" i="1"/>
  <c r="U133590" i="1"/>
  <c r="U133589" i="1"/>
  <c r="U133588" i="1"/>
  <c r="U133587" i="1"/>
  <c r="U133586" i="1"/>
  <c r="U133585" i="1"/>
  <c r="U133584" i="1"/>
  <c r="U133583" i="1"/>
  <c r="U133582" i="1"/>
  <c r="U133581" i="1"/>
  <c r="U133580" i="1"/>
  <c r="U133579" i="1"/>
  <c r="U133578" i="1"/>
  <c r="U133577" i="1"/>
  <c r="U133576" i="1"/>
  <c r="U133575" i="1"/>
  <c r="U133574" i="1"/>
  <c r="U133573" i="1"/>
  <c r="U133572" i="1"/>
  <c r="U133571" i="1"/>
  <c r="U133570" i="1"/>
  <c r="U133569" i="1"/>
  <c r="U133568" i="1"/>
  <c r="U133567" i="1"/>
  <c r="U133566" i="1"/>
  <c r="U133565" i="1"/>
  <c r="U133564" i="1"/>
  <c r="U133563" i="1"/>
  <c r="U133562" i="1"/>
  <c r="U133561" i="1"/>
  <c r="U133560" i="1"/>
  <c r="U133559" i="1"/>
  <c r="U133558" i="1"/>
  <c r="U133557" i="1"/>
  <c r="U133556" i="1"/>
  <c r="U133555" i="1"/>
  <c r="U133554" i="1"/>
  <c r="U133553" i="1"/>
  <c r="U133552" i="1"/>
  <c r="U133551" i="1"/>
  <c r="U133550" i="1"/>
  <c r="U133549" i="1"/>
  <c r="U133548" i="1"/>
  <c r="U133547" i="1"/>
  <c r="U133546" i="1"/>
  <c r="U133545" i="1"/>
  <c r="U133544" i="1"/>
  <c r="U133543" i="1"/>
  <c r="U133542" i="1"/>
  <c r="U133541" i="1"/>
  <c r="U133540" i="1"/>
  <c r="U133539" i="1"/>
  <c r="U133538" i="1"/>
  <c r="U133537" i="1"/>
  <c r="U133536" i="1"/>
  <c r="U133535" i="1"/>
  <c r="U133534" i="1"/>
  <c r="U133533" i="1"/>
  <c r="U133532" i="1"/>
  <c r="U133531" i="1"/>
  <c r="U133530" i="1"/>
  <c r="U133529" i="1"/>
  <c r="U133528" i="1"/>
  <c r="U133527" i="1"/>
  <c r="U133526" i="1"/>
  <c r="U133525" i="1"/>
  <c r="U133524" i="1"/>
  <c r="U133523" i="1"/>
  <c r="U133522" i="1"/>
  <c r="U133521" i="1"/>
  <c r="U133520" i="1"/>
  <c r="U133519" i="1"/>
  <c r="U133518" i="1"/>
  <c r="U133517" i="1"/>
  <c r="U133516" i="1"/>
  <c r="U133515" i="1"/>
  <c r="U133514" i="1"/>
  <c r="U133513" i="1"/>
  <c r="U133512" i="1"/>
  <c r="U133511" i="1"/>
  <c r="U133510" i="1"/>
  <c r="U133509" i="1"/>
  <c r="U133508" i="1"/>
  <c r="U133507" i="1"/>
  <c r="U133506" i="1"/>
  <c r="U133505" i="1"/>
  <c r="U133504" i="1"/>
  <c r="U133503" i="1"/>
  <c r="U133502" i="1"/>
  <c r="U133501" i="1"/>
  <c r="U133500" i="1"/>
  <c r="U133499" i="1"/>
  <c r="U133498" i="1"/>
  <c r="U133497" i="1"/>
  <c r="U133496" i="1"/>
  <c r="U133495" i="1"/>
  <c r="U133494" i="1"/>
  <c r="U133493" i="1"/>
  <c r="U133492" i="1"/>
  <c r="U133491" i="1"/>
  <c r="U133490" i="1"/>
  <c r="U133489" i="1"/>
  <c r="U133488" i="1"/>
  <c r="U133487" i="1"/>
  <c r="U133486" i="1"/>
  <c r="U133485" i="1"/>
  <c r="U133484" i="1"/>
  <c r="U133483" i="1"/>
  <c r="U133482" i="1"/>
  <c r="U133481" i="1"/>
  <c r="U133480" i="1"/>
  <c r="U133479" i="1"/>
  <c r="U133478" i="1"/>
  <c r="U133477" i="1"/>
  <c r="U133476" i="1"/>
  <c r="U133475" i="1"/>
  <c r="U133474" i="1"/>
  <c r="U133473" i="1"/>
  <c r="U133472" i="1"/>
  <c r="U133471" i="1"/>
  <c r="U133470" i="1"/>
  <c r="U133469" i="1"/>
  <c r="U133468" i="1"/>
  <c r="U133467" i="1"/>
  <c r="U133466" i="1"/>
  <c r="U133465" i="1"/>
  <c r="U133464" i="1"/>
  <c r="U133463" i="1"/>
  <c r="U133462" i="1"/>
  <c r="U133461" i="1"/>
  <c r="U133460" i="1"/>
  <c r="U133459" i="1"/>
  <c r="U133458" i="1"/>
  <c r="U133457" i="1"/>
  <c r="U133456" i="1"/>
  <c r="U133455" i="1"/>
  <c r="U133454" i="1"/>
  <c r="U133453" i="1"/>
  <c r="U133452" i="1"/>
  <c r="U133451" i="1"/>
  <c r="U133450" i="1"/>
  <c r="U133449" i="1"/>
  <c r="U133448" i="1"/>
  <c r="U133447" i="1"/>
  <c r="U133446" i="1"/>
  <c r="U133445" i="1"/>
  <c r="U133444" i="1"/>
  <c r="U133443" i="1"/>
  <c r="U133442" i="1"/>
  <c r="U133441" i="1"/>
  <c r="U133440" i="1"/>
  <c r="U133439" i="1"/>
  <c r="U133438" i="1"/>
  <c r="U133437" i="1"/>
  <c r="U133436" i="1"/>
  <c r="U133435" i="1"/>
  <c r="U133434" i="1"/>
  <c r="U133433" i="1"/>
  <c r="U133432" i="1"/>
  <c r="U133431" i="1"/>
  <c r="U133430" i="1"/>
  <c r="U133429" i="1"/>
  <c r="U133428" i="1"/>
  <c r="U133427" i="1"/>
  <c r="U133426" i="1"/>
  <c r="U133425" i="1"/>
  <c r="U133424" i="1"/>
  <c r="U133423" i="1"/>
  <c r="U133422" i="1"/>
  <c r="U133421" i="1"/>
  <c r="U133420" i="1"/>
  <c r="U133419" i="1"/>
  <c r="U133418" i="1"/>
  <c r="U133417" i="1"/>
  <c r="U133416" i="1"/>
  <c r="U133415" i="1"/>
  <c r="U133414" i="1"/>
  <c r="U133413" i="1"/>
  <c r="U133412" i="1"/>
  <c r="U133411" i="1"/>
  <c r="U133410" i="1"/>
  <c r="U133409" i="1"/>
  <c r="U133408" i="1"/>
  <c r="U133407" i="1"/>
  <c r="U133406" i="1"/>
  <c r="U133405" i="1"/>
  <c r="U133404" i="1"/>
  <c r="U133403" i="1"/>
  <c r="U133402" i="1"/>
  <c r="U133401" i="1"/>
  <c r="U133400" i="1"/>
  <c r="U133399" i="1"/>
  <c r="U133398" i="1"/>
  <c r="U133397" i="1"/>
  <c r="U133396" i="1"/>
  <c r="U133395" i="1"/>
  <c r="U133394" i="1"/>
  <c r="U133393" i="1"/>
  <c r="U133392" i="1"/>
  <c r="U133391" i="1"/>
  <c r="U133390" i="1"/>
  <c r="U133389" i="1"/>
  <c r="U133388" i="1"/>
  <c r="U133387" i="1"/>
  <c r="U133386" i="1"/>
  <c r="U133385" i="1"/>
  <c r="U133384" i="1"/>
  <c r="U133383" i="1"/>
  <c r="U133382" i="1"/>
  <c r="U133381" i="1"/>
  <c r="U133380" i="1"/>
  <c r="U133379" i="1"/>
  <c r="U133378" i="1"/>
  <c r="U133377" i="1"/>
  <c r="U133376" i="1"/>
  <c r="U133375" i="1"/>
  <c r="U133374" i="1"/>
  <c r="U133373" i="1"/>
  <c r="U133372" i="1"/>
  <c r="U133371" i="1"/>
  <c r="U133370" i="1"/>
  <c r="U133369" i="1"/>
  <c r="U133368" i="1"/>
  <c r="U133367" i="1"/>
  <c r="U133366" i="1"/>
  <c r="U133365" i="1"/>
  <c r="U133364" i="1"/>
  <c r="U133363" i="1"/>
  <c r="U133362" i="1"/>
  <c r="U133361" i="1"/>
  <c r="U133360" i="1"/>
  <c r="U133359" i="1"/>
  <c r="U133358" i="1"/>
  <c r="U133357" i="1"/>
  <c r="U133356" i="1"/>
  <c r="U133355" i="1"/>
  <c r="U133354" i="1"/>
  <c r="U133353" i="1"/>
  <c r="U133352" i="1"/>
  <c r="U133351" i="1"/>
  <c r="U133350" i="1"/>
  <c r="U133349" i="1"/>
  <c r="U133348" i="1"/>
  <c r="U133347" i="1"/>
  <c r="U133346" i="1"/>
  <c r="U133345" i="1"/>
  <c r="U133344" i="1"/>
  <c r="U133343" i="1"/>
  <c r="U133342" i="1"/>
  <c r="U133341" i="1"/>
  <c r="U133340" i="1"/>
  <c r="U133339" i="1"/>
  <c r="U133338" i="1"/>
  <c r="U133337" i="1"/>
  <c r="U133336" i="1"/>
  <c r="U133335" i="1"/>
  <c r="U133334" i="1"/>
  <c r="U133333" i="1"/>
  <c r="U133332" i="1"/>
  <c r="U133331" i="1"/>
  <c r="U133330" i="1"/>
  <c r="U133329" i="1"/>
  <c r="U133328" i="1"/>
  <c r="U133327" i="1"/>
  <c r="U133326" i="1"/>
  <c r="U133325" i="1"/>
  <c r="U133324" i="1"/>
  <c r="U133323" i="1"/>
  <c r="U133322" i="1"/>
  <c r="U133321" i="1"/>
  <c r="U133320" i="1"/>
  <c r="U133319" i="1"/>
  <c r="U133318" i="1"/>
  <c r="U133317" i="1"/>
  <c r="U133316" i="1"/>
  <c r="U133315" i="1"/>
  <c r="U133314" i="1"/>
  <c r="U133313" i="1"/>
  <c r="U133312" i="1"/>
  <c r="U133311" i="1"/>
  <c r="U133310" i="1"/>
  <c r="U133309" i="1"/>
  <c r="U133308" i="1"/>
  <c r="U133307" i="1"/>
  <c r="U133306" i="1"/>
  <c r="U133305" i="1"/>
  <c r="U133304" i="1"/>
  <c r="U133303" i="1"/>
  <c r="U133302" i="1"/>
  <c r="U133301" i="1"/>
  <c r="U133300" i="1"/>
  <c r="U133299" i="1"/>
  <c r="U133298" i="1"/>
  <c r="U133297" i="1"/>
  <c r="U133296" i="1"/>
  <c r="U133295" i="1"/>
  <c r="U133294" i="1"/>
  <c r="U133293" i="1"/>
  <c r="U133292" i="1"/>
  <c r="U133291" i="1"/>
  <c r="U133290" i="1"/>
  <c r="U133289" i="1"/>
  <c r="U133288" i="1"/>
  <c r="U133287" i="1"/>
  <c r="U133286" i="1"/>
  <c r="U133285" i="1"/>
  <c r="U133284" i="1"/>
  <c r="U133283" i="1"/>
  <c r="U133282" i="1"/>
  <c r="U133281" i="1"/>
  <c r="U133280" i="1"/>
  <c r="U133279" i="1"/>
  <c r="U133278" i="1"/>
  <c r="U133277" i="1"/>
  <c r="U133276" i="1"/>
  <c r="U133275" i="1"/>
  <c r="U133274" i="1"/>
  <c r="U133273" i="1"/>
  <c r="U133272" i="1"/>
  <c r="U133271" i="1"/>
  <c r="U133270" i="1"/>
  <c r="U133269" i="1"/>
  <c r="U133268" i="1"/>
  <c r="U133267" i="1"/>
  <c r="U133266" i="1"/>
  <c r="U133265" i="1"/>
  <c r="U133264" i="1"/>
  <c r="U133263" i="1"/>
  <c r="U133262" i="1"/>
  <c r="U133261" i="1"/>
  <c r="U133260" i="1"/>
  <c r="U133259" i="1"/>
  <c r="U133258" i="1"/>
  <c r="U133257" i="1"/>
  <c r="U133256" i="1"/>
  <c r="U133255" i="1"/>
  <c r="U133254" i="1"/>
  <c r="U133253" i="1"/>
  <c r="U133252" i="1"/>
  <c r="U133251" i="1"/>
  <c r="U133250" i="1"/>
  <c r="U133249" i="1"/>
  <c r="U133248" i="1"/>
  <c r="U133247" i="1"/>
  <c r="U133246" i="1"/>
  <c r="U133245" i="1"/>
  <c r="U133244" i="1"/>
  <c r="U133243" i="1"/>
  <c r="U133242" i="1"/>
  <c r="U133241" i="1"/>
  <c r="U133240" i="1"/>
  <c r="U133239" i="1"/>
  <c r="U133238" i="1"/>
  <c r="U133237" i="1"/>
  <c r="U133236" i="1"/>
  <c r="U133235" i="1"/>
  <c r="U133234" i="1"/>
  <c r="U133233" i="1"/>
  <c r="U133232" i="1"/>
  <c r="U133231" i="1"/>
  <c r="U133230" i="1"/>
  <c r="U133229" i="1"/>
  <c r="U133228" i="1"/>
  <c r="U133227" i="1"/>
  <c r="U133226" i="1"/>
  <c r="U133225" i="1"/>
  <c r="U133224" i="1"/>
  <c r="U133223" i="1"/>
  <c r="U133222" i="1"/>
  <c r="U133221" i="1"/>
  <c r="U133220" i="1"/>
  <c r="U133219" i="1"/>
  <c r="U133218" i="1"/>
  <c r="U133217" i="1"/>
  <c r="U133216" i="1"/>
  <c r="U133215" i="1"/>
  <c r="U133214" i="1"/>
  <c r="U133213" i="1"/>
  <c r="U133212" i="1"/>
  <c r="U133211" i="1"/>
  <c r="U133210" i="1"/>
  <c r="U133209" i="1"/>
  <c r="U133208" i="1"/>
  <c r="U133207" i="1"/>
  <c r="U133206" i="1"/>
  <c r="U133205" i="1"/>
  <c r="U133204" i="1"/>
  <c r="U133203" i="1"/>
  <c r="U133202" i="1"/>
  <c r="U133201" i="1"/>
  <c r="U133200" i="1"/>
  <c r="U133199" i="1"/>
  <c r="U133198" i="1"/>
  <c r="U133197" i="1"/>
  <c r="U133196" i="1"/>
  <c r="U133195" i="1"/>
  <c r="U133194" i="1"/>
  <c r="U133193" i="1"/>
  <c r="U133192" i="1"/>
  <c r="U133191" i="1"/>
  <c r="U133190" i="1"/>
  <c r="U133189" i="1"/>
  <c r="U133188" i="1"/>
  <c r="U133187" i="1"/>
  <c r="U133186" i="1"/>
  <c r="U133185" i="1"/>
  <c r="U133184" i="1"/>
  <c r="U133183" i="1"/>
  <c r="U133182" i="1"/>
  <c r="U133181" i="1"/>
  <c r="U133180" i="1"/>
  <c r="U133179" i="1"/>
  <c r="U133178" i="1"/>
  <c r="U133177" i="1"/>
  <c r="U133176" i="1"/>
  <c r="U133175" i="1"/>
  <c r="U133174" i="1"/>
  <c r="U133173" i="1"/>
  <c r="U133172" i="1"/>
  <c r="U133171" i="1"/>
  <c r="U133170" i="1"/>
  <c r="U133169" i="1"/>
  <c r="U133168" i="1"/>
  <c r="U133167" i="1"/>
  <c r="U133166" i="1"/>
  <c r="U133165" i="1"/>
  <c r="U133164" i="1"/>
  <c r="U133163" i="1"/>
  <c r="U133162" i="1"/>
  <c r="U133161" i="1"/>
  <c r="U133160" i="1"/>
  <c r="U133159" i="1"/>
  <c r="U133158" i="1"/>
  <c r="U133157" i="1"/>
  <c r="U133156" i="1"/>
  <c r="U133155" i="1"/>
  <c r="U133154" i="1"/>
  <c r="U133153" i="1"/>
  <c r="U133152" i="1"/>
  <c r="U133151" i="1"/>
  <c r="U133150" i="1"/>
  <c r="U133149" i="1"/>
  <c r="U133148" i="1"/>
  <c r="U133147" i="1"/>
  <c r="U133146" i="1"/>
  <c r="U133145" i="1"/>
  <c r="U133144" i="1"/>
  <c r="U133143" i="1"/>
  <c r="U133142" i="1"/>
  <c r="U133141" i="1"/>
  <c r="U133140" i="1"/>
  <c r="U133139" i="1"/>
  <c r="U133138" i="1"/>
  <c r="U133137" i="1"/>
  <c r="U133136" i="1"/>
  <c r="U133135" i="1"/>
  <c r="U133134" i="1"/>
  <c r="U133133" i="1"/>
  <c r="U133132" i="1"/>
  <c r="U133131" i="1"/>
  <c r="U133130" i="1"/>
  <c r="U133129" i="1"/>
  <c r="U133128" i="1"/>
  <c r="U133127" i="1"/>
  <c r="U133126" i="1"/>
  <c r="U133125" i="1"/>
  <c r="U133124" i="1"/>
  <c r="U133123" i="1"/>
  <c r="U133122" i="1"/>
  <c r="U133121" i="1"/>
  <c r="U133120" i="1"/>
  <c r="U133119" i="1"/>
  <c r="U133118" i="1"/>
  <c r="U133117" i="1"/>
  <c r="U133116" i="1"/>
  <c r="U133115" i="1"/>
  <c r="U133114" i="1"/>
  <c r="U133113" i="1"/>
  <c r="U133112" i="1"/>
  <c r="U133111" i="1"/>
  <c r="U133110" i="1"/>
  <c r="U133109" i="1"/>
  <c r="U133108" i="1"/>
  <c r="U133107" i="1"/>
  <c r="U133106" i="1"/>
  <c r="U133105" i="1"/>
  <c r="U133104" i="1"/>
  <c r="U133103" i="1"/>
  <c r="U133102" i="1"/>
  <c r="U133101" i="1"/>
  <c r="U133100" i="1"/>
  <c r="U133099" i="1"/>
  <c r="U133098" i="1"/>
  <c r="U133097" i="1"/>
  <c r="U133096" i="1"/>
  <c r="U133095" i="1"/>
  <c r="U133094" i="1"/>
  <c r="U133093" i="1"/>
  <c r="U133092" i="1"/>
  <c r="U133091" i="1"/>
  <c r="U133090" i="1"/>
  <c r="U133089" i="1"/>
  <c r="U133088" i="1"/>
  <c r="U133087" i="1"/>
  <c r="U133086" i="1"/>
  <c r="U133085" i="1"/>
  <c r="U133084" i="1"/>
  <c r="U133083" i="1"/>
  <c r="U133082" i="1"/>
  <c r="U133081" i="1"/>
  <c r="U133080" i="1"/>
  <c r="U133079" i="1"/>
  <c r="U133078" i="1"/>
  <c r="U133077" i="1"/>
  <c r="U133076" i="1"/>
  <c r="U133075" i="1"/>
  <c r="U133074" i="1"/>
  <c r="U133073" i="1"/>
  <c r="U133072" i="1"/>
  <c r="U133071" i="1"/>
  <c r="U133070" i="1"/>
  <c r="U133069" i="1"/>
  <c r="U133068" i="1"/>
  <c r="U133067" i="1"/>
  <c r="U133066" i="1"/>
  <c r="U133065" i="1"/>
  <c r="U133064" i="1"/>
  <c r="U133063" i="1"/>
  <c r="U133062" i="1"/>
  <c r="U133061" i="1"/>
  <c r="U133060" i="1"/>
  <c r="U133059" i="1"/>
  <c r="U133058" i="1"/>
  <c r="U133057" i="1"/>
  <c r="U133056" i="1"/>
  <c r="U133055" i="1"/>
  <c r="U133054" i="1"/>
  <c r="U133053" i="1"/>
  <c r="U133052" i="1"/>
  <c r="U133051" i="1"/>
  <c r="U133050" i="1"/>
  <c r="U133049" i="1"/>
  <c r="U133048" i="1"/>
  <c r="U133047" i="1"/>
  <c r="U133046" i="1"/>
  <c r="U133045" i="1"/>
  <c r="U133044" i="1"/>
  <c r="U133043" i="1"/>
  <c r="U133042" i="1"/>
  <c r="U133041" i="1"/>
  <c r="U133040" i="1"/>
  <c r="U133039" i="1"/>
  <c r="U133038" i="1"/>
  <c r="U133037" i="1"/>
  <c r="U133036" i="1"/>
  <c r="U133035" i="1"/>
  <c r="U133034" i="1"/>
  <c r="U133033" i="1"/>
  <c r="U133032" i="1"/>
  <c r="U133031" i="1"/>
  <c r="U133030" i="1"/>
  <c r="U133029" i="1"/>
  <c r="U133028" i="1"/>
  <c r="U133027" i="1"/>
  <c r="U133026" i="1"/>
  <c r="U133025" i="1"/>
  <c r="U133024" i="1"/>
  <c r="U133023" i="1"/>
  <c r="U133022" i="1"/>
  <c r="U133021" i="1"/>
  <c r="U133020" i="1"/>
  <c r="U133019" i="1"/>
  <c r="U133018" i="1"/>
  <c r="U133017" i="1"/>
  <c r="U133016" i="1"/>
  <c r="U133015" i="1"/>
  <c r="U133014" i="1"/>
  <c r="U133013" i="1"/>
  <c r="U133012" i="1"/>
  <c r="U133011" i="1"/>
  <c r="U133010" i="1"/>
  <c r="U133009" i="1"/>
  <c r="U133008" i="1"/>
  <c r="U133007" i="1"/>
  <c r="U133006" i="1"/>
  <c r="U133005" i="1"/>
  <c r="U133004" i="1"/>
  <c r="U133003" i="1"/>
  <c r="U133002" i="1"/>
  <c r="U133001" i="1"/>
  <c r="U133000" i="1"/>
  <c r="U132999" i="1"/>
  <c r="U132998" i="1"/>
  <c r="U132997" i="1"/>
  <c r="U132996" i="1"/>
  <c r="U132995" i="1"/>
  <c r="U132994" i="1"/>
  <c r="U132993" i="1"/>
  <c r="U132992" i="1"/>
  <c r="U132991" i="1"/>
  <c r="U132990" i="1"/>
  <c r="U132989" i="1"/>
  <c r="U132988" i="1"/>
  <c r="U132987" i="1"/>
  <c r="U132986" i="1"/>
  <c r="U132985" i="1"/>
  <c r="U132984" i="1"/>
  <c r="U132983" i="1"/>
  <c r="U132982" i="1"/>
  <c r="U132981" i="1"/>
  <c r="U132980" i="1"/>
  <c r="U132979" i="1"/>
  <c r="U132978" i="1"/>
  <c r="U132977" i="1"/>
  <c r="U132976" i="1"/>
  <c r="U132975" i="1"/>
  <c r="U132974" i="1"/>
  <c r="U132973" i="1"/>
  <c r="U132972" i="1"/>
  <c r="U132971" i="1"/>
  <c r="U132970" i="1"/>
  <c r="U132969" i="1"/>
  <c r="U132968" i="1"/>
  <c r="U132967" i="1"/>
  <c r="U132966" i="1"/>
  <c r="U132965" i="1"/>
  <c r="U132964" i="1"/>
  <c r="U132963" i="1"/>
  <c r="U132962" i="1"/>
  <c r="U132961" i="1"/>
  <c r="U132960" i="1"/>
  <c r="U132959" i="1"/>
  <c r="U132958" i="1"/>
  <c r="U132957" i="1"/>
  <c r="U132956" i="1"/>
  <c r="U132955" i="1"/>
  <c r="U132954" i="1"/>
  <c r="U132953" i="1"/>
  <c r="U132952" i="1"/>
  <c r="U132951" i="1"/>
  <c r="U132950" i="1"/>
  <c r="U132949" i="1"/>
  <c r="U132948" i="1"/>
  <c r="U132947" i="1"/>
  <c r="U132946" i="1"/>
  <c r="U132945" i="1"/>
  <c r="U132944" i="1"/>
  <c r="U132943" i="1"/>
  <c r="U132942" i="1"/>
  <c r="U132941" i="1"/>
  <c r="U132940" i="1"/>
  <c r="U132939" i="1"/>
  <c r="U132938" i="1"/>
  <c r="U132937" i="1"/>
  <c r="U132936" i="1"/>
  <c r="U132935" i="1"/>
  <c r="U132934" i="1"/>
  <c r="U132933" i="1"/>
  <c r="U132932" i="1"/>
  <c r="U132931" i="1"/>
  <c r="U132930" i="1"/>
  <c r="U132929" i="1"/>
  <c r="U132928" i="1"/>
  <c r="U132927" i="1"/>
  <c r="U132926" i="1"/>
  <c r="U132925" i="1"/>
  <c r="U132924" i="1"/>
  <c r="U132923" i="1"/>
  <c r="U132922" i="1"/>
  <c r="U132921" i="1"/>
  <c r="U132920" i="1"/>
  <c r="U132919" i="1"/>
  <c r="U132918" i="1"/>
  <c r="U132917" i="1"/>
  <c r="U132916" i="1"/>
  <c r="U132915" i="1"/>
  <c r="U132914" i="1"/>
  <c r="U132913" i="1"/>
  <c r="U132912" i="1"/>
  <c r="U132911" i="1"/>
  <c r="U132910" i="1"/>
  <c r="U132909" i="1"/>
  <c r="U132908" i="1"/>
  <c r="U132907" i="1"/>
  <c r="U132906" i="1"/>
  <c r="U132905" i="1"/>
  <c r="U132904" i="1"/>
  <c r="U132903" i="1"/>
  <c r="U132902" i="1"/>
  <c r="U132901" i="1"/>
  <c r="U132900" i="1"/>
  <c r="U132899" i="1"/>
  <c r="U132898" i="1"/>
  <c r="U132897" i="1"/>
  <c r="U132896" i="1"/>
  <c r="U132895" i="1"/>
  <c r="U132894" i="1"/>
  <c r="U132893" i="1"/>
  <c r="U132892" i="1"/>
  <c r="U132891" i="1"/>
  <c r="U132890" i="1"/>
  <c r="U132889" i="1"/>
  <c r="U132888" i="1"/>
  <c r="U132887" i="1"/>
  <c r="U132886" i="1"/>
  <c r="U132885" i="1"/>
  <c r="U132884" i="1"/>
  <c r="U132883" i="1"/>
  <c r="U132882" i="1"/>
  <c r="U132881" i="1"/>
  <c r="U132880" i="1"/>
  <c r="U132879" i="1"/>
  <c r="U132878" i="1"/>
  <c r="U132877" i="1"/>
  <c r="U132876" i="1"/>
  <c r="U132875" i="1"/>
  <c r="U132874" i="1"/>
  <c r="U132873" i="1"/>
  <c r="U132872" i="1"/>
  <c r="U132871" i="1"/>
  <c r="U132870" i="1"/>
  <c r="U132869" i="1"/>
  <c r="U132868" i="1"/>
  <c r="U132867" i="1"/>
  <c r="U132866" i="1"/>
  <c r="U132865" i="1"/>
  <c r="U132864" i="1"/>
  <c r="U132863" i="1"/>
  <c r="U132862" i="1"/>
  <c r="U132861" i="1"/>
  <c r="U132860" i="1"/>
  <c r="U132859" i="1"/>
  <c r="U132858" i="1"/>
  <c r="U132857" i="1"/>
  <c r="U132856" i="1"/>
  <c r="U132855" i="1"/>
  <c r="U132854" i="1"/>
  <c r="U132853" i="1"/>
  <c r="U132852" i="1"/>
  <c r="U132851" i="1"/>
  <c r="U132850" i="1"/>
  <c r="U132849" i="1"/>
  <c r="U132848" i="1"/>
  <c r="U132847" i="1"/>
  <c r="U132846" i="1"/>
  <c r="U132845" i="1"/>
  <c r="U132844" i="1"/>
  <c r="U132843" i="1"/>
  <c r="U132842" i="1"/>
  <c r="U132841" i="1"/>
  <c r="U132840" i="1"/>
  <c r="U132839" i="1"/>
  <c r="U132838" i="1"/>
  <c r="U132837" i="1"/>
  <c r="U132836" i="1"/>
  <c r="U132835" i="1"/>
  <c r="U132834" i="1"/>
  <c r="U132833" i="1"/>
  <c r="U132832" i="1"/>
  <c r="U132831" i="1"/>
  <c r="U132830" i="1"/>
  <c r="U132829" i="1"/>
  <c r="U132828" i="1"/>
  <c r="U132827" i="1"/>
  <c r="U132826" i="1"/>
  <c r="U132825" i="1"/>
  <c r="U132824" i="1"/>
  <c r="U132823" i="1"/>
  <c r="U132822" i="1"/>
  <c r="U132821" i="1"/>
  <c r="U132820" i="1"/>
  <c r="U132819" i="1"/>
  <c r="U132818" i="1"/>
  <c r="U132817" i="1"/>
  <c r="U132816" i="1"/>
  <c r="U132815" i="1"/>
  <c r="U132814" i="1"/>
  <c r="U132813" i="1"/>
  <c r="U132812" i="1"/>
  <c r="U132811" i="1"/>
  <c r="U132810" i="1"/>
  <c r="U132809" i="1"/>
  <c r="U132808" i="1"/>
  <c r="U132807" i="1"/>
  <c r="U132806" i="1"/>
  <c r="U132805" i="1"/>
  <c r="U132804" i="1"/>
  <c r="U132803" i="1"/>
  <c r="U132802" i="1"/>
  <c r="U132801" i="1"/>
  <c r="U132800" i="1"/>
  <c r="U132799" i="1"/>
  <c r="U132798" i="1"/>
  <c r="U132797" i="1"/>
  <c r="U132796" i="1"/>
  <c r="U132795" i="1"/>
  <c r="U132794" i="1"/>
  <c r="U132793" i="1"/>
  <c r="U132792" i="1"/>
  <c r="U132791" i="1"/>
  <c r="U132790" i="1"/>
  <c r="U132789" i="1"/>
  <c r="U132788" i="1"/>
  <c r="U132787" i="1"/>
  <c r="U132786" i="1"/>
  <c r="U132785" i="1"/>
  <c r="U132784" i="1"/>
  <c r="U132783" i="1"/>
  <c r="U132782" i="1"/>
  <c r="U132781" i="1"/>
  <c r="U132780" i="1"/>
  <c r="U132779" i="1"/>
  <c r="U132778" i="1"/>
  <c r="U132777" i="1"/>
  <c r="U132776" i="1"/>
  <c r="U132775" i="1"/>
  <c r="U132774" i="1"/>
  <c r="U132773" i="1"/>
  <c r="U132772" i="1"/>
  <c r="U132771" i="1"/>
  <c r="U132770" i="1"/>
  <c r="U132769" i="1"/>
  <c r="U132768" i="1"/>
  <c r="U132767" i="1"/>
  <c r="U132766" i="1"/>
  <c r="U132765" i="1"/>
  <c r="U132764" i="1"/>
  <c r="U132763" i="1"/>
  <c r="U132762" i="1"/>
  <c r="U132761" i="1"/>
  <c r="U132760" i="1"/>
  <c r="U132759" i="1"/>
  <c r="U132758" i="1"/>
  <c r="U132757" i="1"/>
  <c r="U132756" i="1"/>
  <c r="U132755" i="1"/>
  <c r="U132754" i="1"/>
  <c r="U132753" i="1"/>
  <c r="U132752" i="1"/>
  <c r="U132751" i="1"/>
  <c r="U132750" i="1"/>
  <c r="U132749" i="1"/>
  <c r="U132748" i="1"/>
  <c r="U132747" i="1"/>
  <c r="U132746" i="1"/>
  <c r="U132745" i="1"/>
  <c r="U132744" i="1"/>
  <c r="U132743" i="1"/>
  <c r="U132742" i="1"/>
  <c r="U132741" i="1"/>
  <c r="U132740" i="1"/>
  <c r="U132739" i="1"/>
  <c r="U132738" i="1"/>
  <c r="U132737" i="1"/>
  <c r="U132736" i="1"/>
  <c r="U132735" i="1"/>
  <c r="U132734" i="1"/>
  <c r="U132733" i="1"/>
  <c r="U132732" i="1"/>
  <c r="U132731" i="1"/>
  <c r="U132730" i="1"/>
  <c r="U132729" i="1"/>
  <c r="U132728" i="1"/>
  <c r="U132727" i="1"/>
  <c r="U132726" i="1"/>
  <c r="U132725" i="1"/>
  <c r="U132724" i="1"/>
  <c r="U132723" i="1"/>
  <c r="U132722" i="1"/>
  <c r="U132721" i="1"/>
  <c r="U132720" i="1"/>
  <c r="U132719" i="1"/>
  <c r="U132718" i="1"/>
  <c r="U132717" i="1"/>
  <c r="U132716" i="1"/>
  <c r="U132715" i="1"/>
  <c r="U132714" i="1"/>
  <c r="U132713" i="1"/>
  <c r="U132712" i="1"/>
  <c r="U132711" i="1"/>
  <c r="U132710" i="1"/>
  <c r="U132709" i="1"/>
  <c r="U132708" i="1"/>
  <c r="U132707" i="1"/>
  <c r="U132706" i="1"/>
  <c r="U132705" i="1"/>
  <c r="U132704" i="1"/>
  <c r="U132703" i="1"/>
  <c r="U132702" i="1"/>
  <c r="U132701" i="1"/>
  <c r="U132700" i="1"/>
  <c r="U132699" i="1"/>
  <c r="U132698" i="1"/>
  <c r="U132697" i="1"/>
  <c r="U132696" i="1"/>
  <c r="U132695" i="1"/>
  <c r="U132694" i="1"/>
  <c r="U132693" i="1"/>
  <c r="U132692" i="1"/>
  <c r="U132691" i="1"/>
  <c r="U132690" i="1"/>
  <c r="U132689" i="1"/>
  <c r="U132688" i="1"/>
  <c r="U132687" i="1"/>
  <c r="U132686" i="1"/>
  <c r="U132685" i="1"/>
  <c r="U132684" i="1"/>
  <c r="U132683" i="1"/>
  <c r="U132682" i="1"/>
  <c r="U132681" i="1"/>
  <c r="U132680" i="1"/>
  <c r="U132679" i="1"/>
  <c r="U132678" i="1"/>
  <c r="U132677" i="1"/>
  <c r="U132676" i="1"/>
  <c r="U132675" i="1"/>
  <c r="U132674" i="1"/>
  <c r="U132673" i="1"/>
  <c r="U132672" i="1"/>
  <c r="U132671" i="1"/>
  <c r="U132670" i="1"/>
  <c r="U132669" i="1"/>
  <c r="U132668" i="1"/>
  <c r="U132667" i="1"/>
  <c r="U132666" i="1"/>
  <c r="U132665" i="1"/>
  <c r="U132664" i="1"/>
  <c r="U132663" i="1"/>
  <c r="U132662" i="1"/>
  <c r="U132661" i="1"/>
  <c r="U132660" i="1"/>
  <c r="U132659" i="1"/>
  <c r="U132658" i="1"/>
  <c r="U132657" i="1"/>
  <c r="U132656" i="1"/>
  <c r="U132655" i="1"/>
  <c r="U132654" i="1"/>
  <c r="U132653" i="1"/>
  <c r="U132652" i="1"/>
  <c r="U132651" i="1"/>
  <c r="U132650" i="1"/>
  <c r="U132649" i="1"/>
  <c r="U132648" i="1"/>
  <c r="U132647" i="1"/>
  <c r="U132646" i="1"/>
  <c r="U132645" i="1"/>
  <c r="U132644" i="1"/>
  <c r="U132643" i="1"/>
  <c r="U132642" i="1"/>
  <c r="U132641" i="1"/>
  <c r="U132640" i="1"/>
  <c r="U132639" i="1"/>
  <c r="U132638" i="1"/>
  <c r="U132637" i="1"/>
  <c r="U132636" i="1"/>
  <c r="U132635" i="1"/>
  <c r="U132634" i="1"/>
  <c r="U132633" i="1"/>
  <c r="U132632" i="1"/>
  <c r="U132631" i="1"/>
  <c r="U132630" i="1"/>
  <c r="U132629" i="1"/>
  <c r="U132628" i="1"/>
  <c r="U132627" i="1"/>
  <c r="U132626" i="1"/>
  <c r="U132625" i="1"/>
  <c r="U132624" i="1"/>
  <c r="U132623" i="1"/>
  <c r="U132622" i="1"/>
  <c r="U132621" i="1"/>
  <c r="U132620" i="1"/>
  <c r="U132619" i="1"/>
  <c r="U132618" i="1"/>
  <c r="U132617" i="1"/>
  <c r="U132616" i="1"/>
  <c r="U132615" i="1"/>
  <c r="U132614" i="1"/>
  <c r="U132613" i="1"/>
  <c r="U132612" i="1"/>
  <c r="U132611" i="1"/>
  <c r="U132610" i="1"/>
  <c r="U132609" i="1"/>
  <c r="U132608" i="1"/>
  <c r="U132607" i="1"/>
  <c r="U132606" i="1"/>
  <c r="U132605" i="1"/>
  <c r="U132604" i="1"/>
  <c r="U132603" i="1"/>
  <c r="U132602" i="1"/>
  <c r="U132601" i="1"/>
  <c r="U132600" i="1"/>
  <c r="U132599" i="1"/>
  <c r="U132598" i="1"/>
  <c r="U132597" i="1"/>
  <c r="U132596" i="1"/>
  <c r="U132595" i="1"/>
  <c r="U132594" i="1"/>
  <c r="U132593" i="1"/>
  <c r="U132592" i="1"/>
  <c r="U132591" i="1"/>
  <c r="U132590" i="1"/>
  <c r="U132589" i="1"/>
  <c r="U132588" i="1"/>
  <c r="U132587" i="1"/>
  <c r="U132586" i="1"/>
  <c r="U132585" i="1"/>
  <c r="U132584" i="1"/>
  <c r="U132583" i="1"/>
  <c r="U132582" i="1"/>
  <c r="U132581" i="1"/>
  <c r="U132580" i="1"/>
  <c r="U132579" i="1"/>
  <c r="U132578" i="1"/>
  <c r="U132577" i="1"/>
  <c r="U132576" i="1"/>
  <c r="U132575" i="1"/>
  <c r="U132574" i="1"/>
  <c r="U132573" i="1"/>
  <c r="U132572" i="1"/>
  <c r="U132571" i="1"/>
  <c r="U132570" i="1"/>
  <c r="U132569" i="1"/>
  <c r="U132568" i="1"/>
  <c r="U132567" i="1"/>
  <c r="U132566" i="1"/>
  <c r="U132565" i="1"/>
  <c r="U132564" i="1"/>
  <c r="U132563" i="1"/>
  <c r="U132562" i="1"/>
  <c r="U132561" i="1"/>
  <c r="U132560" i="1"/>
  <c r="U132559" i="1"/>
  <c r="U132558" i="1"/>
  <c r="U132557" i="1"/>
  <c r="U132556" i="1"/>
  <c r="U132555" i="1"/>
  <c r="U132554" i="1"/>
  <c r="U132553" i="1"/>
  <c r="U132552" i="1"/>
  <c r="U132551" i="1"/>
  <c r="U132550" i="1"/>
  <c r="U132549" i="1"/>
  <c r="U132548" i="1"/>
  <c r="U132547" i="1"/>
  <c r="U132546" i="1"/>
  <c r="U132545" i="1"/>
  <c r="U132544" i="1"/>
  <c r="U132543" i="1"/>
  <c r="U132542" i="1"/>
  <c r="U132541" i="1"/>
  <c r="U132540" i="1"/>
  <c r="U132539" i="1"/>
  <c r="U132538" i="1"/>
  <c r="U132537" i="1"/>
  <c r="U132536" i="1"/>
  <c r="U132535" i="1"/>
  <c r="U132534" i="1"/>
  <c r="U132533" i="1"/>
  <c r="U132532" i="1"/>
  <c r="U132531" i="1"/>
  <c r="U132530" i="1"/>
  <c r="U132529" i="1"/>
  <c r="U132528" i="1"/>
  <c r="U132527" i="1"/>
  <c r="U132526" i="1"/>
  <c r="U132525" i="1"/>
  <c r="U132524" i="1"/>
  <c r="U132523" i="1"/>
  <c r="U132522" i="1"/>
  <c r="U132521" i="1"/>
  <c r="U132520" i="1"/>
  <c r="U132519" i="1"/>
  <c r="U132518" i="1"/>
  <c r="U132517" i="1"/>
  <c r="U132516" i="1"/>
  <c r="U132515" i="1"/>
  <c r="U132514" i="1"/>
  <c r="U132513" i="1"/>
  <c r="U132512" i="1"/>
  <c r="U132511" i="1"/>
  <c r="U132510" i="1"/>
  <c r="U132509" i="1"/>
  <c r="U132508" i="1"/>
  <c r="U132507" i="1"/>
  <c r="U132506" i="1"/>
  <c r="U132505" i="1"/>
  <c r="U132504" i="1"/>
  <c r="U132503" i="1"/>
  <c r="U132502" i="1"/>
  <c r="U132501" i="1"/>
  <c r="U132500" i="1"/>
  <c r="U132499" i="1"/>
  <c r="U132498" i="1"/>
  <c r="U132497" i="1"/>
  <c r="U132496" i="1"/>
  <c r="U132495" i="1"/>
  <c r="U132494" i="1"/>
  <c r="U132493" i="1"/>
  <c r="U132492" i="1"/>
  <c r="U132491" i="1"/>
  <c r="U132490" i="1"/>
  <c r="U132489" i="1"/>
  <c r="U132488" i="1"/>
  <c r="U132487" i="1"/>
  <c r="U132486" i="1"/>
  <c r="U132485" i="1"/>
  <c r="U132484" i="1"/>
  <c r="U132483" i="1"/>
  <c r="U132482" i="1"/>
  <c r="U132481" i="1"/>
  <c r="U132480" i="1"/>
  <c r="U132479" i="1"/>
  <c r="U132478" i="1"/>
  <c r="U132477" i="1"/>
  <c r="U132476" i="1"/>
  <c r="U132475" i="1"/>
  <c r="U132474" i="1"/>
  <c r="U132473" i="1"/>
  <c r="U132472" i="1"/>
  <c r="U132471" i="1"/>
  <c r="U132470" i="1"/>
  <c r="U132469" i="1"/>
  <c r="U132468" i="1"/>
  <c r="U132467" i="1"/>
  <c r="U132466" i="1"/>
  <c r="U132465" i="1"/>
  <c r="U132464" i="1"/>
  <c r="U132463" i="1"/>
  <c r="U132462" i="1"/>
  <c r="U132461" i="1"/>
  <c r="U132460" i="1"/>
  <c r="U132459" i="1"/>
  <c r="U132458" i="1"/>
  <c r="U132457" i="1"/>
  <c r="U132456" i="1"/>
  <c r="U132455" i="1"/>
  <c r="U132454" i="1"/>
  <c r="U132453" i="1"/>
  <c r="U132452" i="1"/>
  <c r="U132451" i="1"/>
  <c r="U132450" i="1"/>
  <c r="U132449" i="1"/>
  <c r="U132448" i="1"/>
  <c r="U132447" i="1"/>
  <c r="U132446" i="1"/>
  <c r="U132445" i="1"/>
  <c r="U132444" i="1"/>
  <c r="U132443" i="1"/>
  <c r="U132442" i="1"/>
  <c r="U132441" i="1"/>
  <c r="U132440" i="1"/>
  <c r="U132439" i="1"/>
  <c r="U132438" i="1"/>
  <c r="U132437" i="1"/>
  <c r="U132436" i="1"/>
  <c r="U132435" i="1"/>
  <c r="U132434" i="1"/>
  <c r="U132433" i="1"/>
  <c r="U132432" i="1"/>
  <c r="U132431" i="1"/>
  <c r="U132430" i="1"/>
  <c r="U132429" i="1"/>
  <c r="U132428" i="1"/>
  <c r="U132427" i="1"/>
  <c r="U132426" i="1"/>
  <c r="U132425" i="1"/>
  <c r="U132424" i="1"/>
  <c r="U132423" i="1"/>
  <c r="U132422" i="1"/>
  <c r="U132421" i="1"/>
  <c r="U132420" i="1"/>
  <c r="U132419" i="1"/>
  <c r="U132418" i="1"/>
  <c r="U132417" i="1"/>
  <c r="U132416" i="1"/>
  <c r="U132415" i="1"/>
  <c r="U132414" i="1"/>
  <c r="U132413" i="1"/>
  <c r="U132412" i="1"/>
  <c r="U132411" i="1"/>
  <c r="U132410" i="1"/>
  <c r="U132409" i="1"/>
  <c r="U132408" i="1"/>
  <c r="U132407" i="1"/>
  <c r="U132406" i="1"/>
  <c r="U132405" i="1"/>
  <c r="U132404" i="1"/>
  <c r="U132403" i="1"/>
  <c r="U132402" i="1"/>
  <c r="U132401" i="1"/>
  <c r="U132400" i="1"/>
  <c r="U132399" i="1"/>
  <c r="U132398" i="1"/>
  <c r="U132397" i="1"/>
  <c r="U132396" i="1"/>
  <c r="U132395" i="1"/>
  <c r="U132394" i="1"/>
  <c r="U132393" i="1"/>
  <c r="U132392" i="1"/>
  <c r="U132391" i="1"/>
  <c r="U132390" i="1"/>
  <c r="U132389" i="1"/>
  <c r="U132388" i="1"/>
  <c r="U132387" i="1"/>
  <c r="U132386" i="1"/>
  <c r="U132385" i="1"/>
  <c r="U132384" i="1"/>
  <c r="U132383" i="1"/>
  <c r="U132382" i="1"/>
  <c r="U132381" i="1"/>
  <c r="U132380" i="1"/>
  <c r="U132379" i="1"/>
  <c r="U132378" i="1"/>
  <c r="U132377" i="1"/>
  <c r="U132376" i="1"/>
  <c r="U132375" i="1"/>
  <c r="U132374" i="1"/>
  <c r="U132373" i="1"/>
  <c r="U132372" i="1"/>
  <c r="U132371" i="1"/>
  <c r="U132370" i="1"/>
  <c r="U132369" i="1"/>
  <c r="U132368" i="1"/>
  <c r="U132367" i="1"/>
  <c r="U132366" i="1"/>
  <c r="U132365" i="1"/>
  <c r="U132364" i="1"/>
  <c r="U132363" i="1"/>
  <c r="U132362" i="1"/>
  <c r="U132361" i="1"/>
  <c r="U132360" i="1"/>
  <c r="U132359" i="1"/>
  <c r="U132358" i="1"/>
  <c r="U132357" i="1"/>
  <c r="U132356" i="1"/>
  <c r="U132355" i="1"/>
  <c r="U132354" i="1"/>
  <c r="U132353" i="1"/>
  <c r="U132352" i="1"/>
  <c r="U132351" i="1"/>
  <c r="U132350" i="1"/>
  <c r="U132349" i="1"/>
  <c r="U132348" i="1"/>
  <c r="U132347" i="1"/>
  <c r="U132346" i="1"/>
  <c r="U132345" i="1"/>
  <c r="U132344" i="1"/>
  <c r="U132343" i="1"/>
  <c r="U132342" i="1"/>
  <c r="U132341" i="1"/>
  <c r="U132340" i="1"/>
  <c r="U132339" i="1"/>
  <c r="U132338" i="1"/>
  <c r="U132337" i="1"/>
  <c r="U132336" i="1"/>
  <c r="U132335" i="1"/>
  <c r="U132334" i="1"/>
  <c r="U132333" i="1"/>
  <c r="U132332" i="1"/>
  <c r="U132331" i="1"/>
  <c r="U132330" i="1"/>
  <c r="U132329" i="1"/>
  <c r="U132328" i="1"/>
  <c r="U132327" i="1"/>
  <c r="U132326" i="1"/>
  <c r="U132325" i="1"/>
  <c r="U132324" i="1"/>
  <c r="U132323" i="1"/>
  <c r="U132322" i="1"/>
  <c r="U132321" i="1"/>
  <c r="U132320" i="1"/>
  <c r="U132319" i="1"/>
  <c r="U132318" i="1"/>
  <c r="U132317" i="1"/>
  <c r="U132316" i="1"/>
  <c r="U132315" i="1"/>
  <c r="U132314" i="1"/>
  <c r="U132313" i="1"/>
  <c r="U132312" i="1"/>
  <c r="U132311" i="1"/>
  <c r="U132310" i="1"/>
  <c r="U132309" i="1"/>
  <c r="U132308" i="1"/>
  <c r="U132307" i="1"/>
  <c r="U132306" i="1"/>
  <c r="U132305" i="1"/>
  <c r="U132304" i="1"/>
  <c r="U132303" i="1"/>
  <c r="U132302" i="1"/>
  <c r="U132301" i="1"/>
  <c r="U132300" i="1"/>
  <c r="U132299" i="1"/>
  <c r="U132298" i="1"/>
  <c r="U132297" i="1"/>
  <c r="U132296" i="1"/>
  <c r="U132295" i="1"/>
  <c r="U132294" i="1"/>
  <c r="U132293" i="1"/>
  <c r="U132292" i="1"/>
  <c r="U132291" i="1"/>
  <c r="U132290" i="1"/>
  <c r="U132289" i="1"/>
  <c r="U132288" i="1"/>
  <c r="U132287" i="1"/>
  <c r="U132286" i="1"/>
  <c r="U132285" i="1"/>
  <c r="U132284" i="1"/>
  <c r="U132283" i="1"/>
  <c r="U132282" i="1"/>
  <c r="U132281" i="1"/>
  <c r="U132280" i="1"/>
  <c r="U132279" i="1"/>
  <c r="U132278" i="1"/>
  <c r="U132277" i="1"/>
  <c r="U132276" i="1"/>
  <c r="U132275" i="1"/>
  <c r="U132274" i="1"/>
  <c r="U132273" i="1"/>
  <c r="U132272" i="1"/>
  <c r="U132271" i="1"/>
  <c r="U132270" i="1"/>
  <c r="U132269" i="1"/>
  <c r="U132268" i="1"/>
  <c r="U132267" i="1"/>
  <c r="U132266" i="1"/>
  <c r="U132265" i="1"/>
  <c r="U132264" i="1"/>
  <c r="U132263" i="1"/>
  <c r="U132262" i="1"/>
  <c r="U132261" i="1"/>
  <c r="U132260" i="1"/>
  <c r="U132259" i="1"/>
  <c r="U132258" i="1"/>
  <c r="U132257" i="1"/>
  <c r="U132256" i="1"/>
  <c r="U132255" i="1"/>
  <c r="U132254" i="1"/>
  <c r="U132253" i="1"/>
  <c r="U132252" i="1"/>
  <c r="U132251" i="1"/>
  <c r="U132250" i="1"/>
  <c r="U132249" i="1"/>
  <c r="U132248" i="1"/>
  <c r="U132247" i="1"/>
  <c r="U132246" i="1"/>
  <c r="U132245" i="1"/>
  <c r="U132244" i="1"/>
  <c r="U132243" i="1"/>
  <c r="U132242" i="1"/>
  <c r="U132241" i="1"/>
  <c r="U132240" i="1"/>
  <c r="U132239" i="1"/>
  <c r="U132238" i="1"/>
  <c r="U132237" i="1"/>
  <c r="U132236" i="1"/>
  <c r="U132235" i="1"/>
  <c r="U132234" i="1"/>
  <c r="U132233" i="1"/>
  <c r="U132232" i="1"/>
  <c r="U132231" i="1"/>
  <c r="U132230" i="1"/>
  <c r="U132229" i="1"/>
  <c r="U132228" i="1"/>
  <c r="U132227" i="1"/>
  <c r="U132226" i="1"/>
  <c r="U132225" i="1"/>
  <c r="U132224" i="1"/>
  <c r="U132223" i="1"/>
  <c r="U132222" i="1"/>
  <c r="U132221" i="1"/>
  <c r="U132220" i="1"/>
  <c r="U132219" i="1"/>
  <c r="U132218" i="1"/>
  <c r="U132217" i="1"/>
  <c r="U132216" i="1"/>
  <c r="U132215" i="1"/>
  <c r="U132214" i="1"/>
  <c r="U132213" i="1"/>
  <c r="U132212" i="1"/>
  <c r="U132211" i="1"/>
  <c r="U132210" i="1"/>
  <c r="U132209" i="1"/>
  <c r="U132208" i="1"/>
  <c r="U132207" i="1"/>
  <c r="U132206" i="1"/>
  <c r="U132205" i="1"/>
  <c r="U132204" i="1"/>
  <c r="U132203" i="1"/>
  <c r="U132202" i="1"/>
  <c r="U132201" i="1"/>
  <c r="U132200" i="1"/>
  <c r="U132199" i="1"/>
  <c r="U132198" i="1"/>
  <c r="U132197" i="1"/>
  <c r="U132196" i="1"/>
  <c r="U132195" i="1"/>
  <c r="U132194" i="1"/>
  <c r="U132193" i="1"/>
  <c r="U132192" i="1"/>
  <c r="U132191" i="1"/>
  <c r="U132190" i="1"/>
  <c r="U132189" i="1"/>
  <c r="U132188" i="1"/>
  <c r="U132187" i="1"/>
  <c r="U132186" i="1"/>
  <c r="U132185" i="1"/>
  <c r="U132184" i="1"/>
  <c r="U132183" i="1"/>
  <c r="U132182" i="1"/>
  <c r="U132181" i="1"/>
  <c r="U132180" i="1"/>
  <c r="U132179" i="1"/>
  <c r="U132178" i="1"/>
  <c r="U132177" i="1"/>
  <c r="U132176" i="1"/>
  <c r="U132175" i="1"/>
  <c r="U132174" i="1"/>
  <c r="U132173" i="1"/>
  <c r="U132172" i="1"/>
  <c r="U132171" i="1"/>
  <c r="U132170" i="1"/>
  <c r="U132169" i="1"/>
  <c r="U132168" i="1"/>
  <c r="U132167" i="1"/>
  <c r="U132166" i="1"/>
  <c r="U132165" i="1"/>
  <c r="U132164" i="1"/>
  <c r="U132163" i="1"/>
  <c r="U132162" i="1"/>
  <c r="U132161" i="1"/>
  <c r="U132160" i="1"/>
  <c r="U132159" i="1"/>
  <c r="U132158" i="1"/>
  <c r="U132157" i="1"/>
  <c r="U132156" i="1"/>
  <c r="U132155" i="1"/>
  <c r="U132154" i="1"/>
  <c r="U132153" i="1"/>
  <c r="U132152" i="1"/>
  <c r="U132151" i="1"/>
  <c r="U132150" i="1"/>
  <c r="U132149" i="1"/>
  <c r="U132148" i="1"/>
  <c r="U132147" i="1"/>
  <c r="U132146" i="1"/>
  <c r="U132145" i="1"/>
  <c r="U132144" i="1"/>
  <c r="U132143" i="1"/>
  <c r="U132142" i="1"/>
  <c r="U132141" i="1"/>
  <c r="U132140" i="1"/>
  <c r="U132139" i="1"/>
  <c r="U132138" i="1"/>
  <c r="U132137" i="1"/>
  <c r="U132136" i="1"/>
  <c r="U132135" i="1"/>
  <c r="U132134" i="1"/>
  <c r="U132133" i="1"/>
  <c r="U132132" i="1"/>
  <c r="U132131" i="1"/>
  <c r="U132130" i="1"/>
  <c r="U132129" i="1"/>
  <c r="U132128" i="1"/>
  <c r="U132127" i="1"/>
  <c r="U132126" i="1"/>
  <c r="U132125" i="1"/>
  <c r="U132124" i="1"/>
  <c r="U132123" i="1"/>
  <c r="U132122" i="1"/>
  <c r="U132121" i="1"/>
  <c r="U132120" i="1"/>
  <c r="U132119" i="1"/>
  <c r="U132118" i="1"/>
  <c r="U132117" i="1"/>
  <c r="U132116" i="1"/>
  <c r="U132115" i="1"/>
  <c r="U132114" i="1"/>
  <c r="U132113" i="1"/>
  <c r="U132112" i="1"/>
  <c r="U132111" i="1"/>
  <c r="U132110" i="1"/>
  <c r="U132109" i="1"/>
  <c r="U132108" i="1"/>
  <c r="U132107" i="1"/>
  <c r="U132106" i="1"/>
  <c r="U132105" i="1"/>
  <c r="U132104" i="1"/>
  <c r="U132103" i="1"/>
  <c r="U132102" i="1"/>
  <c r="U132101" i="1"/>
  <c r="U132100" i="1"/>
  <c r="U132099" i="1"/>
  <c r="U132098" i="1"/>
  <c r="U132097" i="1"/>
  <c r="U132096" i="1"/>
  <c r="U132095" i="1"/>
  <c r="U132094" i="1"/>
  <c r="U132093" i="1"/>
  <c r="U132092" i="1"/>
  <c r="U132091" i="1"/>
  <c r="U132090" i="1"/>
  <c r="U132089" i="1"/>
  <c r="U132088" i="1"/>
  <c r="U132087" i="1"/>
  <c r="U132086" i="1"/>
  <c r="U132085" i="1"/>
  <c r="U132084" i="1"/>
  <c r="U132083" i="1"/>
  <c r="U132082" i="1"/>
  <c r="U132081" i="1"/>
  <c r="U132080" i="1"/>
  <c r="U132079" i="1"/>
  <c r="U132078" i="1"/>
  <c r="U132077" i="1"/>
  <c r="U132076" i="1"/>
  <c r="U132075" i="1"/>
  <c r="U132074" i="1"/>
  <c r="U132073" i="1"/>
  <c r="U132072" i="1"/>
  <c r="U132071" i="1"/>
  <c r="U132070" i="1"/>
  <c r="U132069" i="1"/>
  <c r="U132068" i="1"/>
  <c r="U132067" i="1"/>
  <c r="U132066" i="1"/>
  <c r="U132065" i="1"/>
  <c r="U132064" i="1"/>
  <c r="U132063" i="1"/>
  <c r="U132062" i="1"/>
  <c r="U132061" i="1"/>
  <c r="U132060" i="1"/>
  <c r="U132059" i="1"/>
  <c r="U132058" i="1"/>
  <c r="U132057" i="1"/>
  <c r="U132056" i="1"/>
  <c r="U132055" i="1"/>
  <c r="U132054" i="1"/>
  <c r="U132053" i="1"/>
  <c r="U132052" i="1"/>
  <c r="U132051" i="1"/>
  <c r="U132050" i="1"/>
  <c r="U132049" i="1"/>
  <c r="U132048" i="1"/>
  <c r="U132047" i="1"/>
  <c r="U132046" i="1"/>
  <c r="U132045" i="1"/>
  <c r="U132044" i="1"/>
  <c r="U132043" i="1"/>
  <c r="U132042" i="1"/>
  <c r="U132041" i="1"/>
  <c r="U132040" i="1"/>
  <c r="U132039" i="1"/>
  <c r="U132038" i="1"/>
  <c r="U132037" i="1"/>
  <c r="U132036" i="1"/>
  <c r="U132035" i="1"/>
  <c r="U132034" i="1"/>
  <c r="U132033" i="1"/>
  <c r="U132032" i="1"/>
  <c r="U132031" i="1"/>
  <c r="U132030" i="1"/>
  <c r="U132029" i="1"/>
  <c r="U132028" i="1"/>
  <c r="U132027" i="1"/>
  <c r="U132026" i="1"/>
  <c r="U132025" i="1"/>
  <c r="U132024" i="1"/>
  <c r="U132023" i="1"/>
  <c r="U132022" i="1"/>
  <c r="U132021" i="1"/>
  <c r="U132020" i="1"/>
  <c r="U132019" i="1"/>
  <c r="U132018" i="1"/>
  <c r="U132017" i="1"/>
  <c r="U132016" i="1"/>
  <c r="U132015" i="1"/>
  <c r="U132014" i="1"/>
  <c r="U132013" i="1"/>
  <c r="U132012" i="1"/>
  <c r="U132011" i="1"/>
  <c r="U132010" i="1"/>
  <c r="U132009" i="1"/>
  <c r="U132008" i="1"/>
  <c r="U132007" i="1"/>
  <c r="U132006" i="1"/>
  <c r="U132005" i="1"/>
  <c r="U132004" i="1"/>
  <c r="U132003" i="1"/>
  <c r="U132002" i="1"/>
  <c r="U132001" i="1"/>
  <c r="U132000" i="1"/>
  <c r="U131999" i="1"/>
  <c r="U131998" i="1"/>
  <c r="U131997" i="1"/>
  <c r="U131996" i="1"/>
  <c r="U131995" i="1"/>
  <c r="U131994" i="1"/>
  <c r="U131993" i="1"/>
  <c r="U131992" i="1"/>
  <c r="U131991" i="1"/>
  <c r="U131990" i="1"/>
  <c r="U131989" i="1"/>
  <c r="U131988" i="1"/>
  <c r="U131987" i="1"/>
  <c r="U131986" i="1"/>
  <c r="U131985" i="1"/>
  <c r="U131984" i="1"/>
  <c r="U131983" i="1"/>
  <c r="U131982" i="1"/>
  <c r="U131981" i="1"/>
  <c r="U131980" i="1"/>
  <c r="U131979" i="1"/>
  <c r="U131978" i="1"/>
  <c r="U131977" i="1"/>
  <c r="U131976" i="1"/>
  <c r="U131975" i="1"/>
  <c r="U131974" i="1"/>
  <c r="U131973" i="1"/>
  <c r="U131972" i="1"/>
  <c r="U131971" i="1"/>
  <c r="U131970" i="1"/>
  <c r="U131969" i="1"/>
  <c r="U131968" i="1"/>
  <c r="U131967" i="1"/>
  <c r="U131966" i="1"/>
  <c r="U131965" i="1"/>
  <c r="U131964" i="1"/>
  <c r="U131963" i="1"/>
  <c r="U131962" i="1"/>
  <c r="U131961" i="1"/>
  <c r="U131960" i="1"/>
  <c r="U131959" i="1"/>
  <c r="U131958" i="1"/>
  <c r="U131957" i="1"/>
  <c r="U131956" i="1"/>
  <c r="U131955" i="1"/>
  <c r="U131954" i="1"/>
  <c r="U131953" i="1"/>
  <c r="U131952" i="1"/>
  <c r="U131951" i="1"/>
  <c r="U131950" i="1"/>
  <c r="U131949" i="1"/>
  <c r="U131948" i="1"/>
  <c r="U131947" i="1"/>
  <c r="U131946" i="1"/>
  <c r="U131945" i="1"/>
  <c r="U131944" i="1"/>
  <c r="U131943" i="1"/>
  <c r="U131942" i="1"/>
  <c r="U131941" i="1"/>
  <c r="U131940" i="1"/>
  <c r="U131939" i="1"/>
  <c r="U131938" i="1"/>
  <c r="U131937" i="1"/>
  <c r="U131936" i="1"/>
  <c r="U131935" i="1"/>
  <c r="U131934" i="1"/>
  <c r="U131933" i="1"/>
  <c r="U131932" i="1"/>
  <c r="U131931" i="1"/>
  <c r="U131930" i="1"/>
  <c r="U131929" i="1"/>
  <c r="U131928" i="1"/>
  <c r="U131927" i="1"/>
  <c r="U131926" i="1"/>
  <c r="U131925" i="1"/>
  <c r="U131924" i="1"/>
  <c r="U131923" i="1"/>
  <c r="U131922" i="1"/>
  <c r="U131921" i="1"/>
  <c r="U131920" i="1"/>
  <c r="U131919" i="1"/>
  <c r="U131918" i="1"/>
  <c r="U131917" i="1"/>
  <c r="U131916" i="1"/>
  <c r="U131915" i="1"/>
  <c r="U131914" i="1"/>
  <c r="U131913" i="1"/>
  <c r="U131912" i="1"/>
  <c r="U131911" i="1"/>
  <c r="U131910" i="1"/>
  <c r="U131909" i="1"/>
  <c r="U131908" i="1"/>
  <c r="U131907" i="1"/>
  <c r="U131906" i="1"/>
  <c r="U131905" i="1"/>
  <c r="U131904" i="1"/>
  <c r="U131903" i="1"/>
  <c r="U131902" i="1"/>
  <c r="U131901" i="1"/>
  <c r="U131900" i="1"/>
  <c r="U131899" i="1"/>
  <c r="U131898" i="1"/>
  <c r="U131897" i="1"/>
  <c r="U131896" i="1"/>
  <c r="U131895" i="1"/>
  <c r="U131894" i="1"/>
  <c r="U131893" i="1"/>
  <c r="U131892" i="1"/>
  <c r="U131891" i="1"/>
  <c r="U131890" i="1"/>
  <c r="U131889" i="1"/>
  <c r="U131888" i="1"/>
  <c r="U131887" i="1"/>
  <c r="U131886" i="1"/>
  <c r="U131885" i="1"/>
  <c r="U131884" i="1"/>
  <c r="U131883" i="1"/>
  <c r="U131882" i="1"/>
  <c r="U131881" i="1"/>
  <c r="U131880" i="1"/>
  <c r="U131879" i="1"/>
  <c r="U131878" i="1"/>
  <c r="U131877" i="1"/>
  <c r="U131876" i="1"/>
  <c r="U131875" i="1"/>
  <c r="U131874" i="1"/>
  <c r="U131873" i="1"/>
  <c r="U131872" i="1"/>
  <c r="U131871" i="1"/>
  <c r="U131870" i="1"/>
  <c r="U131869" i="1"/>
  <c r="U131868" i="1"/>
  <c r="U131867" i="1"/>
  <c r="U131866" i="1"/>
  <c r="U131865" i="1"/>
  <c r="U131864" i="1"/>
  <c r="U131863" i="1"/>
  <c r="U131862" i="1"/>
  <c r="U131861" i="1"/>
  <c r="U131860" i="1"/>
  <c r="U131859" i="1"/>
  <c r="U131858" i="1"/>
  <c r="U131857" i="1"/>
  <c r="U131856" i="1"/>
  <c r="U131855" i="1"/>
  <c r="U131854" i="1"/>
  <c r="U131853" i="1"/>
  <c r="U131852" i="1"/>
  <c r="U131851" i="1"/>
  <c r="U131850" i="1"/>
  <c r="U131849" i="1"/>
  <c r="U131848" i="1"/>
  <c r="U131847" i="1"/>
  <c r="U131846" i="1"/>
  <c r="U131845" i="1"/>
  <c r="U131844" i="1"/>
  <c r="U131843" i="1"/>
  <c r="U131842" i="1"/>
  <c r="U131841" i="1"/>
  <c r="U131840" i="1"/>
  <c r="U131839" i="1"/>
  <c r="U131838" i="1"/>
  <c r="U131837" i="1"/>
  <c r="U131836" i="1"/>
  <c r="U131835" i="1"/>
  <c r="U131834" i="1"/>
  <c r="U131833" i="1"/>
  <c r="U131832" i="1"/>
  <c r="U131831" i="1"/>
  <c r="U131830" i="1"/>
  <c r="U131829" i="1"/>
  <c r="U131828" i="1"/>
  <c r="U131827" i="1"/>
  <c r="U131826" i="1"/>
  <c r="U131825" i="1"/>
  <c r="U131824" i="1"/>
  <c r="U131823" i="1"/>
  <c r="U131822" i="1"/>
  <c r="U131821" i="1"/>
  <c r="U131820" i="1"/>
  <c r="U131819" i="1"/>
  <c r="U131818" i="1"/>
  <c r="U131817" i="1"/>
  <c r="U131816" i="1"/>
  <c r="U131815" i="1"/>
  <c r="U131814" i="1"/>
  <c r="U131813" i="1"/>
  <c r="U131812" i="1"/>
  <c r="U131811" i="1"/>
  <c r="U131810" i="1"/>
  <c r="U131809" i="1"/>
  <c r="U131808" i="1"/>
  <c r="U131807" i="1"/>
  <c r="U131806" i="1"/>
  <c r="U131805" i="1"/>
  <c r="U131804" i="1"/>
  <c r="U131803" i="1"/>
  <c r="U131802" i="1"/>
  <c r="U131801" i="1"/>
  <c r="U131800" i="1"/>
  <c r="U131799" i="1"/>
  <c r="U131798" i="1"/>
  <c r="U131797" i="1"/>
  <c r="U131796" i="1"/>
  <c r="U131795" i="1"/>
  <c r="U131794" i="1"/>
  <c r="U131793" i="1"/>
  <c r="U131792" i="1"/>
  <c r="U131791" i="1"/>
  <c r="U131790" i="1"/>
  <c r="U131789" i="1"/>
  <c r="U131788" i="1"/>
  <c r="U131787" i="1"/>
  <c r="U131786" i="1"/>
  <c r="U131785" i="1"/>
  <c r="U131784" i="1"/>
  <c r="U131783" i="1"/>
  <c r="U131782" i="1"/>
  <c r="U131781" i="1"/>
  <c r="U131780" i="1"/>
  <c r="U131779" i="1"/>
  <c r="U131778" i="1"/>
  <c r="U131777" i="1"/>
  <c r="U131776" i="1"/>
  <c r="U131775" i="1"/>
  <c r="U131774" i="1"/>
  <c r="U131773" i="1"/>
  <c r="U131772" i="1"/>
  <c r="U131771" i="1"/>
  <c r="U131770" i="1"/>
  <c r="U131769" i="1"/>
  <c r="U131768" i="1"/>
  <c r="U131767" i="1"/>
  <c r="U131766" i="1"/>
  <c r="U131765" i="1"/>
  <c r="U131764" i="1"/>
  <c r="U131763" i="1"/>
  <c r="U131762" i="1"/>
  <c r="U131761" i="1"/>
  <c r="U131760" i="1"/>
  <c r="U131759" i="1"/>
  <c r="U131758" i="1"/>
  <c r="U131757" i="1"/>
  <c r="U131756" i="1"/>
  <c r="U131755" i="1"/>
  <c r="U131754" i="1"/>
  <c r="U131753" i="1"/>
  <c r="U131752" i="1"/>
  <c r="U131751" i="1"/>
  <c r="U131750" i="1"/>
  <c r="U131749" i="1"/>
  <c r="U131748" i="1"/>
  <c r="U131747" i="1"/>
  <c r="U131746" i="1"/>
  <c r="U131745" i="1"/>
  <c r="U131744" i="1"/>
  <c r="U131743" i="1"/>
  <c r="U131742" i="1"/>
  <c r="U131741" i="1"/>
  <c r="U131740" i="1"/>
  <c r="U131739" i="1"/>
  <c r="U131738" i="1"/>
  <c r="U131737" i="1"/>
  <c r="U131736" i="1"/>
  <c r="U131735" i="1"/>
  <c r="U131734" i="1"/>
  <c r="U131733" i="1"/>
  <c r="U131732" i="1"/>
  <c r="U131731" i="1"/>
  <c r="U131730" i="1"/>
  <c r="U131729" i="1"/>
  <c r="U131728" i="1"/>
  <c r="U131727" i="1"/>
  <c r="U131726" i="1"/>
  <c r="U131725" i="1"/>
  <c r="U131724" i="1"/>
  <c r="U131723" i="1"/>
  <c r="U131722" i="1"/>
  <c r="U131721" i="1"/>
  <c r="U131720" i="1"/>
  <c r="U131719" i="1"/>
  <c r="U131718" i="1"/>
  <c r="U131717" i="1"/>
  <c r="U131716" i="1"/>
  <c r="U131715" i="1"/>
  <c r="U131714" i="1"/>
  <c r="U131713" i="1"/>
  <c r="U131712" i="1"/>
  <c r="U131711" i="1"/>
  <c r="U131710" i="1"/>
  <c r="U131709" i="1"/>
  <c r="U131708" i="1"/>
  <c r="U131707" i="1"/>
  <c r="U131706" i="1"/>
  <c r="U131705" i="1"/>
  <c r="U131704" i="1"/>
  <c r="U131703" i="1"/>
  <c r="U131702" i="1"/>
  <c r="U131701" i="1"/>
  <c r="U131700" i="1"/>
  <c r="U131699" i="1"/>
  <c r="U131698" i="1"/>
  <c r="U131697" i="1"/>
  <c r="U131696" i="1"/>
  <c r="U131695" i="1"/>
  <c r="U131694" i="1"/>
  <c r="U131693" i="1"/>
  <c r="U131692" i="1"/>
  <c r="U131691" i="1"/>
  <c r="U131690" i="1"/>
  <c r="U131689" i="1"/>
  <c r="U131688" i="1"/>
  <c r="U131687" i="1"/>
  <c r="U131686" i="1"/>
  <c r="U131685" i="1"/>
  <c r="U131684" i="1"/>
  <c r="U131683" i="1"/>
  <c r="U131682" i="1"/>
  <c r="U131681" i="1"/>
  <c r="U131680" i="1"/>
  <c r="U131679" i="1"/>
  <c r="U131678" i="1"/>
  <c r="U131677" i="1"/>
  <c r="U131676" i="1"/>
  <c r="U131675" i="1"/>
  <c r="U131674" i="1"/>
  <c r="U131673" i="1"/>
  <c r="U131672" i="1"/>
  <c r="U131671" i="1"/>
  <c r="U131670" i="1"/>
  <c r="U131669" i="1"/>
  <c r="U131668" i="1"/>
  <c r="U131667" i="1"/>
  <c r="U131666" i="1"/>
  <c r="U131665" i="1"/>
  <c r="U131664" i="1"/>
  <c r="U131663" i="1"/>
  <c r="U131662" i="1"/>
  <c r="U131661" i="1"/>
  <c r="U131660" i="1"/>
  <c r="U131659" i="1"/>
  <c r="U131658" i="1"/>
  <c r="U131657" i="1"/>
  <c r="U131656" i="1"/>
  <c r="U131655" i="1"/>
  <c r="U131654" i="1"/>
  <c r="U131653" i="1"/>
  <c r="U131652" i="1"/>
  <c r="U131651" i="1"/>
  <c r="U131650" i="1"/>
  <c r="U131649" i="1"/>
  <c r="U131648" i="1"/>
  <c r="U131647" i="1"/>
  <c r="U131646" i="1"/>
  <c r="U131645" i="1"/>
  <c r="U131644" i="1"/>
  <c r="U131643" i="1"/>
  <c r="U131642" i="1"/>
  <c r="U131641" i="1"/>
  <c r="U131640" i="1"/>
  <c r="U131639" i="1"/>
  <c r="U131638" i="1"/>
  <c r="U131637" i="1"/>
  <c r="U131636" i="1"/>
  <c r="U131635" i="1"/>
  <c r="U131634" i="1"/>
  <c r="U131633" i="1"/>
  <c r="U131632" i="1"/>
  <c r="U131631" i="1"/>
  <c r="U131630" i="1"/>
  <c r="U131629" i="1"/>
  <c r="U131628" i="1"/>
  <c r="U131627" i="1"/>
  <c r="U131626" i="1"/>
  <c r="U131625" i="1"/>
  <c r="U131624" i="1"/>
  <c r="U131623" i="1"/>
  <c r="U131622" i="1"/>
  <c r="U131621" i="1"/>
  <c r="U131620" i="1"/>
  <c r="U131619" i="1"/>
  <c r="U131618" i="1"/>
  <c r="U131617" i="1"/>
  <c r="U131616" i="1"/>
  <c r="U131615" i="1"/>
  <c r="U131614" i="1"/>
  <c r="U131613" i="1"/>
  <c r="U131612" i="1"/>
  <c r="U131611" i="1"/>
  <c r="U131610" i="1"/>
  <c r="U131609" i="1"/>
  <c r="U131608" i="1"/>
  <c r="U131607" i="1"/>
  <c r="U131606" i="1"/>
  <c r="U131605" i="1"/>
  <c r="U131604" i="1"/>
  <c r="U131603" i="1"/>
  <c r="U131602" i="1"/>
  <c r="U131601" i="1"/>
  <c r="U131600" i="1"/>
  <c r="U131599" i="1"/>
  <c r="U131598" i="1"/>
  <c r="U131597" i="1"/>
  <c r="U131596" i="1"/>
  <c r="U131595" i="1"/>
  <c r="U131594" i="1"/>
  <c r="U131593" i="1"/>
  <c r="U131592" i="1"/>
  <c r="U131591" i="1"/>
  <c r="U131590" i="1"/>
  <c r="U131589" i="1"/>
  <c r="U131588" i="1"/>
  <c r="U131587" i="1"/>
  <c r="U131586" i="1"/>
  <c r="U131585" i="1"/>
  <c r="U131584" i="1"/>
  <c r="U131583" i="1"/>
  <c r="U131582" i="1"/>
  <c r="U131581" i="1"/>
  <c r="U131580" i="1"/>
  <c r="U131579" i="1"/>
  <c r="U131578" i="1"/>
  <c r="U131577" i="1"/>
  <c r="U131576" i="1"/>
  <c r="U131575" i="1"/>
  <c r="U131574" i="1"/>
  <c r="U131573" i="1"/>
  <c r="U131572" i="1"/>
  <c r="U131571" i="1"/>
  <c r="U131570" i="1"/>
  <c r="U131569" i="1"/>
  <c r="U131568" i="1"/>
  <c r="U131567" i="1"/>
  <c r="U131566" i="1"/>
  <c r="U131565" i="1"/>
  <c r="U131564" i="1"/>
  <c r="U131563" i="1"/>
  <c r="U131562" i="1"/>
  <c r="U131561" i="1"/>
  <c r="U131560" i="1"/>
  <c r="U131559" i="1"/>
  <c r="U131558" i="1"/>
  <c r="U131557" i="1"/>
  <c r="U131556" i="1"/>
  <c r="U131555" i="1"/>
  <c r="U131554" i="1"/>
  <c r="U131553" i="1"/>
  <c r="U131552" i="1"/>
  <c r="U131551" i="1"/>
  <c r="U131550" i="1"/>
  <c r="U131549" i="1"/>
  <c r="U131548" i="1"/>
  <c r="U131547" i="1"/>
  <c r="U131546" i="1"/>
  <c r="U131545" i="1"/>
  <c r="U131544" i="1"/>
  <c r="U131543" i="1"/>
  <c r="U131542" i="1"/>
  <c r="U131541" i="1"/>
  <c r="U131540" i="1"/>
  <c r="U131539" i="1"/>
  <c r="U131538" i="1"/>
  <c r="U131537" i="1"/>
  <c r="U131536" i="1"/>
  <c r="U131535" i="1"/>
  <c r="U131534" i="1"/>
  <c r="U131533" i="1"/>
  <c r="U131532" i="1"/>
  <c r="U131531" i="1"/>
  <c r="U131530" i="1"/>
  <c r="U131529" i="1"/>
  <c r="U131528" i="1"/>
  <c r="U131527" i="1"/>
  <c r="U131526" i="1"/>
  <c r="U131525" i="1"/>
  <c r="U131524" i="1"/>
  <c r="U131523" i="1"/>
  <c r="U131522" i="1"/>
  <c r="U131521" i="1"/>
  <c r="U131520" i="1"/>
  <c r="U131519" i="1"/>
  <c r="U131518" i="1"/>
  <c r="U131517" i="1"/>
  <c r="U131516" i="1"/>
  <c r="U131515" i="1"/>
  <c r="U131514" i="1"/>
  <c r="U131513" i="1"/>
  <c r="U131512" i="1"/>
  <c r="U131511" i="1"/>
  <c r="U131510" i="1"/>
  <c r="U131509" i="1"/>
  <c r="U131508" i="1"/>
  <c r="U131507" i="1"/>
  <c r="U131506" i="1"/>
  <c r="U131505" i="1"/>
  <c r="U131504" i="1"/>
  <c r="U131503" i="1"/>
  <c r="U131502" i="1"/>
  <c r="U131501" i="1"/>
  <c r="U131500" i="1"/>
  <c r="U131499" i="1"/>
  <c r="U131498" i="1"/>
  <c r="U131497" i="1"/>
  <c r="U131496" i="1"/>
  <c r="U131495" i="1"/>
  <c r="U131494" i="1"/>
  <c r="U131493" i="1"/>
  <c r="U131492" i="1"/>
  <c r="U131491" i="1"/>
  <c r="U131490" i="1"/>
  <c r="U131489" i="1"/>
  <c r="U131488" i="1"/>
  <c r="U131487" i="1"/>
  <c r="U131486" i="1"/>
  <c r="U131485" i="1"/>
  <c r="U131484" i="1"/>
  <c r="U131483" i="1"/>
  <c r="U131482" i="1"/>
  <c r="U131481" i="1"/>
  <c r="U131480" i="1"/>
  <c r="U131479" i="1"/>
  <c r="U131478" i="1"/>
  <c r="U131477" i="1"/>
  <c r="U131476" i="1"/>
  <c r="U131475" i="1"/>
  <c r="U131474" i="1"/>
  <c r="U131473" i="1"/>
  <c r="U131472" i="1"/>
  <c r="U131471" i="1"/>
  <c r="U131470" i="1"/>
  <c r="U131469" i="1"/>
  <c r="U131468" i="1"/>
  <c r="U131467" i="1"/>
  <c r="U131466" i="1"/>
  <c r="U131465" i="1"/>
  <c r="U131464" i="1"/>
  <c r="U131463" i="1"/>
  <c r="U131462" i="1"/>
  <c r="U131461" i="1"/>
  <c r="U131460" i="1"/>
  <c r="U131459" i="1"/>
  <c r="U131458" i="1"/>
  <c r="U131457" i="1"/>
  <c r="U131456" i="1"/>
  <c r="U131455" i="1"/>
  <c r="U131454" i="1"/>
  <c r="U131453" i="1"/>
  <c r="U131452" i="1"/>
  <c r="U131451" i="1"/>
  <c r="U131450" i="1"/>
  <c r="U131449" i="1"/>
  <c r="U131448" i="1"/>
  <c r="U131447" i="1"/>
  <c r="U131446" i="1"/>
  <c r="U131445" i="1"/>
  <c r="U131444" i="1"/>
  <c r="U131443" i="1"/>
  <c r="U131442" i="1"/>
  <c r="U131441" i="1"/>
  <c r="U131440" i="1"/>
  <c r="U131439" i="1"/>
  <c r="U131438" i="1"/>
  <c r="U131437" i="1"/>
  <c r="U131436" i="1"/>
  <c r="U131435" i="1"/>
  <c r="U131434" i="1"/>
  <c r="U131433" i="1"/>
  <c r="U131432" i="1"/>
  <c r="U131431" i="1"/>
  <c r="U131430" i="1"/>
  <c r="U131429" i="1"/>
  <c r="U131428" i="1"/>
  <c r="U131427" i="1"/>
  <c r="U131426" i="1"/>
  <c r="U131425" i="1"/>
  <c r="U131424" i="1"/>
  <c r="U131423" i="1"/>
  <c r="U131422" i="1"/>
  <c r="U131421" i="1"/>
  <c r="U131420" i="1"/>
  <c r="U131419" i="1"/>
  <c r="U131418" i="1"/>
  <c r="U131417" i="1"/>
  <c r="U131416" i="1"/>
  <c r="U131415" i="1"/>
  <c r="U131414" i="1"/>
  <c r="U131413" i="1"/>
  <c r="U131412" i="1"/>
  <c r="U131411" i="1"/>
  <c r="U131410" i="1"/>
  <c r="U131409" i="1"/>
  <c r="U131408" i="1"/>
  <c r="U131407" i="1"/>
  <c r="U131406" i="1"/>
  <c r="U131405" i="1"/>
  <c r="U131404" i="1"/>
  <c r="U131403" i="1"/>
  <c r="U131402" i="1"/>
  <c r="U131401" i="1"/>
  <c r="U131400" i="1"/>
  <c r="U131399" i="1"/>
  <c r="U131398" i="1"/>
  <c r="U131397" i="1"/>
  <c r="U131396" i="1"/>
  <c r="U131395" i="1"/>
  <c r="U131394" i="1"/>
  <c r="U131393" i="1"/>
  <c r="U131392" i="1"/>
  <c r="U131391" i="1"/>
  <c r="U131390" i="1"/>
  <c r="U131389" i="1"/>
  <c r="U131388" i="1"/>
  <c r="U131387" i="1"/>
  <c r="U131386" i="1"/>
  <c r="U131385" i="1"/>
  <c r="U131384" i="1"/>
  <c r="U131383" i="1"/>
  <c r="U131382" i="1"/>
  <c r="U131381" i="1"/>
  <c r="U131380" i="1"/>
  <c r="U131379" i="1"/>
  <c r="U131378" i="1"/>
  <c r="U131377" i="1"/>
  <c r="U131376" i="1"/>
  <c r="U131375" i="1"/>
  <c r="U131374" i="1"/>
  <c r="U131373" i="1"/>
  <c r="U131372" i="1"/>
  <c r="U131371" i="1"/>
  <c r="U131370" i="1"/>
  <c r="U131369" i="1"/>
  <c r="U131368" i="1"/>
  <c r="U131367" i="1"/>
  <c r="U131366" i="1"/>
  <c r="U131365" i="1"/>
  <c r="U131364" i="1"/>
  <c r="U131363" i="1"/>
  <c r="U131362" i="1"/>
  <c r="U131361" i="1"/>
  <c r="U131360" i="1"/>
  <c r="U131359" i="1"/>
  <c r="U131358" i="1"/>
  <c r="U131357" i="1"/>
  <c r="U131356" i="1"/>
  <c r="U131355" i="1"/>
  <c r="U131354" i="1"/>
  <c r="U131353" i="1"/>
  <c r="U131352" i="1"/>
  <c r="U131351" i="1"/>
  <c r="U131350" i="1"/>
  <c r="U131349" i="1"/>
  <c r="U131348" i="1"/>
  <c r="U131347" i="1"/>
  <c r="U131346" i="1"/>
  <c r="U131345" i="1"/>
  <c r="U131344" i="1"/>
  <c r="U131343" i="1"/>
  <c r="U131342" i="1"/>
  <c r="U131341" i="1"/>
  <c r="U131340" i="1"/>
  <c r="U131339" i="1"/>
  <c r="U131338" i="1"/>
  <c r="U131337" i="1"/>
  <c r="U131336" i="1"/>
  <c r="U131335" i="1"/>
  <c r="U131334" i="1"/>
  <c r="U131333" i="1"/>
  <c r="U131332" i="1"/>
  <c r="U131331" i="1"/>
  <c r="U131330" i="1"/>
  <c r="U131329" i="1"/>
  <c r="U131328" i="1"/>
  <c r="U131327" i="1"/>
  <c r="U131326" i="1"/>
  <c r="U131325" i="1"/>
  <c r="U131324" i="1"/>
  <c r="U131323" i="1"/>
  <c r="U131322" i="1"/>
  <c r="U131321" i="1"/>
  <c r="U131320" i="1"/>
  <c r="U131319" i="1"/>
  <c r="U131318" i="1"/>
  <c r="U131317" i="1"/>
  <c r="U131316" i="1"/>
  <c r="U131315" i="1"/>
  <c r="U131314" i="1"/>
  <c r="U131313" i="1"/>
  <c r="U131312" i="1"/>
  <c r="U131311" i="1"/>
  <c r="U131310" i="1"/>
  <c r="U131309" i="1"/>
  <c r="U131308" i="1"/>
  <c r="U131307" i="1"/>
  <c r="U131306" i="1"/>
  <c r="U131305" i="1"/>
  <c r="U131304" i="1"/>
  <c r="U131303" i="1"/>
  <c r="U131302" i="1"/>
  <c r="U131301" i="1"/>
  <c r="U131300" i="1"/>
  <c r="U131299" i="1"/>
  <c r="U131298" i="1"/>
  <c r="U131297" i="1"/>
  <c r="U131296" i="1"/>
  <c r="U131295" i="1"/>
  <c r="U131294" i="1"/>
  <c r="U131293" i="1"/>
  <c r="U131292" i="1"/>
  <c r="U131291" i="1"/>
  <c r="U131290" i="1"/>
  <c r="U131289" i="1"/>
  <c r="U131288" i="1"/>
  <c r="U131287" i="1"/>
  <c r="U131286" i="1"/>
  <c r="U131285" i="1"/>
  <c r="U131284" i="1"/>
  <c r="U131283" i="1"/>
  <c r="U131282" i="1"/>
  <c r="U131281" i="1"/>
  <c r="U131280" i="1"/>
  <c r="U131279" i="1"/>
  <c r="U131278" i="1"/>
  <c r="U131277" i="1"/>
  <c r="U131276" i="1"/>
  <c r="U131275" i="1"/>
  <c r="U131274" i="1"/>
  <c r="U131273" i="1"/>
  <c r="U131272" i="1"/>
  <c r="U131271" i="1"/>
  <c r="U131270" i="1"/>
  <c r="U131269" i="1"/>
  <c r="U131268" i="1"/>
  <c r="U131267" i="1"/>
  <c r="U131266" i="1"/>
  <c r="U131265" i="1"/>
  <c r="U131264" i="1"/>
  <c r="U131263" i="1"/>
  <c r="U131262" i="1"/>
  <c r="U131261" i="1"/>
  <c r="U131260" i="1"/>
  <c r="U131259" i="1"/>
  <c r="U131258" i="1"/>
  <c r="U131257" i="1"/>
  <c r="U131256" i="1"/>
  <c r="U131255" i="1"/>
  <c r="U131254" i="1"/>
  <c r="U131253" i="1"/>
  <c r="U131252" i="1"/>
  <c r="U131251" i="1"/>
  <c r="U131250" i="1"/>
  <c r="U131249" i="1"/>
  <c r="U131248" i="1"/>
  <c r="U131247" i="1"/>
  <c r="U131246" i="1"/>
  <c r="U131245" i="1"/>
  <c r="U131244" i="1"/>
  <c r="U131243" i="1"/>
  <c r="U131242" i="1"/>
  <c r="U131241" i="1"/>
  <c r="U131240" i="1"/>
  <c r="U131239" i="1"/>
  <c r="U131238" i="1"/>
  <c r="U131237" i="1"/>
  <c r="U131236" i="1"/>
  <c r="U131235" i="1"/>
  <c r="U131234" i="1"/>
  <c r="U131233" i="1"/>
  <c r="U131232" i="1"/>
  <c r="U131231" i="1"/>
  <c r="U131230" i="1"/>
  <c r="U131229" i="1"/>
  <c r="U131228" i="1"/>
  <c r="U131227" i="1"/>
  <c r="U131226" i="1"/>
  <c r="U131225" i="1"/>
  <c r="U131224" i="1"/>
  <c r="U131223" i="1"/>
  <c r="U131222" i="1"/>
  <c r="U131221" i="1"/>
  <c r="U131220" i="1"/>
  <c r="U131219" i="1"/>
  <c r="U131218" i="1"/>
  <c r="U131217" i="1"/>
  <c r="U131216" i="1"/>
  <c r="U131215" i="1"/>
  <c r="U131214" i="1"/>
  <c r="U131213" i="1"/>
  <c r="U131212" i="1"/>
  <c r="U131211" i="1"/>
  <c r="U131210" i="1"/>
  <c r="U131209" i="1"/>
  <c r="U131208" i="1"/>
  <c r="U131207" i="1"/>
  <c r="U131206" i="1"/>
  <c r="U131205" i="1"/>
  <c r="U131204" i="1"/>
  <c r="U131203" i="1"/>
  <c r="U131202" i="1"/>
  <c r="U131201" i="1"/>
  <c r="U131200" i="1"/>
  <c r="U131199" i="1"/>
  <c r="U131198" i="1"/>
  <c r="U131197" i="1"/>
  <c r="U131196" i="1"/>
  <c r="U131195" i="1"/>
  <c r="U131194" i="1"/>
  <c r="U131193" i="1"/>
  <c r="U131192" i="1"/>
  <c r="U131191" i="1"/>
  <c r="U131190" i="1"/>
  <c r="U131189" i="1"/>
  <c r="U131188" i="1"/>
  <c r="U131187" i="1"/>
  <c r="U131186" i="1"/>
  <c r="U131185" i="1"/>
  <c r="U131184" i="1"/>
  <c r="U131183" i="1"/>
  <c r="U131182" i="1"/>
  <c r="U131181" i="1"/>
  <c r="U131180" i="1"/>
  <c r="U131179" i="1"/>
  <c r="U131178" i="1"/>
  <c r="U131177" i="1"/>
  <c r="U131176" i="1"/>
  <c r="U131175" i="1"/>
  <c r="U131174" i="1"/>
  <c r="U131173" i="1"/>
  <c r="U131172" i="1"/>
  <c r="U131171" i="1"/>
  <c r="U131170" i="1"/>
  <c r="U131169" i="1"/>
  <c r="U131168" i="1"/>
  <c r="U131167" i="1"/>
  <c r="U131166" i="1"/>
  <c r="U131165" i="1"/>
  <c r="U131164" i="1"/>
  <c r="U131163" i="1"/>
  <c r="U131162" i="1"/>
  <c r="U131161" i="1"/>
  <c r="U131160" i="1"/>
  <c r="U131159" i="1"/>
  <c r="U131158" i="1"/>
  <c r="U131157" i="1"/>
  <c r="U131156" i="1"/>
  <c r="U131155" i="1"/>
  <c r="U131154" i="1"/>
  <c r="U131153" i="1"/>
  <c r="U131152" i="1"/>
  <c r="U131151" i="1"/>
  <c r="U131150" i="1"/>
  <c r="U131149" i="1"/>
  <c r="U131148" i="1"/>
  <c r="U131147" i="1"/>
  <c r="U131146" i="1"/>
  <c r="U131145" i="1"/>
  <c r="U131144" i="1"/>
  <c r="U131143" i="1"/>
  <c r="U131142" i="1"/>
  <c r="U131141" i="1"/>
  <c r="U131140" i="1"/>
  <c r="U131139" i="1"/>
  <c r="U131138" i="1"/>
  <c r="U131137" i="1"/>
  <c r="U131136" i="1"/>
  <c r="U131135" i="1"/>
  <c r="U131134" i="1"/>
  <c r="U131133" i="1"/>
  <c r="U131132" i="1"/>
  <c r="U131131" i="1"/>
  <c r="U131130" i="1"/>
  <c r="U131129" i="1"/>
  <c r="U131128" i="1"/>
  <c r="U131127" i="1"/>
  <c r="U131126" i="1"/>
  <c r="U131125" i="1"/>
  <c r="U131124" i="1"/>
  <c r="U131123" i="1"/>
  <c r="U131122" i="1"/>
  <c r="U131121" i="1"/>
  <c r="U131120" i="1"/>
  <c r="U131119" i="1"/>
  <c r="U131118" i="1"/>
  <c r="U131117" i="1"/>
  <c r="U131116" i="1"/>
  <c r="U131115" i="1"/>
  <c r="U131114" i="1"/>
  <c r="U131113" i="1"/>
  <c r="U131112" i="1"/>
  <c r="U131111" i="1"/>
  <c r="U131110" i="1"/>
  <c r="U131109" i="1"/>
  <c r="U131108" i="1"/>
  <c r="U131107" i="1"/>
  <c r="U131106" i="1"/>
  <c r="U131105" i="1"/>
  <c r="U131104" i="1"/>
  <c r="U131103" i="1"/>
  <c r="U131102" i="1"/>
  <c r="U131101" i="1"/>
  <c r="U131100" i="1"/>
  <c r="U131099" i="1"/>
  <c r="U131098" i="1"/>
  <c r="U131097" i="1"/>
  <c r="U131096" i="1"/>
  <c r="U131095" i="1"/>
  <c r="U131094" i="1"/>
  <c r="U131093" i="1"/>
  <c r="U131092" i="1"/>
  <c r="U131091" i="1"/>
  <c r="U131090" i="1"/>
  <c r="U131089" i="1"/>
  <c r="U131088" i="1"/>
  <c r="U131087" i="1"/>
  <c r="U131086" i="1"/>
  <c r="U131085" i="1"/>
  <c r="U131084" i="1"/>
  <c r="U131083" i="1"/>
  <c r="U131082" i="1"/>
  <c r="U131081" i="1"/>
  <c r="U131080" i="1"/>
  <c r="U131079" i="1"/>
  <c r="U131078" i="1"/>
  <c r="U131077" i="1"/>
  <c r="U131076" i="1"/>
  <c r="U131075" i="1"/>
  <c r="U131074" i="1"/>
  <c r="U131073" i="1"/>
  <c r="U131072" i="1"/>
  <c r="U131071" i="1"/>
  <c r="U131070" i="1"/>
  <c r="U131069" i="1"/>
  <c r="U131068" i="1"/>
  <c r="U131067" i="1"/>
  <c r="U131066" i="1"/>
  <c r="U131065" i="1"/>
  <c r="U131064" i="1"/>
  <c r="U131063" i="1"/>
  <c r="U131062" i="1"/>
  <c r="U131061" i="1"/>
  <c r="U131060" i="1"/>
  <c r="U131059" i="1"/>
  <c r="U131058" i="1"/>
  <c r="U131057" i="1"/>
  <c r="U131056" i="1"/>
  <c r="U131055" i="1"/>
  <c r="U131054" i="1"/>
  <c r="U131053" i="1"/>
  <c r="U131052" i="1"/>
  <c r="U131051" i="1"/>
  <c r="U131050" i="1"/>
  <c r="U131049" i="1"/>
  <c r="U131048" i="1"/>
  <c r="U131047" i="1"/>
  <c r="U131046" i="1"/>
  <c r="U131045" i="1"/>
  <c r="U131044" i="1"/>
  <c r="U131043" i="1"/>
  <c r="U131042" i="1"/>
  <c r="U131041" i="1"/>
  <c r="U131040" i="1"/>
  <c r="U131039" i="1"/>
  <c r="U131038" i="1"/>
  <c r="U131037" i="1"/>
  <c r="U131036" i="1"/>
  <c r="U131035" i="1"/>
  <c r="U131034" i="1"/>
  <c r="U131033" i="1"/>
  <c r="U131032" i="1"/>
  <c r="U131031" i="1"/>
  <c r="U131030" i="1"/>
  <c r="U131029" i="1"/>
  <c r="U131028" i="1"/>
  <c r="U131027" i="1"/>
  <c r="U131026" i="1"/>
  <c r="U131025" i="1"/>
  <c r="U131024" i="1"/>
  <c r="U131023" i="1"/>
  <c r="U131022" i="1"/>
  <c r="U131021" i="1"/>
  <c r="U131020" i="1"/>
  <c r="U131019" i="1"/>
  <c r="U131018" i="1"/>
  <c r="U131017" i="1"/>
  <c r="U131016" i="1"/>
  <c r="U131015" i="1"/>
  <c r="U131014" i="1"/>
  <c r="U131013" i="1"/>
  <c r="U131012" i="1"/>
  <c r="U131011" i="1"/>
  <c r="U131010" i="1"/>
  <c r="U131009" i="1"/>
  <c r="U131008" i="1"/>
  <c r="U131007" i="1"/>
  <c r="U131006" i="1"/>
  <c r="U131005" i="1"/>
  <c r="U131004" i="1"/>
  <c r="U131003" i="1"/>
  <c r="U131002" i="1"/>
  <c r="U131001" i="1"/>
  <c r="U131000" i="1"/>
  <c r="U130999" i="1"/>
  <c r="U130998" i="1"/>
  <c r="U130997" i="1"/>
  <c r="U130996" i="1"/>
  <c r="U130995" i="1"/>
  <c r="U130994" i="1"/>
  <c r="U130993" i="1"/>
  <c r="U130992" i="1"/>
  <c r="U130991" i="1"/>
  <c r="U130990" i="1"/>
  <c r="U130989" i="1"/>
  <c r="U130988" i="1"/>
  <c r="U130987" i="1"/>
  <c r="U130986" i="1"/>
  <c r="U130985" i="1"/>
  <c r="U130984" i="1"/>
  <c r="U130983" i="1"/>
  <c r="U130982" i="1"/>
  <c r="U130981" i="1"/>
  <c r="U130980" i="1"/>
  <c r="U130979" i="1"/>
  <c r="U130978" i="1"/>
  <c r="U130977" i="1"/>
  <c r="U130976" i="1"/>
  <c r="U130975" i="1"/>
  <c r="U130974" i="1"/>
  <c r="U130973" i="1"/>
  <c r="U130972" i="1"/>
  <c r="U130971" i="1"/>
  <c r="U130970" i="1"/>
  <c r="U130969" i="1"/>
  <c r="U130968" i="1"/>
  <c r="U130967" i="1"/>
  <c r="U130966" i="1"/>
  <c r="U130965" i="1"/>
  <c r="U130964" i="1"/>
  <c r="U130963" i="1"/>
  <c r="U130962" i="1"/>
  <c r="U130961" i="1"/>
  <c r="U130960" i="1"/>
  <c r="U130959" i="1"/>
  <c r="U130958" i="1"/>
  <c r="U130957" i="1"/>
  <c r="U130956" i="1"/>
  <c r="U130955" i="1"/>
  <c r="U130954" i="1"/>
  <c r="U130953" i="1"/>
  <c r="U130952" i="1"/>
  <c r="U130951" i="1"/>
  <c r="U130950" i="1"/>
  <c r="U130949" i="1"/>
  <c r="U130948" i="1"/>
  <c r="U130947" i="1"/>
  <c r="U130946" i="1"/>
  <c r="U130945" i="1"/>
  <c r="U130944" i="1"/>
  <c r="U130943" i="1"/>
  <c r="U130942" i="1"/>
  <c r="U130941" i="1"/>
  <c r="U130940" i="1"/>
  <c r="U130939" i="1"/>
  <c r="U130938" i="1"/>
  <c r="U130937" i="1"/>
  <c r="U130936" i="1"/>
  <c r="U130935" i="1"/>
  <c r="U130934" i="1"/>
  <c r="U130933" i="1"/>
  <c r="U130932" i="1"/>
  <c r="U130931" i="1"/>
  <c r="U130930" i="1"/>
  <c r="U130929" i="1"/>
  <c r="U130928" i="1"/>
  <c r="U130927" i="1"/>
  <c r="U130926" i="1"/>
  <c r="U130925" i="1"/>
  <c r="U130924" i="1"/>
  <c r="U130923" i="1"/>
  <c r="U130922" i="1"/>
  <c r="U130921" i="1"/>
  <c r="U130920" i="1"/>
  <c r="U130919" i="1"/>
  <c r="U130918" i="1"/>
  <c r="U130917" i="1"/>
  <c r="U130916" i="1"/>
  <c r="U130915" i="1"/>
  <c r="U130914" i="1"/>
  <c r="U130913" i="1"/>
  <c r="U130912" i="1"/>
  <c r="U130911" i="1"/>
  <c r="U130910" i="1"/>
  <c r="U130909" i="1"/>
  <c r="U130908" i="1"/>
  <c r="U130907" i="1"/>
  <c r="U130906" i="1"/>
  <c r="U130905" i="1"/>
  <c r="U130904" i="1"/>
  <c r="U130903" i="1"/>
  <c r="U130902" i="1"/>
  <c r="U130901" i="1"/>
  <c r="U130900" i="1"/>
  <c r="U130899" i="1"/>
  <c r="U130898" i="1"/>
  <c r="U130897" i="1"/>
  <c r="U130896" i="1"/>
  <c r="U130895" i="1"/>
  <c r="U130894" i="1"/>
  <c r="U130893" i="1"/>
  <c r="U130892" i="1"/>
  <c r="U130891" i="1"/>
  <c r="U130890" i="1"/>
  <c r="U130889" i="1"/>
  <c r="U130888" i="1"/>
  <c r="U130887" i="1"/>
  <c r="U130886" i="1"/>
  <c r="U130885" i="1"/>
  <c r="U130884" i="1"/>
  <c r="U130883" i="1"/>
  <c r="U130882" i="1"/>
  <c r="U130881" i="1"/>
  <c r="U130880" i="1"/>
  <c r="U130879" i="1"/>
  <c r="U130878" i="1"/>
  <c r="U130877" i="1"/>
  <c r="U130876" i="1"/>
  <c r="U130875" i="1"/>
  <c r="U130874" i="1"/>
  <c r="U130873" i="1"/>
  <c r="U130872" i="1"/>
  <c r="U130871" i="1"/>
  <c r="U130870" i="1"/>
  <c r="U130869" i="1"/>
  <c r="U130868" i="1"/>
  <c r="U130867" i="1"/>
  <c r="U130866" i="1"/>
  <c r="U130865" i="1"/>
  <c r="U130864" i="1"/>
  <c r="U130863" i="1"/>
  <c r="U130862" i="1"/>
  <c r="U130861" i="1"/>
  <c r="U130860" i="1"/>
  <c r="U130859" i="1"/>
  <c r="U130858" i="1"/>
  <c r="U130857" i="1"/>
  <c r="U130856" i="1"/>
  <c r="U130855" i="1"/>
  <c r="U130854" i="1"/>
  <c r="U130853" i="1"/>
  <c r="U130852" i="1"/>
  <c r="U130851" i="1"/>
  <c r="U130850" i="1"/>
  <c r="U130849" i="1"/>
  <c r="U130848" i="1"/>
  <c r="U130847" i="1"/>
  <c r="U130846" i="1"/>
  <c r="U130845" i="1"/>
  <c r="U130844" i="1"/>
  <c r="U130843" i="1"/>
  <c r="U130842" i="1"/>
  <c r="U130841" i="1"/>
  <c r="U130840" i="1"/>
  <c r="U130839" i="1"/>
  <c r="U130838" i="1"/>
  <c r="U130837" i="1"/>
  <c r="U130836" i="1"/>
  <c r="U130835" i="1"/>
  <c r="U130834" i="1"/>
  <c r="U130833" i="1"/>
  <c r="U130832" i="1"/>
  <c r="U130831" i="1"/>
  <c r="U130830" i="1"/>
  <c r="U130829" i="1"/>
  <c r="U130828" i="1"/>
  <c r="U130827" i="1"/>
  <c r="U130826" i="1"/>
  <c r="U130825" i="1"/>
  <c r="U130824" i="1"/>
  <c r="U130823" i="1"/>
  <c r="U130822" i="1"/>
  <c r="U130821" i="1"/>
  <c r="U130820" i="1"/>
  <c r="U130819" i="1"/>
  <c r="U130818" i="1"/>
  <c r="U130817" i="1"/>
  <c r="U130816" i="1"/>
  <c r="U130815" i="1"/>
  <c r="U130814" i="1"/>
  <c r="U130813" i="1"/>
  <c r="U130812" i="1"/>
  <c r="U130811" i="1"/>
  <c r="U130810" i="1"/>
  <c r="U130809" i="1"/>
  <c r="U130808" i="1"/>
  <c r="U130807" i="1"/>
  <c r="U130806" i="1"/>
  <c r="U130805" i="1"/>
  <c r="U130804" i="1"/>
  <c r="U130803" i="1"/>
  <c r="U130802" i="1"/>
  <c r="U130801" i="1"/>
  <c r="U130800" i="1"/>
  <c r="U130799" i="1"/>
  <c r="U130798" i="1"/>
  <c r="U130797" i="1"/>
  <c r="U130796" i="1"/>
  <c r="U130795" i="1"/>
  <c r="U130794" i="1"/>
  <c r="U130793" i="1"/>
  <c r="U130792" i="1"/>
  <c r="U130791" i="1"/>
  <c r="U130790" i="1"/>
  <c r="U130789" i="1"/>
  <c r="U130788" i="1"/>
  <c r="U130787" i="1"/>
  <c r="U130786" i="1"/>
  <c r="U130785" i="1"/>
  <c r="U130784" i="1"/>
  <c r="U130783" i="1"/>
  <c r="U130782" i="1"/>
  <c r="U130781" i="1"/>
  <c r="U130780" i="1"/>
  <c r="U130779" i="1"/>
  <c r="U130778" i="1"/>
  <c r="U130777" i="1"/>
  <c r="U130776" i="1"/>
  <c r="U130775" i="1"/>
  <c r="U130774" i="1"/>
  <c r="U130773" i="1"/>
  <c r="U130772" i="1"/>
  <c r="U130771" i="1"/>
  <c r="U130770" i="1"/>
  <c r="U130769" i="1"/>
  <c r="U130768" i="1"/>
  <c r="U130767" i="1"/>
  <c r="U130766" i="1"/>
  <c r="U130765" i="1"/>
  <c r="U130764" i="1"/>
  <c r="U130763" i="1"/>
  <c r="U130762" i="1"/>
  <c r="U130761" i="1"/>
  <c r="U130760" i="1"/>
  <c r="U130759" i="1"/>
  <c r="U130758" i="1"/>
  <c r="U130757" i="1"/>
  <c r="U130756" i="1"/>
  <c r="U130755" i="1"/>
  <c r="U130754" i="1"/>
  <c r="U130753" i="1"/>
  <c r="U130752" i="1"/>
  <c r="U130751" i="1"/>
  <c r="U130750" i="1"/>
  <c r="U130749" i="1"/>
  <c r="U130748" i="1"/>
  <c r="U130747" i="1"/>
  <c r="U130746" i="1"/>
  <c r="U130745" i="1"/>
  <c r="U130744" i="1"/>
  <c r="U130743" i="1"/>
  <c r="U130742" i="1"/>
  <c r="U130741" i="1"/>
  <c r="U130740" i="1"/>
  <c r="U130739" i="1"/>
  <c r="U130738" i="1"/>
  <c r="U130737" i="1"/>
  <c r="U130736" i="1"/>
  <c r="U130735" i="1"/>
  <c r="U130734" i="1"/>
  <c r="U130733" i="1"/>
  <c r="U130732" i="1"/>
  <c r="U130731" i="1"/>
  <c r="U130730" i="1"/>
  <c r="U130729" i="1"/>
  <c r="U130728" i="1"/>
  <c r="U130727" i="1"/>
  <c r="U130726" i="1"/>
  <c r="U130725" i="1"/>
  <c r="U130724" i="1"/>
  <c r="U130723" i="1"/>
  <c r="U130722" i="1"/>
  <c r="U130721" i="1"/>
  <c r="U130720" i="1"/>
  <c r="U130719" i="1"/>
  <c r="U130718" i="1"/>
  <c r="U130717" i="1"/>
  <c r="U130716" i="1"/>
  <c r="U130715" i="1"/>
  <c r="U130714" i="1"/>
  <c r="U130713" i="1"/>
  <c r="U130712" i="1"/>
  <c r="U130711" i="1"/>
  <c r="U130710" i="1"/>
  <c r="U130709" i="1"/>
  <c r="U130708" i="1"/>
  <c r="U130707" i="1"/>
  <c r="U130706" i="1"/>
  <c r="U130705" i="1"/>
  <c r="U130704" i="1"/>
  <c r="U130703" i="1"/>
  <c r="U130702" i="1"/>
  <c r="U130701" i="1"/>
  <c r="U130700" i="1"/>
  <c r="U130699" i="1"/>
  <c r="U130698" i="1"/>
  <c r="U130697" i="1"/>
  <c r="U130696" i="1"/>
  <c r="U130695" i="1"/>
  <c r="U130694" i="1"/>
  <c r="U130693" i="1"/>
  <c r="U130692" i="1"/>
  <c r="U130691" i="1"/>
  <c r="U130690" i="1"/>
  <c r="U130689" i="1"/>
  <c r="U130688" i="1"/>
  <c r="U130687" i="1"/>
  <c r="U130686" i="1"/>
  <c r="U130685" i="1"/>
  <c r="U130684" i="1"/>
  <c r="U130683" i="1"/>
  <c r="U130682" i="1"/>
  <c r="U130681" i="1"/>
  <c r="U130680" i="1"/>
  <c r="U130679" i="1"/>
  <c r="U130678" i="1"/>
  <c r="U130677" i="1"/>
  <c r="U130676" i="1"/>
  <c r="U130675" i="1"/>
  <c r="U130674" i="1"/>
  <c r="U130673" i="1"/>
  <c r="U130672" i="1"/>
  <c r="U130671" i="1"/>
  <c r="U130670" i="1"/>
  <c r="U130669" i="1"/>
  <c r="U130668" i="1"/>
  <c r="U130667" i="1"/>
  <c r="U130666" i="1"/>
  <c r="U130665" i="1"/>
  <c r="U130664" i="1"/>
  <c r="U130663" i="1"/>
  <c r="U130662" i="1"/>
  <c r="U130661" i="1"/>
  <c r="U130660" i="1"/>
  <c r="U130659" i="1"/>
  <c r="U130658" i="1"/>
  <c r="U130657" i="1"/>
  <c r="U130656" i="1"/>
  <c r="U130655" i="1"/>
  <c r="U130654" i="1"/>
  <c r="U130653" i="1"/>
  <c r="U130652" i="1"/>
  <c r="U130651" i="1"/>
  <c r="U130650" i="1"/>
  <c r="U130649" i="1"/>
  <c r="U130648" i="1"/>
  <c r="U130647" i="1"/>
  <c r="U130646" i="1"/>
  <c r="U130645" i="1"/>
  <c r="U130644" i="1"/>
  <c r="U130643" i="1"/>
  <c r="U130642" i="1"/>
  <c r="U130641" i="1"/>
  <c r="U130640" i="1"/>
  <c r="U130639" i="1"/>
  <c r="U130638" i="1"/>
  <c r="U130637" i="1"/>
  <c r="U130636" i="1"/>
  <c r="U130635" i="1"/>
  <c r="U130634" i="1"/>
  <c r="U130633" i="1"/>
  <c r="U130632" i="1"/>
  <c r="U130631" i="1"/>
  <c r="U130630" i="1"/>
  <c r="U130629" i="1"/>
  <c r="U130628" i="1"/>
  <c r="U130627" i="1"/>
  <c r="U130626" i="1"/>
  <c r="U130625" i="1"/>
  <c r="U130624" i="1"/>
  <c r="U130623" i="1"/>
  <c r="U130622" i="1"/>
  <c r="U130621" i="1"/>
  <c r="U130620" i="1"/>
  <c r="U130619" i="1"/>
  <c r="U130618" i="1"/>
  <c r="U130617" i="1"/>
  <c r="U130616" i="1"/>
  <c r="U130615" i="1"/>
  <c r="U130614" i="1"/>
  <c r="U130613" i="1"/>
  <c r="U130612" i="1"/>
  <c r="U130611" i="1"/>
  <c r="U130610" i="1"/>
  <c r="U130609" i="1"/>
  <c r="U130608" i="1"/>
  <c r="U130607" i="1"/>
  <c r="U130606" i="1"/>
  <c r="U130605" i="1"/>
  <c r="U130604" i="1"/>
  <c r="U130603" i="1"/>
  <c r="U130602" i="1"/>
  <c r="U130601" i="1"/>
  <c r="U130600" i="1"/>
  <c r="U130599" i="1"/>
  <c r="U130598" i="1"/>
  <c r="U130597" i="1"/>
  <c r="U130596" i="1"/>
  <c r="U130595" i="1"/>
  <c r="U130594" i="1"/>
  <c r="U130593" i="1"/>
  <c r="U130592" i="1"/>
  <c r="U130591" i="1"/>
  <c r="U130590" i="1"/>
  <c r="U130589" i="1"/>
  <c r="U130588" i="1"/>
  <c r="U130587" i="1"/>
  <c r="U130586" i="1"/>
  <c r="U130585" i="1"/>
  <c r="U130584" i="1"/>
  <c r="U130583" i="1"/>
  <c r="U130582" i="1"/>
  <c r="U130581" i="1"/>
  <c r="U130580" i="1"/>
  <c r="U130579" i="1"/>
  <c r="U130578" i="1"/>
  <c r="U130577" i="1"/>
  <c r="U130576" i="1"/>
  <c r="U130575" i="1"/>
  <c r="U130574" i="1"/>
  <c r="U130573" i="1"/>
  <c r="U130572" i="1"/>
  <c r="U130571" i="1"/>
  <c r="U130570" i="1"/>
  <c r="U130569" i="1"/>
  <c r="U130568" i="1"/>
  <c r="U130567" i="1"/>
  <c r="U130566" i="1"/>
  <c r="U130565" i="1"/>
  <c r="U130564" i="1"/>
  <c r="U130563" i="1"/>
  <c r="U130562" i="1"/>
  <c r="U130561" i="1"/>
  <c r="U130560" i="1"/>
  <c r="U130559" i="1"/>
  <c r="U130558" i="1"/>
  <c r="U130557" i="1"/>
  <c r="U130556" i="1"/>
  <c r="U130555" i="1"/>
  <c r="U130554" i="1"/>
  <c r="U130553" i="1"/>
  <c r="U130552" i="1"/>
  <c r="U130551" i="1"/>
  <c r="U130550" i="1"/>
  <c r="U130549" i="1"/>
  <c r="U130548" i="1"/>
  <c r="U130547" i="1"/>
  <c r="U130546" i="1"/>
  <c r="U130545" i="1"/>
  <c r="U130544" i="1"/>
  <c r="U130543" i="1"/>
  <c r="U130542" i="1"/>
  <c r="U130541" i="1"/>
  <c r="U130540" i="1"/>
  <c r="U130539" i="1"/>
  <c r="U130538" i="1"/>
  <c r="U130537" i="1"/>
  <c r="U130536" i="1"/>
  <c r="U130535" i="1"/>
  <c r="U130534" i="1"/>
  <c r="U130533" i="1"/>
  <c r="U130532" i="1"/>
  <c r="U130531" i="1"/>
  <c r="U130530" i="1"/>
  <c r="U130529" i="1"/>
  <c r="U130528" i="1"/>
  <c r="U130527" i="1"/>
  <c r="U130526" i="1"/>
  <c r="U130525" i="1"/>
  <c r="U130524" i="1"/>
  <c r="U130523" i="1"/>
  <c r="U130522" i="1"/>
  <c r="U130521" i="1"/>
  <c r="U130520" i="1"/>
  <c r="U130519" i="1"/>
  <c r="U130518" i="1"/>
  <c r="U130517" i="1"/>
  <c r="U130516" i="1"/>
  <c r="U130515" i="1"/>
  <c r="U130514" i="1"/>
  <c r="U130513" i="1"/>
  <c r="U130512" i="1"/>
  <c r="U130511" i="1"/>
  <c r="U130510" i="1"/>
  <c r="U130509" i="1"/>
  <c r="U130508" i="1"/>
  <c r="U130507" i="1"/>
  <c r="U130506" i="1"/>
  <c r="U130505" i="1"/>
  <c r="U130504" i="1"/>
  <c r="U130503" i="1"/>
  <c r="U130502" i="1"/>
  <c r="U130501" i="1"/>
  <c r="U130500" i="1"/>
  <c r="U130499" i="1"/>
  <c r="U130498" i="1"/>
  <c r="U130497" i="1"/>
  <c r="U130496" i="1"/>
  <c r="U130495" i="1"/>
  <c r="U130494" i="1"/>
  <c r="U130493" i="1"/>
  <c r="U130492" i="1"/>
  <c r="U130491" i="1"/>
  <c r="U130490" i="1"/>
  <c r="U130489" i="1"/>
  <c r="U130488" i="1"/>
  <c r="U130487" i="1"/>
  <c r="U130486" i="1"/>
  <c r="U130485" i="1"/>
  <c r="U130484" i="1"/>
  <c r="U130483" i="1"/>
  <c r="U130482" i="1"/>
  <c r="U130481" i="1"/>
  <c r="U130480" i="1"/>
  <c r="U130479" i="1"/>
  <c r="U130478" i="1"/>
  <c r="U130477" i="1"/>
  <c r="U130476" i="1"/>
  <c r="U130475" i="1"/>
  <c r="U130474" i="1"/>
  <c r="U130473" i="1"/>
  <c r="U130472" i="1"/>
  <c r="U130471" i="1"/>
  <c r="U130470" i="1"/>
  <c r="U130469" i="1"/>
  <c r="U130468" i="1"/>
  <c r="U130467" i="1"/>
  <c r="U130466" i="1"/>
  <c r="U130465" i="1"/>
  <c r="U130464" i="1"/>
  <c r="U130463" i="1"/>
  <c r="U130462" i="1"/>
  <c r="U130461" i="1"/>
  <c r="U130460" i="1"/>
  <c r="U130459" i="1"/>
  <c r="U130458" i="1"/>
  <c r="U130457" i="1"/>
  <c r="U130456" i="1"/>
  <c r="U130455" i="1"/>
  <c r="U130454" i="1"/>
  <c r="U130453" i="1"/>
  <c r="U130452" i="1"/>
  <c r="U130451" i="1"/>
  <c r="U130450" i="1"/>
  <c r="U130449" i="1"/>
  <c r="U130448" i="1"/>
  <c r="U130447" i="1"/>
  <c r="U130446" i="1"/>
  <c r="U130445" i="1"/>
  <c r="U130444" i="1"/>
  <c r="U130443" i="1"/>
  <c r="U130442" i="1"/>
  <c r="U130441" i="1"/>
  <c r="U130440" i="1"/>
  <c r="U130439" i="1"/>
  <c r="U130438" i="1"/>
  <c r="U130437" i="1"/>
  <c r="U130436" i="1"/>
  <c r="U130435" i="1"/>
  <c r="U130434" i="1"/>
  <c r="U130433" i="1"/>
  <c r="U130432" i="1"/>
  <c r="U130431" i="1"/>
  <c r="U130430" i="1"/>
  <c r="U130429" i="1"/>
  <c r="U130428" i="1"/>
  <c r="U130427" i="1"/>
  <c r="U130426" i="1"/>
  <c r="U130425" i="1"/>
  <c r="U130424" i="1"/>
  <c r="U130423" i="1"/>
  <c r="U130422" i="1"/>
  <c r="U130421" i="1"/>
  <c r="U130420" i="1"/>
  <c r="U130419" i="1"/>
  <c r="U130418" i="1"/>
  <c r="U130417" i="1"/>
  <c r="U130416" i="1"/>
  <c r="U130415" i="1"/>
  <c r="U130414" i="1"/>
  <c r="U130413" i="1"/>
  <c r="U130412" i="1"/>
  <c r="U130411" i="1"/>
  <c r="U130410" i="1"/>
  <c r="U130409" i="1"/>
  <c r="U130408" i="1"/>
  <c r="U130407" i="1"/>
  <c r="U130406" i="1"/>
  <c r="U130405" i="1"/>
  <c r="U130404" i="1"/>
  <c r="U130403" i="1"/>
  <c r="U130402" i="1"/>
  <c r="U130401" i="1"/>
  <c r="U130400" i="1"/>
  <c r="U130399" i="1"/>
  <c r="U130398" i="1"/>
  <c r="U130397" i="1"/>
  <c r="U130396" i="1"/>
  <c r="U130395" i="1"/>
  <c r="U130394" i="1"/>
  <c r="U130393" i="1"/>
  <c r="U130392" i="1"/>
  <c r="U130391" i="1"/>
  <c r="U130390" i="1"/>
  <c r="U130389" i="1"/>
  <c r="U130388" i="1"/>
  <c r="U130387" i="1"/>
  <c r="U130386" i="1"/>
  <c r="U130385" i="1"/>
  <c r="U130384" i="1"/>
  <c r="U130383" i="1"/>
  <c r="U130382" i="1"/>
  <c r="U130381" i="1"/>
  <c r="U130380" i="1"/>
  <c r="U130379" i="1"/>
  <c r="U130378" i="1"/>
  <c r="U130377" i="1"/>
  <c r="U130376" i="1"/>
  <c r="U130375" i="1"/>
  <c r="U130374" i="1"/>
  <c r="U130373" i="1"/>
  <c r="U130372" i="1"/>
  <c r="U130371" i="1"/>
  <c r="U130370" i="1"/>
  <c r="U130369" i="1"/>
  <c r="U130368" i="1"/>
  <c r="U130367" i="1"/>
  <c r="U130366" i="1"/>
  <c r="U130365" i="1"/>
  <c r="U130364" i="1"/>
  <c r="U130363" i="1"/>
  <c r="U130362" i="1"/>
  <c r="U130361" i="1"/>
  <c r="U130360" i="1"/>
  <c r="U130359" i="1"/>
  <c r="U130358" i="1"/>
  <c r="U130357" i="1"/>
  <c r="U130356" i="1"/>
  <c r="U130355" i="1"/>
  <c r="U130354" i="1"/>
  <c r="U130353" i="1"/>
  <c r="U130352" i="1"/>
  <c r="U130351" i="1"/>
  <c r="U130350" i="1"/>
  <c r="U130349" i="1"/>
  <c r="U130348" i="1"/>
  <c r="U130347" i="1"/>
  <c r="U130346" i="1"/>
  <c r="U130345" i="1"/>
  <c r="U130344" i="1"/>
  <c r="U130343" i="1"/>
  <c r="U130342" i="1"/>
  <c r="U130341" i="1"/>
  <c r="U130340" i="1"/>
  <c r="U130339" i="1"/>
  <c r="U130338" i="1"/>
  <c r="U130337" i="1"/>
  <c r="U130336" i="1"/>
  <c r="U130335" i="1"/>
  <c r="U130334" i="1"/>
  <c r="U130333" i="1"/>
  <c r="U130332" i="1"/>
  <c r="U130331" i="1"/>
  <c r="U130330" i="1"/>
  <c r="U130329" i="1"/>
  <c r="U130328" i="1"/>
  <c r="U130327" i="1"/>
  <c r="U130326" i="1"/>
  <c r="U130325" i="1"/>
  <c r="U130324" i="1"/>
  <c r="U130323" i="1"/>
  <c r="U130322" i="1"/>
  <c r="U130321" i="1"/>
  <c r="U130320" i="1"/>
  <c r="U130319" i="1"/>
  <c r="U130318" i="1"/>
  <c r="U130317" i="1"/>
  <c r="U130316" i="1"/>
  <c r="U130315" i="1"/>
  <c r="U130314" i="1"/>
  <c r="U130313" i="1"/>
  <c r="U130312" i="1"/>
  <c r="U130311" i="1"/>
  <c r="U130310" i="1"/>
  <c r="U130309" i="1"/>
  <c r="U130308" i="1"/>
  <c r="U130307" i="1"/>
  <c r="U130306" i="1"/>
  <c r="U130305" i="1"/>
  <c r="U130304" i="1"/>
  <c r="U130303" i="1"/>
  <c r="U130302" i="1"/>
  <c r="U130301" i="1"/>
  <c r="U130300" i="1"/>
  <c r="U130299" i="1"/>
  <c r="U130298" i="1"/>
  <c r="U130297" i="1"/>
  <c r="U130296" i="1"/>
  <c r="U130295" i="1"/>
  <c r="U130294" i="1"/>
  <c r="U130293" i="1"/>
  <c r="U130292" i="1"/>
  <c r="U130291" i="1"/>
  <c r="U130290" i="1"/>
  <c r="U130289" i="1"/>
  <c r="U130288" i="1"/>
  <c r="U130287" i="1"/>
  <c r="U130286" i="1"/>
  <c r="U130285" i="1"/>
  <c r="U130284" i="1"/>
  <c r="U130283" i="1"/>
  <c r="U130282" i="1"/>
  <c r="U130281" i="1"/>
  <c r="U130280" i="1"/>
  <c r="U130279" i="1"/>
  <c r="U130278" i="1"/>
  <c r="U130277" i="1"/>
  <c r="U130276" i="1"/>
  <c r="U130275" i="1"/>
  <c r="U130274" i="1"/>
  <c r="U130273" i="1"/>
  <c r="U130272" i="1"/>
  <c r="U130271" i="1"/>
  <c r="U130270" i="1"/>
  <c r="U130269" i="1"/>
  <c r="U130268" i="1"/>
  <c r="U130267" i="1"/>
  <c r="U130266" i="1"/>
  <c r="U130265" i="1"/>
  <c r="U130264" i="1"/>
  <c r="U130263" i="1"/>
  <c r="U130262" i="1"/>
  <c r="U130261" i="1"/>
  <c r="U130260" i="1"/>
  <c r="U130259" i="1"/>
  <c r="U130258" i="1"/>
  <c r="U130257" i="1"/>
  <c r="U130256" i="1"/>
  <c r="U130255" i="1"/>
  <c r="U130254" i="1"/>
  <c r="U130253" i="1"/>
  <c r="U130252" i="1"/>
  <c r="U130251" i="1"/>
  <c r="U130250" i="1"/>
  <c r="U130249" i="1"/>
  <c r="U130248" i="1"/>
  <c r="U130247" i="1"/>
  <c r="U130246" i="1"/>
  <c r="U130245" i="1"/>
  <c r="U130244" i="1"/>
  <c r="U130243" i="1"/>
  <c r="U130242" i="1"/>
  <c r="U130241" i="1"/>
  <c r="U130240" i="1"/>
  <c r="U130239" i="1"/>
  <c r="U130238" i="1"/>
  <c r="U130237" i="1"/>
  <c r="U130236" i="1"/>
  <c r="U130235" i="1"/>
  <c r="U130234" i="1"/>
  <c r="U130233" i="1"/>
  <c r="U130232" i="1"/>
  <c r="U130231" i="1"/>
  <c r="U130230" i="1"/>
  <c r="U130229" i="1"/>
  <c r="U130228" i="1"/>
  <c r="U130227" i="1"/>
  <c r="U130226" i="1"/>
  <c r="U130225" i="1"/>
  <c r="U130224" i="1"/>
  <c r="U130223" i="1"/>
  <c r="U130222" i="1"/>
  <c r="U130221" i="1"/>
  <c r="U130220" i="1"/>
  <c r="U130219" i="1"/>
  <c r="U130218" i="1"/>
  <c r="U130217" i="1"/>
  <c r="U130216" i="1"/>
  <c r="U130215" i="1"/>
  <c r="U130214" i="1"/>
  <c r="U130213" i="1"/>
  <c r="U130212" i="1"/>
  <c r="U130211" i="1"/>
  <c r="U130210" i="1"/>
  <c r="U130209" i="1"/>
  <c r="U130208" i="1"/>
  <c r="U130207" i="1"/>
  <c r="U130206" i="1"/>
  <c r="U130205" i="1"/>
  <c r="U130204" i="1"/>
  <c r="U130203" i="1"/>
  <c r="U130202" i="1"/>
  <c r="U130201" i="1"/>
  <c r="U130200" i="1"/>
  <c r="U130199" i="1"/>
  <c r="U130198" i="1"/>
  <c r="U130197" i="1"/>
  <c r="U130196" i="1"/>
  <c r="U130195" i="1"/>
  <c r="U130194" i="1"/>
  <c r="U130193" i="1"/>
  <c r="U130192" i="1"/>
  <c r="U130191" i="1"/>
  <c r="U130190" i="1"/>
  <c r="U130189" i="1"/>
  <c r="U130188" i="1"/>
  <c r="U130187" i="1"/>
  <c r="U130186" i="1"/>
  <c r="U130185" i="1"/>
  <c r="U130184" i="1"/>
  <c r="U130183" i="1"/>
  <c r="U130182" i="1"/>
  <c r="U130181" i="1"/>
  <c r="U130180" i="1"/>
  <c r="U130179" i="1"/>
  <c r="U130178" i="1"/>
  <c r="U130177" i="1"/>
  <c r="U130176" i="1"/>
  <c r="U130175" i="1"/>
  <c r="U130174" i="1"/>
  <c r="U130173" i="1"/>
  <c r="U130172" i="1"/>
  <c r="U130171" i="1"/>
  <c r="U130170" i="1"/>
  <c r="U130169" i="1"/>
  <c r="U130168" i="1"/>
  <c r="U130167" i="1"/>
  <c r="U130166" i="1"/>
  <c r="U130165" i="1"/>
  <c r="U130164" i="1"/>
  <c r="U130163" i="1"/>
  <c r="U130162" i="1"/>
  <c r="U130161" i="1"/>
  <c r="U130160" i="1"/>
  <c r="U130159" i="1"/>
  <c r="U130158" i="1"/>
  <c r="U130157" i="1"/>
  <c r="U130156" i="1"/>
  <c r="U130155" i="1"/>
  <c r="U130154" i="1"/>
  <c r="U130153" i="1"/>
  <c r="U130152" i="1"/>
  <c r="U130151" i="1"/>
  <c r="U130150" i="1"/>
  <c r="U130149" i="1"/>
  <c r="U130148" i="1"/>
  <c r="U130147" i="1"/>
  <c r="U130146" i="1"/>
  <c r="U130145" i="1"/>
  <c r="U130144" i="1"/>
  <c r="U130143" i="1"/>
  <c r="U130142" i="1"/>
  <c r="U130141" i="1"/>
  <c r="U130140" i="1"/>
  <c r="U130139" i="1"/>
  <c r="U130138" i="1"/>
  <c r="U130137" i="1"/>
  <c r="U130136" i="1"/>
  <c r="U130135" i="1"/>
  <c r="U130134" i="1"/>
  <c r="U130133" i="1"/>
  <c r="U130132" i="1"/>
  <c r="U130131" i="1"/>
  <c r="U130130" i="1"/>
  <c r="U130129" i="1"/>
  <c r="U130128" i="1"/>
  <c r="U130127" i="1"/>
  <c r="U130126" i="1"/>
  <c r="U130125" i="1"/>
  <c r="U130124" i="1"/>
  <c r="U130123" i="1"/>
  <c r="U130122" i="1"/>
  <c r="U130121" i="1"/>
  <c r="U130120" i="1"/>
  <c r="U130119" i="1"/>
  <c r="U130118" i="1"/>
  <c r="U130117" i="1"/>
  <c r="U130116" i="1"/>
  <c r="U130115" i="1"/>
  <c r="U130114" i="1"/>
  <c r="U130113" i="1"/>
  <c r="U130112" i="1"/>
  <c r="U130111" i="1"/>
  <c r="U130110" i="1"/>
  <c r="U130109" i="1"/>
  <c r="U130108" i="1"/>
  <c r="U130107" i="1"/>
  <c r="U130106" i="1"/>
  <c r="U130105" i="1"/>
  <c r="U130104" i="1"/>
  <c r="U130103" i="1"/>
  <c r="U130102" i="1"/>
  <c r="U130101" i="1"/>
  <c r="U130100" i="1"/>
  <c r="U130099" i="1"/>
  <c r="U130098" i="1"/>
  <c r="U130097" i="1"/>
  <c r="U130096" i="1"/>
  <c r="U130095" i="1"/>
  <c r="U130094" i="1"/>
  <c r="U130093" i="1"/>
  <c r="U130092" i="1"/>
  <c r="U130091" i="1"/>
  <c r="U130090" i="1"/>
  <c r="U130089" i="1"/>
  <c r="U130088" i="1"/>
  <c r="U130087" i="1"/>
  <c r="U130086" i="1"/>
  <c r="U130085" i="1"/>
  <c r="U130084" i="1"/>
  <c r="U130083" i="1"/>
  <c r="U130082" i="1"/>
  <c r="U130081" i="1"/>
  <c r="U130080" i="1"/>
  <c r="U130079" i="1"/>
  <c r="U130078" i="1"/>
  <c r="U130077" i="1"/>
  <c r="U130076" i="1"/>
  <c r="U130075" i="1"/>
  <c r="U130074" i="1"/>
  <c r="U130073" i="1"/>
  <c r="U130072" i="1"/>
  <c r="U130071" i="1"/>
  <c r="U130070" i="1"/>
  <c r="U130069" i="1"/>
  <c r="U130068" i="1"/>
  <c r="U130067" i="1"/>
  <c r="U130066" i="1"/>
  <c r="U130065" i="1"/>
  <c r="U130064" i="1"/>
  <c r="U130063" i="1"/>
  <c r="U130062" i="1"/>
  <c r="U130061" i="1"/>
  <c r="U130060" i="1"/>
  <c r="U130059" i="1"/>
  <c r="U130058" i="1"/>
  <c r="U130057" i="1"/>
  <c r="U130056" i="1"/>
  <c r="U130055" i="1"/>
  <c r="U130054" i="1"/>
  <c r="U130053" i="1"/>
  <c r="U130052" i="1"/>
  <c r="U130051" i="1"/>
  <c r="U130050" i="1"/>
  <c r="U130049" i="1"/>
  <c r="U130048" i="1"/>
  <c r="U130047" i="1"/>
  <c r="U130046" i="1"/>
  <c r="U130045" i="1"/>
  <c r="U130044" i="1"/>
  <c r="U130043" i="1"/>
  <c r="U130042" i="1"/>
  <c r="U130041" i="1"/>
  <c r="U130040" i="1"/>
  <c r="U130039" i="1"/>
  <c r="U130038" i="1"/>
  <c r="U130037" i="1"/>
  <c r="U130036" i="1"/>
  <c r="U130035" i="1"/>
  <c r="U130034" i="1"/>
  <c r="U130033" i="1"/>
  <c r="U130032" i="1"/>
  <c r="U130031" i="1"/>
  <c r="U130030" i="1"/>
  <c r="U130029" i="1"/>
  <c r="U130028" i="1"/>
  <c r="U130027" i="1"/>
  <c r="U130026" i="1"/>
  <c r="U130025" i="1"/>
  <c r="U130024" i="1"/>
  <c r="U130023" i="1"/>
  <c r="U130022" i="1"/>
  <c r="U130021" i="1"/>
  <c r="U130020" i="1"/>
  <c r="U130019" i="1"/>
  <c r="U130018" i="1"/>
  <c r="U130017" i="1"/>
  <c r="U130016" i="1"/>
  <c r="U130015" i="1"/>
  <c r="U130014" i="1"/>
  <c r="U130013" i="1"/>
  <c r="U130012" i="1"/>
  <c r="U130011" i="1"/>
  <c r="U130010" i="1"/>
  <c r="U130009" i="1"/>
  <c r="U130008" i="1"/>
  <c r="U130007" i="1"/>
  <c r="U130006" i="1"/>
  <c r="U130005" i="1"/>
  <c r="U130004" i="1"/>
  <c r="U130003" i="1"/>
  <c r="U130002" i="1"/>
  <c r="U130001" i="1"/>
  <c r="U130000" i="1"/>
  <c r="U129999" i="1"/>
  <c r="U129998" i="1"/>
  <c r="U129997" i="1"/>
  <c r="U129996" i="1"/>
  <c r="U129995" i="1"/>
  <c r="U129994" i="1"/>
  <c r="U129993" i="1"/>
  <c r="U129992" i="1"/>
  <c r="U129991" i="1"/>
  <c r="U129990" i="1"/>
  <c r="U129989" i="1"/>
  <c r="U129988" i="1"/>
  <c r="U129987" i="1"/>
  <c r="U129986" i="1"/>
  <c r="U129985" i="1"/>
  <c r="U129984" i="1"/>
  <c r="U129983" i="1"/>
  <c r="U129982" i="1"/>
  <c r="U129981" i="1"/>
  <c r="U129980" i="1"/>
  <c r="U129979" i="1"/>
  <c r="U129978" i="1"/>
  <c r="U129977" i="1"/>
  <c r="U129976" i="1"/>
  <c r="U129975" i="1"/>
  <c r="U129974" i="1"/>
  <c r="U129973" i="1"/>
  <c r="U129972" i="1"/>
  <c r="U129971" i="1"/>
  <c r="U129970" i="1"/>
  <c r="U129969" i="1"/>
  <c r="U129968" i="1"/>
  <c r="U129967" i="1"/>
  <c r="U129966" i="1"/>
  <c r="U129965" i="1"/>
  <c r="U129964" i="1"/>
  <c r="U129963" i="1"/>
  <c r="U129962" i="1"/>
  <c r="U129961" i="1"/>
  <c r="U129960" i="1"/>
  <c r="U129959" i="1"/>
  <c r="U129958" i="1"/>
  <c r="U129957" i="1"/>
  <c r="U129956" i="1"/>
  <c r="U129955" i="1"/>
  <c r="U129954" i="1"/>
  <c r="U129953" i="1"/>
  <c r="U129952" i="1"/>
  <c r="U129951" i="1"/>
  <c r="U129950" i="1"/>
  <c r="U129949" i="1"/>
  <c r="U129948" i="1"/>
  <c r="U129947" i="1"/>
  <c r="U129946" i="1"/>
  <c r="U129945" i="1"/>
  <c r="U129944" i="1"/>
  <c r="U129943" i="1"/>
  <c r="U129942" i="1"/>
  <c r="U129941" i="1"/>
  <c r="U129940" i="1"/>
  <c r="U129939" i="1"/>
  <c r="U129938" i="1"/>
  <c r="U129937" i="1"/>
  <c r="U129936" i="1"/>
  <c r="U129935" i="1"/>
  <c r="U129934" i="1"/>
  <c r="U129933" i="1"/>
  <c r="U129932" i="1"/>
  <c r="U129931" i="1"/>
  <c r="U129930" i="1"/>
  <c r="U129929" i="1"/>
  <c r="U129928" i="1"/>
  <c r="U129927" i="1"/>
  <c r="U129926" i="1"/>
  <c r="U129925" i="1"/>
  <c r="U129924" i="1"/>
  <c r="U129923" i="1"/>
  <c r="U129922" i="1"/>
  <c r="U129921" i="1"/>
  <c r="U129920" i="1"/>
  <c r="U129919" i="1"/>
  <c r="U129918" i="1"/>
  <c r="U129917" i="1"/>
  <c r="U129916" i="1"/>
  <c r="U129915" i="1"/>
  <c r="U129914" i="1"/>
  <c r="U129913" i="1"/>
  <c r="U129912" i="1"/>
  <c r="U129911" i="1"/>
  <c r="U129910" i="1"/>
  <c r="U129909" i="1"/>
  <c r="U129908" i="1"/>
  <c r="U129907" i="1"/>
  <c r="U129906" i="1"/>
  <c r="U129905" i="1"/>
  <c r="U129904" i="1"/>
  <c r="U129903" i="1"/>
  <c r="U129902" i="1"/>
  <c r="U129901" i="1"/>
  <c r="U129900" i="1"/>
  <c r="U129899" i="1"/>
  <c r="U129898" i="1"/>
  <c r="U129897" i="1"/>
  <c r="U129896" i="1"/>
  <c r="U129895" i="1"/>
  <c r="U129894" i="1"/>
  <c r="U129893" i="1"/>
  <c r="U129892" i="1"/>
  <c r="U129891" i="1"/>
  <c r="U129890" i="1"/>
  <c r="U129889" i="1"/>
  <c r="U129888" i="1"/>
  <c r="U129887" i="1"/>
  <c r="U129886" i="1"/>
  <c r="U129885" i="1"/>
  <c r="U129884" i="1"/>
  <c r="U129883" i="1"/>
  <c r="U129882" i="1"/>
  <c r="U129881" i="1"/>
  <c r="U129880" i="1"/>
  <c r="U129879" i="1"/>
  <c r="U129878" i="1"/>
  <c r="U129877" i="1"/>
  <c r="U129876" i="1"/>
  <c r="U129875" i="1"/>
  <c r="U129874" i="1"/>
  <c r="U129873" i="1"/>
  <c r="U129872" i="1"/>
  <c r="U129871" i="1"/>
  <c r="U129870" i="1"/>
  <c r="U129869" i="1"/>
  <c r="U129868" i="1"/>
  <c r="U129867" i="1"/>
  <c r="U129866" i="1"/>
  <c r="U129865" i="1"/>
  <c r="U129864" i="1"/>
  <c r="U129863" i="1"/>
  <c r="U129862" i="1"/>
  <c r="U129861" i="1"/>
  <c r="U129860" i="1"/>
  <c r="U129859" i="1"/>
  <c r="U129858" i="1"/>
  <c r="U129857" i="1"/>
  <c r="U129856" i="1"/>
  <c r="U129855" i="1"/>
  <c r="U129854" i="1"/>
  <c r="U129853" i="1"/>
  <c r="U129852" i="1"/>
  <c r="U129851" i="1"/>
  <c r="U129850" i="1"/>
  <c r="U129849" i="1"/>
  <c r="U129848" i="1"/>
  <c r="U129847" i="1"/>
  <c r="U129846" i="1"/>
  <c r="U129845" i="1"/>
  <c r="U129844" i="1"/>
  <c r="U129843" i="1"/>
  <c r="U129842" i="1"/>
  <c r="U129841" i="1"/>
  <c r="U129840" i="1"/>
  <c r="U129839" i="1"/>
  <c r="U129838" i="1"/>
  <c r="U129837" i="1"/>
  <c r="U129836" i="1"/>
  <c r="U129835" i="1"/>
  <c r="U129834" i="1"/>
  <c r="U129833" i="1"/>
  <c r="U129832" i="1"/>
  <c r="U129831" i="1"/>
  <c r="U129830" i="1"/>
  <c r="U129829" i="1"/>
  <c r="U129828" i="1"/>
  <c r="U129827" i="1"/>
  <c r="U129826" i="1"/>
  <c r="U129825" i="1"/>
  <c r="U129824" i="1"/>
  <c r="U129823" i="1"/>
  <c r="U129822" i="1"/>
  <c r="U129821" i="1"/>
  <c r="U129820" i="1"/>
  <c r="U129819" i="1"/>
  <c r="U129818" i="1"/>
  <c r="U129817" i="1"/>
  <c r="U129816" i="1"/>
  <c r="U129815" i="1"/>
  <c r="U129814" i="1"/>
  <c r="U129813" i="1"/>
  <c r="U129812" i="1"/>
  <c r="U129811" i="1"/>
  <c r="U129810" i="1"/>
  <c r="U129809" i="1"/>
  <c r="U129808" i="1"/>
  <c r="U129807" i="1"/>
  <c r="U129806" i="1"/>
  <c r="U129805" i="1"/>
  <c r="U129804" i="1"/>
  <c r="U129803" i="1"/>
  <c r="U129802" i="1"/>
  <c r="U129801" i="1"/>
  <c r="U129800" i="1"/>
  <c r="U129799" i="1"/>
  <c r="U129798" i="1"/>
  <c r="U129797" i="1"/>
  <c r="U129796" i="1"/>
  <c r="U129795" i="1"/>
  <c r="U129794" i="1"/>
  <c r="U129793" i="1"/>
  <c r="U129792" i="1"/>
  <c r="U129791" i="1"/>
  <c r="U129790" i="1"/>
  <c r="U129789" i="1"/>
  <c r="U129788" i="1"/>
  <c r="U129787" i="1"/>
  <c r="U129786" i="1"/>
  <c r="U129785" i="1"/>
  <c r="U129784" i="1"/>
  <c r="U129783" i="1"/>
  <c r="U129782" i="1"/>
  <c r="U129781" i="1"/>
  <c r="U129780" i="1"/>
  <c r="U129779" i="1"/>
  <c r="U129778" i="1"/>
  <c r="U129777" i="1"/>
  <c r="U129776" i="1"/>
  <c r="U129775" i="1"/>
  <c r="U129774" i="1"/>
  <c r="U129773" i="1"/>
  <c r="U129772" i="1"/>
  <c r="U129771" i="1"/>
  <c r="U129770" i="1"/>
  <c r="U129769" i="1"/>
  <c r="U129768" i="1"/>
  <c r="U129767" i="1"/>
  <c r="U129766" i="1"/>
  <c r="U129765" i="1"/>
  <c r="U129764" i="1"/>
  <c r="U129763" i="1"/>
  <c r="U129762" i="1"/>
  <c r="U129761" i="1"/>
  <c r="U129760" i="1"/>
  <c r="U129759" i="1"/>
  <c r="U129758" i="1"/>
  <c r="U129757" i="1"/>
  <c r="U129756" i="1"/>
  <c r="U129755" i="1"/>
  <c r="U129754" i="1"/>
  <c r="U129753" i="1"/>
  <c r="U129752" i="1"/>
  <c r="U129751" i="1"/>
  <c r="U129750" i="1"/>
  <c r="U129749" i="1"/>
  <c r="U129748" i="1"/>
  <c r="U129747" i="1"/>
  <c r="U129746" i="1"/>
  <c r="U129745" i="1"/>
  <c r="U129744" i="1"/>
  <c r="U129743" i="1"/>
  <c r="U129742" i="1"/>
  <c r="U129741" i="1"/>
  <c r="U129740" i="1"/>
  <c r="U129739" i="1"/>
  <c r="U129738" i="1"/>
  <c r="U129737" i="1"/>
  <c r="U129736" i="1"/>
  <c r="U129735" i="1"/>
  <c r="U129734" i="1"/>
  <c r="U129733" i="1"/>
  <c r="U129732" i="1"/>
  <c r="U129731" i="1"/>
  <c r="U129730" i="1"/>
  <c r="U129729" i="1"/>
  <c r="U129728" i="1"/>
  <c r="U129727" i="1"/>
  <c r="U129726" i="1"/>
  <c r="U129725" i="1"/>
  <c r="U129724" i="1"/>
  <c r="U129723" i="1"/>
  <c r="U129722" i="1"/>
  <c r="U129721" i="1"/>
  <c r="U129720" i="1"/>
  <c r="U129719" i="1"/>
  <c r="U129718" i="1"/>
  <c r="U129717" i="1"/>
  <c r="U129716" i="1"/>
  <c r="U129715" i="1"/>
  <c r="U129714" i="1"/>
  <c r="U129713" i="1"/>
  <c r="U129712" i="1"/>
  <c r="U129711" i="1"/>
  <c r="U129710" i="1"/>
  <c r="U129709" i="1"/>
  <c r="U129708" i="1"/>
  <c r="U129707" i="1"/>
  <c r="U129706" i="1"/>
  <c r="U129705" i="1"/>
  <c r="U129704" i="1"/>
  <c r="U129703" i="1"/>
  <c r="U129702" i="1"/>
  <c r="U129701" i="1"/>
  <c r="U129700" i="1"/>
  <c r="U129699" i="1"/>
  <c r="U129698" i="1"/>
  <c r="U129697" i="1"/>
  <c r="U129696" i="1"/>
  <c r="U129695" i="1"/>
  <c r="U129694" i="1"/>
  <c r="U129693" i="1"/>
  <c r="U129692" i="1"/>
  <c r="U129691" i="1"/>
  <c r="U129690" i="1"/>
  <c r="U129689" i="1"/>
  <c r="U129688" i="1"/>
  <c r="U129687" i="1"/>
  <c r="U129686" i="1"/>
  <c r="U129685" i="1"/>
  <c r="U129684" i="1"/>
  <c r="U129683" i="1"/>
  <c r="U129682" i="1"/>
  <c r="U129681" i="1"/>
  <c r="U129680" i="1"/>
  <c r="U129679" i="1"/>
  <c r="U129678" i="1"/>
  <c r="U129677" i="1"/>
  <c r="U129676" i="1"/>
  <c r="U129675" i="1"/>
  <c r="U129674" i="1"/>
  <c r="U129673" i="1"/>
  <c r="U129672" i="1"/>
  <c r="U129671" i="1"/>
  <c r="U129670" i="1"/>
  <c r="U129669" i="1"/>
  <c r="U129668" i="1"/>
  <c r="U129667" i="1"/>
  <c r="U129666" i="1"/>
  <c r="U129665" i="1"/>
  <c r="U129664" i="1"/>
  <c r="U129663" i="1"/>
  <c r="U129662" i="1"/>
  <c r="U129661" i="1"/>
  <c r="U129660" i="1"/>
  <c r="U129659" i="1"/>
  <c r="U129658" i="1"/>
  <c r="U129657" i="1"/>
  <c r="U129656" i="1"/>
  <c r="U129655" i="1"/>
  <c r="U129654" i="1"/>
  <c r="U129653" i="1"/>
  <c r="U129652" i="1"/>
  <c r="U129651" i="1"/>
  <c r="U129650" i="1"/>
  <c r="U129649" i="1"/>
  <c r="U129648" i="1"/>
  <c r="U129647" i="1"/>
  <c r="U129646" i="1"/>
  <c r="U129645" i="1"/>
  <c r="U129644" i="1"/>
  <c r="U129643" i="1"/>
  <c r="U129642" i="1"/>
  <c r="U129641" i="1"/>
  <c r="U129640" i="1"/>
  <c r="U129639" i="1"/>
  <c r="U129638" i="1"/>
  <c r="U129637" i="1"/>
  <c r="U129636" i="1"/>
  <c r="U129635" i="1"/>
  <c r="U129634" i="1"/>
  <c r="U129633" i="1"/>
  <c r="U129632" i="1"/>
  <c r="U129631" i="1"/>
  <c r="U129630" i="1"/>
  <c r="U129629" i="1"/>
  <c r="U129628" i="1"/>
  <c r="U129627" i="1"/>
  <c r="U129626" i="1"/>
  <c r="U129625" i="1"/>
  <c r="U129624" i="1"/>
  <c r="U129623" i="1"/>
  <c r="U129622" i="1"/>
  <c r="U129621" i="1"/>
  <c r="U129620" i="1"/>
  <c r="U129619" i="1"/>
  <c r="U129618" i="1"/>
  <c r="U129617" i="1"/>
  <c r="U129616" i="1"/>
  <c r="U129615" i="1"/>
  <c r="U129614" i="1"/>
  <c r="U129613" i="1"/>
  <c r="U129612" i="1"/>
  <c r="U129611" i="1"/>
  <c r="U129610" i="1"/>
  <c r="U129609" i="1"/>
  <c r="U129608" i="1"/>
  <c r="U129607" i="1"/>
  <c r="U129606" i="1"/>
  <c r="U129605" i="1"/>
  <c r="U129604" i="1"/>
  <c r="U129603" i="1"/>
  <c r="U129602" i="1"/>
  <c r="U129601" i="1"/>
  <c r="U129600" i="1"/>
  <c r="U129599" i="1"/>
  <c r="U129598" i="1"/>
  <c r="U129597" i="1"/>
  <c r="U129596" i="1"/>
  <c r="U129595" i="1"/>
  <c r="U129594" i="1"/>
  <c r="U129593" i="1"/>
  <c r="U129592" i="1"/>
  <c r="U129591" i="1"/>
  <c r="U129590" i="1"/>
  <c r="U129589" i="1"/>
  <c r="U129588" i="1"/>
  <c r="U129587" i="1"/>
  <c r="U129586" i="1"/>
  <c r="U129585" i="1"/>
  <c r="U129584" i="1"/>
  <c r="U129583" i="1"/>
  <c r="U129582" i="1"/>
  <c r="U129581" i="1"/>
  <c r="U129580" i="1"/>
  <c r="U129579" i="1"/>
  <c r="U129578" i="1"/>
  <c r="U129577" i="1"/>
  <c r="U129576" i="1"/>
  <c r="U129575" i="1"/>
  <c r="U129574" i="1"/>
  <c r="U129573" i="1"/>
  <c r="U129572" i="1"/>
  <c r="U129571" i="1"/>
  <c r="U129570" i="1"/>
  <c r="U129569" i="1"/>
  <c r="U129568" i="1"/>
  <c r="U129567" i="1"/>
  <c r="U129566" i="1"/>
  <c r="U129565" i="1"/>
  <c r="U129564" i="1"/>
  <c r="U129563" i="1"/>
  <c r="U129562" i="1"/>
  <c r="U129561" i="1"/>
  <c r="U129560" i="1"/>
  <c r="U129559" i="1"/>
  <c r="U129558" i="1"/>
  <c r="U129557" i="1"/>
  <c r="U129556" i="1"/>
  <c r="U129555" i="1"/>
  <c r="U129554" i="1"/>
  <c r="U129553" i="1"/>
  <c r="U129552" i="1"/>
  <c r="U129551" i="1"/>
  <c r="U129550" i="1"/>
  <c r="U129549" i="1"/>
  <c r="U129548" i="1"/>
  <c r="U129547" i="1"/>
  <c r="U129546" i="1"/>
  <c r="U129545" i="1"/>
  <c r="U129544" i="1"/>
  <c r="U129543" i="1"/>
  <c r="U129542" i="1"/>
  <c r="U129541" i="1"/>
  <c r="U129540" i="1"/>
  <c r="U129539" i="1"/>
  <c r="U129538" i="1"/>
  <c r="U129537" i="1"/>
  <c r="U129536" i="1"/>
  <c r="U129535" i="1"/>
  <c r="U129534" i="1"/>
  <c r="U129533" i="1"/>
  <c r="U129532" i="1"/>
  <c r="U129531" i="1"/>
  <c r="U129530" i="1"/>
  <c r="U129529" i="1"/>
  <c r="U129528" i="1"/>
  <c r="U129527" i="1"/>
  <c r="U129526" i="1"/>
  <c r="U129525" i="1"/>
  <c r="U129524" i="1"/>
  <c r="U129523" i="1"/>
  <c r="U129522" i="1"/>
  <c r="U129521" i="1"/>
  <c r="U129520" i="1"/>
  <c r="U129519" i="1"/>
  <c r="U129518" i="1"/>
  <c r="U129517" i="1"/>
  <c r="U129516" i="1"/>
  <c r="U129515" i="1"/>
  <c r="U129514" i="1"/>
  <c r="U129513" i="1"/>
  <c r="U129512" i="1"/>
  <c r="U129511" i="1"/>
  <c r="U129510" i="1"/>
  <c r="U129509" i="1"/>
  <c r="U129508" i="1"/>
  <c r="U129507" i="1"/>
  <c r="U129506" i="1"/>
  <c r="U129505" i="1"/>
  <c r="U129504" i="1"/>
  <c r="U129503" i="1"/>
  <c r="U129502" i="1"/>
  <c r="U129501" i="1"/>
  <c r="U129500" i="1"/>
  <c r="U129499" i="1"/>
  <c r="U129498" i="1"/>
  <c r="U129497" i="1"/>
  <c r="U129496" i="1"/>
  <c r="U129495" i="1"/>
  <c r="U129494" i="1"/>
  <c r="U129493" i="1"/>
  <c r="U129492" i="1"/>
  <c r="U129491" i="1"/>
  <c r="U129490" i="1"/>
  <c r="U129489" i="1"/>
  <c r="U129488" i="1"/>
  <c r="U129487" i="1"/>
  <c r="U129486" i="1"/>
  <c r="U129485" i="1"/>
  <c r="U129484" i="1"/>
  <c r="U129483" i="1"/>
  <c r="U129482" i="1"/>
  <c r="U129481" i="1"/>
  <c r="U129480" i="1"/>
  <c r="U129479" i="1"/>
  <c r="U129478" i="1"/>
  <c r="U129477" i="1"/>
  <c r="U129476" i="1"/>
  <c r="U129475" i="1"/>
  <c r="U129474" i="1"/>
  <c r="U129473" i="1"/>
  <c r="U129472" i="1"/>
  <c r="U129471" i="1"/>
  <c r="U129470" i="1"/>
  <c r="U129469" i="1"/>
  <c r="U129468" i="1"/>
  <c r="U129467" i="1"/>
  <c r="U129466" i="1"/>
  <c r="U129465" i="1"/>
  <c r="U129464" i="1"/>
  <c r="U129463" i="1"/>
  <c r="U129462" i="1"/>
  <c r="U129461" i="1"/>
  <c r="U129460" i="1"/>
  <c r="U129459" i="1"/>
  <c r="U129458" i="1"/>
  <c r="U129457" i="1"/>
  <c r="U129456" i="1"/>
  <c r="U129455" i="1"/>
  <c r="U129454" i="1"/>
  <c r="U129453" i="1"/>
  <c r="U129452" i="1"/>
  <c r="U129451" i="1"/>
  <c r="U129450" i="1"/>
  <c r="U129449" i="1"/>
  <c r="U129448" i="1"/>
  <c r="U129447" i="1"/>
  <c r="U129446" i="1"/>
  <c r="U129445" i="1"/>
  <c r="U129444" i="1"/>
  <c r="U129443" i="1"/>
  <c r="U129442" i="1"/>
  <c r="U129441" i="1"/>
  <c r="U129440" i="1"/>
  <c r="U129439" i="1"/>
  <c r="U129438" i="1"/>
  <c r="U129437" i="1"/>
  <c r="U129436" i="1"/>
  <c r="U129435" i="1"/>
  <c r="U129434" i="1"/>
  <c r="U129433" i="1"/>
  <c r="U129432" i="1"/>
  <c r="U129431" i="1"/>
  <c r="U129430" i="1"/>
  <c r="U129429" i="1"/>
  <c r="U129428" i="1"/>
  <c r="U129427" i="1"/>
  <c r="U129426" i="1"/>
  <c r="U129425" i="1"/>
  <c r="U129424" i="1"/>
  <c r="U129423" i="1"/>
  <c r="U129422" i="1"/>
  <c r="U129421" i="1"/>
  <c r="U129420" i="1"/>
  <c r="U129419" i="1"/>
  <c r="U129418" i="1"/>
  <c r="U129417" i="1"/>
  <c r="U129416" i="1"/>
  <c r="U129415" i="1"/>
  <c r="U129414" i="1"/>
  <c r="U129413" i="1"/>
  <c r="U129412" i="1"/>
  <c r="U129411" i="1"/>
  <c r="U129410" i="1"/>
  <c r="U129409" i="1"/>
  <c r="U129408" i="1"/>
  <c r="U129407" i="1"/>
  <c r="U129406" i="1"/>
  <c r="U129405" i="1"/>
  <c r="U129404" i="1"/>
  <c r="U129403" i="1"/>
  <c r="U129402" i="1"/>
  <c r="U129401" i="1"/>
  <c r="U129400" i="1"/>
  <c r="U129399" i="1"/>
  <c r="U129398" i="1"/>
  <c r="U129397" i="1"/>
  <c r="U129396" i="1"/>
  <c r="U129395" i="1"/>
  <c r="U129394" i="1"/>
  <c r="U129393" i="1"/>
  <c r="U129392" i="1"/>
  <c r="U129391" i="1"/>
  <c r="U129390" i="1"/>
  <c r="U129389" i="1"/>
  <c r="U129388" i="1"/>
  <c r="U129387" i="1"/>
  <c r="U129386" i="1"/>
  <c r="U129385" i="1"/>
  <c r="U129384" i="1"/>
  <c r="U129383" i="1"/>
  <c r="U129382" i="1"/>
  <c r="U129381" i="1"/>
  <c r="U129380" i="1"/>
  <c r="U129379" i="1"/>
  <c r="U129378" i="1"/>
  <c r="U129377" i="1"/>
  <c r="U129376" i="1"/>
  <c r="U129375" i="1"/>
  <c r="U129374" i="1"/>
  <c r="U129373" i="1"/>
  <c r="U129372" i="1"/>
  <c r="U129371" i="1"/>
  <c r="U129370" i="1"/>
  <c r="U129369" i="1"/>
  <c r="U129368" i="1"/>
  <c r="U129367" i="1"/>
  <c r="U129366" i="1"/>
  <c r="U129365" i="1"/>
  <c r="U129364" i="1"/>
  <c r="U129363" i="1"/>
  <c r="U129362" i="1"/>
  <c r="U129361" i="1"/>
  <c r="U129360" i="1"/>
  <c r="U129359" i="1"/>
  <c r="U129358" i="1"/>
  <c r="U129357" i="1"/>
  <c r="U129356" i="1"/>
  <c r="U129355" i="1"/>
  <c r="U129354" i="1"/>
  <c r="U129353" i="1"/>
  <c r="U129352" i="1"/>
  <c r="U129351" i="1"/>
  <c r="U129350" i="1"/>
  <c r="U129349" i="1"/>
  <c r="U129348" i="1"/>
  <c r="U129347" i="1"/>
  <c r="U129346" i="1"/>
  <c r="U129345" i="1"/>
  <c r="U129344" i="1"/>
  <c r="U129343" i="1"/>
  <c r="U129342" i="1"/>
  <c r="U129341" i="1"/>
  <c r="U129340" i="1"/>
  <c r="U129339" i="1"/>
  <c r="U129338" i="1"/>
  <c r="U129337" i="1"/>
  <c r="U129336" i="1"/>
  <c r="U129335" i="1"/>
  <c r="U129334" i="1"/>
  <c r="U129333" i="1"/>
  <c r="U129332" i="1"/>
  <c r="U129331" i="1"/>
  <c r="U129330" i="1"/>
  <c r="U129329" i="1"/>
  <c r="U129328" i="1"/>
  <c r="U129327" i="1"/>
  <c r="U129326" i="1"/>
  <c r="U129325" i="1"/>
  <c r="U129324" i="1"/>
  <c r="U129323" i="1"/>
  <c r="U129322" i="1"/>
  <c r="U129321" i="1"/>
  <c r="U129320" i="1"/>
  <c r="U129319" i="1"/>
  <c r="U129318" i="1"/>
  <c r="U129317" i="1"/>
  <c r="U129316" i="1"/>
  <c r="U129315" i="1"/>
  <c r="U129314" i="1"/>
  <c r="U129313" i="1"/>
  <c r="U129312" i="1"/>
  <c r="U129311" i="1"/>
  <c r="U129310" i="1"/>
  <c r="U129309" i="1"/>
  <c r="U129308" i="1"/>
  <c r="U129307" i="1"/>
  <c r="U129306" i="1"/>
  <c r="U129305" i="1"/>
  <c r="U129304" i="1"/>
  <c r="U129303" i="1"/>
  <c r="U129302" i="1"/>
  <c r="U129301" i="1"/>
  <c r="U129300" i="1"/>
  <c r="U129299" i="1"/>
  <c r="U129298" i="1"/>
  <c r="U129297" i="1"/>
  <c r="U129296" i="1"/>
  <c r="U129295" i="1"/>
  <c r="U129294" i="1"/>
  <c r="U129293" i="1"/>
  <c r="U129292" i="1"/>
  <c r="U129291" i="1"/>
  <c r="U129290" i="1"/>
  <c r="U129289" i="1"/>
  <c r="U129288" i="1"/>
  <c r="U129287" i="1"/>
  <c r="U129286" i="1"/>
  <c r="U129285" i="1"/>
  <c r="U129284" i="1"/>
  <c r="U129283" i="1"/>
  <c r="U129282" i="1"/>
  <c r="U129281" i="1"/>
  <c r="U129280" i="1"/>
  <c r="U129279" i="1"/>
  <c r="U129278" i="1"/>
  <c r="U129277" i="1"/>
  <c r="U129276" i="1"/>
  <c r="U129275" i="1"/>
  <c r="U129274" i="1"/>
  <c r="U129273" i="1"/>
  <c r="U129272" i="1"/>
  <c r="U129271" i="1"/>
  <c r="U129270" i="1"/>
  <c r="U129269" i="1"/>
  <c r="U129268" i="1"/>
  <c r="U129267" i="1"/>
  <c r="U129266" i="1"/>
  <c r="U129265" i="1"/>
  <c r="U129264" i="1"/>
  <c r="U129263" i="1"/>
  <c r="U129262" i="1"/>
  <c r="U129261" i="1"/>
  <c r="U129260" i="1"/>
  <c r="U129259" i="1"/>
  <c r="U129258" i="1"/>
  <c r="U129257" i="1"/>
  <c r="U129256" i="1"/>
  <c r="U129255" i="1"/>
  <c r="U129254" i="1"/>
  <c r="U129253" i="1"/>
  <c r="U129252" i="1"/>
  <c r="U129251" i="1"/>
  <c r="U129250" i="1"/>
  <c r="U129249" i="1"/>
  <c r="U129248" i="1"/>
  <c r="U129247" i="1"/>
  <c r="U129246" i="1"/>
  <c r="U129245" i="1"/>
  <c r="U129244" i="1"/>
  <c r="U129243" i="1"/>
  <c r="U129242" i="1"/>
  <c r="U129241" i="1"/>
  <c r="U129240" i="1"/>
  <c r="U129239" i="1"/>
  <c r="U129238" i="1"/>
  <c r="U129237" i="1"/>
  <c r="U129236" i="1"/>
  <c r="U129235" i="1"/>
  <c r="U129234" i="1"/>
  <c r="U129233" i="1"/>
  <c r="U129232" i="1"/>
  <c r="U129231" i="1"/>
  <c r="U129230" i="1"/>
  <c r="U129229" i="1"/>
  <c r="U129228" i="1"/>
  <c r="U129227" i="1"/>
  <c r="U129226" i="1"/>
  <c r="U129225" i="1"/>
  <c r="U129224" i="1"/>
  <c r="U129223" i="1"/>
  <c r="U129222" i="1"/>
  <c r="U129221" i="1"/>
  <c r="U129220" i="1"/>
  <c r="U129219" i="1"/>
  <c r="U129218" i="1"/>
  <c r="U129217" i="1"/>
  <c r="U129216" i="1"/>
  <c r="U129215" i="1"/>
  <c r="U129214" i="1"/>
  <c r="U129213" i="1"/>
  <c r="U129212" i="1"/>
  <c r="U129211" i="1"/>
  <c r="U129210" i="1"/>
  <c r="U129209" i="1"/>
  <c r="U129208" i="1"/>
  <c r="U129207" i="1"/>
  <c r="U129206" i="1"/>
  <c r="U129205" i="1"/>
  <c r="U129204" i="1"/>
  <c r="U129203" i="1"/>
  <c r="U129202" i="1"/>
  <c r="U129201" i="1"/>
  <c r="U129200" i="1"/>
  <c r="U129199" i="1"/>
  <c r="U129198" i="1"/>
  <c r="U129197" i="1"/>
  <c r="U129196" i="1"/>
  <c r="U129195" i="1"/>
  <c r="U129194" i="1"/>
  <c r="U129193" i="1"/>
  <c r="U129192" i="1"/>
  <c r="U129191" i="1"/>
  <c r="U129190" i="1"/>
  <c r="U129189" i="1"/>
  <c r="U129188" i="1"/>
  <c r="U129187" i="1"/>
  <c r="U129186" i="1"/>
  <c r="U129185" i="1"/>
  <c r="U129184" i="1"/>
  <c r="U129183" i="1"/>
  <c r="U129182" i="1"/>
  <c r="U129181" i="1"/>
  <c r="U129180" i="1"/>
  <c r="U129179" i="1"/>
  <c r="U129178" i="1"/>
  <c r="U129177" i="1"/>
  <c r="U129176" i="1"/>
  <c r="U129175" i="1"/>
  <c r="U129174" i="1"/>
  <c r="U129173" i="1"/>
  <c r="U129172" i="1"/>
  <c r="U129171" i="1"/>
  <c r="U129170" i="1"/>
  <c r="U129169" i="1"/>
  <c r="U129168" i="1"/>
  <c r="U129167" i="1"/>
  <c r="U129166" i="1"/>
  <c r="U129165" i="1"/>
  <c r="U129164" i="1"/>
  <c r="U129163" i="1"/>
  <c r="U129162" i="1"/>
  <c r="U129161" i="1"/>
  <c r="U129160" i="1"/>
  <c r="U129159" i="1"/>
  <c r="U129158" i="1"/>
  <c r="U129157" i="1"/>
  <c r="U129156" i="1"/>
  <c r="U129155" i="1"/>
  <c r="U129154" i="1"/>
  <c r="U129153" i="1"/>
  <c r="U129152" i="1"/>
  <c r="U129151" i="1"/>
  <c r="U129150" i="1"/>
  <c r="U129149" i="1"/>
  <c r="U129148" i="1"/>
  <c r="U129147" i="1"/>
  <c r="U129146" i="1"/>
  <c r="U129145" i="1"/>
  <c r="U129144" i="1"/>
  <c r="U129143" i="1"/>
  <c r="U129142" i="1"/>
  <c r="U129141" i="1"/>
  <c r="U129140" i="1"/>
  <c r="U129139" i="1"/>
  <c r="U129138" i="1"/>
  <c r="U129137" i="1"/>
  <c r="U129136" i="1"/>
  <c r="U129135" i="1"/>
  <c r="U129134" i="1"/>
  <c r="U129133" i="1"/>
  <c r="U129132" i="1"/>
  <c r="U129131" i="1"/>
  <c r="U129130" i="1"/>
  <c r="U129129" i="1"/>
  <c r="U129128" i="1"/>
  <c r="U129127" i="1"/>
  <c r="U129126" i="1"/>
  <c r="U129125" i="1"/>
  <c r="U129124" i="1"/>
  <c r="U129123" i="1"/>
  <c r="U129122" i="1"/>
  <c r="U129121" i="1"/>
  <c r="U129120" i="1"/>
  <c r="U129119" i="1"/>
  <c r="U129118" i="1"/>
  <c r="U129117" i="1"/>
  <c r="U129116" i="1"/>
  <c r="U129115" i="1"/>
  <c r="U129114" i="1"/>
  <c r="U129113" i="1"/>
  <c r="U129112" i="1"/>
  <c r="U129111" i="1"/>
  <c r="U129110" i="1"/>
  <c r="U129109" i="1"/>
  <c r="U129108" i="1"/>
  <c r="U129107" i="1"/>
  <c r="U129106" i="1"/>
  <c r="U129105" i="1"/>
  <c r="U129104" i="1"/>
  <c r="U129103" i="1"/>
  <c r="U129102" i="1"/>
  <c r="U129101" i="1"/>
  <c r="U129100" i="1"/>
  <c r="U129099" i="1"/>
  <c r="U129098" i="1"/>
  <c r="U129097" i="1"/>
  <c r="U129096" i="1"/>
  <c r="U129095" i="1"/>
  <c r="U129094" i="1"/>
  <c r="U129093" i="1"/>
  <c r="U129092" i="1"/>
  <c r="U129091" i="1"/>
  <c r="U129090" i="1"/>
  <c r="U129089" i="1"/>
  <c r="U129088" i="1"/>
  <c r="U129087" i="1"/>
  <c r="U129086" i="1"/>
  <c r="U129085" i="1"/>
  <c r="U129084" i="1"/>
  <c r="U129083" i="1"/>
  <c r="U129082" i="1"/>
  <c r="U129081" i="1"/>
  <c r="U129080" i="1"/>
  <c r="U129079" i="1"/>
  <c r="U129078" i="1"/>
  <c r="U129077" i="1"/>
  <c r="U129076" i="1"/>
  <c r="U129075" i="1"/>
  <c r="U129074" i="1"/>
  <c r="U129073" i="1"/>
  <c r="U129072" i="1"/>
  <c r="U129071" i="1"/>
  <c r="U129070" i="1"/>
  <c r="U129069" i="1"/>
  <c r="U129068" i="1"/>
  <c r="U129067" i="1"/>
  <c r="U129066" i="1"/>
  <c r="U129065" i="1"/>
  <c r="U129064" i="1"/>
  <c r="U129063" i="1"/>
  <c r="U129062" i="1"/>
  <c r="U129061" i="1"/>
  <c r="U129060" i="1"/>
  <c r="U129059" i="1"/>
  <c r="U129058" i="1"/>
  <c r="U129057" i="1"/>
  <c r="U129056" i="1"/>
  <c r="U129055" i="1"/>
  <c r="U129054" i="1"/>
  <c r="U129053" i="1"/>
  <c r="U129052" i="1"/>
  <c r="U129051" i="1"/>
  <c r="U129050" i="1"/>
  <c r="U129049" i="1"/>
  <c r="U129048" i="1"/>
  <c r="U129047" i="1"/>
  <c r="U129046" i="1"/>
  <c r="U129045" i="1"/>
  <c r="U129044" i="1"/>
  <c r="U129043" i="1"/>
  <c r="U129042" i="1"/>
  <c r="U129041" i="1"/>
  <c r="U129040" i="1"/>
  <c r="U129039" i="1"/>
  <c r="U129038" i="1"/>
  <c r="U129037" i="1"/>
  <c r="U129036" i="1"/>
  <c r="U129035" i="1"/>
  <c r="U129034" i="1"/>
  <c r="U129033" i="1"/>
  <c r="U129032" i="1"/>
  <c r="U129031" i="1"/>
  <c r="U129030" i="1"/>
  <c r="U129029" i="1"/>
  <c r="U129028" i="1"/>
  <c r="U129027" i="1"/>
  <c r="U129026" i="1"/>
  <c r="U129025" i="1"/>
  <c r="U129024" i="1"/>
  <c r="U129023" i="1"/>
  <c r="U129022" i="1"/>
  <c r="U129021" i="1"/>
  <c r="U129020" i="1"/>
  <c r="U129019" i="1"/>
  <c r="U129018" i="1"/>
  <c r="U129017" i="1"/>
  <c r="U129016" i="1"/>
  <c r="U129015" i="1"/>
  <c r="U129014" i="1"/>
  <c r="U129013" i="1"/>
  <c r="U129012" i="1"/>
  <c r="U129011" i="1"/>
  <c r="U129010" i="1"/>
  <c r="U129009" i="1"/>
  <c r="U129008" i="1"/>
  <c r="U129007" i="1"/>
  <c r="U129006" i="1"/>
  <c r="U129005" i="1"/>
  <c r="U129004" i="1"/>
  <c r="U129003" i="1"/>
  <c r="U129002" i="1"/>
  <c r="U129001" i="1"/>
  <c r="U129000" i="1"/>
  <c r="U128999" i="1"/>
  <c r="U128998" i="1"/>
  <c r="U128997" i="1"/>
  <c r="U128996" i="1"/>
  <c r="U128995" i="1"/>
  <c r="U128994" i="1"/>
  <c r="U128993" i="1"/>
  <c r="U128992" i="1"/>
  <c r="U128991" i="1"/>
  <c r="U128990" i="1"/>
  <c r="U128989" i="1"/>
  <c r="U128988" i="1"/>
  <c r="U128987" i="1"/>
  <c r="U128986" i="1"/>
  <c r="U128985" i="1"/>
  <c r="U128984" i="1"/>
  <c r="U128983" i="1"/>
  <c r="U128982" i="1"/>
  <c r="U128981" i="1"/>
  <c r="U128980" i="1"/>
  <c r="U128979" i="1"/>
  <c r="U128978" i="1"/>
  <c r="U128977" i="1"/>
  <c r="U128976" i="1"/>
  <c r="U128975" i="1"/>
  <c r="U128974" i="1"/>
  <c r="U128973" i="1"/>
  <c r="U128972" i="1"/>
  <c r="U128971" i="1"/>
  <c r="U128970" i="1"/>
  <c r="U128969" i="1"/>
  <c r="U128968" i="1"/>
  <c r="U128967" i="1"/>
  <c r="U128966" i="1"/>
  <c r="U128965" i="1"/>
  <c r="U128964" i="1"/>
  <c r="U128963" i="1"/>
  <c r="U128962" i="1"/>
  <c r="U128961" i="1"/>
  <c r="U128960" i="1"/>
  <c r="U128959" i="1"/>
  <c r="U128958" i="1"/>
  <c r="U128957" i="1"/>
  <c r="U128956" i="1"/>
  <c r="U128955" i="1"/>
  <c r="U128954" i="1"/>
  <c r="U128953" i="1"/>
  <c r="U128952" i="1"/>
  <c r="U128951" i="1"/>
  <c r="U128950" i="1"/>
  <c r="U128949" i="1"/>
  <c r="U128948" i="1"/>
  <c r="U128947" i="1"/>
  <c r="U128946" i="1"/>
  <c r="U128945" i="1"/>
  <c r="U128944" i="1"/>
  <c r="U128943" i="1"/>
  <c r="U128942" i="1"/>
  <c r="U128941" i="1"/>
  <c r="U128940" i="1"/>
  <c r="U128939" i="1"/>
  <c r="U128938" i="1"/>
  <c r="U128937" i="1"/>
  <c r="U128936" i="1"/>
  <c r="U128935" i="1"/>
  <c r="U128934" i="1"/>
  <c r="U128933" i="1"/>
  <c r="U128932" i="1"/>
  <c r="U128931" i="1"/>
  <c r="U128930" i="1"/>
  <c r="U128929" i="1"/>
  <c r="U128928" i="1"/>
  <c r="U128927" i="1"/>
  <c r="U128926" i="1"/>
  <c r="U128925" i="1"/>
  <c r="U128924" i="1"/>
  <c r="U128923" i="1"/>
  <c r="U128922" i="1"/>
  <c r="U128921" i="1"/>
  <c r="U128920" i="1"/>
  <c r="U128919" i="1"/>
  <c r="U128918" i="1"/>
  <c r="U128917" i="1"/>
  <c r="U128916" i="1"/>
  <c r="U128915" i="1"/>
  <c r="U128914" i="1"/>
  <c r="U128913" i="1"/>
  <c r="U128912" i="1"/>
  <c r="U128911" i="1"/>
  <c r="U128910" i="1"/>
  <c r="U128909" i="1"/>
  <c r="U128908" i="1"/>
  <c r="U128907" i="1"/>
  <c r="U128906" i="1"/>
  <c r="U128905" i="1"/>
  <c r="U128904" i="1"/>
  <c r="U128903" i="1"/>
  <c r="U128902" i="1"/>
  <c r="U128901" i="1"/>
  <c r="U128900" i="1"/>
  <c r="U128899" i="1"/>
  <c r="U128898" i="1"/>
  <c r="U128897" i="1"/>
  <c r="U128896" i="1"/>
  <c r="U128895" i="1"/>
  <c r="U128894" i="1"/>
  <c r="U128893" i="1"/>
  <c r="U128892" i="1"/>
  <c r="U128891" i="1"/>
  <c r="U128890" i="1"/>
  <c r="U128889" i="1"/>
  <c r="U128888" i="1"/>
  <c r="U128887" i="1"/>
  <c r="U128886" i="1"/>
  <c r="U128885" i="1"/>
  <c r="U128884" i="1"/>
  <c r="U128883" i="1"/>
  <c r="U128882" i="1"/>
  <c r="U128881" i="1"/>
  <c r="U128880" i="1"/>
  <c r="U128879" i="1"/>
  <c r="U128878" i="1"/>
  <c r="U128877" i="1"/>
  <c r="U128876" i="1"/>
  <c r="U128875" i="1"/>
  <c r="U128874" i="1"/>
  <c r="U128873" i="1"/>
  <c r="U128872" i="1"/>
  <c r="U128871" i="1"/>
  <c r="U128870" i="1"/>
  <c r="U128869" i="1"/>
  <c r="U128868" i="1"/>
  <c r="U128867" i="1"/>
  <c r="U128866" i="1"/>
  <c r="U128865" i="1"/>
  <c r="U128864" i="1"/>
  <c r="U128863" i="1"/>
  <c r="U128862" i="1"/>
  <c r="U128861" i="1"/>
  <c r="U128860" i="1"/>
  <c r="U128859" i="1"/>
  <c r="U128858" i="1"/>
  <c r="U128857" i="1"/>
  <c r="U128856" i="1"/>
  <c r="U128855" i="1"/>
  <c r="U128854" i="1"/>
  <c r="U128853" i="1"/>
  <c r="U128852" i="1"/>
  <c r="U128851" i="1"/>
  <c r="U128850" i="1"/>
  <c r="U128849" i="1"/>
  <c r="U128848" i="1"/>
  <c r="U128847" i="1"/>
  <c r="U128846" i="1"/>
  <c r="U128845" i="1"/>
  <c r="U128844" i="1"/>
  <c r="U128843" i="1"/>
  <c r="U128842" i="1"/>
  <c r="U128841" i="1"/>
  <c r="U128840" i="1"/>
  <c r="U128839" i="1"/>
  <c r="U128838" i="1"/>
  <c r="U128837" i="1"/>
  <c r="U128836" i="1"/>
  <c r="U128835" i="1"/>
  <c r="U128834" i="1"/>
  <c r="U128833" i="1"/>
  <c r="U128832" i="1"/>
  <c r="U128831" i="1"/>
  <c r="U128830" i="1"/>
  <c r="U128829" i="1"/>
  <c r="U128828" i="1"/>
  <c r="U128827" i="1"/>
  <c r="U128826" i="1"/>
  <c r="U128825" i="1"/>
  <c r="U128824" i="1"/>
  <c r="U128823" i="1"/>
  <c r="U128822" i="1"/>
  <c r="U128821" i="1"/>
  <c r="U128820" i="1"/>
  <c r="U128819" i="1"/>
  <c r="U128818" i="1"/>
  <c r="U128817" i="1"/>
  <c r="U128816" i="1"/>
  <c r="U128815" i="1"/>
  <c r="U128814" i="1"/>
  <c r="U128813" i="1"/>
  <c r="U128812" i="1"/>
  <c r="U128811" i="1"/>
  <c r="U128810" i="1"/>
  <c r="U128809" i="1"/>
  <c r="U128808" i="1"/>
  <c r="U128807" i="1"/>
  <c r="U128806" i="1"/>
  <c r="U128805" i="1"/>
  <c r="U128804" i="1"/>
  <c r="U128803" i="1"/>
  <c r="U128802" i="1"/>
  <c r="U128801" i="1"/>
  <c r="U128800" i="1"/>
  <c r="U128799" i="1"/>
  <c r="U128798" i="1"/>
  <c r="U128797" i="1"/>
  <c r="U128796" i="1"/>
  <c r="U128795" i="1"/>
  <c r="U128794" i="1"/>
  <c r="U128793" i="1"/>
  <c r="U128792" i="1"/>
  <c r="U128791" i="1"/>
  <c r="U128790" i="1"/>
  <c r="U128789" i="1"/>
  <c r="U128788" i="1"/>
  <c r="U128787" i="1"/>
  <c r="U128786" i="1"/>
  <c r="U128785" i="1"/>
  <c r="U128784" i="1"/>
  <c r="U128783" i="1"/>
  <c r="U128782" i="1"/>
  <c r="U128781" i="1"/>
  <c r="U128780" i="1"/>
  <c r="U128779" i="1"/>
  <c r="U128778" i="1"/>
  <c r="U128777" i="1"/>
  <c r="U128776" i="1"/>
  <c r="U128775" i="1"/>
  <c r="U128774" i="1"/>
  <c r="U128773" i="1"/>
  <c r="U128772" i="1"/>
  <c r="U128771" i="1"/>
  <c r="U128770" i="1"/>
  <c r="U128769" i="1"/>
  <c r="U128768" i="1"/>
  <c r="U128767" i="1"/>
  <c r="U128766" i="1"/>
  <c r="U128765" i="1"/>
  <c r="U128764" i="1"/>
  <c r="U128763" i="1"/>
  <c r="U128762" i="1"/>
  <c r="U128761" i="1"/>
  <c r="U128760" i="1"/>
  <c r="U128759" i="1"/>
  <c r="U128758" i="1"/>
  <c r="U128757" i="1"/>
  <c r="U128756" i="1"/>
  <c r="U128755" i="1"/>
  <c r="U128754" i="1"/>
  <c r="U128753" i="1"/>
  <c r="U128752" i="1"/>
  <c r="U128751" i="1"/>
  <c r="U128750" i="1"/>
  <c r="U128749" i="1"/>
  <c r="U128748" i="1"/>
  <c r="U128747" i="1"/>
  <c r="U128746" i="1"/>
  <c r="U128745" i="1"/>
  <c r="U128744" i="1"/>
  <c r="U128743" i="1"/>
  <c r="U128742" i="1"/>
  <c r="U128741" i="1"/>
  <c r="U128740" i="1"/>
  <c r="U128739" i="1"/>
  <c r="U128738" i="1"/>
  <c r="U128737" i="1"/>
  <c r="U128736" i="1"/>
  <c r="U128735" i="1"/>
  <c r="U128734" i="1"/>
  <c r="U128733" i="1"/>
  <c r="U128732" i="1"/>
  <c r="U128731" i="1"/>
  <c r="U128730" i="1"/>
  <c r="U128729" i="1"/>
  <c r="U128728" i="1"/>
  <c r="U128727" i="1"/>
  <c r="U128726" i="1"/>
  <c r="U128725" i="1"/>
  <c r="U128724" i="1"/>
  <c r="U128723" i="1"/>
  <c r="U128722" i="1"/>
  <c r="U128721" i="1"/>
  <c r="U128720" i="1"/>
  <c r="U128719" i="1"/>
  <c r="U128718" i="1"/>
  <c r="U128717" i="1"/>
  <c r="U128716" i="1"/>
  <c r="U128715" i="1"/>
  <c r="U128714" i="1"/>
  <c r="U128713" i="1"/>
  <c r="U128712" i="1"/>
  <c r="U128711" i="1"/>
  <c r="U128710" i="1"/>
  <c r="U128709" i="1"/>
  <c r="U128708" i="1"/>
  <c r="U128707" i="1"/>
  <c r="U128706" i="1"/>
  <c r="U128705" i="1"/>
  <c r="U128704" i="1"/>
  <c r="U128703" i="1"/>
  <c r="U128702" i="1"/>
  <c r="U128701" i="1"/>
  <c r="U128700" i="1"/>
  <c r="U128699" i="1"/>
  <c r="U128698" i="1"/>
  <c r="U128697" i="1"/>
  <c r="U128696" i="1"/>
  <c r="U128695" i="1"/>
  <c r="U128694" i="1"/>
  <c r="U128693" i="1"/>
  <c r="U128692" i="1"/>
  <c r="U128691" i="1"/>
  <c r="U128690" i="1"/>
  <c r="U128689" i="1"/>
  <c r="U128688" i="1"/>
  <c r="U128687" i="1"/>
  <c r="U128686" i="1"/>
  <c r="U128685" i="1"/>
  <c r="U128684" i="1"/>
  <c r="U128683" i="1"/>
  <c r="U128682" i="1"/>
  <c r="U128681" i="1"/>
  <c r="U128680" i="1"/>
  <c r="U128679" i="1"/>
  <c r="U128678" i="1"/>
  <c r="U128677" i="1"/>
  <c r="U128676" i="1"/>
  <c r="U128675" i="1"/>
  <c r="U128674" i="1"/>
  <c r="U128673" i="1"/>
  <c r="U128672" i="1"/>
  <c r="U128671" i="1"/>
  <c r="U128670" i="1"/>
  <c r="U128669" i="1"/>
  <c r="U128668" i="1"/>
  <c r="U128667" i="1"/>
  <c r="U128666" i="1"/>
  <c r="U128665" i="1"/>
  <c r="U128664" i="1"/>
  <c r="U128663" i="1"/>
  <c r="U128662" i="1"/>
  <c r="U128661" i="1"/>
  <c r="U128660" i="1"/>
  <c r="U128659" i="1"/>
  <c r="U128658" i="1"/>
  <c r="U128657" i="1"/>
  <c r="U128656" i="1"/>
  <c r="U128655" i="1"/>
  <c r="U128654" i="1"/>
  <c r="U128653" i="1"/>
  <c r="U128652" i="1"/>
  <c r="U128651" i="1"/>
  <c r="U128650" i="1"/>
  <c r="U128649" i="1"/>
  <c r="U128648" i="1"/>
  <c r="U128647" i="1"/>
  <c r="U128646" i="1"/>
  <c r="U128645" i="1"/>
  <c r="U128644" i="1"/>
  <c r="U128643" i="1"/>
  <c r="U128642" i="1"/>
  <c r="U128641" i="1"/>
  <c r="U128640" i="1"/>
  <c r="U128639" i="1"/>
  <c r="U128638" i="1"/>
  <c r="U128637" i="1"/>
  <c r="U128636" i="1"/>
  <c r="U128635" i="1"/>
  <c r="U128634" i="1"/>
  <c r="U128633" i="1"/>
  <c r="U128632" i="1"/>
  <c r="U128631" i="1"/>
  <c r="U128630" i="1"/>
  <c r="U128629" i="1"/>
  <c r="U128628" i="1"/>
  <c r="U128627" i="1"/>
  <c r="U128626" i="1"/>
  <c r="U128625" i="1"/>
  <c r="U128624" i="1"/>
  <c r="U128623" i="1"/>
  <c r="U128622" i="1"/>
  <c r="U128621" i="1"/>
  <c r="U128620" i="1"/>
  <c r="U128619" i="1"/>
  <c r="U128618" i="1"/>
  <c r="U128617" i="1"/>
  <c r="U128616" i="1"/>
  <c r="U128615" i="1"/>
  <c r="U128614" i="1"/>
  <c r="U128613" i="1"/>
  <c r="U128612" i="1"/>
  <c r="U128611" i="1"/>
  <c r="U128610" i="1"/>
  <c r="U128609" i="1"/>
  <c r="U128608" i="1"/>
  <c r="U128607" i="1"/>
  <c r="U128606" i="1"/>
  <c r="U128605" i="1"/>
  <c r="U128604" i="1"/>
  <c r="U128603" i="1"/>
  <c r="U128602" i="1"/>
  <c r="U128601" i="1"/>
  <c r="U128600" i="1"/>
  <c r="U128599" i="1"/>
  <c r="U128598" i="1"/>
  <c r="U128597" i="1"/>
  <c r="U128596" i="1"/>
  <c r="U128595" i="1"/>
  <c r="U128594" i="1"/>
  <c r="U128593" i="1"/>
  <c r="U128592" i="1"/>
  <c r="U128591" i="1"/>
  <c r="U128590" i="1"/>
  <c r="U128589" i="1"/>
  <c r="U128588" i="1"/>
  <c r="U128587" i="1"/>
  <c r="U128586" i="1"/>
  <c r="U128585" i="1"/>
  <c r="U128584" i="1"/>
  <c r="U128583" i="1"/>
  <c r="U128582" i="1"/>
  <c r="U128581" i="1"/>
  <c r="U128580" i="1"/>
  <c r="U128579" i="1"/>
  <c r="U128578" i="1"/>
  <c r="U128577" i="1"/>
  <c r="U128576" i="1"/>
  <c r="U128575" i="1"/>
  <c r="U128574" i="1"/>
  <c r="U128573" i="1"/>
  <c r="U128572" i="1"/>
  <c r="U128571" i="1"/>
  <c r="U128570" i="1"/>
  <c r="U128569" i="1"/>
  <c r="U128568" i="1"/>
  <c r="U128567" i="1"/>
  <c r="U128566" i="1"/>
  <c r="U128565" i="1"/>
  <c r="U128564" i="1"/>
  <c r="U128563" i="1"/>
  <c r="U128562" i="1"/>
  <c r="U128561" i="1"/>
  <c r="U128560" i="1"/>
  <c r="U128559" i="1"/>
  <c r="U128558" i="1"/>
  <c r="U128557" i="1"/>
  <c r="U128556" i="1"/>
  <c r="U128555" i="1"/>
  <c r="U128554" i="1"/>
  <c r="U128553" i="1"/>
  <c r="U128552" i="1"/>
  <c r="U128551" i="1"/>
  <c r="U128550" i="1"/>
  <c r="U128549" i="1"/>
  <c r="U128548" i="1"/>
  <c r="U128547" i="1"/>
  <c r="U128546" i="1"/>
  <c r="U128545" i="1"/>
  <c r="U128544" i="1"/>
  <c r="U128543" i="1"/>
  <c r="U128542" i="1"/>
  <c r="U128541" i="1"/>
  <c r="U128540" i="1"/>
  <c r="U128539" i="1"/>
  <c r="U128538" i="1"/>
  <c r="U128537" i="1"/>
  <c r="U128536" i="1"/>
  <c r="U128535" i="1"/>
  <c r="U128534" i="1"/>
  <c r="U128533" i="1"/>
  <c r="U128532" i="1"/>
  <c r="U128531" i="1"/>
  <c r="U128530" i="1"/>
  <c r="U128529" i="1"/>
  <c r="U128528" i="1"/>
  <c r="U128527" i="1"/>
  <c r="U128526" i="1"/>
  <c r="U128525" i="1"/>
  <c r="U128524" i="1"/>
  <c r="U128523" i="1"/>
  <c r="U128522" i="1"/>
  <c r="U128521" i="1"/>
  <c r="U128520" i="1"/>
  <c r="U128519" i="1"/>
  <c r="U128518" i="1"/>
  <c r="U128517" i="1"/>
  <c r="U128516" i="1"/>
  <c r="U128515" i="1"/>
  <c r="U128514" i="1"/>
  <c r="U128513" i="1"/>
  <c r="U128512" i="1"/>
  <c r="U128511" i="1"/>
  <c r="U128510" i="1"/>
  <c r="U128509" i="1"/>
  <c r="U128508" i="1"/>
  <c r="U128507" i="1"/>
  <c r="U128506" i="1"/>
  <c r="U128505" i="1"/>
  <c r="U128504" i="1"/>
  <c r="U128503" i="1"/>
  <c r="U128502" i="1"/>
  <c r="U128501" i="1"/>
  <c r="U128500" i="1"/>
  <c r="U128499" i="1"/>
  <c r="U128498" i="1"/>
  <c r="U128497" i="1"/>
  <c r="U128496" i="1"/>
  <c r="U128495" i="1"/>
  <c r="U128494" i="1"/>
  <c r="U128493" i="1"/>
  <c r="U128492" i="1"/>
  <c r="U128491" i="1"/>
  <c r="U128490" i="1"/>
  <c r="U128489" i="1"/>
  <c r="U128488" i="1"/>
  <c r="U128487" i="1"/>
  <c r="U128486" i="1"/>
  <c r="U128485" i="1"/>
  <c r="U128484" i="1"/>
  <c r="U128483" i="1"/>
  <c r="U128482" i="1"/>
  <c r="U128481" i="1"/>
  <c r="U128480" i="1"/>
  <c r="U128479" i="1"/>
  <c r="U128478" i="1"/>
  <c r="U128477" i="1"/>
  <c r="U128476" i="1"/>
  <c r="U128475" i="1"/>
  <c r="U128474" i="1"/>
  <c r="U128473" i="1"/>
  <c r="U128472" i="1"/>
  <c r="U128471" i="1"/>
  <c r="U128470" i="1"/>
  <c r="U128469" i="1"/>
  <c r="U128468" i="1"/>
  <c r="U128467" i="1"/>
  <c r="U128466" i="1"/>
  <c r="U128465" i="1"/>
  <c r="U128464" i="1"/>
  <c r="U128463" i="1"/>
  <c r="U128462" i="1"/>
  <c r="U128461" i="1"/>
  <c r="U128460" i="1"/>
  <c r="U128459" i="1"/>
  <c r="U128458" i="1"/>
  <c r="U128457" i="1"/>
  <c r="U128456" i="1"/>
  <c r="U128455" i="1"/>
  <c r="U128454" i="1"/>
  <c r="U128453" i="1"/>
  <c r="U128452" i="1"/>
  <c r="U128451" i="1"/>
  <c r="U128450" i="1"/>
  <c r="U128449" i="1"/>
  <c r="U128448" i="1"/>
  <c r="U128447" i="1"/>
  <c r="U128446" i="1"/>
  <c r="U128445" i="1"/>
  <c r="U128444" i="1"/>
  <c r="U128443" i="1"/>
  <c r="U128442" i="1"/>
  <c r="U128441" i="1"/>
  <c r="U128440" i="1"/>
  <c r="U128439" i="1"/>
  <c r="U128438" i="1"/>
  <c r="U128437" i="1"/>
  <c r="U128436" i="1"/>
  <c r="U128435" i="1"/>
  <c r="U128434" i="1"/>
  <c r="U128433" i="1"/>
  <c r="U128432" i="1"/>
  <c r="U128431" i="1"/>
  <c r="U128430" i="1"/>
  <c r="U128429" i="1"/>
  <c r="U128428" i="1"/>
  <c r="U128427" i="1"/>
  <c r="U128426" i="1"/>
  <c r="U128425" i="1"/>
  <c r="U128424" i="1"/>
  <c r="U128423" i="1"/>
  <c r="U128422" i="1"/>
  <c r="U128421" i="1"/>
  <c r="U128420" i="1"/>
  <c r="U128419" i="1"/>
  <c r="U128418" i="1"/>
  <c r="U128417" i="1"/>
  <c r="U128416" i="1"/>
  <c r="U128415" i="1"/>
  <c r="U128414" i="1"/>
  <c r="U128413" i="1"/>
  <c r="U128412" i="1"/>
  <c r="U128411" i="1"/>
  <c r="U128410" i="1"/>
  <c r="U128409" i="1"/>
  <c r="U128408" i="1"/>
  <c r="U128407" i="1"/>
  <c r="U128406" i="1"/>
  <c r="U128405" i="1"/>
  <c r="U128404" i="1"/>
  <c r="U128403" i="1"/>
  <c r="U128402" i="1"/>
  <c r="U128401" i="1"/>
  <c r="U128400" i="1"/>
  <c r="U128399" i="1"/>
  <c r="U128398" i="1"/>
  <c r="U128397" i="1"/>
  <c r="U128396" i="1"/>
  <c r="U128395" i="1"/>
  <c r="U128394" i="1"/>
  <c r="U128393" i="1"/>
  <c r="U128392" i="1"/>
  <c r="U128391" i="1"/>
  <c r="U128390" i="1"/>
  <c r="U128389" i="1"/>
  <c r="U128388" i="1"/>
  <c r="U128387" i="1"/>
  <c r="U128386" i="1"/>
  <c r="U128385" i="1"/>
  <c r="U128384" i="1"/>
  <c r="U128383" i="1"/>
  <c r="U128382" i="1"/>
  <c r="U128381" i="1"/>
  <c r="U128380" i="1"/>
  <c r="U128379" i="1"/>
  <c r="U128378" i="1"/>
  <c r="U128377" i="1"/>
  <c r="U128376" i="1"/>
  <c r="U128375" i="1"/>
  <c r="U128374" i="1"/>
  <c r="U128373" i="1"/>
  <c r="U128372" i="1"/>
  <c r="U128371" i="1"/>
  <c r="U128370" i="1"/>
  <c r="U128369" i="1"/>
  <c r="U128368" i="1"/>
  <c r="U128367" i="1"/>
  <c r="U128366" i="1"/>
  <c r="U128365" i="1"/>
  <c r="U128364" i="1"/>
  <c r="U128363" i="1"/>
  <c r="U128362" i="1"/>
  <c r="U128361" i="1"/>
  <c r="U128360" i="1"/>
  <c r="U128359" i="1"/>
  <c r="U128358" i="1"/>
  <c r="U128357" i="1"/>
  <c r="U128356" i="1"/>
  <c r="U128355" i="1"/>
  <c r="U128354" i="1"/>
  <c r="U128353" i="1"/>
  <c r="U128352" i="1"/>
  <c r="U128351" i="1"/>
  <c r="U128350" i="1"/>
  <c r="U128349" i="1"/>
  <c r="U128348" i="1"/>
  <c r="U128347" i="1"/>
  <c r="U128346" i="1"/>
  <c r="U128345" i="1"/>
  <c r="U128344" i="1"/>
  <c r="U128343" i="1"/>
  <c r="U128342" i="1"/>
  <c r="U128341" i="1"/>
  <c r="U128340" i="1"/>
  <c r="U128339" i="1"/>
  <c r="U128338" i="1"/>
  <c r="U128337" i="1"/>
  <c r="U128336" i="1"/>
  <c r="U128335" i="1"/>
  <c r="U128334" i="1"/>
  <c r="U128333" i="1"/>
  <c r="U128332" i="1"/>
  <c r="U128331" i="1"/>
  <c r="U128330" i="1"/>
  <c r="U128329" i="1"/>
  <c r="U128328" i="1"/>
  <c r="U128327" i="1"/>
  <c r="U128326" i="1"/>
  <c r="U128325" i="1"/>
  <c r="U128324" i="1"/>
  <c r="U128323" i="1"/>
  <c r="U128322" i="1"/>
  <c r="U128321" i="1"/>
  <c r="U128320" i="1"/>
  <c r="U128319" i="1"/>
  <c r="U128318" i="1"/>
  <c r="U128317" i="1"/>
  <c r="U128316" i="1"/>
  <c r="U128315" i="1"/>
  <c r="U128314" i="1"/>
  <c r="U128313" i="1"/>
  <c r="U128312" i="1"/>
  <c r="U128311" i="1"/>
  <c r="U128310" i="1"/>
  <c r="U128309" i="1"/>
  <c r="U128308" i="1"/>
  <c r="U128307" i="1"/>
  <c r="U128306" i="1"/>
  <c r="U128305" i="1"/>
  <c r="U128304" i="1"/>
  <c r="U128303" i="1"/>
  <c r="U128302" i="1"/>
  <c r="U128301" i="1"/>
  <c r="U128300" i="1"/>
  <c r="U128299" i="1"/>
  <c r="U128298" i="1"/>
  <c r="U128297" i="1"/>
  <c r="U128296" i="1"/>
  <c r="U128295" i="1"/>
  <c r="U128294" i="1"/>
  <c r="U128293" i="1"/>
  <c r="U128292" i="1"/>
  <c r="U128291" i="1"/>
  <c r="U128290" i="1"/>
  <c r="U128289" i="1"/>
  <c r="U128288" i="1"/>
  <c r="U128287" i="1"/>
  <c r="U128286" i="1"/>
  <c r="U128285" i="1"/>
  <c r="U128284" i="1"/>
  <c r="U128283" i="1"/>
  <c r="U128282" i="1"/>
  <c r="U128281" i="1"/>
  <c r="U128280" i="1"/>
  <c r="U128279" i="1"/>
  <c r="U128278" i="1"/>
  <c r="U128277" i="1"/>
  <c r="U128276" i="1"/>
  <c r="U128275" i="1"/>
  <c r="U128274" i="1"/>
  <c r="U128273" i="1"/>
  <c r="U128272" i="1"/>
  <c r="U128271" i="1"/>
  <c r="U128270" i="1"/>
  <c r="U128269" i="1"/>
  <c r="U128268" i="1"/>
  <c r="U128267" i="1"/>
  <c r="U128266" i="1"/>
  <c r="U128265" i="1"/>
  <c r="U128264" i="1"/>
  <c r="U128263" i="1"/>
  <c r="U128262" i="1"/>
  <c r="U128261" i="1"/>
  <c r="U128260" i="1"/>
  <c r="U128259" i="1"/>
  <c r="U128258" i="1"/>
  <c r="U128257" i="1"/>
  <c r="U128256" i="1"/>
  <c r="U128255" i="1"/>
  <c r="U128254" i="1"/>
  <c r="U128253" i="1"/>
  <c r="U128252" i="1"/>
  <c r="U128251" i="1"/>
  <c r="U128250" i="1"/>
  <c r="U128249" i="1"/>
  <c r="U128248" i="1"/>
  <c r="U128247" i="1"/>
  <c r="U128246" i="1"/>
  <c r="U128245" i="1"/>
  <c r="U128244" i="1"/>
  <c r="U128243" i="1"/>
  <c r="U128242" i="1"/>
  <c r="U128241" i="1"/>
  <c r="U128240" i="1"/>
  <c r="U128239" i="1"/>
  <c r="U128238" i="1"/>
  <c r="U128237" i="1"/>
  <c r="U128236" i="1"/>
  <c r="U128235" i="1"/>
  <c r="U128234" i="1"/>
  <c r="U128233" i="1"/>
  <c r="U128232" i="1"/>
  <c r="U128231" i="1"/>
  <c r="U128230" i="1"/>
  <c r="U128229" i="1"/>
  <c r="U128228" i="1"/>
  <c r="U128227" i="1"/>
  <c r="U128226" i="1"/>
  <c r="U128225" i="1"/>
  <c r="U128224" i="1"/>
  <c r="U128223" i="1"/>
  <c r="U128222" i="1"/>
  <c r="U128221" i="1"/>
  <c r="U128220" i="1"/>
  <c r="U128219" i="1"/>
  <c r="U128218" i="1"/>
  <c r="U128217" i="1"/>
  <c r="U128216" i="1"/>
  <c r="U128215" i="1"/>
  <c r="U128214" i="1"/>
  <c r="U128213" i="1"/>
  <c r="U128212" i="1"/>
  <c r="U128211" i="1"/>
  <c r="U128210" i="1"/>
  <c r="U128209" i="1"/>
  <c r="U128208" i="1"/>
  <c r="U128207" i="1"/>
  <c r="U128206" i="1"/>
  <c r="U128205" i="1"/>
  <c r="U128204" i="1"/>
  <c r="U128203" i="1"/>
  <c r="U128202" i="1"/>
  <c r="U128201" i="1"/>
  <c r="U128200" i="1"/>
  <c r="U128199" i="1"/>
  <c r="U128198" i="1"/>
  <c r="U128197" i="1"/>
  <c r="U128196" i="1"/>
  <c r="U128195" i="1"/>
  <c r="U128194" i="1"/>
  <c r="U128193" i="1"/>
  <c r="U128192" i="1"/>
  <c r="U128191" i="1"/>
  <c r="U128190" i="1"/>
  <c r="U128189" i="1"/>
  <c r="U128188" i="1"/>
  <c r="U128187" i="1"/>
  <c r="U128186" i="1"/>
  <c r="U128185" i="1"/>
  <c r="U128184" i="1"/>
  <c r="U128183" i="1"/>
  <c r="U128182" i="1"/>
  <c r="U128181" i="1"/>
  <c r="U128180" i="1"/>
  <c r="U128179" i="1"/>
  <c r="U128178" i="1"/>
  <c r="U128177" i="1"/>
  <c r="U128176" i="1"/>
  <c r="U128175" i="1"/>
  <c r="U128174" i="1"/>
  <c r="U128173" i="1"/>
  <c r="U128172" i="1"/>
  <c r="U128171" i="1"/>
  <c r="U128170" i="1"/>
  <c r="U128169" i="1"/>
  <c r="U128168" i="1"/>
  <c r="U128167" i="1"/>
  <c r="U128166" i="1"/>
  <c r="U128165" i="1"/>
  <c r="U128164" i="1"/>
  <c r="U128163" i="1"/>
  <c r="U128162" i="1"/>
  <c r="U128161" i="1"/>
  <c r="U128160" i="1"/>
  <c r="U128159" i="1"/>
  <c r="U128158" i="1"/>
  <c r="U128157" i="1"/>
  <c r="U128156" i="1"/>
  <c r="U128155" i="1"/>
  <c r="U128154" i="1"/>
  <c r="U128153" i="1"/>
  <c r="U128152" i="1"/>
  <c r="U128151" i="1"/>
  <c r="U128150" i="1"/>
  <c r="U128149" i="1"/>
  <c r="U128148" i="1"/>
  <c r="U128147" i="1"/>
  <c r="U128146" i="1"/>
  <c r="U128145" i="1"/>
  <c r="U128144" i="1"/>
  <c r="U128143" i="1"/>
  <c r="U128142" i="1"/>
  <c r="U128141" i="1"/>
  <c r="U128140" i="1"/>
  <c r="U128139" i="1"/>
  <c r="U128138" i="1"/>
  <c r="U128137" i="1"/>
  <c r="U128136" i="1"/>
  <c r="U128135" i="1"/>
  <c r="U128134" i="1"/>
  <c r="U128133" i="1"/>
  <c r="U128132" i="1"/>
  <c r="U128131" i="1"/>
  <c r="U128130" i="1"/>
  <c r="U128129" i="1"/>
  <c r="U128128" i="1"/>
  <c r="U128127" i="1"/>
  <c r="U128126" i="1"/>
  <c r="U128125" i="1"/>
  <c r="U128124" i="1"/>
  <c r="U128123" i="1"/>
  <c r="U128122" i="1"/>
  <c r="U128121" i="1"/>
  <c r="U128120" i="1"/>
  <c r="U128119" i="1"/>
  <c r="U128118" i="1"/>
  <c r="U128117" i="1"/>
  <c r="U128116" i="1"/>
  <c r="U128115" i="1"/>
  <c r="U128114" i="1"/>
  <c r="U128113" i="1"/>
  <c r="U128112" i="1"/>
  <c r="U128111" i="1"/>
  <c r="U128110" i="1"/>
  <c r="U128109" i="1"/>
  <c r="U128108" i="1"/>
  <c r="U128107" i="1"/>
  <c r="U128106" i="1"/>
  <c r="U128105" i="1"/>
  <c r="U128104" i="1"/>
  <c r="U128103" i="1"/>
  <c r="U128102" i="1"/>
  <c r="U128101" i="1"/>
  <c r="U128100" i="1"/>
  <c r="U128099" i="1"/>
  <c r="U128098" i="1"/>
  <c r="U128097" i="1"/>
  <c r="U128096" i="1"/>
  <c r="U128095" i="1"/>
  <c r="U128094" i="1"/>
  <c r="U128093" i="1"/>
  <c r="U128092" i="1"/>
  <c r="U128091" i="1"/>
  <c r="U128090" i="1"/>
  <c r="U128089" i="1"/>
  <c r="U128088" i="1"/>
  <c r="U128087" i="1"/>
  <c r="U128086" i="1"/>
  <c r="U128085" i="1"/>
  <c r="U128084" i="1"/>
  <c r="U128083" i="1"/>
  <c r="U128082" i="1"/>
  <c r="U128081" i="1"/>
  <c r="U128080" i="1"/>
  <c r="U128079" i="1"/>
  <c r="U128078" i="1"/>
  <c r="U128077" i="1"/>
  <c r="U128076" i="1"/>
  <c r="U128075" i="1"/>
  <c r="U128074" i="1"/>
  <c r="U128073" i="1"/>
  <c r="U128072" i="1"/>
  <c r="U128071" i="1"/>
  <c r="U128070" i="1"/>
  <c r="U128069" i="1"/>
  <c r="U128068" i="1"/>
  <c r="U128067" i="1"/>
  <c r="U128066" i="1"/>
  <c r="U128065" i="1"/>
  <c r="U128064" i="1"/>
  <c r="U128063" i="1"/>
  <c r="U128062" i="1"/>
  <c r="U128061" i="1"/>
  <c r="U128060" i="1"/>
  <c r="U128059" i="1"/>
  <c r="U128058" i="1"/>
  <c r="U128057" i="1"/>
  <c r="U128056" i="1"/>
  <c r="U128055" i="1"/>
  <c r="U128054" i="1"/>
  <c r="U128053" i="1"/>
  <c r="U128052" i="1"/>
  <c r="U128051" i="1"/>
  <c r="U128050" i="1"/>
  <c r="U128049" i="1"/>
  <c r="U128048" i="1"/>
  <c r="U128047" i="1"/>
  <c r="U128046" i="1"/>
  <c r="U128045" i="1"/>
  <c r="U128044" i="1"/>
  <c r="U128043" i="1"/>
  <c r="U128042" i="1"/>
  <c r="U128041" i="1"/>
  <c r="U128040" i="1"/>
  <c r="U128039" i="1"/>
  <c r="U128038" i="1"/>
  <c r="U128037" i="1"/>
  <c r="U128036" i="1"/>
  <c r="U128035" i="1"/>
  <c r="U128034" i="1"/>
  <c r="U128033" i="1"/>
  <c r="U128032" i="1"/>
  <c r="U128031" i="1"/>
  <c r="U128030" i="1"/>
  <c r="U128029" i="1"/>
  <c r="U128028" i="1"/>
  <c r="U128027" i="1"/>
  <c r="U128026" i="1"/>
  <c r="U128025" i="1"/>
  <c r="U128024" i="1"/>
  <c r="U128023" i="1"/>
  <c r="U128022" i="1"/>
  <c r="U128021" i="1"/>
  <c r="U128020" i="1"/>
  <c r="U128019" i="1"/>
  <c r="U128018" i="1"/>
  <c r="U128017" i="1"/>
  <c r="U128016" i="1"/>
  <c r="U128015" i="1"/>
  <c r="U128014" i="1"/>
  <c r="U128013" i="1"/>
  <c r="U128012" i="1"/>
  <c r="U128011" i="1"/>
  <c r="U128010" i="1"/>
  <c r="U128009" i="1"/>
  <c r="U128008" i="1"/>
  <c r="U128007" i="1"/>
  <c r="U128006" i="1"/>
  <c r="U128005" i="1"/>
  <c r="U128004" i="1"/>
  <c r="U128003" i="1"/>
  <c r="U128002" i="1"/>
  <c r="U128001" i="1"/>
  <c r="U128000" i="1"/>
  <c r="U127999" i="1"/>
  <c r="U127998" i="1"/>
  <c r="U127997" i="1"/>
  <c r="U127996" i="1"/>
  <c r="U127995" i="1"/>
  <c r="U127994" i="1"/>
  <c r="U127993" i="1"/>
  <c r="U127992" i="1"/>
  <c r="U127991" i="1"/>
  <c r="U127990" i="1"/>
  <c r="U127989" i="1"/>
  <c r="U127988" i="1"/>
  <c r="U127987" i="1"/>
  <c r="U127986" i="1"/>
  <c r="U127985" i="1"/>
  <c r="U127984" i="1"/>
  <c r="U127983" i="1"/>
  <c r="U127982" i="1"/>
  <c r="U127981" i="1"/>
  <c r="U127980" i="1"/>
  <c r="U127979" i="1"/>
  <c r="U127978" i="1"/>
  <c r="U127977" i="1"/>
  <c r="U127976" i="1"/>
  <c r="U127975" i="1"/>
  <c r="U127974" i="1"/>
  <c r="U127973" i="1"/>
  <c r="U127972" i="1"/>
  <c r="U127971" i="1"/>
  <c r="U127970" i="1"/>
  <c r="U127969" i="1"/>
  <c r="U127968" i="1"/>
  <c r="U127967" i="1"/>
  <c r="U127966" i="1"/>
  <c r="U127965" i="1"/>
  <c r="U127964" i="1"/>
  <c r="U127963" i="1"/>
  <c r="U127962" i="1"/>
  <c r="U127961" i="1"/>
  <c r="U127960" i="1"/>
  <c r="U127959" i="1"/>
  <c r="U127958" i="1"/>
  <c r="U127957" i="1"/>
  <c r="U127956" i="1"/>
  <c r="U127955" i="1"/>
  <c r="U127954" i="1"/>
  <c r="U127953" i="1"/>
  <c r="U127952" i="1"/>
  <c r="U127951" i="1"/>
  <c r="U127950" i="1"/>
  <c r="U127949" i="1"/>
  <c r="U127948" i="1"/>
  <c r="U127947" i="1"/>
  <c r="U127946" i="1"/>
  <c r="U127945" i="1"/>
  <c r="U127944" i="1"/>
  <c r="U127943" i="1"/>
  <c r="U127942" i="1"/>
  <c r="U127941" i="1"/>
  <c r="U127940" i="1"/>
  <c r="U127939" i="1"/>
  <c r="U127938" i="1"/>
  <c r="U127937" i="1"/>
  <c r="U127936" i="1"/>
  <c r="U127935" i="1"/>
  <c r="U127934" i="1"/>
  <c r="U127933" i="1"/>
  <c r="U127932" i="1"/>
  <c r="U127931" i="1"/>
  <c r="U127930" i="1"/>
  <c r="U127929" i="1"/>
  <c r="U127928" i="1"/>
  <c r="U127927" i="1"/>
  <c r="U127926" i="1"/>
  <c r="U127925" i="1"/>
  <c r="U127924" i="1"/>
  <c r="U127923" i="1"/>
  <c r="U127922" i="1"/>
  <c r="U127921" i="1"/>
  <c r="U127920" i="1"/>
  <c r="U127919" i="1"/>
  <c r="U127918" i="1"/>
  <c r="U127917" i="1"/>
  <c r="U127916" i="1"/>
  <c r="U127915" i="1"/>
  <c r="U127914" i="1"/>
  <c r="U127913" i="1"/>
  <c r="U127912" i="1"/>
  <c r="U127911" i="1"/>
  <c r="U127910" i="1"/>
  <c r="U127909" i="1"/>
  <c r="U127908" i="1"/>
  <c r="U127907" i="1"/>
  <c r="U127906" i="1"/>
  <c r="U127905" i="1"/>
  <c r="U127904" i="1"/>
  <c r="U127903" i="1"/>
  <c r="U127902" i="1"/>
  <c r="U127901" i="1"/>
  <c r="U127900" i="1"/>
  <c r="U127899" i="1"/>
  <c r="U127898" i="1"/>
  <c r="U127897" i="1"/>
  <c r="U127896" i="1"/>
  <c r="U127895" i="1"/>
  <c r="U127894" i="1"/>
  <c r="U127893" i="1"/>
  <c r="U127892" i="1"/>
  <c r="U127891" i="1"/>
  <c r="U127890" i="1"/>
  <c r="U127889" i="1"/>
  <c r="U127888" i="1"/>
  <c r="U127887" i="1"/>
  <c r="U127886" i="1"/>
  <c r="U127885" i="1"/>
  <c r="U127884" i="1"/>
  <c r="U127883" i="1"/>
  <c r="U127882" i="1"/>
  <c r="U127881" i="1"/>
  <c r="U127880" i="1"/>
  <c r="U127879" i="1"/>
  <c r="U127878" i="1"/>
  <c r="U127877" i="1"/>
  <c r="U127876" i="1"/>
  <c r="U127875" i="1"/>
  <c r="U127874" i="1"/>
  <c r="U127873" i="1"/>
  <c r="U127872" i="1"/>
  <c r="U127871" i="1"/>
  <c r="U127870" i="1"/>
  <c r="U127869" i="1"/>
  <c r="U127868" i="1"/>
  <c r="U127867" i="1"/>
  <c r="U127866" i="1"/>
  <c r="U127865" i="1"/>
  <c r="U127864" i="1"/>
  <c r="U127863" i="1"/>
  <c r="U127862" i="1"/>
  <c r="U127861" i="1"/>
  <c r="U127860" i="1"/>
  <c r="U127859" i="1"/>
  <c r="U127858" i="1"/>
  <c r="U127857" i="1"/>
  <c r="U127856" i="1"/>
  <c r="U127855" i="1"/>
  <c r="U127854" i="1"/>
  <c r="U127853" i="1"/>
  <c r="U127852" i="1"/>
  <c r="U127851" i="1"/>
  <c r="U127850" i="1"/>
  <c r="U127849" i="1"/>
  <c r="U127848" i="1"/>
  <c r="U127847" i="1"/>
  <c r="U127846" i="1"/>
  <c r="U127845" i="1"/>
  <c r="U127844" i="1"/>
  <c r="U127843" i="1"/>
  <c r="U127842" i="1"/>
  <c r="U127841" i="1"/>
  <c r="U127840" i="1"/>
  <c r="U127839" i="1"/>
  <c r="U127838" i="1"/>
  <c r="U127837" i="1"/>
  <c r="U127836" i="1"/>
  <c r="U127835" i="1"/>
  <c r="U127834" i="1"/>
  <c r="U127833" i="1"/>
  <c r="U127832" i="1"/>
  <c r="U127831" i="1"/>
  <c r="U127830" i="1"/>
  <c r="U127829" i="1"/>
  <c r="U127828" i="1"/>
  <c r="U127827" i="1"/>
  <c r="U127826" i="1"/>
  <c r="U127825" i="1"/>
  <c r="U127824" i="1"/>
  <c r="U127823" i="1"/>
  <c r="U127822" i="1"/>
  <c r="U127821" i="1"/>
  <c r="U127820" i="1"/>
  <c r="U127819" i="1"/>
  <c r="U127818" i="1"/>
  <c r="U127817" i="1"/>
  <c r="U127816" i="1"/>
  <c r="U127815" i="1"/>
  <c r="U127814" i="1"/>
  <c r="U127813" i="1"/>
  <c r="U127812" i="1"/>
  <c r="U127811" i="1"/>
  <c r="U127810" i="1"/>
  <c r="U127809" i="1"/>
  <c r="U127808" i="1"/>
  <c r="U127807" i="1"/>
  <c r="U127806" i="1"/>
  <c r="U127805" i="1"/>
  <c r="U127804" i="1"/>
  <c r="U127803" i="1"/>
  <c r="U127802" i="1"/>
  <c r="U127801" i="1"/>
  <c r="U127800" i="1"/>
  <c r="U127799" i="1"/>
  <c r="U127798" i="1"/>
  <c r="U127797" i="1"/>
  <c r="U127796" i="1"/>
  <c r="U127795" i="1"/>
  <c r="U127794" i="1"/>
  <c r="U127793" i="1"/>
  <c r="U127792" i="1"/>
  <c r="U127791" i="1"/>
  <c r="U127790" i="1"/>
  <c r="U127789" i="1"/>
  <c r="U127788" i="1"/>
  <c r="U127787" i="1"/>
  <c r="U127786" i="1"/>
  <c r="U127785" i="1"/>
  <c r="U127784" i="1"/>
  <c r="U127783" i="1"/>
  <c r="U127782" i="1"/>
  <c r="U127781" i="1"/>
  <c r="U127780" i="1"/>
  <c r="U127779" i="1"/>
  <c r="U127778" i="1"/>
  <c r="U127777" i="1"/>
  <c r="U127776" i="1"/>
  <c r="U127775" i="1"/>
  <c r="U127774" i="1"/>
  <c r="U127773" i="1"/>
  <c r="U127772" i="1"/>
  <c r="U127771" i="1"/>
  <c r="U127770" i="1"/>
  <c r="U127769" i="1"/>
  <c r="U127768" i="1"/>
  <c r="U127767" i="1"/>
  <c r="U127766" i="1"/>
  <c r="U127765" i="1"/>
  <c r="U127764" i="1"/>
  <c r="U127763" i="1"/>
  <c r="U127762" i="1"/>
  <c r="U127761" i="1"/>
  <c r="U127760" i="1"/>
  <c r="U127759" i="1"/>
  <c r="U127758" i="1"/>
  <c r="U127757" i="1"/>
  <c r="U127756" i="1"/>
  <c r="U127755" i="1"/>
  <c r="U127754" i="1"/>
  <c r="U127753" i="1"/>
  <c r="U127752" i="1"/>
  <c r="U127751" i="1"/>
  <c r="U127750" i="1"/>
  <c r="U127749" i="1"/>
  <c r="U127748" i="1"/>
  <c r="U127747" i="1"/>
  <c r="U127746" i="1"/>
  <c r="U127745" i="1"/>
  <c r="U127744" i="1"/>
  <c r="U127743" i="1"/>
  <c r="U127742" i="1"/>
  <c r="U127741" i="1"/>
  <c r="U127740" i="1"/>
  <c r="U127739" i="1"/>
  <c r="U127738" i="1"/>
  <c r="U127737" i="1"/>
  <c r="U127736" i="1"/>
  <c r="U127735" i="1"/>
  <c r="U127734" i="1"/>
  <c r="U127733" i="1"/>
  <c r="U127732" i="1"/>
  <c r="U127731" i="1"/>
  <c r="U127730" i="1"/>
  <c r="U127729" i="1"/>
  <c r="U127728" i="1"/>
  <c r="U127727" i="1"/>
  <c r="U127726" i="1"/>
  <c r="U127725" i="1"/>
  <c r="U127724" i="1"/>
  <c r="U127723" i="1"/>
  <c r="U127722" i="1"/>
  <c r="U127721" i="1"/>
  <c r="U127720" i="1"/>
  <c r="U127719" i="1"/>
  <c r="U127718" i="1"/>
  <c r="U127717" i="1"/>
  <c r="U127716" i="1"/>
  <c r="U127715" i="1"/>
  <c r="U127714" i="1"/>
  <c r="U127713" i="1"/>
  <c r="U127712" i="1"/>
  <c r="U127711" i="1"/>
  <c r="U127710" i="1"/>
  <c r="U127709" i="1"/>
  <c r="U127708" i="1"/>
  <c r="U127707" i="1"/>
  <c r="U127706" i="1"/>
  <c r="U127705" i="1"/>
  <c r="U127704" i="1"/>
  <c r="U127703" i="1"/>
  <c r="U127702" i="1"/>
  <c r="U127701" i="1"/>
  <c r="U127700" i="1"/>
  <c r="U127699" i="1"/>
  <c r="U127698" i="1"/>
  <c r="U127697" i="1"/>
  <c r="U127696" i="1"/>
  <c r="U127695" i="1"/>
  <c r="U127694" i="1"/>
  <c r="U127693" i="1"/>
  <c r="U127692" i="1"/>
  <c r="U127691" i="1"/>
  <c r="U127690" i="1"/>
  <c r="U127689" i="1"/>
  <c r="U127688" i="1"/>
  <c r="U127687" i="1"/>
  <c r="U127686" i="1"/>
  <c r="U127685" i="1"/>
  <c r="U127684" i="1"/>
  <c r="U127683" i="1"/>
  <c r="U127682" i="1"/>
  <c r="U127681" i="1"/>
  <c r="U127680" i="1"/>
  <c r="U127679" i="1"/>
  <c r="U127678" i="1"/>
  <c r="U127677" i="1"/>
  <c r="U127676" i="1"/>
  <c r="U127675" i="1"/>
  <c r="U127674" i="1"/>
  <c r="U127673" i="1"/>
  <c r="U127672" i="1"/>
  <c r="U127671" i="1"/>
  <c r="U127670" i="1"/>
  <c r="U127669" i="1"/>
  <c r="U127668" i="1"/>
  <c r="U127667" i="1"/>
  <c r="U127666" i="1"/>
  <c r="U127665" i="1"/>
  <c r="U127664" i="1"/>
  <c r="U127663" i="1"/>
  <c r="U127662" i="1"/>
  <c r="U127661" i="1"/>
  <c r="U127660" i="1"/>
  <c r="U127659" i="1"/>
  <c r="U127658" i="1"/>
  <c r="U127657" i="1"/>
  <c r="U127656" i="1"/>
  <c r="U127655" i="1"/>
  <c r="U127654" i="1"/>
  <c r="U127653" i="1"/>
  <c r="U127652" i="1"/>
  <c r="U127651" i="1"/>
  <c r="U127650" i="1"/>
  <c r="U127649" i="1"/>
  <c r="U127648" i="1"/>
  <c r="U127647" i="1"/>
  <c r="U127646" i="1"/>
  <c r="U127645" i="1"/>
  <c r="U127644" i="1"/>
  <c r="U127643" i="1"/>
  <c r="U127642" i="1"/>
  <c r="U127641" i="1"/>
  <c r="U127640" i="1"/>
  <c r="U127639" i="1"/>
  <c r="U127638" i="1"/>
  <c r="U127637" i="1"/>
  <c r="U127636" i="1"/>
  <c r="U127635" i="1"/>
  <c r="U127634" i="1"/>
  <c r="U127633" i="1"/>
  <c r="U127632" i="1"/>
  <c r="U127631" i="1"/>
  <c r="U127630" i="1"/>
  <c r="U127629" i="1"/>
  <c r="U127628" i="1"/>
  <c r="U127627" i="1"/>
  <c r="U127626" i="1"/>
  <c r="U127625" i="1"/>
  <c r="U127624" i="1"/>
  <c r="U127623" i="1"/>
  <c r="U127622" i="1"/>
  <c r="U127621" i="1"/>
  <c r="U127620" i="1"/>
  <c r="U127619" i="1"/>
  <c r="U127618" i="1"/>
  <c r="U127617" i="1"/>
  <c r="U127616" i="1"/>
  <c r="U127615" i="1"/>
  <c r="U127614" i="1"/>
  <c r="U127613" i="1"/>
  <c r="U127612" i="1"/>
  <c r="U127611" i="1"/>
  <c r="U127610" i="1"/>
  <c r="U127609" i="1"/>
  <c r="U127608" i="1"/>
  <c r="U127607" i="1"/>
  <c r="U127606" i="1"/>
  <c r="U127605" i="1"/>
  <c r="U127604" i="1"/>
  <c r="U127603" i="1"/>
  <c r="U127602" i="1"/>
  <c r="U127601" i="1"/>
  <c r="U127600" i="1"/>
  <c r="U127599" i="1"/>
  <c r="U127598" i="1"/>
  <c r="U127597" i="1"/>
  <c r="U127596" i="1"/>
  <c r="U127595" i="1"/>
  <c r="U127594" i="1"/>
  <c r="U127593" i="1"/>
  <c r="U127592" i="1"/>
  <c r="U127591" i="1"/>
  <c r="U127590" i="1"/>
  <c r="U127589" i="1"/>
  <c r="U127588" i="1"/>
  <c r="U127587" i="1"/>
  <c r="U127586" i="1"/>
  <c r="U127585" i="1"/>
  <c r="U127584" i="1"/>
  <c r="U127583" i="1"/>
  <c r="U127582" i="1"/>
  <c r="U127581" i="1"/>
  <c r="U127580" i="1"/>
  <c r="U127579" i="1"/>
  <c r="U127578" i="1"/>
  <c r="U127577" i="1"/>
  <c r="U127576" i="1"/>
  <c r="U127575" i="1"/>
  <c r="U127574" i="1"/>
  <c r="U127573" i="1"/>
  <c r="U127572" i="1"/>
  <c r="U127571" i="1"/>
  <c r="U127570" i="1"/>
  <c r="U127569" i="1"/>
  <c r="U127568" i="1"/>
  <c r="U127567" i="1"/>
  <c r="U127566" i="1"/>
  <c r="U127565" i="1"/>
  <c r="U127564" i="1"/>
  <c r="U127563" i="1"/>
  <c r="U127562" i="1"/>
  <c r="U127561" i="1"/>
  <c r="U127560" i="1"/>
  <c r="U127559" i="1"/>
  <c r="U127558" i="1"/>
  <c r="U127557" i="1"/>
  <c r="U127556" i="1"/>
  <c r="U127555" i="1"/>
  <c r="U127554" i="1"/>
  <c r="U127553" i="1"/>
  <c r="U127552" i="1"/>
  <c r="U127551" i="1"/>
  <c r="U127550" i="1"/>
  <c r="U127549" i="1"/>
  <c r="U127548" i="1"/>
  <c r="U127547" i="1"/>
  <c r="U127546" i="1"/>
  <c r="U127545" i="1"/>
  <c r="U127544" i="1"/>
  <c r="U127543" i="1"/>
  <c r="U127542" i="1"/>
  <c r="U127541" i="1"/>
  <c r="U127540" i="1"/>
  <c r="U127539" i="1"/>
  <c r="U127538" i="1"/>
  <c r="U127537" i="1"/>
  <c r="U127536" i="1"/>
  <c r="U127535" i="1"/>
  <c r="U127534" i="1"/>
  <c r="U127533" i="1"/>
  <c r="U127532" i="1"/>
  <c r="U127531" i="1"/>
  <c r="U127530" i="1"/>
  <c r="U127529" i="1"/>
  <c r="U127528" i="1"/>
  <c r="U127527" i="1"/>
  <c r="U127526" i="1"/>
  <c r="U127525" i="1"/>
  <c r="U127524" i="1"/>
  <c r="U127523" i="1"/>
  <c r="U127522" i="1"/>
  <c r="U127521" i="1"/>
  <c r="U127520" i="1"/>
  <c r="U127519" i="1"/>
  <c r="U127518" i="1"/>
  <c r="U127517" i="1"/>
  <c r="U127516" i="1"/>
  <c r="U127515" i="1"/>
  <c r="U127514" i="1"/>
  <c r="U127513" i="1"/>
  <c r="U127512" i="1"/>
  <c r="U127511" i="1"/>
  <c r="U127510" i="1"/>
  <c r="U127509" i="1"/>
  <c r="U127508" i="1"/>
  <c r="U127507" i="1"/>
  <c r="U127506" i="1"/>
  <c r="U127505" i="1"/>
  <c r="U127504" i="1"/>
  <c r="U127503" i="1"/>
  <c r="U127502" i="1"/>
  <c r="U127501" i="1"/>
  <c r="U127500" i="1"/>
  <c r="U127499" i="1"/>
  <c r="U127498" i="1"/>
  <c r="U127497" i="1"/>
  <c r="U127496" i="1"/>
  <c r="U127495" i="1"/>
  <c r="U127494" i="1"/>
  <c r="U127493" i="1"/>
  <c r="U127492" i="1"/>
  <c r="U127491" i="1"/>
  <c r="U127490" i="1"/>
  <c r="U127489" i="1"/>
  <c r="U127488" i="1"/>
  <c r="U127487" i="1"/>
  <c r="U127486" i="1"/>
  <c r="U127485" i="1"/>
  <c r="U127484" i="1"/>
  <c r="U127483" i="1"/>
  <c r="U127482" i="1"/>
  <c r="U127481" i="1"/>
  <c r="U127480" i="1"/>
  <c r="U127479" i="1"/>
  <c r="U127478" i="1"/>
  <c r="U127477" i="1"/>
  <c r="U127476" i="1"/>
  <c r="U127475" i="1"/>
  <c r="U127474" i="1"/>
  <c r="U127473" i="1"/>
  <c r="U127472" i="1"/>
  <c r="U127471" i="1"/>
  <c r="U127470" i="1"/>
  <c r="U127469" i="1"/>
  <c r="U127468" i="1"/>
  <c r="U127467" i="1"/>
  <c r="U127466" i="1"/>
  <c r="U127465" i="1"/>
  <c r="U127464" i="1"/>
  <c r="U127463" i="1"/>
  <c r="U127462" i="1"/>
  <c r="U127461" i="1"/>
  <c r="U127460" i="1"/>
  <c r="U127459" i="1"/>
  <c r="U127458" i="1"/>
  <c r="U127457" i="1"/>
  <c r="U127456" i="1"/>
  <c r="U127455" i="1"/>
  <c r="U127454" i="1"/>
  <c r="U127453" i="1"/>
  <c r="U127452" i="1"/>
  <c r="U127451" i="1"/>
  <c r="U127450" i="1"/>
  <c r="U127449" i="1"/>
  <c r="U127448" i="1"/>
  <c r="U127447" i="1"/>
  <c r="U127446" i="1"/>
  <c r="U127445" i="1"/>
  <c r="U127444" i="1"/>
  <c r="U127443" i="1"/>
  <c r="U127442" i="1"/>
  <c r="U127441" i="1"/>
  <c r="U127440" i="1"/>
  <c r="U127439" i="1"/>
  <c r="U127438" i="1"/>
  <c r="U127437" i="1"/>
  <c r="U127436" i="1"/>
  <c r="U127435" i="1"/>
  <c r="U127434" i="1"/>
  <c r="U127433" i="1"/>
  <c r="U127432" i="1"/>
  <c r="U127431" i="1"/>
  <c r="U127430" i="1"/>
  <c r="U127429" i="1"/>
  <c r="U127428" i="1"/>
  <c r="U127427" i="1"/>
  <c r="U127426" i="1"/>
  <c r="U127425" i="1"/>
  <c r="U127424" i="1"/>
  <c r="U127423" i="1"/>
  <c r="U127422" i="1"/>
  <c r="U127421" i="1"/>
  <c r="U127420" i="1"/>
  <c r="U127419" i="1"/>
  <c r="U127418" i="1"/>
  <c r="U127417" i="1"/>
  <c r="U127416" i="1"/>
  <c r="U127415" i="1"/>
  <c r="U127414" i="1"/>
  <c r="U127413" i="1"/>
  <c r="U127412" i="1"/>
  <c r="U127411" i="1"/>
  <c r="U127410" i="1"/>
  <c r="U127409" i="1"/>
  <c r="U127408" i="1"/>
  <c r="U127407" i="1"/>
  <c r="U127406" i="1"/>
  <c r="U127405" i="1"/>
  <c r="U127404" i="1"/>
  <c r="U127403" i="1"/>
  <c r="U127402" i="1"/>
  <c r="U127401" i="1"/>
  <c r="U127400" i="1"/>
  <c r="U127399" i="1"/>
  <c r="U127398" i="1"/>
  <c r="U127397" i="1"/>
  <c r="U127396" i="1"/>
  <c r="U127395" i="1"/>
  <c r="U127394" i="1"/>
  <c r="U127393" i="1"/>
  <c r="U127392" i="1"/>
  <c r="U127391" i="1"/>
  <c r="U127390" i="1"/>
  <c r="U127389" i="1"/>
  <c r="U127388" i="1"/>
  <c r="U127387" i="1"/>
  <c r="U127386" i="1"/>
  <c r="U127385" i="1"/>
  <c r="U127384" i="1"/>
  <c r="U127383" i="1"/>
  <c r="U127382" i="1"/>
  <c r="U127381" i="1"/>
  <c r="U127380" i="1"/>
  <c r="U127379" i="1"/>
  <c r="U127378" i="1"/>
  <c r="U127377" i="1"/>
  <c r="U127376" i="1"/>
  <c r="U127375" i="1"/>
  <c r="U127374" i="1"/>
  <c r="U127373" i="1"/>
  <c r="U127372" i="1"/>
  <c r="U127371" i="1"/>
  <c r="U127370" i="1"/>
  <c r="U127369" i="1"/>
  <c r="U127368" i="1"/>
  <c r="U127367" i="1"/>
  <c r="U127366" i="1"/>
  <c r="U127365" i="1"/>
  <c r="U127364" i="1"/>
  <c r="U127363" i="1"/>
  <c r="U127362" i="1"/>
  <c r="U127361" i="1"/>
  <c r="U127360" i="1"/>
  <c r="U127359" i="1"/>
  <c r="U127358" i="1"/>
  <c r="U127357" i="1"/>
  <c r="U127356" i="1"/>
  <c r="U127355" i="1"/>
  <c r="U127354" i="1"/>
  <c r="U127353" i="1"/>
  <c r="U127352" i="1"/>
  <c r="U127351" i="1"/>
  <c r="U127350" i="1"/>
  <c r="U127349" i="1"/>
  <c r="U127348" i="1"/>
  <c r="U127347" i="1"/>
  <c r="U127346" i="1"/>
  <c r="U127345" i="1"/>
  <c r="U127344" i="1"/>
  <c r="U127343" i="1"/>
  <c r="U127342" i="1"/>
  <c r="U127341" i="1"/>
  <c r="U127340" i="1"/>
  <c r="U127339" i="1"/>
  <c r="U127338" i="1"/>
  <c r="U127337" i="1"/>
  <c r="U127336" i="1"/>
  <c r="U127335" i="1"/>
  <c r="U127334" i="1"/>
  <c r="U127333" i="1"/>
  <c r="U127332" i="1"/>
  <c r="U127331" i="1"/>
  <c r="U127330" i="1"/>
  <c r="U127329" i="1"/>
  <c r="U127328" i="1"/>
  <c r="U127327" i="1"/>
  <c r="U127326" i="1"/>
  <c r="U127325" i="1"/>
  <c r="U127324" i="1"/>
  <c r="U127323" i="1"/>
  <c r="U127322" i="1"/>
  <c r="U127321" i="1"/>
  <c r="U127320" i="1"/>
  <c r="U127319" i="1"/>
  <c r="U127318" i="1"/>
  <c r="U127317" i="1"/>
  <c r="U127316" i="1"/>
  <c r="U127315" i="1"/>
  <c r="U127314" i="1"/>
  <c r="U127313" i="1"/>
  <c r="U127312" i="1"/>
  <c r="U127311" i="1"/>
  <c r="U127310" i="1"/>
  <c r="U127309" i="1"/>
  <c r="U127308" i="1"/>
  <c r="U127307" i="1"/>
  <c r="U127306" i="1"/>
  <c r="U127305" i="1"/>
  <c r="U127304" i="1"/>
  <c r="U127303" i="1"/>
  <c r="U127302" i="1"/>
  <c r="U127301" i="1"/>
  <c r="U127300" i="1"/>
  <c r="U127299" i="1"/>
  <c r="U127298" i="1"/>
  <c r="U127297" i="1"/>
  <c r="U127296" i="1"/>
  <c r="U127295" i="1"/>
  <c r="U127294" i="1"/>
  <c r="U127293" i="1"/>
  <c r="U127292" i="1"/>
  <c r="U127291" i="1"/>
  <c r="U127290" i="1"/>
  <c r="U127289" i="1"/>
  <c r="U127288" i="1"/>
  <c r="U127287" i="1"/>
  <c r="U127286" i="1"/>
  <c r="U127285" i="1"/>
  <c r="U127284" i="1"/>
  <c r="U127283" i="1"/>
  <c r="U127282" i="1"/>
  <c r="U127281" i="1"/>
  <c r="U127280" i="1"/>
  <c r="U127279" i="1"/>
  <c r="U127278" i="1"/>
  <c r="U127277" i="1"/>
  <c r="U127276" i="1"/>
  <c r="U127275" i="1"/>
  <c r="U127274" i="1"/>
  <c r="U127273" i="1"/>
  <c r="U127272" i="1"/>
  <c r="U127271" i="1"/>
  <c r="U127270" i="1"/>
  <c r="U127269" i="1"/>
  <c r="U127268" i="1"/>
  <c r="U127267" i="1"/>
  <c r="U127266" i="1"/>
  <c r="U127265" i="1"/>
  <c r="U127264" i="1"/>
  <c r="U127263" i="1"/>
  <c r="U127262" i="1"/>
  <c r="U127261" i="1"/>
  <c r="U127260" i="1"/>
  <c r="U127259" i="1"/>
  <c r="U127258" i="1"/>
  <c r="U127257" i="1"/>
  <c r="U127256" i="1"/>
  <c r="U127255" i="1"/>
  <c r="U127254" i="1"/>
  <c r="U127253" i="1"/>
  <c r="U127252" i="1"/>
  <c r="U127251" i="1"/>
  <c r="U127250" i="1"/>
  <c r="U127249" i="1"/>
  <c r="U127248" i="1"/>
  <c r="U127247" i="1"/>
  <c r="U127246" i="1"/>
  <c r="U127245" i="1"/>
  <c r="U127244" i="1"/>
  <c r="U127243" i="1"/>
  <c r="U127242" i="1"/>
  <c r="U127241" i="1"/>
  <c r="U127240" i="1"/>
  <c r="U127239" i="1"/>
  <c r="U127238" i="1"/>
  <c r="U127237" i="1"/>
  <c r="U127236" i="1"/>
  <c r="U127235" i="1"/>
  <c r="U127234" i="1"/>
  <c r="U127233" i="1"/>
  <c r="U127232" i="1"/>
  <c r="U127231" i="1"/>
  <c r="U127230" i="1"/>
  <c r="U127229" i="1"/>
  <c r="U127228" i="1"/>
  <c r="U127227" i="1"/>
  <c r="U127226" i="1"/>
  <c r="U127225" i="1"/>
  <c r="U127224" i="1"/>
  <c r="U127223" i="1"/>
  <c r="U127222" i="1"/>
  <c r="U127221" i="1"/>
  <c r="U127220" i="1"/>
  <c r="U127219" i="1"/>
  <c r="U127218" i="1"/>
  <c r="U127217" i="1"/>
  <c r="U127216" i="1"/>
  <c r="U127215" i="1"/>
  <c r="U127214" i="1"/>
  <c r="U127213" i="1"/>
  <c r="U127212" i="1"/>
  <c r="U127211" i="1"/>
  <c r="U127210" i="1"/>
  <c r="U127209" i="1"/>
  <c r="U127208" i="1"/>
  <c r="U127207" i="1"/>
  <c r="U127206" i="1"/>
  <c r="U127205" i="1"/>
  <c r="U127204" i="1"/>
  <c r="U127203" i="1"/>
  <c r="U127202" i="1"/>
  <c r="U127201" i="1"/>
  <c r="U127200" i="1"/>
  <c r="U127199" i="1"/>
  <c r="U127198" i="1"/>
  <c r="U127197" i="1"/>
  <c r="U127196" i="1"/>
  <c r="U127195" i="1"/>
  <c r="U127194" i="1"/>
  <c r="U127193" i="1"/>
  <c r="U127192" i="1"/>
  <c r="U127191" i="1"/>
  <c r="U127190" i="1"/>
  <c r="U127189" i="1"/>
  <c r="U127188" i="1"/>
  <c r="U127187" i="1"/>
  <c r="U127186" i="1"/>
  <c r="U127185" i="1"/>
  <c r="U127184" i="1"/>
  <c r="U127183" i="1"/>
  <c r="U127182" i="1"/>
  <c r="U127181" i="1"/>
  <c r="U127180" i="1"/>
  <c r="U127179" i="1"/>
  <c r="U127178" i="1"/>
  <c r="U127177" i="1"/>
  <c r="U127176" i="1"/>
  <c r="U127175" i="1"/>
  <c r="U127174" i="1"/>
  <c r="U127173" i="1"/>
  <c r="U127172" i="1"/>
  <c r="U127171" i="1"/>
  <c r="U127170" i="1"/>
  <c r="U127169" i="1"/>
  <c r="U127168" i="1"/>
  <c r="U127167" i="1"/>
  <c r="U127166" i="1"/>
  <c r="U127165" i="1"/>
  <c r="U127164" i="1"/>
  <c r="U127163" i="1"/>
  <c r="U127162" i="1"/>
  <c r="U127161" i="1"/>
  <c r="U127160" i="1"/>
  <c r="U127159" i="1"/>
  <c r="U127158" i="1"/>
  <c r="U127157" i="1"/>
  <c r="U127156" i="1"/>
  <c r="U127155" i="1"/>
  <c r="U127154" i="1"/>
  <c r="U127153" i="1"/>
  <c r="U127152" i="1"/>
  <c r="U127151" i="1"/>
  <c r="U127150" i="1"/>
  <c r="U127149" i="1"/>
  <c r="U127148" i="1"/>
  <c r="U127147" i="1"/>
  <c r="U127146" i="1"/>
  <c r="U127145" i="1"/>
  <c r="U127144" i="1"/>
  <c r="U127143" i="1"/>
  <c r="U127142" i="1"/>
  <c r="U127141" i="1"/>
  <c r="U127140" i="1"/>
  <c r="U127139" i="1"/>
  <c r="U127138" i="1"/>
  <c r="U127137" i="1"/>
  <c r="U127136" i="1"/>
  <c r="U127135" i="1"/>
  <c r="U127134" i="1"/>
  <c r="U127133" i="1"/>
  <c r="U127132" i="1"/>
  <c r="U127131" i="1"/>
  <c r="U127130" i="1"/>
  <c r="U127129" i="1"/>
  <c r="U127128" i="1"/>
  <c r="U127127" i="1"/>
  <c r="U127126" i="1"/>
  <c r="U127125" i="1"/>
  <c r="U127124" i="1"/>
  <c r="U127123" i="1"/>
  <c r="U127122" i="1"/>
  <c r="U127121" i="1"/>
  <c r="U127120" i="1"/>
  <c r="U127119" i="1"/>
  <c r="U127118" i="1"/>
  <c r="U127117" i="1"/>
  <c r="U127116" i="1"/>
  <c r="U127115" i="1"/>
  <c r="U127114" i="1"/>
  <c r="U127113" i="1"/>
  <c r="U127112" i="1"/>
  <c r="U127111" i="1"/>
  <c r="U127110" i="1"/>
  <c r="U127109" i="1"/>
  <c r="U127108" i="1"/>
  <c r="U127107" i="1"/>
  <c r="U127106" i="1"/>
  <c r="U127105" i="1"/>
  <c r="U127104" i="1"/>
  <c r="U127103" i="1"/>
  <c r="U127102" i="1"/>
  <c r="U127101" i="1"/>
  <c r="U127100" i="1"/>
  <c r="U127099" i="1"/>
  <c r="U127098" i="1"/>
  <c r="U127097" i="1"/>
  <c r="U127096" i="1"/>
  <c r="U127095" i="1"/>
  <c r="U127094" i="1"/>
  <c r="U127093" i="1"/>
  <c r="U127092" i="1"/>
  <c r="U127091" i="1"/>
  <c r="U127090" i="1"/>
  <c r="U127089" i="1"/>
  <c r="U127088" i="1"/>
  <c r="U127087" i="1"/>
  <c r="U127086" i="1"/>
  <c r="U127085" i="1"/>
  <c r="U127084" i="1"/>
  <c r="U127083" i="1"/>
  <c r="U127082" i="1"/>
  <c r="U127081" i="1"/>
  <c r="U127080" i="1"/>
  <c r="U127079" i="1"/>
  <c r="U127078" i="1"/>
  <c r="U127077" i="1"/>
  <c r="U127076" i="1"/>
  <c r="U127075" i="1"/>
  <c r="U127074" i="1"/>
  <c r="U127073" i="1"/>
  <c r="U127072" i="1"/>
  <c r="U127071" i="1"/>
  <c r="U127070" i="1"/>
  <c r="U127069" i="1"/>
  <c r="U127068" i="1"/>
  <c r="U127067" i="1"/>
  <c r="U127066" i="1"/>
  <c r="U127065" i="1"/>
  <c r="U127064" i="1"/>
  <c r="U127063" i="1"/>
  <c r="U127062" i="1"/>
  <c r="U127061" i="1"/>
  <c r="U127060" i="1"/>
  <c r="U127059" i="1"/>
  <c r="U127058" i="1"/>
  <c r="U127057" i="1"/>
  <c r="U127056" i="1"/>
  <c r="U127055" i="1"/>
  <c r="U127054" i="1"/>
  <c r="U127053" i="1"/>
  <c r="U127052" i="1"/>
  <c r="U127051" i="1"/>
  <c r="U127050" i="1"/>
  <c r="U127049" i="1"/>
  <c r="U127048" i="1"/>
  <c r="U127047" i="1"/>
  <c r="U127046" i="1"/>
  <c r="U127045" i="1"/>
  <c r="U127044" i="1"/>
  <c r="U127043" i="1"/>
  <c r="U127042" i="1"/>
  <c r="U127041" i="1"/>
  <c r="U127040" i="1"/>
  <c r="U127039" i="1"/>
  <c r="U127038" i="1"/>
  <c r="U127037" i="1"/>
  <c r="U127036" i="1"/>
  <c r="U127035" i="1"/>
  <c r="U127034" i="1"/>
  <c r="U127033" i="1"/>
  <c r="U127032" i="1"/>
  <c r="U127031" i="1"/>
  <c r="U127030" i="1"/>
  <c r="U127029" i="1"/>
  <c r="U127028" i="1"/>
  <c r="U127027" i="1"/>
  <c r="U127026" i="1"/>
  <c r="U127025" i="1"/>
  <c r="U127024" i="1"/>
  <c r="U127023" i="1"/>
  <c r="U127022" i="1"/>
  <c r="U127021" i="1"/>
  <c r="U127020" i="1"/>
  <c r="U127019" i="1"/>
  <c r="U127018" i="1"/>
  <c r="U127017" i="1"/>
  <c r="U127016" i="1"/>
  <c r="U127015" i="1"/>
  <c r="U127014" i="1"/>
  <c r="U127013" i="1"/>
  <c r="U127012" i="1"/>
  <c r="U127011" i="1"/>
  <c r="U127010" i="1"/>
  <c r="U127009" i="1"/>
  <c r="U127008" i="1"/>
  <c r="U127007" i="1"/>
  <c r="U127006" i="1"/>
  <c r="U127005" i="1"/>
  <c r="U127004" i="1"/>
  <c r="U127003" i="1"/>
  <c r="U127002" i="1"/>
  <c r="U127001" i="1"/>
  <c r="U127000" i="1"/>
  <c r="U126999" i="1"/>
  <c r="U126998" i="1"/>
  <c r="U126997" i="1"/>
  <c r="U126996" i="1"/>
  <c r="U126995" i="1"/>
  <c r="U126994" i="1"/>
  <c r="U126993" i="1"/>
  <c r="U126992" i="1"/>
  <c r="U126991" i="1"/>
  <c r="U126990" i="1"/>
  <c r="U126989" i="1"/>
  <c r="U126988" i="1"/>
  <c r="U126987" i="1"/>
  <c r="U126986" i="1"/>
  <c r="U126985" i="1"/>
  <c r="U126984" i="1"/>
  <c r="U126983" i="1"/>
  <c r="U126982" i="1"/>
  <c r="U126981" i="1"/>
  <c r="U126980" i="1"/>
  <c r="U126979" i="1"/>
  <c r="U126978" i="1"/>
  <c r="U126977" i="1"/>
  <c r="U126976" i="1"/>
  <c r="U126975" i="1"/>
  <c r="U126974" i="1"/>
  <c r="U126973" i="1"/>
  <c r="U126972" i="1"/>
  <c r="U126971" i="1"/>
  <c r="U126970" i="1"/>
  <c r="U126969" i="1"/>
  <c r="U126968" i="1"/>
  <c r="U126967" i="1"/>
  <c r="U126966" i="1"/>
  <c r="U126965" i="1"/>
  <c r="U126964" i="1"/>
  <c r="U126963" i="1"/>
  <c r="U126962" i="1"/>
  <c r="U126961" i="1"/>
  <c r="U126960" i="1"/>
  <c r="U126959" i="1"/>
  <c r="U126958" i="1"/>
  <c r="U126957" i="1"/>
  <c r="U126956" i="1"/>
  <c r="U126955" i="1"/>
  <c r="U126954" i="1"/>
  <c r="U126953" i="1"/>
  <c r="U126952" i="1"/>
  <c r="U126951" i="1"/>
  <c r="U126950" i="1"/>
  <c r="U126949" i="1"/>
  <c r="U126948" i="1"/>
  <c r="U126947" i="1"/>
  <c r="U126946" i="1"/>
  <c r="U126945" i="1"/>
  <c r="U126944" i="1"/>
  <c r="U126943" i="1"/>
  <c r="U126942" i="1"/>
  <c r="U126941" i="1"/>
  <c r="U126940" i="1"/>
  <c r="U126939" i="1"/>
  <c r="U126938" i="1"/>
  <c r="U126937" i="1"/>
  <c r="U126936" i="1"/>
  <c r="U126935" i="1"/>
  <c r="U126934" i="1"/>
  <c r="U126933" i="1"/>
  <c r="U126932" i="1"/>
  <c r="U126931" i="1"/>
  <c r="U126930" i="1"/>
  <c r="U126929" i="1"/>
  <c r="U126928" i="1"/>
  <c r="U126927" i="1"/>
  <c r="U126926" i="1"/>
  <c r="U126925" i="1"/>
  <c r="U126924" i="1"/>
  <c r="U126923" i="1"/>
  <c r="U126922" i="1"/>
  <c r="U126921" i="1"/>
  <c r="U126920" i="1"/>
  <c r="U126919" i="1"/>
  <c r="U126918" i="1"/>
  <c r="U126917" i="1"/>
  <c r="U126916" i="1"/>
  <c r="U126915" i="1"/>
  <c r="U126914" i="1"/>
  <c r="U126913" i="1"/>
  <c r="U126912" i="1"/>
  <c r="U126911" i="1"/>
  <c r="U126910" i="1"/>
  <c r="U126909" i="1"/>
  <c r="U126908" i="1"/>
  <c r="U126907" i="1"/>
  <c r="U126906" i="1"/>
  <c r="U126905" i="1"/>
  <c r="U126904" i="1"/>
  <c r="U126903" i="1"/>
  <c r="U126902" i="1"/>
  <c r="U126901" i="1"/>
  <c r="U126900" i="1"/>
  <c r="U126899" i="1"/>
  <c r="U126898" i="1"/>
  <c r="U126897" i="1"/>
  <c r="U126896" i="1"/>
  <c r="U126895" i="1"/>
  <c r="U126894" i="1"/>
  <c r="U126893" i="1"/>
  <c r="U126892" i="1"/>
  <c r="U126891" i="1"/>
  <c r="U126890" i="1"/>
  <c r="U126889" i="1"/>
  <c r="U126888" i="1"/>
  <c r="U126887" i="1"/>
  <c r="U126886" i="1"/>
  <c r="U126885" i="1"/>
  <c r="U126884" i="1"/>
  <c r="U126883" i="1"/>
  <c r="U126882" i="1"/>
  <c r="U126881" i="1"/>
  <c r="U126880" i="1"/>
  <c r="U126879" i="1"/>
  <c r="U126878" i="1"/>
  <c r="U126877" i="1"/>
  <c r="U126876" i="1"/>
  <c r="U126875" i="1"/>
  <c r="U126874" i="1"/>
  <c r="U126873" i="1"/>
  <c r="U126872" i="1"/>
  <c r="U126871" i="1"/>
  <c r="U126870" i="1"/>
  <c r="U126869" i="1"/>
  <c r="U126868" i="1"/>
  <c r="U126867" i="1"/>
  <c r="U126866" i="1"/>
  <c r="U126865" i="1"/>
  <c r="U126864" i="1"/>
  <c r="U126863" i="1"/>
  <c r="U126862" i="1"/>
  <c r="U126861" i="1"/>
  <c r="U126860" i="1"/>
  <c r="U126859" i="1"/>
  <c r="U126858" i="1"/>
  <c r="U126857" i="1"/>
  <c r="U126856" i="1"/>
  <c r="U126855" i="1"/>
  <c r="U126854" i="1"/>
  <c r="U126853" i="1"/>
  <c r="U126852" i="1"/>
  <c r="U126851" i="1"/>
  <c r="U126850" i="1"/>
  <c r="U126849" i="1"/>
  <c r="U126848" i="1"/>
  <c r="U126847" i="1"/>
  <c r="U126846" i="1"/>
  <c r="U126845" i="1"/>
  <c r="U126844" i="1"/>
  <c r="U126843" i="1"/>
  <c r="U126842" i="1"/>
  <c r="U126841" i="1"/>
  <c r="U126840" i="1"/>
  <c r="U126839" i="1"/>
  <c r="U126838" i="1"/>
  <c r="U126837" i="1"/>
  <c r="U126836" i="1"/>
  <c r="U126835" i="1"/>
  <c r="U126834" i="1"/>
  <c r="U126833" i="1"/>
  <c r="U126832" i="1"/>
  <c r="U126831" i="1"/>
  <c r="U126830" i="1"/>
  <c r="U126829" i="1"/>
  <c r="U126828" i="1"/>
  <c r="U126827" i="1"/>
  <c r="U126826" i="1"/>
  <c r="U126825" i="1"/>
  <c r="U126824" i="1"/>
  <c r="U126823" i="1"/>
  <c r="U126822" i="1"/>
  <c r="U126821" i="1"/>
  <c r="U126820" i="1"/>
  <c r="U126819" i="1"/>
  <c r="U126818" i="1"/>
  <c r="U126817" i="1"/>
  <c r="U126816" i="1"/>
  <c r="U126815" i="1"/>
  <c r="U126814" i="1"/>
  <c r="U126813" i="1"/>
  <c r="U126812" i="1"/>
  <c r="U126811" i="1"/>
  <c r="U126810" i="1"/>
  <c r="U126809" i="1"/>
  <c r="U126808" i="1"/>
  <c r="U126807" i="1"/>
  <c r="U126806" i="1"/>
  <c r="U126805" i="1"/>
  <c r="U126804" i="1"/>
  <c r="U126803" i="1"/>
  <c r="U126802" i="1"/>
  <c r="U126801" i="1"/>
  <c r="U126800" i="1"/>
  <c r="U126799" i="1"/>
  <c r="U126798" i="1"/>
  <c r="U126797" i="1"/>
  <c r="U126796" i="1"/>
  <c r="U126795" i="1"/>
  <c r="U126794" i="1"/>
  <c r="U126793" i="1"/>
  <c r="U126792" i="1"/>
  <c r="U126791" i="1"/>
  <c r="U126790" i="1"/>
  <c r="U126789" i="1"/>
  <c r="U126788" i="1"/>
  <c r="U126787" i="1"/>
  <c r="U126786" i="1"/>
  <c r="U126785" i="1"/>
  <c r="U126784" i="1"/>
  <c r="U126783" i="1"/>
  <c r="U126782" i="1"/>
  <c r="U126781" i="1"/>
  <c r="U126780" i="1"/>
  <c r="U126779" i="1"/>
  <c r="U126778" i="1"/>
  <c r="U126777" i="1"/>
  <c r="U126776" i="1"/>
  <c r="U126775" i="1"/>
  <c r="U126774" i="1"/>
  <c r="U126773" i="1"/>
  <c r="U126772" i="1"/>
  <c r="U126771" i="1"/>
  <c r="U126770" i="1"/>
  <c r="U126769" i="1"/>
  <c r="U126768" i="1"/>
  <c r="U126767" i="1"/>
  <c r="U126766" i="1"/>
  <c r="U126765" i="1"/>
  <c r="U126764" i="1"/>
  <c r="U126763" i="1"/>
  <c r="U126762" i="1"/>
  <c r="U126761" i="1"/>
  <c r="U126760" i="1"/>
  <c r="U126759" i="1"/>
  <c r="U126758" i="1"/>
  <c r="U126757" i="1"/>
  <c r="U126756" i="1"/>
  <c r="U126755" i="1"/>
  <c r="U126754" i="1"/>
  <c r="U126753" i="1"/>
  <c r="U126752" i="1"/>
  <c r="U126751" i="1"/>
  <c r="U126750" i="1"/>
  <c r="U126749" i="1"/>
  <c r="U126748" i="1"/>
  <c r="U126747" i="1"/>
  <c r="U126746" i="1"/>
  <c r="U126745" i="1"/>
  <c r="U126744" i="1"/>
  <c r="U126743" i="1"/>
  <c r="U126742" i="1"/>
  <c r="U126741" i="1"/>
  <c r="U126740" i="1"/>
  <c r="U126739" i="1"/>
  <c r="U126738" i="1"/>
  <c r="U126737" i="1"/>
  <c r="U126736" i="1"/>
  <c r="U126735" i="1"/>
  <c r="U126734" i="1"/>
  <c r="U126733" i="1"/>
  <c r="U126732" i="1"/>
  <c r="U126731" i="1"/>
  <c r="U126730" i="1"/>
  <c r="U126729" i="1"/>
  <c r="U126728" i="1"/>
  <c r="U126727" i="1"/>
  <c r="U126726" i="1"/>
  <c r="U126725" i="1"/>
  <c r="U126724" i="1"/>
  <c r="U126723" i="1"/>
  <c r="U126722" i="1"/>
  <c r="U126721" i="1"/>
  <c r="U126720" i="1"/>
  <c r="U126719" i="1"/>
  <c r="U126718" i="1"/>
  <c r="U126717" i="1"/>
  <c r="U126716" i="1"/>
  <c r="U126715" i="1"/>
  <c r="U126714" i="1"/>
  <c r="U126713" i="1"/>
  <c r="U126712" i="1"/>
  <c r="U126711" i="1"/>
  <c r="U126710" i="1"/>
  <c r="U126709" i="1"/>
  <c r="U126708" i="1"/>
  <c r="U126707" i="1"/>
  <c r="U126706" i="1"/>
  <c r="U126705" i="1"/>
  <c r="U126704" i="1"/>
  <c r="U126703" i="1"/>
  <c r="U126702" i="1"/>
  <c r="U126701" i="1"/>
  <c r="U126700" i="1"/>
  <c r="U126699" i="1"/>
  <c r="U126698" i="1"/>
  <c r="U126697" i="1"/>
  <c r="U126696" i="1"/>
  <c r="U126695" i="1"/>
  <c r="U126694" i="1"/>
  <c r="U126693" i="1"/>
  <c r="U126692" i="1"/>
  <c r="U126691" i="1"/>
  <c r="U126690" i="1"/>
  <c r="U126689" i="1"/>
  <c r="U126688" i="1"/>
  <c r="U126687" i="1"/>
  <c r="U126686" i="1"/>
  <c r="U126685" i="1"/>
  <c r="U126684" i="1"/>
  <c r="U126683" i="1"/>
  <c r="U126682" i="1"/>
  <c r="U126681" i="1"/>
  <c r="U126680" i="1"/>
  <c r="U126679" i="1"/>
  <c r="U126678" i="1"/>
  <c r="U126677" i="1"/>
  <c r="U126676" i="1"/>
  <c r="U126675" i="1"/>
  <c r="U126674" i="1"/>
  <c r="U126673" i="1"/>
  <c r="U126672" i="1"/>
  <c r="U126671" i="1"/>
  <c r="U126670" i="1"/>
  <c r="U126669" i="1"/>
  <c r="U126668" i="1"/>
  <c r="U126667" i="1"/>
  <c r="U126666" i="1"/>
  <c r="U126665" i="1"/>
  <c r="U126664" i="1"/>
  <c r="U126663" i="1"/>
  <c r="U126662" i="1"/>
  <c r="U126661" i="1"/>
  <c r="U126660" i="1"/>
  <c r="U126659" i="1"/>
  <c r="U126658" i="1"/>
  <c r="U126657" i="1"/>
  <c r="U126656" i="1"/>
  <c r="U126655" i="1"/>
  <c r="U126654" i="1"/>
  <c r="U126653" i="1"/>
  <c r="U126652" i="1"/>
  <c r="U126651" i="1"/>
  <c r="U126650" i="1"/>
  <c r="U126649" i="1"/>
  <c r="U126648" i="1"/>
  <c r="U126647" i="1"/>
  <c r="U126646" i="1"/>
  <c r="U126645" i="1"/>
  <c r="U126644" i="1"/>
  <c r="U126643" i="1"/>
  <c r="U126642" i="1"/>
  <c r="U126641" i="1"/>
  <c r="U126640" i="1"/>
  <c r="U126639" i="1"/>
  <c r="U126638" i="1"/>
  <c r="U126637" i="1"/>
  <c r="U126636" i="1"/>
  <c r="U126635" i="1"/>
  <c r="U126634" i="1"/>
  <c r="U126633" i="1"/>
  <c r="U126632" i="1"/>
  <c r="U126631" i="1"/>
  <c r="U126630" i="1"/>
  <c r="U126629" i="1"/>
  <c r="U126628" i="1"/>
  <c r="U126627" i="1"/>
  <c r="U126626" i="1"/>
  <c r="U126625" i="1"/>
  <c r="U126624" i="1"/>
  <c r="U126623" i="1"/>
  <c r="U126622" i="1"/>
  <c r="U126621" i="1"/>
  <c r="U126620" i="1"/>
  <c r="U126619" i="1"/>
  <c r="U126618" i="1"/>
  <c r="U126617" i="1"/>
  <c r="U126616" i="1"/>
  <c r="U126615" i="1"/>
  <c r="U126614" i="1"/>
  <c r="U126613" i="1"/>
  <c r="U126612" i="1"/>
  <c r="U126611" i="1"/>
  <c r="U126610" i="1"/>
  <c r="U126609" i="1"/>
  <c r="U126608" i="1"/>
  <c r="U126607" i="1"/>
  <c r="U126606" i="1"/>
  <c r="U126605" i="1"/>
  <c r="U126604" i="1"/>
  <c r="U126603" i="1"/>
  <c r="U126602" i="1"/>
  <c r="U126601" i="1"/>
  <c r="U126600" i="1"/>
  <c r="U126599" i="1"/>
  <c r="U126598" i="1"/>
  <c r="U126597" i="1"/>
  <c r="U126596" i="1"/>
  <c r="U126595" i="1"/>
  <c r="U126594" i="1"/>
  <c r="U126593" i="1"/>
  <c r="U126592" i="1"/>
  <c r="U126591" i="1"/>
  <c r="U126590" i="1"/>
  <c r="U126589" i="1"/>
  <c r="U126588" i="1"/>
  <c r="U126587" i="1"/>
  <c r="U126586" i="1"/>
  <c r="U126585" i="1"/>
  <c r="U126584" i="1"/>
  <c r="U126583" i="1"/>
  <c r="U126582" i="1"/>
  <c r="U126581" i="1"/>
  <c r="U126580" i="1"/>
  <c r="U126579" i="1"/>
  <c r="U126578" i="1"/>
  <c r="U126577" i="1"/>
  <c r="U126576" i="1"/>
  <c r="U126575" i="1"/>
  <c r="U126574" i="1"/>
  <c r="U126573" i="1"/>
  <c r="U126572" i="1"/>
  <c r="U126571" i="1"/>
  <c r="U126570" i="1"/>
  <c r="U126569" i="1"/>
  <c r="U126568" i="1"/>
  <c r="U126567" i="1"/>
  <c r="U126566" i="1"/>
  <c r="U126565" i="1"/>
  <c r="U126564" i="1"/>
  <c r="U126563" i="1"/>
  <c r="U126562" i="1"/>
  <c r="U126561" i="1"/>
  <c r="U126560" i="1"/>
  <c r="U126559" i="1"/>
  <c r="U126558" i="1"/>
  <c r="U126557" i="1"/>
  <c r="U126556" i="1"/>
  <c r="U126555" i="1"/>
  <c r="U126554" i="1"/>
  <c r="U126553" i="1"/>
  <c r="U126552" i="1"/>
  <c r="U126551" i="1"/>
  <c r="U126550" i="1"/>
  <c r="U126549" i="1"/>
  <c r="U126548" i="1"/>
  <c r="U126547" i="1"/>
  <c r="U126546" i="1"/>
  <c r="U126545" i="1"/>
  <c r="U126544" i="1"/>
  <c r="U126543" i="1"/>
  <c r="U126542" i="1"/>
  <c r="U126541" i="1"/>
  <c r="U126540" i="1"/>
  <c r="U126539" i="1"/>
  <c r="U126538" i="1"/>
  <c r="U126537" i="1"/>
  <c r="U126536" i="1"/>
  <c r="U126535" i="1"/>
  <c r="U126534" i="1"/>
  <c r="U126533" i="1"/>
  <c r="U126532" i="1"/>
  <c r="U126531" i="1"/>
  <c r="U126530" i="1"/>
  <c r="U126529" i="1"/>
  <c r="U126528" i="1"/>
  <c r="U126527" i="1"/>
  <c r="U126526" i="1"/>
  <c r="U126525" i="1"/>
  <c r="U126524" i="1"/>
  <c r="U126523" i="1"/>
  <c r="U126522" i="1"/>
  <c r="U126521" i="1"/>
  <c r="U126520" i="1"/>
  <c r="U126519" i="1"/>
  <c r="U126518" i="1"/>
  <c r="U126517" i="1"/>
  <c r="U126516" i="1"/>
  <c r="U126515" i="1"/>
  <c r="U126514" i="1"/>
  <c r="U126513" i="1"/>
  <c r="U126512" i="1"/>
  <c r="U126511" i="1"/>
  <c r="U126510" i="1"/>
  <c r="U126509" i="1"/>
  <c r="U126508" i="1"/>
  <c r="U126507" i="1"/>
  <c r="U126506" i="1"/>
  <c r="U126505" i="1"/>
  <c r="U126504" i="1"/>
  <c r="U126503" i="1"/>
  <c r="U126502" i="1"/>
  <c r="U126501" i="1"/>
  <c r="U126500" i="1"/>
  <c r="U126499" i="1"/>
  <c r="U126498" i="1"/>
  <c r="U126497" i="1"/>
  <c r="U126496" i="1"/>
  <c r="U126495" i="1"/>
  <c r="U126494" i="1"/>
  <c r="U126493" i="1"/>
  <c r="U126492" i="1"/>
  <c r="U126491" i="1"/>
  <c r="U126490" i="1"/>
  <c r="U126489" i="1"/>
  <c r="U126488" i="1"/>
  <c r="U126487" i="1"/>
  <c r="U126486" i="1"/>
  <c r="U126485" i="1"/>
  <c r="U126484" i="1"/>
  <c r="U126483" i="1"/>
  <c r="U126482" i="1"/>
  <c r="U126481" i="1"/>
  <c r="U126480" i="1"/>
  <c r="U126479" i="1"/>
  <c r="U126478" i="1"/>
  <c r="U126477" i="1"/>
  <c r="U126476" i="1"/>
  <c r="U126475" i="1"/>
  <c r="U126474" i="1"/>
  <c r="U126473" i="1"/>
  <c r="U126472" i="1"/>
  <c r="U126471" i="1"/>
  <c r="U126470" i="1"/>
  <c r="U126469" i="1"/>
  <c r="U126468" i="1"/>
  <c r="U126467" i="1"/>
  <c r="U126466" i="1"/>
  <c r="U126465" i="1"/>
  <c r="U126464" i="1"/>
  <c r="U126463" i="1"/>
  <c r="U126462" i="1"/>
  <c r="U126461" i="1"/>
  <c r="U126460" i="1"/>
  <c r="U126459" i="1"/>
  <c r="U126458" i="1"/>
  <c r="U126457" i="1"/>
  <c r="U126456" i="1"/>
  <c r="U126455" i="1"/>
  <c r="U126454" i="1"/>
  <c r="U126453" i="1"/>
  <c r="U126452" i="1"/>
  <c r="U126451" i="1"/>
  <c r="U126450" i="1"/>
  <c r="U126449" i="1"/>
  <c r="U126448" i="1"/>
  <c r="U126447" i="1"/>
  <c r="U126446" i="1"/>
  <c r="U126445" i="1"/>
  <c r="U126444" i="1"/>
  <c r="U126443" i="1"/>
  <c r="U126442" i="1"/>
  <c r="U126441" i="1"/>
  <c r="U126440" i="1"/>
  <c r="U126439" i="1"/>
  <c r="U126438" i="1"/>
  <c r="U126437" i="1"/>
  <c r="U126436" i="1"/>
  <c r="U126435" i="1"/>
  <c r="U126434" i="1"/>
  <c r="U126433" i="1"/>
  <c r="U126432" i="1"/>
  <c r="U126431" i="1"/>
  <c r="U126430" i="1"/>
  <c r="U126429" i="1"/>
  <c r="U126428" i="1"/>
  <c r="U126427" i="1"/>
  <c r="U126426" i="1"/>
  <c r="U126425" i="1"/>
  <c r="U126424" i="1"/>
  <c r="U126423" i="1"/>
  <c r="U126422" i="1"/>
  <c r="U126421" i="1"/>
  <c r="U126420" i="1"/>
  <c r="U126419" i="1"/>
  <c r="U126418" i="1"/>
  <c r="U126417" i="1"/>
  <c r="U126416" i="1"/>
  <c r="U126415" i="1"/>
  <c r="U126414" i="1"/>
  <c r="U126413" i="1"/>
  <c r="U126412" i="1"/>
  <c r="U126411" i="1"/>
  <c r="U126410" i="1"/>
  <c r="U126409" i="1"/>
  <c r="U126408" i="1"/>
  <c r="U126407" i="1"/>
  <c r="U126406" i="1"/>
  <c r="U126405" i="1"/>
  <c r="U126404" i="1"/>
  <c r="U126403" i="1"/>
  <c r="U126402" i="1"/>
  <c r="U126401" i="1"/>
  <c r="U126400" i="1"/>
  <c r="U126399" i="1"/>
  <c r="U126398" i="1"/>
  <c r="U126397" i="1"/>
  <c r="U126396" i="1"/>
  <c r="U126395" i="1"/>
  <c r="U126394" i="1"/>
  <c r="U126393" i="1"/>
  <c r="U126392" i="1"/>
  <c r="U126391" i="1"/>
  <c r="U126390" i="1"/>
  <c r="U126389" i="1"/>
  <c r="U126388" i="1"/>
  <c r="U126387" i="1"/>
  <c r="U126386" i="1"/>
  <c r="U126385" i="1"/>
  <c r="U126384" i="1"/>
  <c r="U126383" i="1"/>
  <c r="U126382" i="1"/>
  <c r="U126381" i="1"/>
  <c r="U126380" i="1"/>
  <c r="U126379" i="1"/>
  <c r="U126378" i="1"/>
  <c r="U126377" i="1"/>
  <c r="U126376" i="1"/>
  <c r="U126375" i="1"/>
  <c r="U126374" i="1"/>
  <c r="U126373" i="1"/>
  <c r="U126372" i="1"/>
  <c r="U126371" i="1"/>
  <c r="U126370" i="1"/>
  <c r="U126369" i="1"/>
  <c r="U126368" i="1"/>
  <c r="U126367" i="1"/>
  <c r="U126366" i="1"/>
  <c r="U126365" i="1"/>
  <c r="U126364" i="1"/>
  <c r="U126363" i="1"/>
  <c r="U126362" i="1"/>
  <c r="U126361" i="1"/>
  <c r="U126360" i="1"/>
  <c r="U126359" i="1"/>
  <c r="U126358" i="1"/>
  <c r="U126357" i="1"/>
  <c r="U126356" i="1"/>
  <c r="U126355" i="1"/>
  <c r="U126354" i="1"/>
  <c r="U126353" i="1"/>
  <c r="U126352" i="1"/>
  <c r="U126351" i="1"/>
  <c r="U126350" i="1"/>
  <c r="U126349" i="1"/>
  <c r="U126348" i="1"/>
  <c r="U126347" i="1"/>
  <c r="U126346" i="1"/>
  <c r="U126345" i="1"/>
  <c r="U126344" i="1"/>
  <c r="U126343" i="1"/>
  <c r="U126342" i="1"/>
  <c r="U126341" i="1"/>
  <c r="U126340" i="1"/>
  <c r="U126339" i="1"/>
  <c r="U126338" i="1"/>
  <c r="U126337" i="1"/>
  <c r="U126336" i="1"/>
  <c r="U126335" i="1"/>
  <c r="U126334" i="1"/>
  <c r="U126333" i="1"/>
  <c r="U126332" i="1"/>
  <c r="U126331" i="1"/>
  <c r="U126330" i="1"/>
  <c r="U126329" i="1"/>
  <c r="U126328" i="1"/>
  <c r="U126327" i="1"/>
  <c r="U126326" i="1"/>
  <c r="U126325" i="1"/>
  <c r="U126324" i="1"/>
  <c r="U126323" i="1"/>
  <c r="U126322" i="1"/>
  <c r="U126321" i="1"/>
  <c r="U126320" i="1"/>
  <c r="U126319" i="1"/>
  <c r="U126318" i="1"/>
  <c r="U126317" i="1"/>
  <c r="U126316" i="1"/>
  <c r="U126315" i="1"/>
  <c r="U126314" i="1"/>
  <c r="U126313" i="1"/>
  <c r="U126312" i="1"/>
  <c r="U126311" i="1"/>
  <c r="U126310" i="1"/>
  <c r="U126309" i="1"/>
  <c r="U126308" i="1"/>
  <c r="U126307" i="1"/>
  <c r="U126306" i="1"/>
  <c r="U126305" i="1"/>
  <c r="U126304" i="1"/>
  <c r="U126303" i="1"/>
  <c r="U126302" i="1"/>
  <c r="U126301" i="1"/>
  <c r="U126300" i="1"/>
  <c r="U126299" i="1"/>
  <c r="U126298" i="1"/>
  <c r="U126297" i="1"/>
  <c r="U126296" i="1"/>
  <c r="U126295" i="1"/>
  <c r="U126294" i="1"/>
  <c r="U126293" i="1"/>
  <c r="U126292" i="1"/>
  <c r="U126291" i="1"/>
  <c r="U126290" i="1"/>
  <c r="U126289" i="1"/>
  <c r="U126288" i="1"/>
  <c r="U126287" i="1"/>
  <c r="U126286" i="1"/>
  <c r="U126285" i="1"/>
  <c r="U126284" i="1"/>
  <c r="U126283" i="1"/>
  <c r="U126282" i="1"/>
  <c r="U126281" i="1"/>
  <c r="U126280" i="1"/>
  <c r="U126279" i="1"/>
  <c r="U126278" i="1"/>
  <c r="U126277" i="1"/>
  <c r="U126276" i="1"/>
  <c r="U126275" i="1"/>
  <c r="U126274" i="1"/>
  <c r="U126273" i="1"/>
  <c r="U126272" i="1"/>
  <c r="U126271" i="1"/>
  <c r="U126270" i="1"/>
  <c r="U126269" i="1"/>
  <c r="U126268" i="1"/>
  <c r="U126267" i="1"/>
  <c r="U126266" i="1"/>
  <c r="U126265" i="1"/>
  <c r="U126264" i="1"/>
  <c r="U126263" i="1"/>
  <c r="U126262" i="1"/>
  <c r="U126261" i="1"/>
  <c r="U126260" i="1"/>
  <c r="U126259" i="1"/>
  <c r="U126258" i="1"/>
  <c r="U126257" i="1"/>
  <c r="U126256" i="1"/>
  <c r="U126255" i="1"/>
  <c r="U126254" i="1"/>
  <c r="U126253" i="1"/>
  <c r="U126252" i="1"/>
  <c r="U126251" i="1"/>
  <c r="U126250" i="1"/>
  <c r="U126249" i="1"/>
  <c r="U126248" i="1"/>
  <c r="U126247" i="1"/>
  <c r="U126246" i="1"/>
  <c r="U126245" i="1"/>
  <c r="U126244" i="1"/>
  <c r="U126243" i="1"/>
  <c r="U126242" i="1"/>
  <c r="U126241" i="1"/>
  <c r="U126240" i="1"/>
  <c r="U126239" i="1"/>
  <c r="U126238" i="1"/>
  <c r="U126237" i="1"/>
  <c r="U126236" i="1"/>
  <c r="U126235" i="1"/>
  <c r="U126234" i="1"/>
  <c r="U126233" i="1"/>
  <c r="U126232" i="1"/>
  <c r="U126231" i="1"/>
  <c r="U126230" i="1"/>
  <c r="U126229" i="1"/>
  <c r="U126228" i="1"/>
  <c r="U126227" i="1"/>
  <c r="U126226" i="1"/>
  <c r="U126225" i="1"/>
  <c r="U126224" i="1"/>
  <c r="U126223" i="1"/>
  <c r="U126222" i="1"/>
  <c r="U126221" i="1"/>
  <c r="U126220" i="1"/>
  <c r="U126219" i="1"/>
  <c r="U126218" i="1"/>
  <c r="U126217" i="1"/>
  <c r="U126216" i="1"/>
  <c r="U126215" i="1"/>
  <c r="U126214" i="1"/>
  <c r="U126213" i="1"/>
  <c r="U126212" i="1"/>
  <c r="U126211" i="1"/>
  <c r="U126210" i="1"/>
  <c r="U126209" i="1"/>
  <c r="U126208" i="1"/>
  <c r="U126207" i="1"/>
  <c r="U126206" i="1"/>
  <c r="U126205" i="1"/>
  <c r="U126204" i="1"/>
  <c r="U126203" i="1"/>
  <c r="U126202" i="1"/>
  <c r="U126201" i="1"/>
  <c r="U126200" i="1"/>
  <c r="U126199" i="1"/>
  <c r="U126198" i="1"/>
  <c r="U126197" i="1"/>
  <c r="U126196" i="1"/>
  <c r="U126195" i="1"/>
  <c r="U126194" i="1"/>
  <c r="U126193" i="1"/>
  <c r="U126192" i="1"/>
  <c r="U126191" i="1"/>
  <c r="U126190" i="1"/>
  <c r="U126189" i="1"/>
  <c r="U126188" i="1"/>
  <c r="U126187" i="1"/>
  <c r="U126186" i="1"/>
  <c r="U126185" i="1"/>
  <c r="U126184" i="1"/>
  <c r="U126183" i="1"/>
  <c r="U126182" i="1"/>
  <c r="U126181" i="1"/>
  <c r="U126180" i="1"/>
  <c r="U126179" i="1"/>
  <c r="U126178" i="1"/>
  <c r="U126177" i="1"/>
  <c r="U126176" i="1"/>
  <c r="U126175" i="1"/>
  <c r="U126174" i="1"/>
  <c r="U126173" i="1"/>
  <c r="U126172" i="1"/>
  <c r="U126171" i="1"/>
  <c r="U126170" i="1"/>
  <c r="U126169" i="1"/>
  <c r="U126168" i="1"/>
  <c r="U126167" i="1"/>
  <c r="U126166" i="1"/>
  <c r="U126165" i="1"/>
  <c r="U126164" i="1"/>
  <c r="U126163" i="1"/>
  <c r="U126162" i="1"/>
  <c r="U126161" i="1"/>
  <c r="U126160" i="1"/>
  <c r="U126159" i="1"/>
  <c r="U126158" i="1"/>
  <c r="U126157" i="1"/>
  <c r="U126156" i="1"/>
  <c r="U126155" i="1"/>
  <c r="U126154" i="1"/>
  <c r="U126153" i="1"/>
  <c r="U126152" i="1"/>
  <c r="U126151" i="1"/>
  <c r="U126150" i="1"/>
  <c r="U126149" i="1"/>
  <c r="U126148" i="1"/>
  <c r="U126147" i="1"/>
  <c r="U126146" i="1"/>
  <c r="U126145" i="1"/>
  <c r="U126144" i="1"/>
  <c r="U126143" i="1"/>
  <c r="U126142" i="1"/>
  <c r="U126141" i="1"/>
  <c r="U126140" i="1"/>
  <c r="U126139" i="1"/>
  <c r="U126138" i="1"/>
  <c r="U126137" i="1"/>
  <c r="U126136" i="1"/>
  <c r="U126135" i="1"/>
  <c r="U126134" i="1"/>
  <c r="U126133" i="1"/>
  <c r="U126132" i="1"/>
  <c r="U126131" i="1"/>
  <c r="U126130" i="1"/>
  <c r="U126129" i="1"/>
  <c r="U126128" i="1"/>
  <c r="U126127" i="1"/>
  <c r="U126126" i="1"/>
  <c r="U126125" i="1"/>
  <c r="U126124" i="1"/>
  <c r="U126123" i="1"/>
  <c r="U126122" i="1"/>
  <c r="U126121" i="1"/>
  <c r="U126120" i="1"/>
  <c r="U126119" i="1"/>
  <c r="U126118" i="1"/>
  <c r="U126117" i="1"/>
  <c r="U126116" i="1"/>
  <c r="U126115" i="1"/>
  <c r="U126114" i="1"/>
  <c r="U126113" i="1"/>
  <c r="U126112" i="1"/>
  <c r="U126111" i="1"/>
  <c r="U126110" i="1"/>
  <c r="U126109" i="1"/>
  <c r="U126108" i="1"/>
  <c r="U126107" i="1"/>
  <c r="U126106" i="1"/>
  <c r="U126105" i="1"/>
  <c r="U126104" i="1"/>
  <c r="U126103" i="1"/>
  <c r="U126102" i="1"/>
  <c r="U126101" i="1"/>
  <c r="U126100" i="1"/>
  <c r="U126099" i="1"/>
  <c r="U126098" i="1"/>
  <c r="U126097" i="1"/>
  <c r="U126096" i="1"/>
  <c r="U126095" i="1"/>
  <c r="U126094" i="1"/>
  <c r="U126093" i="1"/>
  <c r="U126092" i="1"/>
  <c r="U126091" i="1"/>
  <c r="U126090" i="1"/>
  <c r="U126089" i="1"/>
  <c r="U126088" i="1"/>
  <c r="U126087" i="1"/>
  <c r="U126086" i="1"/>
  <c r="U126085" i="1"/>
  <c r="U126084" i="1"/>
  <c r="U126083" i="1"/>
  <c r="U126082" i="1"/>
  <c r="U126081" i="1"/>
  <c r="U126080" i="1"/>
  <c r="U126079" i="1"/>
  <c r="U126078" i="1"/>
  <c r="U126077" i="1"/>
  <c r="U126076" i="1"/>
  <c r="U126075" i="1"/>
  <c r="U126074" i="1"/>
  <c r="U126073" i="1"/>
  <c r="U126072" i="1"/>
  <c r="U126071" i="1"/>
  <c r="U126070" i="1"/>
  <c r="U126069" i="1"/>
  <c r="U126068" i="1"/>
  <c r="U126067" i="1"/>
  <c r="U126066" i="1"/>
  <c r="U126065" i="1"/>
  <c r="U126064" i="1"/>
  <c r="U126063" i="1"/>
  <c r="U126062" i="1"/>
  <c r="U126061" i="1"/>
  <c r="U126060" i="1"/>
  <c r="U126059" i="1"/>
  <c r="U126058" i="1"/>
  <c r="U126057" i="1"/>
  <c r="U126056" i="1"/>
  <c r="U126055" i="1"/>
  <c r="U126054" i="1"/>
  <c r="U126053" i="1"/>
  <c r="U126052" i="1"/>
  <c r="U126051" i="1"/>
  <c r="U126050" i="1"/>
  <c r="U126049" i="1"/>
  <c r="U126048" i="1"/>
  <c r="U126047" i="1"/>
  <c r="U126046" i="1"/>
  <c r="U126045" i="1"/>
  <c r="U126044" i="1"/>
  <c r="U126043" i="1"/>
  <c r="U126042" i="1"/>
  <c r="U126041" i="1"/>
  <c r="U126040" i="1"/>
  <c r="U126039" i="1"/>
  <c r="U126038" i="1"/>
  <c r="U126037" i="1"/>
  <c r="U126036" i="1"/>
  <c r="U126035" i="1"/>
  <c r="U126034" i="1"/>
  <c r="U126033" i="1"/>
  <c r="U126032" i="1"/>
  <c r="U126031" i="1"/>
  <c r="U126030" i="1"/>
  <c r="U126029" i="1"/>
  <c r="U126028" i="1"/>
  <c r="U126027" i="1"/>
  <c r="U126026" i="1"/>
  <c r="U126025" i="1"/>
  <c r="U126024" i="1"/>
  <c r="U126023" i="1"/>
  <c r="U126022" i="1"/>
  <c r="U126021" i="1"/>
  <c r="U126020" i="1"/>
  <c r="U126019" i="1"/>
  <c r="U126018" i="1"/>
  <c r="U126017" i="1"/>
  <c r="U126016" i="1"/>
  <c r="U126015" i="1"/>
  <c r="U126014" i="1"/>
  <c r="U126013" i="1"/>
  <c r="U126012" i="1"/>
  <c r="U126011" i="1"/>
  <c r="U126010" i="1"/>
  <c r="U126009" i="1"/>
  <c r="U126008" i="1"/>
  <c r="U126007" i="1"/>
  <c r="U126006" i="1"/>
  <c r="U126005" i="1"/>
  <c r="U126004" i="1"/>
  <c r="U126003" i="1"/>
  <c r="U126002" i="1"/>
  <c r="U126001" i="1"/>
  <c r="U126000" i="1"/>
  <c r="U125999" i="1"/>
  <c r="U125998" i="1"/>
  <c r="U125997" i="1"/>
  <c r="U125996" i="1"/>
  <c r="U125995" i="1"/>
  <c r="U125994" i="1"/>
  <c r="U125993" i="1"/>
  <c r="U125992" i="1"/>
  <c r="U125991" i="1"/>
  <c r="U125990" i="1"/>
  <c r="U125989" i="1"/>
  <c r="U125988" i="1"/>
  <c r="U125987" i="1"/>
  <c r="U125986" i="1"/>
  <c r="U125985" i="1"/>
  <c r="U125984" i="1"/>
  <c r="U125983" i="1"/>
  <c r="U125982" i="1"/>
  <c r="U125981" i="1"/>
  <c r="U125980" i="1"/>
  <c r="U125979" i="1"/>
  <c r="U125978" i="1"/>
  <c r="U125977" i="1"/>
  <c r="U125976" i="1"/>
  <c r="U125975" i="1"/>
  <c r="U125974" i="1"/>
  <c r="U125973" i="1"/>
  <c r="U125972" i="1"/>
  <c r="U125971" i="1"/>
  <c r="U125970" i="1"/>
  <c r="U125969" i="1"/>
  <c r="U125968" i="1"/>
  <c r="U125967" i="1"/>
  <c r="U125966" i="1"/>
  <c r="U125965" i="1"/>
  <c r="U125964" i="1"/>
  <c r="U125963" i="1"/>
  <c r="U125962" i="1"/>
  <c r="U125961" i="1"/>
  <c r="U125960" i="1"/>
  <c r="U125959" i="1"/>
  <c r="U125958" i="1"/>
  <c r="U125957" i="1"/>
  <c r="U125956" i="1"/>
  <c r="U125955" i="1"/>
  <c r="U125954" i="1"/>
  <c r="U125953" i="1"/>
  <c r="U125952" i="1"/>
  <c r="U125951" i="1"/>
  <c r="U125950" i="1"/>
  <c r="U125949" i="1"/>
  <c r="U125948" i="1"/>
  <c r="U125947" i="1"/>
  <c r="U125946" i="1"/>
  <c r="U125945" i="1"/>
  <c r="U125944" i="1"/>
  <c r="U125943" i="1"/>
  <c r="U125942" i="1"/>
  <c r="U125941" i="1"/>
  <c r="U125940" i="1"/>
  <c r="U125939" i="1"/>
  <c r="U125938" i="1"/>
  <c r="U125937" i="1"/>
  <c r="U125936" i="1"/>
  <c r="U125935" i="1"/>
  <c r="U125934" i="1"/>
  <c r="U125933" i="1"/>
  <c r="U125932" i="1"/>
  <c r="U125931" i="1"/>
  <c r="U125930" i="1"/>
  <c r="U125929" i="1"/>
  <c r="U125928" i="1"/>
  <c r="U125927" i="1"/>
  <c r="U125926" i="1"/>
  <c r="U125925" i="1"/>
  <c r="U125924" i="1"/>
  <c r="U125923" i="1"/>
  <c r="U125922" i="1"/>
  <c r="U125921" i="1"/>
  <c r="U125920" i="1"/>
  <c r="U125919" i="1"/>
  <c r="U125918" i="1"/>
  <c r="U125917" i="1"/>
  <c r="U125916" i="1"/>
  <c r="U125915" i="1"/>
  <c r="U125914" i="1"/>
  <c r="U125913" i="1"/>
  <c r="U125912" i="1"/>
  <c r="U125911" i="1"/>
  <c r="U125910" i="1"/>
  <c r="U125909" i="1"/>
  <c r="U125908" i="1"/>
  <c r="U125907" i="1"/>
  <c r="U125906" i="1"/>
  <c r="U125905" i="1"/>
  <c r="U125904" i="1"/>
  <c r="U125903" i="1"/>
  <c r="U125902" i="1"/>
  <c r="U125901" i="1"/>
  <c r="U125900" i="1"/>
  <c r="U125899" i="1"/>
  <c r="U125898" i="1"/>
  <c r="U125897" i="1"/>
  <c r="U125896" i="1"/>
  <c r="U125895" i="1"/>
  <c r="U125894" i="1"/>
  <c r="U125893" i="1"/>
  <c r="U125892" i="1"/>
  <c r="U125891" i="1"/>
  <c r="U125890" i="1"/>
  <c r="U125889" i="1"/>
  <c r="U125888" i="1"/>
  <c r="U125887" i="1"/>
  <c r="U125886" i="1"/>
  <c r="U125885" i="1"/>
  <c r="U125884" i="1"/>
  <c r="U125883" i="1"/>
  <c r="U125882" i="1"/>
  <c r="U125881" i="1"/>
  <c r="U125880" i="1"/>
  <c r="U125879" i="1"/>
  <c r="U125878" i="1"/>
  <c r="U125877" i="1"/>
  <c r="U125876" i="1"/>
  <c r="U125875" i="1"/>
  <c r="U125874" i="1"/>
  <c r="U125873" i="1"/>
  <c r="U125872" i="1"/>
  <c r="U125871" i="1"/>
  <c r="U125870" i="1"/>
  <c r="U125869" i="1"/>
  <c r="U125868" i="1"/>
  <c r="U125867" i="1"/>
  <c r="U125866" i="1"/>
  <c r="U125865" i="1"/>
  <c r="U125864" i="1"/>
  <c r="U125863" i="1"/>
  <c r="U125862" i="1"/>
  <c r="U125861" i="1"/>
  <c r="U125860" i="1"/>
  <c r="U125859" i="1"/>
  <c r="U125858" i="1"/>
  <c r="U125857" i="1"/>
  <c r="U125856" i="1"/>
  <c r="U125855" i="1"/>
  <c r="U125854" i="1"/>
  <c r="U125853" i="1"/>
  <c r="U125852" i="1"/>
  <c r="U125851" i="1"/>
  <c r="U125850" i="1"/>
  <c r="U125849" i="1"/>
  <c r="U125848" i="1"/>
  <c r="U125847" i="1"/>
  <c r="U125846" i="1"/>
  <c r="U125845" i="1"/>
  <c r="U125844" i="1"/>
  <c r="U125843" i="1"/>
  <c r="U125842" i="1"/>
  <c r="U125841" i="1"/>
  <c r="U125840" i="1"/>
  <c r="U125839" i="1"/>
  <c r="U125838" i="1"/>
  <c r="U125837" i="1"/>
  <c r="U125836" i="1"/>
  <c r="U125835" i="1"/>
  <c r="U125834" i="1"/>
  <c r="U125833" i="1"/>
  <c r="U125832" i="1"/>
  <c r="U125831" i="1"/>
  <c r="U125830" i="1"/>
  <c r="U125829" i="1"/>
  <c r="U125828" i="1"/>
  <c r="U125827" i="1"/>
  <c r="U125826" i="1"/>
  <c r="U125825" i="1"/>
  <c r="U125824" i="1"/>
  <c r="U125823" i="1"/>
  <c r="U125822" i="1"/>
  <c r="U125821" i="1"/>
  <c r="U125820" i="1"/>
  <c r="U125819" i="1"/>
  <c r="U125818" i="1"/>
  <c r="U125817" i="1"/>
  <c r="U125816" i="1"/>
  <c r="U125815" i="1"/>
  <c r="U125814" i="1"/>
  <c r="U125813" i="1"/>
  <c r="U125812" i="1"/>
  <c r="U125811" i="1"/>
  <c r="U125810" i="1"/>
  <c r="U125809" i="1"/>
  <c r="U125808" i="1"/>
  <c r="U125807" i="1"/>
  <c r="U125806" i="1"/>
  <c r="U125805" i="1"/>
  <c r="U125804" i="1"/>
  <c r="U125803" i="1"/>
  <c r="U125802" i="1"/>
  <c r="U125801" i="1"/>
  <c r="U125800" i="1"/>
  <c r="U125799" i="1"/>
  <c r="U125798" i="1"/>
  <c r="U125797" i="1"/>
  <c r="U125796" i="1"/>
  <c r="U125795" i="1"/>
  <c r="U125794" i="1"/>
  <c r="U125793" i="1"/>
  <c r="U125792" i="1"/>
  <c r="U125791" i="1"/>
  <c r="U125790" i="1"/>
  <c r="U125789" i="1"/>
  <c r="U125788" i="1"/>
  <c r="U125787" i="1"/>
  <c r="U125786" i="1"/>
  <c r="U125785" i="1"/>
  <c r="U125784" i="1"/>
  <c r="U125783" i="1"/>
  <c r="U125782" i="1"/>
  <c r="U125781" i="1"/>
  <c r="U125780" i="1"/>
  <c r="U125779" i="1"/>
  <c r="U125778" i="1"/>
  <c r="U125777" i="1"/>
  <c r="U125776" i="1"/>
  <c r="U125775" i="1"/>
  <c r="U125774" i="1"/>
  <c r="U125773" i="1"/>
  <c r="U125772" i="1"/>
  <c r="U125771" i="1"/>
  <c r="U125770" i="1"/>
  <c r="U125769" i="1"/>
  <c r="U125768" i="1"/>
  <c r="U125767" i="1"/>
  <c r="U125766" i="1"/>
  <c r="U125765" i="1"/>
  <c r="U125764" i="1"/>
  <c r="U125763" i="1"/>
  <c r="U125762" i="1"/>
  <c r="U125761" i="1"/>
  <c r="U125760" i="1"/>
  <c r="U125759" i="1"/>
  <c r="U125758" i="1"/>
  <c r="U125757" i="1"/>
  <c r="U125756" i="1"/>
  <c r="U125755" i="1"/>
  <c r="U125754" i="1"/>
  <c r="U125753" i="1"/>
  <c r="U125752" i="1"/>
  <c r="U125751" i="1"/>
  <c r="U125750" i="1"/>
  <c r="U125749" i="1"/>
  <c r="U125748" i="1"/>
  <c r="U125747" i="1"/>
  <c r="U125746" i="1"/>
  <c r="U125745" i="1"/>
  <c r="U125744" i="1"/>
  <c r="U125743" i="1"/>
  <c r="U125742" i="1"/>
  <c r="U125741" i="1"/>
  <c r="U125740" i="1"/>
  <c r="U125739" i="1"/>
  <c r="U125738" i="1"/>
  <c r="U125737" i="1"/>
  <c r="U125736" i="1"/>
  <c r="U125735" i="1"/>
  <c r="U125734" i="1"/>
  <c r="U125733" i="1"/>
  <c r="U125732" i="1"/>
  <c r="U125731" i="1"/>
  <c r="U125730" i="1"/>
  <c r="U125729" i="1"/>
  <c r="U125728" i="1"/>
  <c r="U125727" i="1"/>
  <c r="U125726" i="1"/>
  <c r="U125725" i="1"/>
  <c r="U125724" i="1"/>
  <c r="U125723" i="1"/>
  <c r="U125722" i="1"/>
  <c r="U125721" i="1"/>
  <c r="U125720" i="1"/>
  <c r="U125719" i="1"/>
  <c r="U125718" i="1"/>
  <c r="U125717" i="1"/>
  <c r="U125716" i="1"/>
  <c r="U125715" i="1"/>
  <c r="U125714" i="1"/>
  <c r="U125713" i="1"/>
  <c r="U125712" i="1"/>
  <c r="U125711" i="1"/>
  <c r="U125710" i="1"/>
  <c r="U125709" i="1"/>
  <c r="U125708" i="1"/>
  <c r="U125707" i="1"/>
  <c r="U125706" i="1"/>
  <c r="U125705" i="1"/>
  <c r="U125704" i="1"/>
  <c r="U125703" i="1"/>
  <c r="U125702" i="1"/>
  <c r="U125701" i="1"/>
  <c r="U125700" i="1"/>
  <c r="U125699" i="1"/>
  <c r="U125698" i="1"/>
  <c r="U125697" i="1"/>
  <c r="U125696" i="1"/>
  <c r="U125695" i="1"/>
  <c r="U125694" i="1"/>
  <c r="U125693" i="1"/>
  <c r="U125692" i="1"/>
  <c r="U125691" i="1"/>
  <c r="U125690" i="1"/>
  <c r="U125689" i="1"/>
  <c r="U125688" i="1"/>
  <c r="U125687" i="1"/>
  <c r="U125686" i="1"/>
  <c r="U125685" i="1"/>
  <c r="U125684" i="1"/>
  <c r="U125683" i="1"/>
  <c r="U125682" i="1"/>
  <c r="U125681" i="1"/>
  <c r="U125680" i="1"/>
  <c r="U125679" i="1"/>
  <c r="U125678" i="1"/>
  <c r="U125677" i="1"/>
  <c r="U125676" i="1"/>
  <c r="U125675" i="1"/>
  <c r="U125674" i="1"/>
  <c r="U125673" i="1"/>
  <c r="U125672" i="1"/>
  <c r="U125671" i="1"/>
  <c r="U125670" i="1"/>
  <c r="U125669" i="1"/>
  <c r="U125668" i="1"/>
  <c r="U125667" i="1"/>
  <c r="U125666" i="1"/>
  <c r="U125665" i="1"/>
  <c r="U125664" i="1"/>
  <c r="U125663" i="1"/>
  <c r="U125662" i="1"/>
  <c r="U125661" i="1"/>
  <c r="U125660" i="1"/>
  <c r="U125659" i="1"/>
  <c r="U125658" i="1"/>
  <c r="U125657" i="1"/>
  <c r="U125656" i="1"/>
  <c r="U125655" i="1"/>
  <c r="U125654" i="1"/>
  <c r="U125653" i="1"/>
  <c r="U125652" i="1"/>
  <c r="U125651" i="1"/>
  <c r="U125650" i="1"/>
  <c r="U125649" i="1"/>
  <c r="U125648" i="1"/>
  <c r="U125647" i="1"/>
  <c r="U125646" i="1"/>
  <c r="U125645" i="1"/>
  <c r="U125644" i="1"/>
  <c r="U125643" i="1"/>
  <c r="U125642" i="1"/>
  <c r="U125641" i="1"/>
  <c r="U125640" i="1"/>
  <c r="U125639" i="1"/>
  <c r="U125638" i="1"/>
  <c r="U125637" i="1"/>
  <c r="U125636" i="1"/>
  <c r="U125635" i="1"/>
  <c r="U125634" i="1"/>
  <c r="U125633" i="1"/>
  <c r="U125632" i="1"/>
  <c r="U125631" i="1"/>
  <c r="U125630" i="1"/>
  <c r="U125629" i="1"/>
  <c r="U125628" i="1"/>
  <c r="U125627" i="1"/>
  <c r="U125626" i="1"/>
  <c r="U125625" i="1"/>
  <c r="U125624" i="1"/>
  <c r="U125623" i="1"/>
  <c r="U125622" i="1"/>
  <c r="U125621" i="1"/>
  <c r="U125620" i="1"/>
  <c r="U125619" i="1"/>
  <c r="U125618" i="1"/>
  <c r="U125617" i="1"/>
  <c r="U125616" i="1"/>
  <c r="U125615" i="1"/>
  <c r="U125614" i="1"/>
  <c r="U125613" i="1"/>
  <c r="U125612" i="1"/>
  <c r="U125611" i="1"/>
  <c r="U125610" i="1"/>
  <c r="U125609" i="1"/>
  <c r="U125608" i="1"/>
  <c r="U125607" i="1"/>
  <c r="U125606" i="1"/>
  <c r="U125605" i="1"/>
  <c r="U125604" i="1"/>
  <c r="U125603" i="1"/>
  <c r="U125602" i="1"/>
  <c r="U125601" i="1"/>
  <c r="U125600" i="1"/>
  <c r="U125599" i="1"/>
  <c r="U125598" i="1"/>
  <c r="U125597" i="1"/>
  <c r="U125596" i="1"/>
  <c r="U125595" i="1"/>
  <c r="U125594" i="1"/>
  <c r="U125593" i="1"/>
  <c r="U125592" i="1"/>
  <c r="U125591" i="1"/>
  <c r="U125590" i="1"/>
  <c r="U125589" i="1"/>
  <c r="U125588" i="1"/>
  <c r="U125587" i="1"/>
  <c r="U125586" i="1"/>
  <c r="U125585" i="1"/>
  <c r="U125584" i="1"/>
  <c r="U125583" i="1"/>
  <c r="U125582" i="1"/>
  <c r="U125581" i="1"/>
  <c r="U125580" i="1"/>
  <c r="U125579" i="1"/>
  <c r="U125578" i="1"/>
  <c r="U125577" i="1"/>
  <c r="U125576" i="1"/>
  <c r="U125575" i="1"/>
  <c r="U125574" i="1"/>
  <c r="U125573" i="1"/>
  <c r="U125572" i="1"/>
  <c r="U125571" i="1"/>
  <c r="U125570" i="1"/>
  <c r="U125569" i="1"/>
  <c r="U125568" i="1"/>
  <c r="U125567" i="1"/>
  <c r="U125566" i="1"/>
  <c r="U125565" i="1"/>
  <c r="U125564" i="1"/>
  <c r="U125563" i="1"/>
  <c r="U125562" i="1"/>
  <c r="U125561" i="1"/>
  <c r="U125560" i="1"/>
  <c r="U125559" i="1"/>
  <c r="U125558" i="1"/>
  <c r="U125557" i="1"/>
  <c r="U125556" i="1"/>
  <c r="U125555" i="1"/>
  <c r="U125554" i="1"/>
  <c r="U125553" i="1"/>
  <c r="U125552" i="1"/>
  <c r="U125551" i="1"/>
  <c r="U125550" i="1"/>
  <c r="U125549" i="1"/>
  <c r="U125548" i="1"/>
  <c r="U125547" i="1"/>
  <c r="U125546" i="1"/>
  <c r="U125545" i="1"/>
  <c r="U125544" i="1"/>
  <c r="U125543" i="1"/>
  <c r="U125542" i="1"/>
  <c r="U125541" i="1"/>
  <c r="U125540" i="1"/>
  <c r="U125539" i="1"/>
  <c r="U125538" i="1"/>
  <c r="U125537" i="1"/>
  <c r="U125536" i="1"/>
  <c r="U125535" i="1"/>
  <c r="U125534" i="1"/>
  <c r="U125533" i="1"/>
  <c r="U125532" i="1"/>
  <c r="U125531" i="1"/>
  <c r="U125530" i="1"/>
  <c r="U125529" i="1"/>
  <c r="U125528" i="1"/>
  <c r="U125527" i="1"/>
  <c r="U125526" i="1"/>
  <c r="U125525" i="1"/>
  <c r="U125524" i="1"/>
  <c r="U125523" i="1"/>
  <c r="U125522" i="1"/>
  <c r="U125521" i="1"/>
  <c r="U125520" i="1"/>
  <c r="U125519" i="1"/>
  <c r="U125518" i="1"/>
  <c r="U125517" i="1"/>
  <c r="U125516" i="1"/>
  <c r="U125515" i="1"/>
  <c r="U125514" i="1"/>
  <c r="U125513" i="1"/>
  <c r="U125512" i="1"/>
  <c r="U125511" i="1"/>
  <c r="U125510" i="1"/>
  <c r="U125509" i="1"/>
  <c r="U125508" i="1"/>
  <c r="U125507" i="1"/>
  <c r="U125506" i="1"/>
  <c r="U125505" i="1"/>
  <c r="U125504" i="1"/>
  <c r="U125503" i="1"/>
  <c r="U125502" i="1"/>
  <c r="U125501" i="1"/>
  <c r="U125500" i="1"/>
  <c r="U125499" i="1"/>
  <c r="U125498" i="1"/>
  <c r="U125497" i="1"/>
  <c r="U125496" i="1"/>
  <c r="U125495" i="1"/>
  <c r="U125494" i="1"/>
  <c r="U125493" i="1"/>
  <c r="U125492" i="1"/>
  <c r="U125491" i="1"/>
  <c r="U125490" i="1"/>
  <c r="U125489" i="1"/>
  <c r="U125488" i="1"/>
  <c r="U125487" i="1"/>
  <c r="U125486" i="1"/>
  <c r="U125485" i="1"/>
  <c r="U125484" i="1"/>
  <c r="U125483" i="1"/>
  <c r="U125482" i="1"/>
  <c r="U125481" i="1"/>
  <c r="U125480" i="1"/>
  <c r="U125479" i="1"/>
  <c r="U125478" i="1"/>
  <c r="U125477" i="1"/>
  <c r="U125476" i="1"/>
  <c r="U125475" i="1"/>
  <c r="U125474" i="1"/>
  <c r="U125473" i="1"/>
  <c r="U125472" i="1"/>
  <c r="U125471" i="1"/>
  <c r="U125470" i="1"/>
  <c r="U125469" i="1"/>
  <c r="U125468" i="1"/>
  <c r="U125467" i="1"/>
  <c r="U125466" i="1"/>
  <c r="U125465" i="1"/>
  <c r="U125464" i="1"/>
  <c r="U125463" i="1"/>
  <c r="U125462" i="1"/>
  <c r="U125461" i="1"/>
  <c r="U125460" i="1"/>
  <c r="U125459" i="1"/>
  <c r="U125458" i="1"/>
  <c r="U125457" i="1"/>
  <c r="U125456" i="1"/>
  <c r="U125455" i="1"/>
  <c r="U125454" i="1"/>
  <c r="U125453" i="1"/>
  <c r="U125452" i="1"/>
  <c r="U125451" i="1"/>
  <c r="U125450" i="1"/>
  <c r="U125449" i="1"/>
  <c r="U125448" i="1"/>
  <c r="U125447" i="1"/>
  <c r="U125446" i="1"/>
  <c r="U125445" i="1"/>
  <c r="U125444" i="1"/>
  <c r="U125443" i="1"/>
  <c r="U125442" i="1"/>
  <c r="U125441" i="1"/>
  <c r="U125440" i="1"/>
  <c r="U125439" i="1"/>
  <c r="U125438" i="1"/>
  <c r="U125437" i="1"/>
  <c r="U125436" i="1"/>
  <c r="U125435" i="1"/>
  <c r="U125434" i="1"/>
  <c r="U125433" i="1"/>
  <c r="U125432" i="1"/>
  <c r="U125431" i="1"/>
  <c r="U125430" i="1"/>
  <c r="U125429" i="1"/>
  <c r="U125428" i="1"/>
  <c r="U125427" i="1"/>
  <c r="U125426" i="1"/>
  <c r="U125425" i="1"/>
  <c r="U125424" i="1"/>
  <c r="U125423" i="1"/>
  <c r="U125422" i="1"/>
  <c r="U125421" i="1"/>
  <c r="U125420" i="1"/>
  <c r="U125419" i="1"/>
  <c r="U125418" i="1"/>
  <c r="U125417" i="1"/>
  <c r="U125416" i="1"/>
  <c r="U125415" i="1"/>
  <c r="U125414" i="1"/>
  <c r="U125413" i="1"/>
  <c r="U125412" i="1"/>
  <c r="U125411" i="1"/>
  <c r="U125410" i="1"/>
  <c r="U125409" i="1"/>
  <c r="U125408" i="1"/>
  <c r="U125407" i="1"/>
  <c r="U125406" i="1"/>
  <c r="U125405" i="1"/>
  <c r="U125404" i="1"/>
  <c r="U125403" i="1"/>
  <c r="U125402" i="1"/>
  <c r="U125401" i="1"/>
  <c r="U125400" i="1"/>
  <c r="U125399" i="1"/>
  <c r="U125398" i="1"/>
  <c r="U125397" i="1"/>
  <c r="U125396" i="1"/>
  <c r="U125395" i="1"/>
  <c r="U125394" i="1"/>
  <c r="U125393" i="1"/>
  <c r="U125392" i="1"/>
  <c r="U125391" i="1"/>
  <c r="U125390" i="1"/>
  <c r="U125389" i="1"/>
  <c r="U125388" i="1"/>
  <c r="U125387" i="1"/>
  <c r="U125386" i="1"/>
  <c r="U125385" i="1"/>
  <c r="U125384" i="1"/>
  <c r="U125383" i="1"/>
  <c r="U125382" i="1"/>
  <c r="U125381" i="1"/>
  <c r="U125380" i="1"/>
  <c r="U125379" i="1"/>
  <c r="U125378" i="1"/>
  <c r="U125377" i="1"/>
  <c r="U125376" i="1"/>
  <c r="U125375" i="1"/>
  <c r="U125374" i="1"/>
  <c r="U125373" i="1"/>
  <c r="U125372" i="1"/>
  <c r="U125371" i="1"/>
  <c r="U125370" i="1"/>
  <c r="U125369" i="1"/>
  <c r="U125368" i="1"/>
  <c r="U125367" i="1"/>
  <c r="U125366" i="1"/>
  <c r="U125365" i="1"/>
  <c r="U125364" i="1"/>
  <c r="U125363" i="1"/>
  <c r="U125362" i="1"/>
  <c r="U125361" i="1"/>
  <c r="U125360" i="1"/>
  <c r="U125359" i="1"/>
  <c r="U125358" i="1"/>
  <c r="U125357" i="1"/>
  <c r="U125356" i="1"/>
  <c r="U125355" i="1"/>
  <c r="U125354" i="1"/>
  <c r="U125353" i="1"/>
  <c r="U125352" i="1"/>
  <c r="U125351" i="1"/>
  <c r="U125350" i="1"/>
  <c r="U125349" i="1"/>
  <c r="U125348" i="1"/>
  <c r="U125347" i="1"/>
  <c r="U125346" i="1"/>
  <c r="U125345" i="1"/>
  <c r="U125344" i="1"/>
  <c r="U125343" i="1"/>
  <c r="U125342" i="1"/>
  <c r="U125341" i="1"/>
  <c r="U125340" i="1"/>
  <c r="U125339" i="1"/>
  <c r="U125338" i="1"/>
  <c r="U125337" i="1"/>
  <c r="U125336" i="1"/>
  <c r="U125335" i="1"/>
  <c r="U125334" i="1"/>
  <c r="U125333" i="1"/>
  <c r="U125332" i="1"/>
  <c r="U125331" i="1"/>
  <c r="U125330" i="1"/>
  <c r="U125329" i="1"/>
  <c r="U125328" i="1"/>
  <c r="U125327" i="1"/>
  <c r="U125326" i="1"/>
  <c r="U125325" i="1"/>
  <c r="U125324" i="1"/>
  <c r="U125323" i="1"/>
  <c r="U125322" i="1"/>
  <c r="U125321" i="1"/>
  <c r="U125320" i="1"/>
  <c r="U125319" i="1"/>
  <c r="U125318" i="1"/>
  <c r="U125317" i="1"/>
  <c r="U125316" i="1"/>
  <c r="U125315" i="1"/>
  <c r="U125314" i="1"/>
  <c r="U125313" i="1"/>
  <c r="U125312" i="1"/>
  <c r="U125311" i="1"/>
  <c r="U125310" i="1"/>
  <c r="U125309" i="1"/>
  <c r="U125308" i="1"/>
  <c r="U125307" i="1"/>
  <c r="U125306" i="1"/>
  <c r="U125305" i="1"/>
  <c r="U125304" i="1"/>
  <c r="U125303" i="1"/>
  <c r="U125302" i="1"/>
  <c r="U125301" i="1"/>
  <c r="U125300" i="1"/>
  <c r="U125299" i="1"/>
  <c r="U125298" i="1"/>
  <c r="U125297" i="1"/>
  <c r="U125296" i="1"/>
  <c r="U125295" i="1"/>
  <c r="U125294" i="1"/>
  <c r="U125293" i="1"/>
  <c r="U125292" i="1"/>
  <c r="U125291" i="1"/>
  <c r="U125290" i="1"/>
  <c r="U125289" i="1"/>
  <c r="U125288" i="1"/>
  <c r="U125287" i="1"/>
  <c r="U125286" i="1"/>
  <c r="U125285" i="1"/>
  <c r="U125284" i="1"/>
  <c r="U125283" i="1"/>
  <c r="U125282" i="1"/>
  <c r="U125281" i="1"/>
  <c r="U125280" i="1"/>
  <c r="U125279" i="1"/>
  <c r="U125278" i="1"/>
  <c r="U125277" i="1"/>
  <c r="U125276" i="1"/>
  <c r="U125275" i="1"/>
  <c r="U125274" i="1"/>
  <c r="U125273" i="1"/>
  <c r="U125272" i="1"/>
  <c r="U125271" i="1"/>
  <c r="U125270" i="1"/>
  <c r="U125269" i="1"/>
  <c r="U125268" i="1"/>
  <c r="U125267" i="1"/>
  <c r="U125266" i="1"/>
  <c r="U125265" i="1"/>
  <c r="U125264" i="1"/>
  <c r="U125263" i="1"/>
  <c r="U125262" i="1"/>
  <c r="U125261" i="1"/>
  <c r="U125260" i="1"/>
  <c r="U125259" i="1"/>
  <c r="U125258" i="1"/>
  <c r="U125257" i="1"/>
  <c r="U125256" i="1"/>
  <c r="U125255" i="1"/>
  <c r="U125254" i="1"/>
  <c r="U125253" i="1"/>
  <c r="U125252" i="1"/>
  <c r="U125251" i="1"/>
  <c r="U125250" i="1"/>
  <c r="U125249" i="1"/>
  <c r="U125248" i="1"/>
  <c r="U125247" i="1"/>
  <c r="U125246" i="1"/>
  <c r="U125245" i="1"/>
  <c r="U125244" i="1"/>
  <c r="U125243" i="1"/>
  <c r="U125242" i="1"/>
  <c r="U125241" i="1"/>
  <c r="U125240" i="1"/>
  <c r="U125239" i="1"/>
  <c r="U125238" i="1"/>
  <c r="U125237" i="1"/>
  <c r="U125236" i="1"/>
  <c r="U125235" i="1"/>
  <c r="U125234" i="1"/>
  <c r="U125233" i="1"/>
  <c r="U125232" i="1"/>
  <c r="U125231" i="1"/>
  <c r="U125230" i="1"/>
  <c r="U125229" i="1"/>
  <c r="U125228" i="1"/>
  <c r="U125227" i="1"/>
  <c r="U125226" i="1"/>
  <c r="U125225" i="1"/>
  <c r="U125224" i="1"/>
  <c r="U125223" i="1"/>
  <c r="U125222" i="1"/>
  <c r="U125221" i="1"/>
  <c r="U125220" i="1"/>
  <c r="U125219" i="1"/>
  <c r="U125218" i="1"/>
  <c r="U125217" i="1"/>
  <c r="U125216" i="1"/>
  <c r="U125215" i="1"/>
  <c r="U125214" i="1"/>
  <c r="U125213" i="1"/>
  <c r="U125212" i="1"/>
  <c r="U125211" i="1"/>
  <c r="U125210" i="1"/>
  <c r="U125209" i="1"/>
  <c r="U125208" i="1"/>
  <c r="U125207" i="1"/>
  <c r="U125206" i="1"/>
  <c r="U125205" i="1"/>
  <c r="U125204" i="1"/>
  <c r="U125203" i="1"/>
  <c r="U125202" i="1"/>
  <c r="U125201" i="1"/>
  <c r="U125200" i="1"/>
  <c r="U125199" i="1"/>
  <c r="U125198" i="1"/>
  <c r="U125197" i="1"/>
  <c r="U125196" i="1"/>
  <c r="U125195" i="1"/>
  <c r="U125194" i="1"/>
  <c r="U125193" i="1"/>
  <c r="U125192" i="1"/>
  <c r="U125191" i="1"/>
  <c r="U125190" i="1"/>
  <c r="U125189" i="1"/>
  <c r="U125188" i="1"/>
  <c r="U125187" i="1"/>
  <c r="U125186" i="1"/>
  <c r="U125185" i="1"/>
  <c r="U125184" i="1"/>
  <c r="U125183" i="1"/>
  <c r="U125182" i="1"/>
  <c r="U125181" i="1"/>
  <c r="U125180" i="1"/>
  <c r="U125179" i="1"/>
  <c r="U125178" i="1"/>
  <c r="U125177" i="1"/>
  <c r="U125176" i="1"/>
  <c r="U125175" i="1"/>
  <c r="U125174" i="1"/>
  <c r="U125173" i="1"/>
  <c r="U125172" i="1"/>
  <c r="U125171" i="1"/>
  <c r="U125170" i="1"/>
  <c r="U125169" i="1"/>
  <c r="U125168" i="1"/>
  <c r="U125167" i="1"/>
  <c r="U125166" i="1"/>
  <c r="U125165" i="1"/>
  <c r="U125164" i="1"/>
  <c r="U125163" i="1"/>
  <c r="U125162" i="1"/>
  <c r="U125161" i="1"/>
  <c r="U125160" i="1"/>
  <c r="U125159" i="1"/>
  <c r="U125158" i="1"/>
  <c r="U125157" i="1"/>
  <c r="U125156" i="1"/>
  <c r="U125155" i="1"/>
  <c r="U125154" i="1"/>
  <c r="U125153" i="1"/>
  <c r="U125152" i="1"/>
  <c r="U125151" i="1"/>
  <c r="U125150" i="1"/>
  <c r="U125149" i="1"/>
  <c r="U125148" i="1"/>
  <c r="U125147" i="1"/>
  <c r="U125146" i="1"/>
  <c r="U125145" i="1"/>
  <c r="U125144" i="1"/>
  <c r="U125143" i="1"/>
  <c r="U125142" i="1"/>
  <c r="U125141" i="1"/>
  <c r="U125140" i="1"/>
  <c r="U125139" i="1"/>
  <c r="U125138" i="1"/>
  <c r="U125137" i="1"/>
  <c r="U125136" i="1"/>
  <c r="U125135" i="1"/>
  <c r="U125134" i="1"/>
  <c r="U125133" i="1"/>
  <c r="U125132" i="1"/>
  <c r="U125131" i="1"/>
  <c r="U125130" i="1"/>
  <c r="U125129" i="1"/>
  <c r="U125128" i="1"/>
  <c r="U125127" i="1"/>
  <c r="U125126" i="1"/>
  <c r="U125125" i="1"/>
  <c r="U125124" i="1"/>
  <c r="U125123" i="1"/>
  <c r="U125122" i="1"/>
  <c r="U125121" i="1"/>
  <c r="U125120" i="1"/>
  <c r="U125119" i="1"/>
  <c r="U125118" i="1"/>
  <c r="U125117" i="1"/>
  <c r="U125116" i="1"/>
  <c r="U125115" i="1"/>
  <c r="U125114" i="1"/>
  <c r="U125113" i="1"/>
  <c r="U125112" i="1"/>
  <c r="U125111" i="1"/>
  <c r="U125110" i="1"/>
  <c r="U125109" i="1"/>
  <c r="U125108" i="1"/>
  <c r="U125107" i="1"/>
  <c r="U125106" i="1"/>
  <c r="U125105" i="1"/>
  <c r="U125104" i="1"/>
  <c r="U125103" i="1"/>
  <c r="U125102" i="1"/>
  <c r="U125101" i="1"/>
  <c r="U125100" i="1"/>
  <c r="U125099" i="1"/>
  <c r="U125098" i="1"/>
  <c r="U125097" i="1"/>
  <c r="U125096" i="1"/>
  <c r="U125095" i="1"/>
  <c r="U125094" i="1"/>
  <c r="U125093" i="1"/>
  <c r="U125092" i="1"/>
  <c r="U125091" i="1"/>
  <c r="U125090" i="1"/>
  <c r="U125089" i="1"/>
  <c r="U125088" i="1"/>
  <c r="U125087" i="1"/>
  <c r="U125086" i="1"/>
  <c r="U125085" i="1"/>
  <c r="U125084" i="1"/>
  <c r="U125083" i="1"/>
  <c r="U125082" i="1"/>
  <c r="U125081" i="1"/>
  <c r="U125080" i="1"/>
  <c r="U125079" i="1"/>
  <c r="U125078" i="1"/>
  <c r="U125077" i="1"/>
  <c r="U125076" i="1"/>
  <c r="U125075" i="1"/>
  <c r="U125074" i="1"/>
  <c r="U125073" i="1"/>
  <c r="U125072" i="1"/>
  <c r="U125071" i="1"/>
  <c r="U125070" i="1"/>
  <c r="U125069" i="1"/>
  <c r="U125068" i="1"/>
  <c r="U125067" i="1"/>
  <c r="U125066" i="1"/>
  <c r="U125065" i="1"/>
  <c r="U125064" i="1"/>
  <c r="U125063" i="1"/>
  <c r="U125062" i="1"/>
  <c r="U125061" i="1"/>
  <c r="U125060" i="1"/>
  <c r="U125059" i="1"/>
  <c r="U125058" i="1"/>
  <c r="U125057" i="1"/>
  <c r="U125056" i="1"/>
  <c r="U125055" i="1"/>
  <c r="U125054" i="1"/>
  <c r="U125053" i="1"/>
  <c r="U125052" i="1"/>
  <c r="U125051" i="1"/>
  <c r="U125050" i="1"/>
  <c r="U125049" i="1"/>
  <c r="U125048" i="1"/>
  <c r="U125047" i="1"/>
  <c r="U125046" i="1"/>
  <c r="U125045" i="1"/>
  <c r="U125044" i="1"/>
  <c r="U125043" i="1"/>
  <c r="U125042" i="1"/>
  <c r="U125041" i="1"/>
  <c r="U125040" i="1"/>
  <c r="U125039" i="1"/>
  <c r="U125038" i="1"/>
  <c r="U125037" i="1"/>
  <c r="U125036" i="1"/>
  <c r="U125035" i="1"/>
  <c r="U125034" i="1"/>
  <c r="U125033" i="1"/>
  <c r="U125032" i="1"/>
  <c r="U125031" i="1"/>
  <c r="U125030" i="1"/>
  <c r="U125029" i="1"/>
  <c r="U125028" i="1"/>
  <c r="U125027" i="1"/>
  <c r="U125026" i="1"/>
  <c r="U125025" i="1"/>
  <c r="U125024" i="1"/>
  <c r="U125023" i="1"/>
  <c r="U125022" i="1"/>
  <c r="U125021" i="1"/>
  <c r="U125020" i="1"/>
  <c r="U125019" i="1"/>
  <c r="U125018" i="1"/>
  <c r="U125017" i="1"/>
  <c r="U125016" i="1"/>
  <c r="U125015" i="1"/>
  <c r="U125014" i="1"/>
  <c r="U125013" i="1"/>
  <c r="U125012" i="1"/>
  <c r="U125011" i="1"/>
  <c r="U125010" i="1"/>
  <c r="U125009" i="1"/>
  <c r="U125008" i="1"/>
  <c r="U125007" i="1"/>
  <c r="U125006" i="1"/>
  <c r="U125005" i="1"/>
  <c r="U125004" i="1"/>
  <c r="U125003" i="1"/>
  <c r="U125002" i="1"/>
  <c r="U125001" i="1"/>
  <c r="U125000" i="1"/>
  <c r="U124999" i="1"/>
  <c r="U124998" i="1"/>
  <c r="U124997" i="1"/>
  <c r="U124996" i="1"/>
  <c r="U124995" i="1"/>
  <c r="U124994" i="1"/>
  <c r="U124993" i="1"/>
  <c r="U124992" i="1"/>
  <c r="U124991" i="1"/>
  <c r="U124990" i="1"/>
  <c r="U124989" i="1"/>
  <c r="U124988" i="1"/>
  <c r="U124987" i="1"/>
  <c r="U124986" i="1"/>
  <c r="U124985" i="1"/>
  <c r="U124984" i="1"/>
  <c r="U124983" i="1"/>
  <c r="U124982" i="1"/>
  <c r="U124981" i="1"/>
  <c r="U124980" i="1"/>
  <c r="U124979" i="1"/>
  <c r="U124978" i="1"/>
  <c r="U124977" i="1"/>
  <c r="U124976" i="1"/>
  <c r="U124975" i="1"/>
  <c r="U124974" i="1"/>
  <c r="U124973" i="1"/>
  <c r="U124972" i="1"/>
  <c r="U124971" i="1"/>
  <c r="U124970" i="1"/>
  <c r="U124969" i="1"/>
  <c r="U124968" i="1"/>
  <c r="U124967" i="1"/>
  <c r="U124966" i="1"/>
  <c r="U124965" i="1"/>
  <c r="U124964" i="1"/>
  <c r="U124963" i="1"/>
  <c r="U124962" i="1"/>
  <c r="U124961" i="1"/>
  <c r="U124960" i="1"/>
  <c r="U124959" i="1"/>
  <c r="U124958" i="1"/>
  <c r="U124957" i="1"/>
  <c r="U124956" i="1"/>
  <c r="U124955" i="1"/>
  <c r="U124954" i="1"/>
  <c r="U124953" i="1"/>
  <c r="U124952" i="1"/>
  <c r="U124951" i="1"/>
  <c r="U124950" i="1"/>
  <c r="U124949" i="1"/>
  <c r="U124948" i="1"/>
  <c r="U124947" i="1"/>
  <c r="U124946" i="1"/>
  <c r="U124945" i="1"/>
  <c r="U124944" i="1"/>
  <c r="U124943" i="1"/>
  <c r="U124942" i="1"/>
  <c r="U124941" i="1"/>
  <c r="U124940" i="1"/>
  <c r="U124939" i="1"/>
  <c r="U124938" i="1"/>
  <c r="U124937" i="1"/>
  <c r="U124936" i="1"/>
  <c r="U124935" i="1"/>
  <c r="U124934" i="1"/>
  <c r="U124933" i="1"/>
  <c r="U124932" i="1"/>
  <c r="U124931" i="1"/>
  <c r="U124930" i="1"/>
  <c r="U124929" i="1"/>
  <c r="U124928" i="1"/>
  <c r="U124927" i="1"/>
  <c r="U124926" i="1"/>
  <c r="U124925" i="1"/>
  <c r="U124924" i="1"/>
  <c r="U124923" i="1"/>
  <c r="U124922" i="1"/>
  <c r="U124921" i="1"/>
  <c r="U124920" i="1"/>
  <c r="U124919" i="1"/>
  <c r="U124918" i="1"/>
  <c r="U124917" i="1"/>
  <c r="U124916" i="1"/>
  <c r="U124915" i="1"/>
  <c r="U124914" i="1"/>
  <c r="U124913" i="1"/>
  <c r="U124912" i="1"/>
  <c r="U124911" i="1"/>
  <c r="U124910" i="1"/>
  <c r="U124909" i="1"/>
  <c r="U124908" i="1"/>
  <c r="U124907" i="1"/>
  <c r="U124906" i="1"/>
  <c r="U124905" i="1"/>
  <c r="U124904" i="1"/>
  <c r="U124903" i="1"/>
  <c r="U124902" i="1"/>
  <c r="U124901" i="1"/>
  <c r="U124900" i="1"/>
  <c r="U124899" i="1"/>
  <c r="U124898" i="1"/>
  <c r="U124897" i="1"/>
  <c r="U124896" i="1"/>
  <c r="U124895" i="1"/>
  <c r="U124894" i="1"/>
  <c r="U124893" i="1"/>
  <c r="U124892" i="1"/>
  <c r="U124891" i="1"/>
  <c r="U124890" i="1"/>
  <c r="U124889" i="1"/>
  <c r="U124888" i="1"/>
  <c r="U124887" i="1"/>
  <c r="U124886" i="1"/>
  <c r="U124885" i="1"/>
  <c r="U124884" i="1"/>
  <c r="U124883" i="1"/>
  <c r="U124882" i="1"/>
  <c r="U124881" i="1"/>
  <c r="U124880" i="1"/>
  <c r="U124879" i="1"/>
  <c r="U124878" i="1"/>
  <c r="U124877" i="1"/>
  <c r="U124876" i="1"/>
  <c r="U124875" i="1"/>
  <c r="U124874" i="1"/>
  <c r="U124873" i="1"/>
  <c r="U124872" i="1"/>
  <c r="U124871" i="1"/>
  <c r="U124870" i="1"/>
  <c r="U124869" i="1"/>
  <c r="U124868" i="1"/>
  <c r="U124867" i="1"/>
  <c r="U124866" i="1"/>
  <c r="U124865" i="1"/>
  <c r="U124864" i="1"/>
  <c r="U124863" i="1"/>
  <c r="U124862" i="1"/>
  <c r="U124861" i="1"/>
  <c r="U124860" i="1"/>
  <c r="U124859" i="1"/>
  <c r="U124858" i="1"/>
  <c r="U124857" i="1"/>
  <c r="U124856" i="1"/>
  <c r="U124855" i="1"/>
  <c r="U124854" i="1"/>
  <c r="U124853" i="1"/>
  <c r="U124852" i="1"/>
  <c r="U124851" i="1"/>
  <c r="U124850" i="1"/>
  <c r="U124849" i="1"/>
  <c r="U124848" i="1"/>
  <c r="U124847" i="1"/>
  <c r="U124846" i="1"/>
  <c r="U124845" i="1"/>
  <c r="U124844" i="1"/>
  <c r="U124843" i="1"/>
  <c r="U124842" i="1"/>
  <c r="U124841" i="1"/>
  <c r="U124840" i="1"/>
  <c r="U124839" i="1"/>
  <c r="U124838" i="1"/>
  <c r="U124837" i="1"/>
  <c r="U124836" i="1"/>
  <c r="U124835" i="1"/>
  <c r="U124834" i="1"/>
  <c r="U124833" i="1"/>
  <c r="U124832" i="1"/>
  <c r="U124831" i="1"/>
  <c r="U124830" i="1"/>
  <c r="U124829" i="1"/>
  <c r="U124828" i="1"/>
  <c r="U124827" i="1"/>
  <c r="U124826" i="1"/>
  <c r="U124825" i="1"/>
  <c r="U124824" i="1"/>
  <c r="U124823" i="1"/>
  <c r="U124822" i="1"/>
  <c r="U124821" i="1"/>
  <c r="U124820" i="1"/>
  <c r="U124819" i="1"/>
  <c r="U124818" i="1"/>
  <c r="U124817" i="1"/>
  <c r="U124816" i="1"/>
  <c r="U124815" i="1"/>
  <c r="U124814" i="1"/>
  <c r="U124813" i="1"/>
  <c r="U124812" i="1"/>
  <c r="U124811" i="1"/>
  <c r="U124810" i="1"/>
  <c r="U124809" i="1"/>
  <c r="U124808" i="1"/>
  <c r="U124807" i="1"/>
  <c r="U124806" i="1"/>
  <c r="U124805" i="1"/>
  <c r="U124804" i="1"/>
  <c r="U124803" i="1"/>
  <c r="U124802" i="1"/>
  <c r="U124801" i="1"/>
  <c r="U124800" i="1"/>
  <c r="U124799" i="1"/>
  <c r="U124798" i="1"/>
  <c r="U124797" i="1"/>
  <c r="U124796" i="1"/>
  <c r="U124795" i="1"/>
  <c r="U124794" i="1"/>
  <c r="U124793" i="1"/>
  <c r="U124792" i="1"/>
  <c r="U124791" i="1"/>
  <c r="U124790" i="1"/>
  <c r="U124789" i="1"/>
  <c r="U124788" i="1"/>
  <c r="U124787" i="1"/>
  <c r="U124786" i="1"/>
  <c r="U124785" i="1"/>
  <c r="U124784" i="1"/>
  <c r="U124783" i="1"/>
  <c r="U124782" i="1"/>
  <c r="U124781" i="1"/>
  <c r="U124780" i="1"/>
  <c r="U124779" i="1"/>
  <c r="U124778" i="1"/>
  <c r="U124777" i="1"/>
  <c r="U124776" i="1"/>
  <c r="U124775" i="1"/>
  <c r="U124774" i="1"/>
  <c r="U124773" i="1"/>
  <c r="U124772" i="1"/>
  <c r="U124771" i="1"/>
  <c r="U124770" i="1"/>
  <c r="U124769" i="1"/>
  <c r="U124768" i="1"/>
  <c r="U124767" i="1"/>
  <c r="U124766" i="1"/>
  <c r="U124765" i="1"/>
  <c r="U124764" i="1"/>
  <c r="U124763" i="1"/>
  <c r="U124762" i="1"/>
  <c r="U124761" i="1"/>
  <c r="U124760" i="1"/>
  <c r="U124759" i="1"/>
  <c r="U124758" i="1"/>
  <c r="U124757" i="1"/>
  <c r="U124756" i="1"/>
  <c r="U124755" i="1"/>
  <c r="U124754" i="1"/>
  <c r="U124753" i="1"/>
  <c r="U124752" i="1"/>
  <c r="U124751" i="1"/>
  <c r="U124750" i="1"/>
  <c r="U124749" i="1"/>
  <c r="U124748" i="1"/>
  <c r="U124747" i="1"/>
  <c r="U124746" i="1"/>
  <c r="U124745" i="1"/>
  <c r="U124744" i="1"/>
  <c r="U124743" i="1"/>
  <c r="U124742" i="1"/>
  <c r="U124741" i="1"/>
  <c r="U124740" i="1"/>
  <c r="U124739" i="1"/>
  <c r="U124738" i="1"/>
  <c r="U124737" i="1"/>
  <c r="U124736" i="1"/>
  <c r="U124735" i="1"/>
  <c r="U124734" i="1"/>
  <c r="U124733" i="1"/>
  <c r="U124732" i="1"/>
  <c r="U124731" i="1"/>
  <c r="U124730" i="1"/>
  <c r="U124729" i="1"/>
  <c r="U124728" i="1"/>
  <c r="U124727" i="1"/>
  <c r="U124726" i="1"/>
  <c r="U124725" i="1"/>
  <c r="U124724" i="1"/>
  <c r="U124723" i="1"/>
  <c r="U124722" i="1"/>
  <c r="U124721" i="1"/>
  <c r="U124720" i="1"/>
  <c r="U124719" i="1"/>
  <c r="U124718" i="1"/>
  <c r="U124717" i="1"/>
  <c r="U124716" i="1"/>
  <c r="U124715" i="1"/>
  <c r="U124714" i="1"/>
  <c r="U124713" i="1"/>
  <c r="U124712" i="1"/>
  <c r="U124711" i="1"/>
  <c r="U124710" i="1"/>
  <c r="U124709" i="1"/>
  <c r="U124708" i="1"/>
  <c r="U124707" i="1"/>
  <c r="U124706" i="1"/>
  <c r="U124705" i="1"/>
  <c r="U124704" i="1"/>
  <c r="U124703" i="1"/>
  <c r="U124702" i="1"/>
  <c r="U124701" i="1"/>
  <c r="U124700" i="1"/>
  <c r="U124699" i="1"/>
  <c r="U124698" i="1"/>
  <c r="U124697" i="1"/>
  <c r="U124696" i="1"/>
  <c r="U124695" i="1"/>
  <c r="U124694" i="1"/>
  <c r="U124693" i="1"/>
  <c r="U124692" i="1"/>
  <c r="U124691" i="1"/>
  <c r="U124690" i="1"/>
  <c r="U124689" i="1"/>
  <c r="U124688" i="1"/>
  <c r="U124687" i="1"/>
  <c r="U124686" i="1"/>
  <c r="U124685" i="1"/>
  <c r="U124684" i="1"/>
  <c r="U124683" i="1"/>
  <c r="U124682" i="1"/>
  <c r="U124681" i="1"/>
  <c r="U124680" i="1"/>
  <c r="U124679" i="1"/>
  <c r="U124678" i="1"/>
  <c r="U124677" i="1"/>
  <c r="U124676" i="1"/>
  <c r="U124675" i="1"/>
  <c r="U124674" i="1"/>
  <c r="U124673" i="1"/>
  <c r="U124672" i="1"/>
  <c r="U124671" i="1"/>
  <c r="U124670" i="1"/>
  <c r="U124669" i="1"/>
  <c r="U124668" i="1"/>
  <c r="U124667" i="1"/>
  <c r="U124666" i="1"/>
  <c r="U124665" i="1"/>
  <c r="U124664" i="1"/>
  <c r="U124663" i="1"/>
  <c r="U124662" i="1"/>
  <c r="U124661" i="1"/>
  <c r="U124660" i="1"/>
  <c r="U124659" i="1"/>
  <c r="U124658" i="1"/>
  <c r="U124657" i="1"/>
  <c r="U124656" i="1"/>
  <c r="U124655" i="1"/>
  <c r="U124654" i="1"/>
  <c r="U124653" i="1"/>
  <c r="U124652" i="1"/>
  <c r="U124651" i="1"/>
  <c r="U124650" i="1"/>
  <c r="U124649" i="1"/>
  <c r="U124648" i="1"/>
  <c r="U124647" i="1"/>
  <c r="U124646" i="1"/>
  <c r="U124645" i="1"/>
  <c r="U124644" i="1"/>
  <c r="U124643" i="1"/>
  <c r="U124642" i="1"/>
  <c r="U124641" i="1"/>
  <c r="U124640" i="1"/>
  <c r="U124639" i="1"/>
  <c r="U124638" i="1"/>
  <c r="U124637" i="1"/>
  <c r="U124636" i="1"/>
  <c r="U124635" i="1"/>
  <c r="U124634" i="1"/>
  <c r="U124633" i="1"/>
  <c r="U124632" i="1"/>
  <c r="U124631" i="1"/>
  <c r="U124630" i="1"/>
  <c r="U124629" i="1"/>
  <c r="U124628" i="1"/>
  <c r="U124627" i="1"/>
  <c r="U124626" i="1"/>
  <c r="U124625" i="1"/>
  <c r="U124624" i="1"/>
  <c r="U124623" i="1"/>
  <c r="U124622" i="1"/>
  <c r="U124621" i="1"/>
  <c r="U124620" i="1"/>
  <c r="U124619" i="1"/>
  <c r="U124618" i="1"/>
  <c r="U124617" i="1"/>
  <c r="U124616" i="1"/>
  <c r="U124615" i="1"/>
  <c r="U124614" i="1"/>
  <c r="U124613" i="1"/>
  <c r="U124612" i="1"/>
  <c r="U124611" i="1"/>
  <c r="U124610" i="1"/>
  <c r="U124609" i="1"/>
  <c r="U124608" i="1"/>
  <c r="U124607" i="1"/>
  <c r="U124606" i="1"/>
  <c r="U124605" i="1"/>
  <c r="U124604" i="1"/>
  <c r="U124603" i="1"/>
  <c r="U124602" i="1"/>
  <c r="U124601" i="1"/>
  <c r="U124600" i="1"/>
  <c r="U124599" i="1"/>
  <c r="U124598" i="1"/>
  <c r="U124597" i="1"/>
  <c r="U124596" i="1"/>
  <c r="U124595" i="1"/>
  <c r="U124594" i="1"/>
  <c r="U124593" i="1"/>
  <c r="U124592" i="1"/>
  <c r="U124591" i="1"/>
  <c r="U124590" i="1"/>
  <c r="U124589" i="1"/>
  <c r="U124588" i="1"/>
  <c r="U124587" i="1"/>
  <c r="U124586" i="1"/>
  <c r="U124585" i="1"/>
  <c r="U124584" i="1"/>
  <c r="U124583" i="1"/>
  <c r="U124582" i="1"/>
  <c r="U124581" i="1"/>
  <c r="U124580" i="1"/>
  <c r="U124579" i="1"/>
  <c r="U124578" i="1"/>
  <c r="U124577" i="1"/>
  <c r="U124576" i="1"/>
  <c r="U124575" i="1"/>
  <c r="U124574" i="1"/>
  <c r="U124573" i="1"/>
  <c r="U124572" i="1"/>
  <c r="U124571" i="1"/>
  <c r="U124570" i="1"/>
  <c r="U124569" i="1"/>
  <c r="U124568" i="1"/>
  <c r="U124567" i="1"/>
  <c r="U124566" i="1"/>
  <c r="U124565" i="1"/>
  <c r="U124564" i="1"/>
  <c r="U124563" i="1"/>
  <c r="U124562" i="1"/>
  <c r="U124561" i="1"/>
  <c r="U124560" i="1"/>
  <c r="U124559" i="1"/>
  <c r="U124558" i="1"/>
  <c r="U124557" i="1"/>
  <c r="U124556" i="1"/>
  <c r="U124555" i="1"/>
  <c r="U124554" i="1"/>
  <c r="U124553" i="1"/>
  <c r="U124552" i="1"/>
  <c r="U124551" i="1"/>
  <c r="U124550" i="1"/>
  <c r="U124549" i="1"/>
  <c r="U124548" i="1"/>
  <c r="U124547" i="1"/>
  <c r="U124546" i="1"/>
  <c r="U124545" i="1"/>
  <c r="U124544" i="1"/>
  <c r="U124543" i="1"/>
  <c r="U124542" i="1"/>
  <c r="U124541" i="1"/>
  <c r="U124540" i="1"/>
  <c r="U124539" i="1"/>
  <c r="U124538" i="1"/>
  <c r="U124537" i="1"/>
  <c r="U124536" i="1"/>
  <c r="U124535" i="1"/>
  <c r="U124534" i="1"/>
  <c r="U124533" i="1"/>
  <c r="U124532" i="1"/>
  <c r="U124531" i="1"/>
  <c r="U124530" i="1"/>
  <c r="U124529" i="1"/>
  <c r="U124528" i="1"/>
  <c r="U124527" i="1"/>
  <c r="U124526" i="1"/>
  <c r="U124525" i="1"/>
  <c r="U124524" i="1"/>
  <c r="U124523" i="1"/>
  <c r="U124522" i="1"/>
  <c r="U124521" i="1"/>
  <c r="U124520" i="1"/>
  <c r="U124519" i="1"/>
  <c r="U124518" i="1"/>
  <c r="U124517" i="1"/>
  <c r="U124516" i="1"/>
  <c r="U124515" i="1"/>
  <c r="U124514" i="1"/>
  <c r="U124513" i="1"/>
  <c r="U124512" i="1"/>
  <c r="U124511" i="1"/>
  <c r="U124510" i="1"/>
  <c r="U124509" i="1"/>
  <c r="U124508" i="1"/>
  <c r="U124507" i="1"/>
  <c r="U124506" i="1"/>
  <c r="U124505" i="1"/>
  <c r="U124504" i="1"/>
  <c r="U124503" i="1"/>
  <c r="U124502" i="1"/>
  <c r="U124501" i="1"/>
  <c r="U124500" i="1"/>
  <c r="U124499" i="1"/>
  <c r="U124498" i="1"/>
  <c r="U124497" i="1"/>
  <c r="U124496" i="1"/>
  <c r="U124495" i="1"/>
  <c r="U124494" i="1"/>
  <c r="U124493" i="1"/>
  <c r="U124492" i="1"/>
  <c r="U124491" i="1"/>
  <c r="U124490" i="1"/>
  <c r="U124489" i="1"/>
  <c r="U124488" i="1"/>
  <c r="U124487" i="1"/>
  <c r="U124486" i="1"/>
  <c r="U124485" i="1"/>
  <c r="U124484" i="1"/>
  <c r="U124483" i="1"/>
  <c r="U124482" i="1"/>
  <c r="U124481" i="1"/>
  <c r="U124480" i="1"/>
  <c r="U124479" i="1"/>
  <c r="U124478" i="1"/>
  <c r="U124477" i="1"/>
  <c r="U124476" i="1"/>
  <c r="U124475" i="1"/>
  <c r="U124474" i="1"/>
  <c r="U124473" i="1"/>
  <c r="U124472" i="1"/>
  <c r="U124471" i="1"/>
  <c r="U124470" i="1"/>
  <c r="U124469" i="1"/>
  <c r="U124468" i="1"/>
  <c r="U124467" i="1"/>
  <c r="U124466" i="1"/>
  <c r="U124465" i="1"/>
  <c r="U124464" i="1"/>
  <c r="U124463" i="1"/>
  <c r="U124462" i="1"/>
  <c r="U124461" i="1"/>
  <c r="U124460" i="1"/>
  <c r="U124459" i="1"/>
  <c r="U124458" i="1"/>
  <c r="U124457" i="1"/>
  <c r="U124456" i="1"/>
  <c r="U124455" i="1"/>
  <c r="U124454" i="1"/>
  <c r="U124453" i="1"/>
  <c r="U124452" i="1"/>
  <c r="U124451" i="1"/>
  <c r="U124450" i="1"/>
  <c r="U124449" i="1"/>
  <c r="U124448" i="1"/>
  <c r="U124447" i="1"/>
  <c r="U124446" i="1"/>
  <c r="U124445" i="1"/>
  <c r="U124444" i="1"/>
  <c r="U124443" i="1"/>
  <c r="U124442" i="1"/>
  <c r="U124441" i="1"/>
  <c r="U124440" i="1"/>
  <c r="U124439" i="1"/>
  <c r="U124438" i="1"/>
  <c r="U124437" i="1"/>
  <c r="U124436" i="1"/>
  <c r="U124435" i="1"/>
  <c r="U124434" i="1"/>
  <c r="U124433" i="1"/>
  <c r="U124432" i="1"/>
  <c r="U124431" i="1"/>
  <c r="U124430" i="1"/>
  <c r="U124429" i="1"/>
  <c r="U124428" i="1"/>
  <c r="U124427" i="1"/>
  <c r="U124426" i="1"/>
  <c r="U124425" i="1"/>
  <c r="U124424" i="1"/>
  <c r="U124423" i="1"/>
  <c r="U124422" i="1"/>
  <c r="U124421" i="1"/>
  <c r="U124420" i="1"/>
  <c r="U124419" i="1"/>
  <c r="U124418" i="1"/>
  <c r="U124417" i="1"/>
  <c r="U124416" i="1"/>
  <c r="U124415" i="1"/>
  <c r="U124414" i="1"/>
  <c r="U124413" i="1"/>
  <c r="U124412" i="1"/>
  <c r="U124411" i="1"/>
  <c r="U124410" i="1"/>
  <c r="U124409" i="1"/>
  <c r="U124408" i="1"/>
  <c r="U124407" i="1"/>
  <c r="U124406" i="1"/>
  <c r="U124405" i="1"/>
  <c r="U124404" i="1"/>
  <c r="U124403" i="1"/>
  <c r="U124402" i="1"/>
  <c r="U124401" i="1"/>
  <c r="U124400" i="1"/>
  <c r="U124399" i="1"/>
  <c r="U124398" i="1"/>
  <c r="U124397" i="1"/>
  <c r="U124396" i="1"/>
  <c r="U124395" i="1"/>
  <c r="U124394" i="1"/>
  <c r="U124393" i="1"/>
  <c r="U124392" i="1"/>
  <c r="U124391" i="1"/>
  <c r="U124390" i="1"/>
  <c r="U124389" i="1"/>
  <c r="U124388" i="1"/>
  <c r="U124387" i="1"/>
  <c r="U124386" i="1"/>
  <c r="U124385" i="1"/>
  <c r="U124384" i="1"/>
  <c r="U124383" i="1"/>
  <c r="U124382" i="1"/>
  <c r="U124381" i="1"/>
  <c r="U124380" i="1"/>
  <c r="U124379" i="1"/>
  <c r="U124378" i="1"/>
  <c r="U124377" i="1"/>
  <c r="U124376" i="1"/>
  <c r="U124375" i="1"/>
  <c r="U124374" i="1"/>
  <c r="U124373" i="1"/>
  <c r="U124372" i="1"/>
  <c r="U124371" i="1"/>
  <c r="U124370" i="1"/>
  <c r="U124369" i="1"/>
  <c r="U124368" i="1"/>
  <c r="U124367" i="1"/>
  <c r="U124366" i="1"/>
  <c r="U124365" i="1"/>
  <c r="U124364" i="1"/>
  <c r="U124363" i="1"/>
  <c r="U124362" i="1"/>
  <c r="U124361" i="1"/>
  <c r="U124360" i="1"/>
  <c r="U124359" i="1"/>
  <c r="U124358" i="1"/>
  <c r="U124357" i="1"/>
  <c r="U124356" i="1"/>
  <c r="U124355" i="1"/>
  <c r="U124354" i="1"/>
  <c r="U124353" i="1"/>
  <c r="U124352" i="1"/>
  <c r="U124351" i="1"/>
  <c r="U124350" i="1"/>
  <c r="U124349" i="1"/>
  <c r="U124348" i="1"/>
  <c r="U124347" i="1"/>
  <c r="U124346" i="1"/>
  <c r="U124345" i="1"/>
  <c r="U124344" i="1"/>
  <c r="U124343" i="1"/>
  <c r="U124342" i="1"/>
  <c r="U124341" i="1"/>
  <c r="U124340" i="1"/>
  <c r="U124339" i="1"/>
  <c r="U124338" i="1"/>
  <c r="U124337" i="1"/>
  <c r="U124336" i="1"/>
  <c r="U124335" i="1"/>
  <c r="U124334" i="1"/>
  <c r="U124333" i="1"/>
  <c r="U124332" i="1"/>
  <c r="U124331" i="1"/>
  <c r="U124330" i="1"/>
  <c r="U124329" i="1"/>
  <c r="U124328" i="1"/>
  <c r="U124327" i="1"/>
  <c r="U124326" i="1"/>
  <c r="U124325" i="1"/>
  <c r="U124324" i="1"/>
  <c r="U124323" i="1"/>
  <c r="U124322" i="1"/>
  <c r="U124321" i="1"/>
  <c r="U124320" i="1"/>
  <c r="U124319" i="1"/>
  <c r="U124318" i="1"/>
  <c r="U124317" i="1"/>
  <c r="U124316" i="1"/>
  <c r="U124315" i="1"/>
  <c r="U124314" i="1"/>
  <c r="U124313" i="1"/>
  <c r="U124312" i="1"/>
  <c r="U124311" i="1"/>
  <c r="U124310" i="1"/>
  <c r="U124309" i="1"/>
  <c r="U124308" i="1"/>
  <c r="U124307" i="1"/>
  <c r="U124306" i="1"/>
  <c r="U124305" i="1"/>
  <c r="U124304" i="1"/>
  <c r="U124303" i="1"/>
  <c r="U124302" i="1"/>
  <c r="U124301" i="1"/>
  <c r="U124300" i="1"/>
  <c r="U124299" i="1"/>
  <c r="U124298" i="1"/>
  <c r="U124297" i="1"/>
  <c r="U124296" i="1"/>
  <c r="U124295" i="1"/>
  <c r="U124294" i="1"/>
  <c r="U124293" i="1"/>
  <c r="U124292" i="1"/>
  <c r="U124291" i="1"/>
  <c r="U124290" i="1"/>
  <c r="U124289" i="1"/>
  <c r="U124288" i="1"/>
  <c r="U124287" i="1"/>
  <c r="U124286" i="1"/>
  <c r="U124285" i="1"/>
  <c r="U124284" i="1"/>
  <c r="U124283" i="1"/>
  <c r="U124282" i="1"/>
  <c r="U124281" i="1"/>
  <c r="U124280" i="1"/>
  <c r="U124279" i="1"/>
  <c r="U124278" i="1"/>
  <c r="U124277" i="1"/>
  <c r="U124276" i="1"/>
  <c r="U124275" i="1"/>
  <c r="U124274" i="1"/>
  <c r="U124273" i="1"/>
  <c r="U124272" i="1"/>
  <c r="U124271" i="1"/>
  <c r="U124270" i="1"/>
  <c r="U124269" i="1"/>
  <c r="U124268" i="1"/>
  <c r="U124267" i="1"/>
  <c r="U124266" i="1"/>
  <c r="U124265" i="1"/>
  <c r="U124264" i="1"/>
  <c r="U124263" i="1"/>
  <c r="U124262" i="1"/>
  <c r="U124261" i="1"/>
  <c r="U124260" i="1"/>
  <c r="U124259" i="1"/>
  <c r="U124258" i="1"/>
  <c r="U124257" i="1"/>
  <c r="U124256" i="1"/>
  <c r="U124255" i="1"/>
  <c r="U124254" i="1"/>
  <c r="U124253" i="1"/>
  <c r="U124252" i="1"/>
  <c r="U124251" i="1"/>
  <c r="U124250" i="1"/>
  <c r="U124249" i="1"/>
  <c r="U124248" i="1"/>
  <c r="U124247" i="1"/>
  <c r="U124246" i="1"/>
  <c r="U124245" i="1"/>
  <c r="U124244" i="1"/>
  <c r="U124243" i="1"/>
  <c r="U124242" i="1"/>
  <c r="U124241" i="1"/>
  <c r="U124240" i="1"/>
  <c r="U124239" i="1"/>
  <c r="U124238" i="1"/>
  <c r="U124237" i="1"/>
  <c r="U124236" i="1"/>
  <c r="U124235" i="1"/>
  <c r="U124234" i="1"/>
  <c r="U124233" i="1"/>
  <c r="U124232" i="1"/>
  <c r="U124231" i="1"/>
  <c r="U124230" i="1"/>
  <c r="U124229" i="1"/>
  <c r="U124228" i="1"/>
  <c r="U124227" i="1"/>
  <c r="U124226" i="1"/>
  <c r="U124225" i="1"/>
  <c r="U124224" i="1"/>
  <c r="U124223" i="1"/>
  <c r="U124222" i="1"/>
  <c r="U124221" i="1"/>
  <c r="U124220" i="1"/>
  <c r="U124219" i="1"/>
  <c r="U124218" i="1"/>
  <c r="U124217" i="1"/>
  <c r="U124216" i="1"/>
  <c r="U124215" i="1"/>
  <c r="U124214" i="1"/>
  <c r="U124213" i="1"/>
  <c r="U124212" i="1"/>
  <c r="U124211" i="1"/>
  <c r="U124210" i="1"/>
  <c r="U124209" i="1"/>
  <c r="U124208" i="1"/>
  <c r="U124207" i="1"/>
  <c r="U124206" i="1"/>
  <c r="U124205" i="1"/>
  <c r="U124204" i="1"/>
  <c r="U124203" i="1"/>
  <c r="U124202" i="1"/>
  <c r="U124201" i="1"/>
  <c r="U124200" i="1"/>
  <c r="U124199" i="1"/>
  <c r="U124198" i="1"/>
  <c r="U124197" i="1"/>
  <c r="U124196" i="1"/>
  <c r="U124195" i="1"/>
  <c r="U124194" i="1"/>
  <c r="U124193" i="1"/>
  <c r="U124192" i="1"/>
  <c r="U124191" i="1"/>
  <c r="U124190" i="1"/>
  <c r="U124189" i="1"/>
  <c r="U124188" i="1"/>
  <c r="U124187" i="1"/>
  <c r="U124186" i="1"/>
  <c r="U124185" i="1"/>
  <c r="U124184" i="1"/>
  <c r="U124183" i="1"/>
  <c r="U124182" i="1"/>
  <c r="U124181" i="1"/>
  <c r="U124180" i="1"/>
  <c r="U124179" i="1"/>
  <c r="U124178" i="1"/>
  <c r="U124177" i="1"/>
  <c r="U124176" i="1"/>
  <c r="U124175" i="1"/>
  <c r="U124174" i="1"/>
  <c r="U124173" i="1"/>
  <c r="U124172" i="1"/>
  <c r="U124171" i="1"/>
  <c r="U124170" i="1"/>
  <c r="U124169" i="1"/>
  <c r="U124168" i="1"/>
  <c r="U124167" i="1"/>
  <c r="U124166" i="1"/>
  <c r="U124165" i="1"/>
  <c r="U124164" i="1"/>
  <c r="U124163" i="1"/>
  <c r="U124162" i="1"/>
  <c r="U124161" i="1"/>
  <c r="U124160" i="1"/>
  <c r="U124159" i="1"/>
  <c r="U124158" i="1"/>
  <c r="U124157" i="1"/>
  <c r="U124156" i="1"/>
  <c r="U124155" i="1"/>
  <c r="U124154" i="1"/>
  <c r="U124153" i="1"/>
  <c r="U124152" i="1"/>
  <c r="U124151" i="1"/>
  <c r="U124150" i="1"/>
  <c r="U124149" i="1"/>
  <c r="U124148" i="1"/>
  <c r="U124147" i="1"/>
  <c r="U124146" i="1"/>
  <c r="U124145" i="1"/>
  <c r="U124144" i="1"/>
  <c r="U124143" i="1"/>
  <c r="U124142" i="1"/>
  <c r="U124141" i="1"/>
  <c r="U124140" i="1"/>
  <c r="U124139" i="1"/>
  <c r="U124138" i="1"/>
  <c r="U124137" i="1"/>
  <c r="U124136" i="1"/>
  <c r="U124135" i="1"/>
  <c r="U124134" i="1"/>
  <c r="U124133" i="1"/>
  <c r="U124132" i="1"/>
  <c r="U124131" i="1"/>
  <c r="U124130" i="1"/>
  <c r="U124129" i="1"/>
  <c r="U124128" i="1"/>
  <c r="U124127" i="1"/>
  <c r="U124126" i="1"/>
  <c r="U124125" i="1"/>
  <c r="U124124" i="1"/>
  <c r="U124123" i="1"/>
  <c r="U124122" i="1"/>
  <c r="U124121" i="1"/>
  <c r="U124120" i="1"/>
  <c r="U124119" i="1"/>
  <c r="U124118" i="1"/>
  <c r="U124117" i="1"/>
  <c r="U124116" i="1"/>
  <c r="U124115" i="1"/>
  <c r="U124114" i="1"/>
  <c r="U124113" i="1"/>
  <c r="U124112" i="1"/>
  <c r="U124111" i="1"/>
  <c r="U124110" i="1"/>
  <c r="U124109" i="1"/>
  <c r="U124108" i="1"/>
  <c r="U124107" i="1"/>
  <c r="U124106" i="1"/>
  <c r="U124105" i="1"/>
  <c r="U124104" i="1"/>
  <c r="U124103" i="1"/>
  <c r="U124102" i="1"/>
  <c r="U124101" i="1"/>
  <c r="U124100" i="1"/>
  <c r="U124099" i="1"/>
  <c r="U124098" i="1"/>
  <c r="U124097" i="1"/>
  <c r="U124096" i="1"/>
  <c r="U124095" i="1"/>
  <c r="U124094" i="1"/>
  <c r="U124093" i="1"/>
  <c r="U124092" i="1"/>
  <c r="U124091" i="1"/>
  <c r="U124090" i="1"/>
  <c r="U124089" i="1"/>
  <c r="U124088" i="1"/>
  <c r="U124087" i="1"/>
  <c r="U124086" i="1"/>
  <c r="U124085" i="1"/>
  <c r="U124084" i="1"/>
  <c r="U124083" i="1"/>
  <c r="U124082" i="1"/>
  <c r="U124081" i="1"/>
  <c r="U124080" i="1"/>
  <c r="U124079" i="1"/>
  <c r="U124078" i="1"/>
  <c r="U124077" i="1"/>
  <c r="U124076" i="1"/>
  <c r="U124075" i="1"/>
  <c r="U124074" i="1"/>
  <c r="U124073" i="1"/>
  <c r="U124072" i="1"/>
  <c r="U124071" i="1"/>
  <c r="U124070" i="1"/>
  <c r="U124069" i="1"/>
  <c r="U124068" i="1"/>
  <c r="U124067" i="1"/>
  <c r="U124066" i="1"/>
  <c r="U124065" i="1"/>
  <c r="U124064" i="1"/>
  <c r="U124063" i="1"/>
  <c r="U124062" i="1"/>
  <c r="U124061" i="1"/>
  <c r="U124060" i="1"/>
  <c r="U124059" i="1"/>
  <c r="U124058" i="1"/>
  <c r="U124057" i="1"/>
  <c r="U124056" i="1"/>
  <c r="U124055" i="1"/>
  <c r="U124054" i="1"/>
  <c r="U124053" i="1"/>
  <c r="U124052" i="1"/>
  <c r="U124051" i="1"/>
  <c r="U124050" i="1"/>
  <c r="U124049" i="1"/>
  <c r="U124048" i="1"/>
  <c r="U124047" i="1"/>
  <c r="U124046" i="1"/>
  <c r="U124045" i="1"/>
  <c r="U124044" i="1"/>
  <c r="U124043" i="1"/>
  <c r="U124042" i="1"/>
  <c r="U124041" i="1"/>
  <c r="U124040" i="1"/>
  <c r="U124039" i="1"/>
  <c r="U124038" i="1"/>
  <c r="U124037" i="1"/>
  <c r="U124036" i="1"/>
  <c r="U124035" i="1"/>
  <c r="U124034" i="1"/>
  <c r="U124033" i="1"/>
  <c r="U124032" i="1"/>
  <c r="U124031" i="1"/>
  <c r="U124030" i="1"/>
  <c r="U124029" i="1"/>
  <c r="U124028" i="1"/>
  <c r="U124027" i="1"/>
  <c r="U124026" i="1"/>
  <c r="U124025" i="1"/>
  <c r="U124024" i="1"/>
  <c r="U124023" i="1"/>
  <c r="U124022" i="1"/>
  <c r="U124021" i="1"/>
  <c r="U124020" i="1"/>
  <c r="U124019" i="1"/>
  <c r="U124018" i="1"/>
  <c r="U124017" i="1"/>
  <c r="U124016" i="1"/>
  <c r="U124015" i="1"/>
  <c r="U124014" i="1"/>
  <c r="U124013" i="1"/>
  <c r="U124012" i="1"/>
  <c r="U124011" i="1"/>
  <c r="U124010" i="1"/>
  <c r="U124009" i="1"/>
  <c r="U124008" i="1"/>
  <c r="U124007" i="1"/>
  <c r="U124006" i="1"/>
  <c r="U124005" i="1"/>
  <c r="U124004" i="1"/>
  <c r="U124003" i="1"/>
  <c r="U124002" i="1"/>
  <c r="U124001" i="1"/>
  <c r="U124000" i="1"/>
  <c r="U123999" i="1"/>
  <c r="U123998" i="1"/>
  <c r="U123997" i="1"/>
  <c r="U123996" i="1"/>
  <c r="U123995" i="1"/>
  <c r="U123994" i="1"/>
  <c r="U123993" i="1"/>
  <c r="U123992" i="1"/>
  <c r="U123991" i="1"/>
  <c r="U123990" i="1"/>
  <c r="U123989" i="1"/>
  <c r="U123988" i="1"/>
  <c r="U123987" i="1"/>
  <c r="U123986" i="1"/>
  <c r="U123985" i="1"/>
  <c r="U123984" i="1"/>
  <c r="U123983" i="1"/>
  <c r="U123982" i="1"/>
  <c r="U123981" i="1"/>
  <c r="U123980" i="1"/>
  <c r="U123979" i="1"/>
  <c r="U123978" i="1"/>
  <c r="U123977" i="1"/>
  <c r="U123976" i="1"/>
  <c r="U123975" i="1"/>
  <c r="U123974" i="1"/>
  <c r="U123973" i="1"/>
  <c r="U123972" i="1"/>
  <c r="U123971" i="1"/>
  <c r="U123970" i="1"/>
  <c r="U123969" i="1"/>
  <c r="U123968" i="1"/>
  <c r="U123967" i="1"/>
  <c r="U123966" i="1"/>
  <c r="U123965" i="1"/>
  <c r="U123964" i="1"/>
  <c r="U123963" i="1"/>
  <c r="U123962" i="1"/>
  <c r="U123961" i="1"/>
  <c r="U123960" i="1"/>
  <c r="U123959" i="1"/>
  <c r="U123958" i="1"/>
  <c r="U123957" i="1"/>
  <c r="U123956" i="1"/>
  <c r="U123955" i="1"/>
  <c r="U123954" i="1"/>
  <c r="U123953" i="1"/>
  <c r="U123952" i="1"/>
  <c r="U123951" i="1"/>
  <c r="U123950" i="1"/>
  <c r="U123949" i="1"/>
  <c r="U123948" i="1"/>
  <c r="U123947" i="1"/>
  <c r="U123946" i="1"/>
  <c r="U123945" i="1"/>
  <c r="U123944" i="1"/>
  <c r="U123943" i="1"/>
  <c r="U123942" i="1"/>
  <c r="U123941" i="1"/>
  <c r="U123940" i="1"/>
  <c r="U123939" i="1"/>
  <c r="U123938" i="1"/>
  <c r="U123937" i="1"/>
  <c r="U123936" i="1"/>
  <c r="U123935" i="1"/>
  <c r="U123934" i="1"/>
  <c r="U123933" i="1"/>
  <c r="U123932" i="1"/>
  <c r="U123931" i="1"/>
  <c r="U123930" i="1"/>
  <c r="U123929" i="1"/>
  <c r="U123928" i="1"/>
  <c r="U123927" i="1"/>
  <c r="U123926" i="1"/>
  <c r="U123925" i="1"/>
  <c r="U123924" i="1"/>
  <c r="U123923" i="1"/>
  <c r="U123922" i="1"/>
  <c r="U123921" i="1"/>
  <c r="U123920" i="1"/>
  <c r="U123919" i="1"/>
  <c r="U123918" i="1"/>
  <c r="U123917" i="1"/>
  <c r="U123916" i="1"/>
  <c r="U123915" i="1"/>
  <c r="U123914" i="1"/>
  <c r="U123913" i="1"/>
  <c r="U123912" i="1"/>
  <c r="U123911" i="1"/>
  <c r="U123910" i="1"/>
  <c r="U123909" i="1"/>
  <c r="U123908" i="1"/>
  <c r="U123907" i="1"/>
  <c r="U123906" i="1"/>
  <c r="U123905" i="1"/>
  <c r="U123904" i="1"/>
  <c r="U123903" i="1"/>
  <c r="U123902" i="1"/>
  <c r="U123901" i="1"/>
  <c r="U123900" i="1"/>
  <c r="U123899" i="1"/>
  <c r="U123898" i="1"/>
  <c r="U123897" i="1"/>
  <c r="U123896" i="1"/>
  <c r="U123895" i="1"/>
  <c r="U123894" i="1"/>
  <c r="U123893" i="1"/>
  <c r="U123892" i="1"/>
  <c r="U123891" i="1"/>
  <c r="U123890" i="1"/>
  <c r="U123889" i="1"/>
  <c r="U123888" i="1"/>
  <c r="U123887" i="1"/>
  <c r="U123886" i="1"/>
  <c r="U123885" i="1"/>
  <c r="U123884" i="1"/>
  <c r="U123883" i="1"/>
  <c r="U123882" i="1"/>
  <c r="U123881" i="1"/>
  <c r="U123880" i="1"/>
  <c r="U123879" i="1"/>
  <c r="U123878" i="1"/>
  <c r="U123877" i="1"/>
  <c r="U123876" i="1"/>
  <c r="U123875" i="1"/>
  <c r="U123874" i="1"/>
  <c r="U123873" i="1"/>
  <c r="U123872" i="1"/>
  <c r="U123871" i="1"/>
  <c r="U123870" i="1"/>
  <c r="U123869" i="1"/>
  <c r="U123868" i="1"/>
  <c r="U123867" i="1"/>
  <c r="U123866" i="1"/>
  <c r="U123865" i="1"/>
  <c r="U123864" i="1"/>
  <c r="U123863" i="1"/>
  <c r="U123862" i="1"/>
  <c r="U123861" i="1"/>
  <c r="U123860" i="1"/>
  <c r="U123859" i="1"/>
  <c r="U123858" i="1"/>
  <c r="U123857" i="1"/>
  <c r="U123856" i="1"/>
  <c r="U123855" i="1"/>
  <c r="U123854" i="1"/>
  <c r="U123853" i="1"/>
  <c r="U123852" i="1"/>
  <c r="U123851" i="1"/>
  <c r="U123850" i="1"/>
  <c r="U123849" i="1"/>
  <c r="U123848" i="1"/>
  <c r="U123847" i="1"/>
  <c r="U123846" i="1"/>
  <c r="U123845" i="1"/>
  <c r="U123844" i="1"/>
  <c r="U123843" i="1"/>
  <c r="U123842" i="1"/>
  <c r="U123841" i="1"/>
  <c r="U123840" i="1"/>
  <c r="U123839" i="1"/>
  <c r="U123838" i="1"/>
  <c r="U123837" i="1"/>
  <c r="U123836" i="1"/>
  <c r="U123835" i="1"/>
  <c r="U123834" i="1"/>
  <c r="U123833" i="1"/>
  <c r="U123832" i="1"/>
  <c r="U123831" i="1"/>
  <c r="U123830" i="1"/>
  <c r="U123829" i="1"/>
  <c r="U123828" i="1"/>
  <c r="U123827" i="1"/>
  <c r="U123826" i="1"/>
  <c r="U123825" i="1"/>
  <c r="U123824" i="1"/>
  <c r="U123823" i="1"/>
  <c r="U123822" i="1"/>
  <c r="U123821" i="1"/>
  <c r="U123820" i="1"/>
  <c r="U123819" i="1"/>
  <c r="U123818" i="1"/>
  <c r="U123817" i="1"/>
  <c r="U123816" i="1"/>
  <c r="U123815" i="1"/>
  <c r="U123814" i="1"/>
  <c r="U123813" i="1"/>
  <c r="U123812" i="1"/>
  <c r="U123811" i="1"/>
  <c r="U123810" i="1"/>
  <c r="U123809" i="1"/>
  <c r="U123808" i="1"/>
  <c r="U123807" i="1"/>
  <c r="U123806" i="1"/>
  <c r="U123805" i="1"/>
  <c r="U123804" i="1"/>
  <c r="U123803" i="1"/>
  <c r="U123802" i="1"/>
  <c r="U123801" i="1"/>
  <c r="U123800" i="1"/>
  <c r="U123799" i="1"/>
  <c r="U123798" i="1"/>
  <c r="U123797" i="1"/>
  <c r="U123796" i="1"/>
  <c r="U123795" i="1"/>
  <c r="U123794" i="1"/>
  <c r="U123793" i="1"/>
  <c r="U123792" i="1"/>
  <c r="U123791" i="1"/>
  <c r="U123790" i="1"/>
  <c r="U123789" i="1"/>
  <c r="U123788" i="1"/>
  <c r="U123787" i="1"/>
  <c r="U123786" i="1"/>
  <c r="U123785" i="1"/>
  <c r="U123784" i="1"/>
  <c r="U123783" i="1"/>
  <c r="U123782" i="1"/>
  <c r="U123781" i="1"/>
  <c r="U123780" i="1"/>
  <c r="U123779" i="1"/>
  <c r="U123778" i="1"/>
  <c r="U123777" i="1"/>
  <c r="U123776" i="1"/>
  <c r="U123775" i="1"/>
  <c r="U123774" i="1"/>
  <c r="U123773" i="1"/>
  <c r="U123772" i="1"/>
  <c r="U123771" i="1"/>
  <c r="U123770" i="1"/>
  <c r="U123769" i="1"/>
  <c r="U123768" i="1"/>
  <c r="U123767" i="1"/>
  <c r="U123766" i="1"/>
  <c r="U123765" i="1"/>
  <c r="U123764" i="1"/>
  <c r="U123763" i="1"/>
  <c r="U123762" i="1"/>
  <c r="U123761" i="1"/>
  <c r="U123760" i="1"/>
  <c r="U123759" i="1"/>
  <c r="U123758" i="1"/>
  <c r="U123757" i="1"/>
  <c r="U123756" i="1"/>
  <c r="U123755" i="1"/>
  <c r="U123754" i="1"/>
  <c r="U123753" i="1"/>
  <c r="U123752" i="1"/>
  <c r="U123751" i="1"/>
  <c r="U123750" i="1"/>
  <c r="U123749" i="1"/>
  <c r="U123748" i="1"/>
  <c r="U123747" i="1"/>
  <c r="U123746" i="1"/>
  <c r="U123745" i="1"/>
  <c r="U123744" i="1"/>
  <c r="U123743" i="1"/>
  <c r="U123742" i="1"/>
  <c r="U123741" i="1"/>
  <c r="U123740" i="1"/>
  <c r="U123739" i="1"/>
  <c r="U123738" i="1"/>
  <c r="U123737" i="1"/>
  <c r="U123736" i="1"/>
  <c r="U123735" i="1"/>
  <c r="U123734" i="1"/>
  <c r="U123733" i="1"/>
  <c r="U123732" i="1"/>
  <c r="U123731" i="1"/>
  <c r="U123730" i="1"/>
  <c r="U123729" i="1"/>
  <c r="U123728" i="1"/>
  <c r="U123727" i="1"/>
  <c r="U123726" i="1"/>
  <c r="U123725" i="1"/>
  <c r="U123724" i="1"/>
  <c r="U123723" i="1"/>
  <c r="U123722" i="1"/>
  <c r="U123721" i="1"/>
  <c r="U123720" i="1"/>
  <c r="U123719" i="1"/>
  <c r="U123718" i="1"/>
  <c r="U123717" i="1"/>
  <c r="U123716" i="1"/>
  <c r="U123715" i="1"/>
  <c r="U123714" i="1"/>
  <c r="U123713" i="1"/>
  <c r="U123712" i="1"/>
  <c r="U123711" i="1"/>
  <c r="U123710" i="1"/>
  <c r="U123709" i="1"/>
  <c r="U123708" i="1"/>
  <c r="U123707" i="1"/>
  <c r="U123706" i="1"/>
  <c r="U123705" i="1"/>
  <c r="U123704" i="1"/>
  <c r="U123703" i="1"/>
  <c r="U123702" i="1"/>
  <c r="U123701" i="1"/>
  <c r="U123700" i="1"/>
  <c r="U123699" i="1"/>
  <c r="U123698" i="1"/>
  <c r="U123697" i="1"/>
  <c r="U123696" i="1"/>
  <c r="U123695" i="1"/>
  <c r="U123694" i="1"/>
  <c r="U123693" i="1"/>
  <c r="U123692" i="1"/>
  <c r="U123691" i="1"/>
  <c r="U123690" i="1"/>
  <c r="U123689" i="1"/>
  <c r="U123688" i="1"/>
  <c r="U123687" i="1"/>
  <c r="U123686" i="1"/>
  <c r="U123685" i="1"/>
  <c r="U123684" i="1"/>
  <c r="U123683" i="1"/>
  <c r="U123682" i="1"/>
  <c r="U123681" i="1"/>
  <c r="U123680" i="1"/>
  <c r="U123679" i="1"/>
  <c r="U123678" i="1"/>
  <c r="U123677" i="1"/>
  <c r="U123676" i="1"/>
  <c r="U123675" i="1"/>
  <c r="U123674" i="1"/>
  <c r="U123673" i="1"/>
  <c r="U123672" i="1"/>
  <c r="U123671" i="1"/>
  <c r="U123670" i="1"/>
  <c r="U123669" i="1"/>
  <c r="U123668" i="1"/>
  <c r="U123667" i="1"/>
  <c r="U123666" i="1"/>
  <c r="U123665" i="1"/>
  <c r="U123664" i="1"/>
  <c r="U123663" i="1"/>
  <c r="U123662" i="1"/>
  <c r="U123661" i="1"/>
  <c r="U123660" i="1"/>
  <c r="U123659" i="1"/>
  <c r="U123658" i="1"/>
  <c r="U123657" i="1"/>
  <c r="U123656" i="1"/>
  <c r="U123655" i="1"/>
  <c r="U123654" i="1"/>
  <c r="U123653" i="1"/>
  <c r="U123652" i="1"/>
  <c r="U123651" i="1"/>
  <c r="U123650" i="1"/>
  <c r="U123649" i="1"/>
  <c r="U123648" i="1"/>
  <c r="U123647" i="1"/>
  <c r="U123646" i="1"/>
  <c r="U123645" i="1"/>
  <c r="U123644" i="1"/>
  <c r="U123643" i="1"/>
  <c r="U123642" i="1"/>
  <c r="U123641" i="1"/>
  <c r="U123640" i="1"/>
  <c r="U123639" i="1"/>
  <c r="U123638" i="1"/>
  <c r="U123637" i="1"/>
  <c r="U123636" i="1"/>
  <c r="U123635" i="1"/>
  <c r="U123634" i="1"/>
  <c r="U123633" i="1"/>
  <c r="U123632" i="1"/>
  <c r="U123631" i="1"/>
  <c r="U123630" i="1"/>
  <c r="U123629" i="1"/>
  <c r="U123628" i="1"/>
  <c r="U123627" i="1"/>
  <c r="U123626" i="1"/>
  <c r="U123625" i="1"/>
  <c r="U123624" i="1"/>
  <c r="U123623" i="1"/>
  <c r="U123622" i="1"/>
  <c r="U123621" i="1"/>
  <c r="U123620" i="1"/>
  <c r="U123619" i="1"/>
  <c r="U123618" i="1"/>
  <c r="U123617" i="1"/>
  <c r="U123616" i="1"/>
  <c r="U123615" i="1"/>
  <c r="U123614" i="1"/>
  <c r="U123613" i="1"/>
  <c r="U123612" i="1"/>
  <c r="U123611" i="1"/>
  <c r="U123610" i="1"/>
  <c r="U123609" i="1"/>
  <c r="U123608" i="1"/>
  <c r="U123607" i="1"/>
  <c r="U123606" i="1"/>
  <c r="U123605" i="1"/>
  <c r="U123604" i="1"/>
  <c r="U123603" i="1"/>
  <c r="U123602" i="1"/>
  <c r="U123601" i="1"/>
  <c r="U123600" i="1"/>
  <c r="U123599" i="1"/>
  <c r="U123598" i="1"/>
  <c r="U123597" i="1"/>
  <c r="U123596" i="1"/>
  <c r="U123595" i="1"/>
  <c r="U123594" i="1"/>
  <c r="U123593" i="1"/>
  <c r="U123592" i="1"/>
  <c r="U123591" i="1"/>
  <c r="U123590" i="1"/>
  <c r="U123589" i="1"/>
  <c r="U123588" i="1"/>
  <c r="U123587" i="1"/>
  <c r="U123586" i="1"/>
  <c r="U123585" i="1"/>
  <c r="U123584" i="1"/>
  <c r="U123583" i="1"/>
  <c r="U123582" i="1"/>
  <c r="U123581" i="1"/>
  <c r="U123580" i="1"/>
  <c r="U123579" i="1"/>
  <c r="U123578" i="1"/>
  <c r="U123577" i="1"/>
  <c r="U123576" i="1"/>
  <c r="U123575" i="1"/>
  <c r="U123574" i="1"/>
  <c r="U123573" i="1"/>
  <c r="U123572" i="1"/>
  <c r="U123571" i="1"/>
  <c r="U123570" i="1"/>
  <c r="U123569" i="1"/>
  <c r="U123568" i="1"/>
  <c r="U123567" i="1"/>
  <c r="U123566" i="1"/>
  <c r="U123565" i="1"/>
  <c r="U123564" i="1"/>
  <c r="U123563" i="1"/>
  <c r="U123562" i="1"/>
  <c r="U123561" i="1"/>
  <c r="U123560" i="1"/>
  <c r="U123559" i="1"/>
  <c r="U123558" i="1"/>
  <c r="U123557" i="1"/>
  <c r="U123556" i="1"/>
  <c r="U123555" i="1"/>
  <c r="U123554" i="1"/>
  <c r="U123553" i="1"/>
  <c r="U123552" i="1"/>
  <c r="U123551" i="1"/>
  <c r="U123550" i="1"/>
  <c r="U123549" i="1"/>
  <c r="U123548" i="1"/>
  <c r="U123547" i="1"/>
  <c r="U123546" i="1"/>
  <c r="U123545" i="1"/>
  <c r="U123544" i="1"/>
  <c r="U123543" i="1"/>
  <c r="U123542" i="1"/>
  <c r="U123541" i="1"/>
  <c r="U123540" i="1"/>
  <c r="U123539" i="1"/>
  <c r="U123538" i="1"/>
  <c r="U123537" i="1"/>
  <c r="U123536" i="1"/>
  <c r="U123535" i="1"/>
  <c r="U123534" i="1"/>
  <c r="U123533" i="1"/>
  <c r="U123532" i="1"/>
  <c r="U123531" i="1"/>
  <c r="U123530" i="1"/>
  <c r="U123529" i="1"/>
  <c r="U123528" i="1"/>
  <c r="U123527" i="1"/>
  <c r="U123526" i="1"/>
  <c r="U123525" i="1"/>
  <c r="U123524" i="1"/>
  <c r="U123523" i="1"/>
  <c r="U123522" i="1"/>
  <c r="U123521" i="1"/>
  <c r="U123520" i="1"/>
  <c r="U123519" i="1"/>
  <c r="U123518" i="1"/>
  <c r="U123517" i="1"/>
  <c r="U123516" i="1"/>
  <c r="U123515" i="1"/>
  <c r="U123514" i="1"/>
  <c r="U123513" i="1"/>
  <c r="U123512" i="1"/>
  <c r="U123511" i="1"/>
  <c r="U123510" i="1"/>
  <c r="U123509" i="1"/>
  <c r="U123508" i="1"/>
  <c r="U123507" i="1"/>
  <c r="U123506" i="1"/>
  <c r="U123505" i="1"/>
  <c r="U123504" i="1"/>
  <c r="U123503" i="1"/>
  <c r="U123502" i="1"/>
  <c r="U123501" i="1"/>
  <c r="U123500" i="1"/>
  <c r="U123499" i="1"/>
  <c r="U123498" i="1"/>
  <c r="U123497" i="1"/>
  <c r="U123496" i="1"/>
  <c r="U123495" i="1"/>
  <c r="U123494" i="1"/>
  <c r="U123493" i="1"/>
  <c r="U123492" i="1"/>
  <c r="U123491" i="1"/>
  <c r="U123490" i="1"/>
  <c r="U123489" i="1"/>
  <c r="U123488" i="1"/>
  <c r="U123487" i="1"/>
  <c r="U123486" i="1"/>
  <c r="U123485" i="1"/>
  <c r="U123484" i="1"/>
  <c r="U123483" i="1"/>
  <c r="U123482" i="1"/>
  <c r="U123481" i="1"/>
  <c r="U123480" i="1"/>
  <c r="U123479" i="1"/>
  <c r="U123478" i="1"/>
  <c r="U123477" i="1"/>
  <c r="U123476" i="1"/>
  <c r="U123475" i="1"/>
  <c r="U123474" i="1"/>
  <c r="U123473" i="1"/>
  <c r="U123472" i="1"/>
  <c r="U123471" i="1"/>
  <c r="U123470" i="1"/>
  <c r="U123469" i="1"/>
  <c r="U123468" i="1"/>
  <c r="U123467" i="1"/>
  <c r="U123466" i="1"/>
  <c r="U123465" i="1"/>
  <c r="U123464" i="1"/>
  <c r="U123463" i="1"/>
  <c r="U123462" i="1"/>
  <c r="U123461" i="1"/>
  <c r="U123460" i="1"/>
  <c r="U123459" i="1"/>
  <c r="U123458" i="1"/>
  <c r="U123457" i="1"/>
  <c r="U123456" i="1"/>
  <c r="U123455" i="1"/>
  <c r="U123454" i="1"/>
  <c r="U123453" i="1"/>
  <c r="U123452" i="1"/>
  <c r="U123451" i="1"/>
  <c r="U123450" i="1"/>
  <c r="U123449" i="1"/>
  <c r="U123448" i="1"/>
  <c r="U123447" i="1"/>
  <c r="U123446" i="1"/>
  <c r="U123445" i="1"/>
  <c r="U123444" i="1"/>
  <c r="U123443" i="1"/>
  <c r="U123442" i="1"/>
  <c r="U123441" i="1"/>
  <c r="U123440" i="1"/>
  <c r="U123439" i="1"/>
  <c r="U123438" i="1"/>
  <c r="U123437" i="1"/>
  <c r="U123436" i="1"/>
  <c r="U123435" i="1"/>
  <c r="U123434" i="1"/>
  <c r="U123433" i="1"/>
  <c r="U123432" i="1"/>
  <c r="U123431" i="1"/>
  <c r="U123430" i="1"/>
  <c r="U123429" i="1"/>
  <c r="U123428" i="1"/>
  <c r="U123427" i="1"/>
  <c r="U123426" i="1"/>
  <c r="U123425" i="1"/>
  <c r="U123424" i="1"/>
  <c r="U123423" i="1"/>
  <c r="U123422" i="1"/>
  <c r="U123421" i="1"/>
  <c r="U123420" i="1"/>
  <c r="U123419" i="1"/>
  <c r="U123418" i="1"/>
  <c r="U123417" i="1"/>
  <c r="U123416" i="1"/>
  <c r="U123415" i="1"/>
  <c r="U123414" i="1"/>
  <c r="U123413" i="1"/>
  <c r="U123412" i="1"/>
  <c r="U123411" i="1"/>
  <c r="U123410" i="1"/>
  <c r="U123409" i="1"/>
  <c r="U123408" i="1"/>
  <c r="U123407" i="1"/>
  <c r="U123406" i="1"/>
  <c r="U123405" i="1"/>
  <c r="U123404" i="1"/>
  <c r="U123403" i="1"/>
  <c r="U123402" i="1"/>
  <c r="U123401" i="1"/>
  <c r="U123400" i="1"/>
  <c r="U123399" i="1"/>
  <c r="U123398" i="1"/>
  <c r="U123397" i="1"/>
  <c r="U123396" i="1"/>
  <c r="U123395" i="1"/>
  <c r="U123394" i="1"/>
  <c r="U123393" i="1"/>
  <c r="U123392" i="1"/>
  <c r="U123391" i="1"/>
  <c r="U123390" i="1"/>
  <c r="U123389" i="1"/>
  <c r="U123388" i="1"/>
  <c r="U123387" i="1"/>
  <c r="U123386" i="1"/>
  <c r="U123385" i="1"/>
  <c r="U123384" i="1"/>
  <c r="U123383" i="1"/>
  <c r="U123382" i="1"/>
  <c r="U123381" i="1"/>
  <c r="U123380" i="1"/>
  <c r="U123379" i="1"/>
  <c r="U123378" i="1"/>
  <c r="U123377" i="1"/>
  <c r="U123376" i="1"/>
  <c r="U123375" i="1"/>
  <c r="U123374" i="1"/>
  <c r="U123373" i="1"/>
  <c r="U123372" i="1"/>
  <c r="U123371" i="1"/>
  <c r="U123370" i="1"/>
  <c r="U123369" i="1"/>
  <c r="U123368" i="1"/>
  <c r="U123367" i="1"/>
  <c r="U123366" i="1"/>
  <c r="U123365" i="1"/>
  <c r="U123364" i="1"/>
  <c r="U123363" i="1"/>
  <c r="U123362" i="1"/>
  <c r="U123361" i="1"/>
  <c r="U123360" i="1"/>
  <c r="U123359" i="1"/>
  <c r="U123358" i="1"/>
  <c r="U123357" i="1"/>
  <c r="U123356" i="1"/>
  <c r="U123355" i="1"/>
  <c r="U123354" i="1"/>
  <c r="U123353" i="1"/>
  <c r="U123352" i="1"/>
  <c r="U123351" i="1"/>
  <c r="U123350" i="1"/>
  <c r="U123349" i="1"/>
  <c r="U123348" i="1"/>
  <c r="U123347" i="1"/>
  <c r="U123346" i="1"/>
  <c r="U123345" i="1"/>
  <c r="U123344" i="1"/>
  <c r="U123343" i="1"/>
  <c r="U123342" i="1"/>
  <c r="U123341" i="1"/>
  <c r="U123340" i="1"/>
  <c r="U123339" i="1"/>
  <c r="U123338" i="1"/>
  <c r="U123337" i="1"/>
  <c r="U123336" i="1"/>
  <c r="U123335" i="1"/>
  <c r="U123334" i="1"/>
  <c r="U123333" i="1"/>
  <c r="U123332" i="1"/>
  <c r="U123331" i="1"/>
  <c r="U123330" i="1"/>
  <c r="U123329" i="1"/>
  <c r="U123328" i="1"/>
  <c r="U123327" i="1"/>
  <c r="U123326" i="1"/>
  <c r="U123325" i="1"/>
  <c r="U123324" i="1"/>
  <c r="U123323" i="1"/>
  <c r="U123322" i="1"/>
  <c r="U123321" i="1"/>
  <c r="U123320" i="1"/>
  <c r="U123319" i="1"/>
  <c r="U123318" i="1"/>
  <c r="U123317" i="1"/>
  <c r="U123316" i="1"/>
  <c r="U123315" i="1"/>
  <c r="U123314" i="1"/>
  <c r="U123313" i="1"/>
  <c r="U123312" i="1"/>
  <c r="U123311" i="1"/>
  <c r="U123310" i="1"/>
  <c r="U123309" i="1"/>
  <c r="U123308" i="1"/>
  <c r="U123307" i="1"/>
  <c r="U123306" i="1"/>
  <c r="U123305" i="1"/>
  <c r="U123304" i="1"/>
  <c r="U123303" i="1"/>
  <c r="U123302" i="1"/>
  <c r="U123301" i="1"/>
  <c r="U123300" i="1"/>
  <c r="U123299" i="1"/>
  <c r="U123298" i="1"/>
  <c r="U123297" i="1"/>
  <c r="U123296" i="1"/>
  <c r="U123295" i="1"/>
  <c r="U123294" i="1"/>
  <c r="U123293" i="1"/>
  <c r="U123292" i="1"/>
  <c r="U123291" i="1"/>
  <c r="U123290" i="1"/>
  <c r="U123289" i="1"/>
  <c r="U123288" i="1"/>
  <c r="U123287" i="1"/>
  <c r="U123286" i="1"/>
  <c r="U123285" i="1"/>
  <c r="U123284" i="1"/>
  <c r="U123283" i="1"/>
  <c r="U123282" i="1"/>
  <c r="U123281" i="1"/>
  <c r="U123280" i="1"/>
  <c r="U123279" i="1"/>
  <c r="U123278" i="1"/>
  <c r="U123277" i="1"/>
  <c r="U123276" i="1"/>
  <c r="U123275" i="1"/>
  <c r="U123274" i="1"/>
  <c r="U123273" i="1"/>
  <c r="U123272" i="1"/>
  <c r="U123271" i="1"/>
  <c r="U123270" i="1"/>
  <c r="U123269" i="1"/>
  <c r="U123268" i="1"/>
  <c r="U123267" i="1"/>
  <c r="U123266" i="1"/>
  <c r="U123265" i="1"/>
  <c r="U123264" i="1"/>
  <c r="U123263" i="1"/>
  <c r="U123262" i="1"/>
  <c r="U123261" i="1"/>
  <c r="U123260" i="1"/>
  <c r="U123259" i="1"/>
  <c r="U123258" i="1"/>
  <c r="U123257" i="1"/>
  <c r="U123256" i="1"/>
  <c r="U123255" i="1"/>
  <c r="U123254" i="1"/>
  <c r="U123253" i="1"/>
  <c r="U123252" i="1"/>
  <c r="U123251" i="1"/>
  <c r="U123250" i="1"/>
  <c r="U123249" i="1"/>
  <c r="U123248" i="1"/>
  <c r="U123247" i="1"/>
  <c r="U123246" i="1"/>
  <c r="U123245" i="1"/>
  <c r="U123244" i="1"/>
  <c r="U123243" i="1"/>
  <c r="U123242" i="1"/>
  <c r="U123241" i="1"/>
  <c r="U123240" i="1"/>
  <c r="U123239" i="1"/>
  <c r="U123238" i="1"/>
  <c r="U123237" i="1"/>
  <c r="U123236" i="1"/>
  <c r="U123235" i="1"/>
  <c r="U123234" i="1"/>
  <c r="U123233" i="1"/>
  <c r="U123232" i="1"/>
  <c r="U123231" i="1"/>
  <c r="U123230" i="1"/>
  <c r="U123229" i="1"/>
  <c r="U123228" i="1"/>
  <c r="U123227" i="1"/>
  <c r="U123226" i="1"/>
  <c r="U123225" i="1"/>
  <c r="U123224" i="1"/>
  <c r="U123223" i="1"/>
  <c r="U123222" i="1"/>
  <c r="U123221" i="1"/>
  <c r="U123220" i="1"/>
  <c r="U123219" i="1"/>
  <c r="U123218" i="1"/>
  <c r="U123217" i="1"/>
  <c r="U123216" i="1"/>
  <c r="U123215" i="1"/>
  <c r="U123214" i="1"/>
  <c r="U123213" i="1"/>
  <c r="U123212" i="1"/>
  <c r="U123211" i="1"/>
  <c r="U123210" i="1"/>
  <c r="U123209" i="1"/>
  <c r="U123208" i="1"/>
  <c r="U123207" i="1"/>
  <c r="U123206" i="1"/>
  <c r="U123205" i="1"/>
  <c r="U123204" i="1"/>
  <c r="U123203" i="1"/>
  <c r="U123202" i="1"/>
  <c r="U123201" i="1"/>
  <c r="U123200" i="1"/>
  <c r="U123199" i="1"/>
  <c r="U123198" i="1"/>
  <c r="U123197" i="1"/>
  <c r="U123196" i="1"/>
  <c r="U123195" i="1"/>
  <c r="U123194" i="1"/>
  <c r="U123193" i="1"/>
  <c r="U123192" i="1"/>
  <c r="U123191" i="1"/>
  <c r="U123190" i="1"/>
  <c r="U123189" i="1"/>
  <c r="U123188" i="1"/>
  <c r="U123187" i="1"/>
  <c r="U123186" i="1"/>
  <c r="U123185" i="1"/>
  <c r="U123184" i="1"/>
  <c r="U123183" i="1"/>
  <c r="U123182" i="1"/>
  <c r="U123181" i="1"/>
  <c r="U123180" i="1"/>
  <c r="U123179" i="1"/>
  <c r="U123178" i="1"/>
  <c r="U123177" i="1"/>
  <c r="U123176" i="1"/>
  <c r="U123175" i="1"/>
  <c r="U123174" i="1"/>
  <c r="U123173" i="1"/>
  <c r="U123172" i="1"/>
  <c r="U123171" i="1"/>
  <c r="U123170" i="1"/>
  <c r="U123169" i="1"/>
  <c r="U123168" i="1"/>
  <c r="U123167" i="1"/>
  <c r="U123166" i="1"/>
  <c r="U123165" i="1"/>
  <c r="U123164" i="1"/>
  <c r="U123163" i="1"/>
  <c r="U123162" i="1"/>
  <c r="U123161" i="1"/>
  <c r="U123160" i="1"/>
  <c r="U123159" i="1"/>
  <c r="U123158" i="1"/>
  <c r="U123157" i="1"/>
  <c r="U123156" i="1"/>
  <c r="U123155" i="1"/>
  <c r="U123154" i="1"/>
  <c r="U123153" i="1"/>
  <c r="U123152" i="1"/>
  <c r="U123151" i="1"/>
  <c r="U123150" i="1"/>
  <c r="U123149" i="1"/>
  <c r="U123148" i="1"/>
  <c r="U123147" i="1"/>
  <c r="U123146" i="1"/>
  <c r="U123145" i="1"/>
  <c r="U123144" i="1"/>
  <c r="U123143" i="1"/>
  <c r="U123142" i="1"/>
  <c r="U123141" i="1"/>
  <c r="U123140" i="1"/>
  <c r="U123139" i="1"/>
  <c r="U123138" i="1"/>
  <c r="U123137" i="1"/>
  <c r="U123136" i="1"/>
  <c r="U123135" i="1"/>
  <c r="U123134" i="1"/>
  <c r="U123133" i="1"/>
  <c r="U123132" i="1"/>
  <c r="U123131" i="1"/>
  <c r="U123130" i="1"/>
  <c r="U123129" i="1"/>
  <c r="U123128" i="1"/>
  <c r="U123127" i="1"/>
  <c r="U123126" i="1"/>
  <c r="U123125" i="1"/>
  <c r="U123124" i="1"/>
  <c r="U123123" i="1"/>
  <c r="U123122" i="1"/>
  <c r="U123121" i="1"/>
  <c r="U123120" i="1"/>
  <c r="U123119" i="1"/>
  <c r="U123118" i="1"/>
  <c r="U123117" i="1"/>
  <c r="U123116" i="1"/>
  <c r="U123115" i="1"/>
  <c r="U123114" i="1"/>
  <c r="U123113" i="1"/>
  <c r="U123112" i="1"/>
  <c r="U123111" i="1"/>
  <c r="U123110" i="1"/>
  <c r="U123109" i="1"/>
  <c r="U123108" i="1"/>
  <c r="U123107" i="1"/>
  <c r="U123106" i="1"/>
  <c r="U123105" i="1"/>
  <c r="U123104" i="1"/>
  <c r="U123103" i="1"/>
  <c r="U123102" i="1"/>
  <c r="U123101" i="1"/>
  <c r="U123100" i="1"/>
  <c r="U123099" i="1"/>
  <c r="U123098" i="1"/>
  <c r="U123097" i="1"/>
  <c r="U123096" i="1"/>
  <c r="U123095" i="1"/>
  <c r="U123094" i="1"/>
  <c r="U123093" i="1"/>
  <c r="U123092" i="1"/>
  <c r="U123091" i="1"/>
  <c r="U123090" i="1"/>
  <c r="U123089" i="1"/>
  <c r="U123088" i="1"/>
  <c r="U123087" i="1"/>
  <c r="U123086" i="1"/>
  <c r="U123085" i="1"/>
  <c r="U123084" i="1"/>
  <c r="U123083" i="1"/>
  <c r="U123082" i="1"/>
  <c r="U123081" i="1"/>
  <c r="U123080" i="1"/>
  <c r="U123079" i="1"/>
  <c r="U123078" i="1"/>
  <c r="U123077" i="1"/>
  <c r="U123076" i="1"/>
  <c r="U123075" i="1"/>
  <c r="U123074" i="1"/>
  <c r="U123073" i="1"/>
  <c r="U123072" i="1"/>
  <c r="U123071" i="1"/>
  <c r="U123070" i="1"/>
  <c r="U123069" i="1"/>
  <c r="U123068" i="1"/>
  <c r="U123067" i="1"/>
  <c r="U123066" i="1"/>
  <c r="U123065" i="1"/>
  <c r="U123064" i="1"/>
  <c r="U123063" i="1"/>
  <c r="U123062" i="1"/>
  <c r="U123061" i="1"/>
  <c r="U123060" i="1"/>
  <c r="U123059" i="1"/>
  <c r="U123058" i="1"/>
  <c r="U123057" i="1"/>
  <c r="U123056" i="1"/>
  <c r="U123055" i="1"/>
  <c r="U123054" i="1"/>
  <c r="U123053" i="1"/>
  <c r="U123052" i="1"/>
  <c r="U123051" i="1"/>
  <c r="U123050" i="1"/>
  <c r="U123049" i="1"/>
  <c r="U123048" i="1"/>
  <c r="U123047" i="1"/>
  <c r="U123046" i="1"/>
  <c r="U123045" i="1"/>
  <c r="U123044" i="1"/>
  <c r="U123043" i="1"/>
  <c r="U123042" i="1"/>
  <c r="U123041" i="1"/>
  <c r="U123040" i="1"/>
  <c r="U123039" i="1"/>
  <c r="U123038" i="1"/>
  <c r="U123037" i="1"/>
  <c r="U123036" i="1"/>
  <c r="U123035" i="1"/>
  <c r="U123034" i="1"/>
  <c r="U123033" i="1"/>
  <c r="U123032" i="1"/>
  <c r="U123031" i="1"/>
  <c r="U123030" i="1"/>
  <c r="U123029" i="1"/>
  <c r="U123028" i="1"/>
  <c r="U123027" i="1"/>
  <c r="U123026" i="1"/>
  <c r="U123025" i="1"/>
  <c r="U123024" i="1"/>
  <c r="U123023" i="1"/>
  <c r="U123022" i="1"/>
  <c r="U123021" i="1"/>
  <c r="U123020" i="1"/>
  <c r="U123019" i="1"/>
  <c r="U123018" i="1"/>
  <c r="U123017" i="1"/>
  <c r="U123016" i="1"/>
  <c r="U123015" i="1"/>
  <c r="U123014" i="1"/>
  <c r="U123013" i="1"/>
  <c r="U123012" i="1"/>
  <c r="U123011" i="1"/>
  <c r="U123010" i="1"/>
  <c r="U123009" i="1"/>
  <c r="U123008" i="1"/>
  <c r="U123007" i="1"/>
  <c r="U123006" i="1"/>
  <c r="U123005" i="1"/>
  <c r="U123004" i="1"/>
  <c r="U123003" i="1"/>
  <c r="U123002" i="1"/>
  <c r="U123001" i="1"/>
  <c r="U123000" i="1"/>
  <c r="U122999" i="1"/>
  <c r="U122998" i="1"/>
  <c r="U122997" i="1"/>
  <c r="U122996" i="1"/>
  <c r="U122995" i="1"/>
  <c r="U122994" i="1"/>
  <c r="U122993" i="1"/>
  <c r="U122992" i="1"/>
  <c r="U122991" i="1"/>
  <c r="U122990" i="1"/>
  <c r="U122989" i="1"/>
  <c r="U122988" i="1"/>
  <c r="U122987" i="1"/>
  <c r="U122986" i="1"/>
  <c r="U122985" i="1"/>
  <c r="U122984" i="1"/>
  <c r="U122983" i="1"/>
  <c r="U122982" i="1"/>
  <c r="U122981" i="1"/>
  <c r="U122980" i="1"/>
  <c r="U122979" i="1"/>
  <c r="U122978" i="1"/>
  <c r="U122977" i="1"/>
  <c r="U122976" i="1"/>
  <c r="U122975" i="1"/>
  <c r="U122974" i="1"/>
  <c r="U122973" i="1"/>
  <c r="U122972" i="1"/>
  <c r="U122971" i="1"/>
  <c r="U122970" i="1"/>
  <c r="U122969" i="1"/>
  <c r="U122968" i="1"/>
  <c r="U122967" i="1"/>
  <c r="U122966" i="1"/>
  <c r="U122965" i="1"/>
  <c r="U122964" i="1"/>
  <c r="U122963" i="1"/>
  <c r="U122962" i="1"/>
  <c r="U122961" i="1"/>
  <c r="U122960" i="1"/>
  <c r="U122959" i="1"/>
  <c r="U122958" i="1"/>
  <c r="U122957" i="1"/>
  <c r="U122956" i="1"/>
  <c r="U122955" i="1"/>
  <c r="U122954" i="1"/>
  <c r="U122953" i="1"/>
  <c r="U122952" i="1"/>
  <c r="U122951" i="1"/>
  <c r="U122950" i="1"/>
  <c r="U122949" i="1"/>
  <c r="U122948" i="1"/>
  <c r="U122947" i="1"/>
  <c r="U122946" i="1"/>
  <c r="U122945" i="1"/>
  <c r="U122944" i="1"/>
  <c r="U122943" i="1"/>
  <c r="U122942" i="1"/>
  <c r="U122941" i="1"/>
  <c r="U122940" i="1"/>
  <c r="U122939" i="1"/>
  <c r="U122938" i="1"/>
  <c r="U122937" i="1"/>
  <c r="U122936" i="1"/>
  <c r="U122935" i="1"/>
  <c r="U122934" i="1"/>
  <c r="U122933" i="1"/>
  <c r="U122932" i="1"/>
  <c r="U122931" i="1"/>
  <c r="U122930" i="1"/>
  <c r="U122929" i="1"/>
  <c r="U122928" i="1"/>
  <c r="U122927" i="1"/>
  <c r="U122926" i="1"/>
  <c r="U122925" i="1"/>
  <c r="U122924" i="1"/>
  <c r="U122923" i="1"/>
  <c r="U122922" i="1"/>
  <c r="U122921" i="1"/>
  <c r="U122920" i="1"/>
  <c r="U122919" i="1"/>
  <c r="U122918" i="1"/>
  <c r="U122917" i="1"/>
  <c r="U122916" i="1"/>
  <c r="U122915" i="1"/>
  <c r="U122914" i="1"/>
  <c r="U122913" i="1"/>
  <c r="U122912" i="1"/>
  <c r="U122911" i="1"/>
  <c r="U122910" i="1"/>
  <c r="U122909" i="1"/>
  <c r="U122908" i="1"/>
  <c r="U122907" i="1"/>
  <c r="U122906" i="1"/>
  <c r="U122905" i="1"/>
  <c r="U122904" i="1"/>
  <c r="U122903" i="1"/>
  <c r="U122902" i="1"/>
  <c r="U122901" i="1"/>
  <c r="U122900" i="1"/>
  <c r="U122899" i="1"/>
  <c r="U122898" i="1"/>
  <c r="U122897" i="1"/>
  <c r="U122896" i="1"/>
  <c r="U122895" i="1"/>
  <c r="U122894" i="1"/>
  <c r="U122893" i="1"/>
  <c r="U122892" i="1"/>
  <c r="U122891" i="1"/>
  <c r="U122890" i="1"/>
  <c r="U122889" i="1"/>
  <c r="U122888" i="1"/>
  <c r="U122887" i="1"/>
  <c r="U122886" i="1"/>
  <c r="U122885" i="1"/>
  <c r="U122884" i="1"/>
  <c r="U122883" i="1"/>
  <c r="U122882" i="1"/>
  <c r="U122881" i="1"/>
  <c r="U122880" i="1"/>
  <c r="U122879" i="1"/>
  <c r="U122878" i="1"/>
  <c r="U122877" i="1"/>
  <c r="U122876" i="1"/>
  <c r="U122875" i="1"/>
  <c r="U122874" i="1"/>
  <c r="U122873" i="1"/>
  <c r="U122872" i="1"/>
  <c r="U122871" i="1"/>
  <c r="U122870" i="1"/>
  <c r="U122869" i="1"/>
  <c r="U122868" i="1"/>
  <c r="U122867" i="1"/>
  <c r="U122866" i="1"/>
  <c r="U122865" i="1"/>
  <c r="U122864" i="1"/>
  <c r="U122863" i="1"/>
  <c r="U122862" i="1"/>
  <c r="U122861" i="1"/>
  <c r="U122860" i="1"/>
  <c r="U122859" i="1"/>
  <c r="U122858" i="1"/>
  <c r="U122857" i="1"/>
  <c r="U122856" i="1"/>
  <c r="U122855" i="1"/>
  <c r="U122854" i="1"/>
  <c r="U122853" i="1"/>
  <c r="U122852" i="1"/>
  <c r="U122851" i="1"/>
  <c r="U122850" i="1"/>
  <c r="U122849" i="1"/>
  <c r="U122848" i="1"/>
  <c r="U122847" i="1"/>
  <c r="U122846" i="1"/>
  <c r="U122845" i="1"/>
  <c r="U122844" i="1"/>
  <c r="U122843" i="1"/>
  <c r="U122842" i="1"/>
  <c r="U122841" i="1"/>
  <c r="U122840" i="1"/>
  <c r="U122839" i="1"/>
  <c r="U122838" i="1"/>
  <c r="U122837" i="1"/>
  <c r="U122836" i="1"/>
  <c r="U122835" i="1"/>
  <c r="U122834" i="1"/>
  <c r="U122833" i="1"/>
  <c r="U122832" i="1"/>
  <c r="U122831" i="1"/>
  <c r="U122830" i="1"/>
  <c r="U122829" i="1"/>
  <c r="U122828" i="1"/>
  <c r="U122827" i="1"/>
  <c r="U122826" i="1"/>
  <c r="U122825" i="1"/>
  <c r="U122824" i="1"/>
  <c r="U122823" i="1"/>
  <c r="U122822" i="1"/>
  <c r="U122821" i="1"/>
  <c r="U122820" i="1"/>
  <c r="U122819" i="1"/>
  <c r="U122818" i="1"/>
  <c r="U122817" i="1"/>
  <c r="U122816" i="1"/>
  <c r="U122815" i="1"/>
  <c r="U122814" i="1"/>
  <c r="U122813" i="1"/>
  <c r="U122812" i="1"/>
  <c r="U122811" i="1"/>
  <c r="U122810" i="1"/>
  <c r="U122809" i="1"/>
  <c r="U122808" i="1"/>
  <c r="U122807" i="1"/>
  <c r="U122806" i="1"/>
  <c r="U122805" i="1"/>
  <c r="U122804" i="1"/>
  <c r="U122803" i="1"/>
  <c r="U122802" i="1"/>
  <c r="U122801" i="1"/>
  <c r="U122800" i="1"/>
  <c r="U122799" i="1"/>
  <c r="U122798" i="1"/>
  <c r="U122797" i="1"/>
  <c r="U122796" i="1"/>
  <c r="U122795" i="1"/>
  <c r="U122794" i="1"/>
  <c r="U122793" i="1"/>
  <c r="U122792" i="1"/>
  <c r="U122791" i="1"/>
  <c r="U122790" i="1"/>
  <c r="U122789" i="1"/>
  <c r="U122788" i="1"/>
  <c r="U122787" i="1"/>
  <c r="U122786" i="1"/>
  <c r="U122785" i="1"/>
  <c r="U122784" i="1"/>
  <c r="U122783" i="1"/>
  <c r="U122782" i="1"/>
  <c r="U122781" i="1"/>
  <c r="U122780" i="1"/>
  <c r="U122779" i="1"/>
  <c r="U122778" i="1"/>
  <c r="U122777" i="1"/>
  <c r="U122776" i="1"/>
  <c r="U122775" i="1"/>
  <c r="U122774" i="1"/>
  <c r="U122773" i="1"/>
  <c r="U122772" i="1"/>
  <c r="U122771" i="1"/>
  <c r="U122770" i="1"/>
  <c r="U122769" i="1"/>
  <c r="U122768" i="1"/>
  <c r="U122767" i="1"/>
  <c r="U122766" i="1"/>
  <c r="U122765" i="1"/>
  <c r="U122764" i="1"/>
  <c r="U122763" i="1"/>
  <c r="U122762" i="1"/>
  <c r="U122761" i="1"/>
  <c r="U122760" i="1"/>
  <c r="U122759" i="1"/>
  <c r="U122758" i="1"/>
  <c r="U122757" i="1"/>
  <c r="U122756" i="1"/>
  <c r="U122755" i="1"/>
  <c r="U122754" i="1"/>
  <c r="U122753" i="1"/>
  <c r="U122752" i="1"/>
  <c r="U122751" i="1"/>
  <c r="U122750" i="1"/>
  <c r="U122749" i="1"/>
  <c r="U122748" i="1"/>
  <c r="U122747" i="1"/>
  <c r="U122746" i="1"/>
  <c r="U122745" i="1"/>
  <c r="U122744" i="1"/>
  <c r="U122743" i="1"/>
  <c r="U122742" i="1"/>
  <c r="U122741" i="1"/>
  <c r="U122740" i="1"/>
  <c r="U122739" i="1"/>
  <c r="U122738" i="1"/>
  <c r="U122737" i="1"/>
  <c r="U122736" i="1"/>
  <c r="U122735" i="1"/>
  <c r="U122734" i="1"/>
  <c r="U122733" i="1"/>
  <c r="U122732" i="1"/>
  <c r="U122731" i="1"/>
  <c r="U122730" i="1"/>
  <c r="U122729" i="1"/>
  <c r="U122728" i="1"/>
  <c r="U122727" i="1"/>
  <c r="U122726" i="1"/>
  <c r="U122725" i="1"/>
  <c r="U122724" i="1"/>
  <c r="U122723" i="1"/>
  <c r="U122722" i="1"/>
  <c r="U122721" i="1"/>
  <c r="U122720" i="1"/>
  <c r="U122719" i="1"/>
  <c r="U122718" i="1"/>
  <c r="U122717" i="1"/>
  <c r="U122716" i="1"/>
  <c r="U122715" i="1"/>
  <c r="U122714" i="1"/>
  <c r="U122713" i="1"/>
  <c r="U122712" i="1"/>
  <c r="U122711" i="1"/>
  <c r="U122710" i="1"/>
  <c r="U122709" i="1"/>
  <c r="U122708" i="1"/>
  <c r="U122707" i="1"/>
  <c r="U122706" i="1"/>
  <c r="U122705" i="1"/>
  <c r="U122704" i="1"/>
  <c r="U122703" i="1"/>
  <c r="U122702" i="1"/>
  <c r="U122701" i="1"/>
  <c r="U122700" i="1"/>
  <c r="U122699" i="1"/>
  <c r="U122698" i="1"/>
  <c r="U122697" i="1"/>
  <c r="U122696" i="1"/>
  <c r="U122695" i="1"/>
  <c r="U122694" i="1"/>
  <c r="U122693" i="1"/>
  <c r="U122692" i="1"/>
  <c r="U122691" i="1"/>
  <c r="U122690" i="1"/>
  <c r="U122689" i="1"/>
  <c r="U122688" i="1"/>
  <c r="U122687" i="1"/>
  <c r="U122686" i="1"/>
  <c r="U122685" i="1"/>
  <c r="U122684" i="1"/>
  <c r="U122683" i="1"/>
  <c r="U122682" i="1"/>
  <c r="U122681" i="1"/>
  <c r="U122680" i="1"/>
  <c r="U122679" i="1"/>
  <c r="U122678" i="1"/>
  <c r="U122677" i="1"/>
  <c r="U122676" i="1"/>
  <c r="U122675" i="1"/>
  <c r="U122674" i="1"/>
  <c r="U122673" i="1"/>
  <c r="U122672" i="1"/>
  <c r="U122671" i="1"/>
  <c r="U122670" i="1"/>
  <c r="U122669" i="1"/>
  <c r="U122668" i="1"/>
  <c r="U122667" i="1"/>
  <c r="U122666" i="1"/>
  <c r="U122665" i="1"/>
  <c r="U122664" i="1"/>
  <c r="U122663" i="1"/>
  <c r="U122662" i="1"/>
  <c r="U122661" i="1"/>
  <c r="U122660" i="1"/>
  <c r="U122659" i="1"/>
  <c r="U122658" i="1"/>
  <c r="U122657" i="1"/>
  <c r="U122656" i="1"/>
  <c r="U122655" i="1"/>
  <c r="U122654" i="1"/>
  <c r="U122653" i="1"/>
  <c r="U122652" i="1"/>
  <c r="U122651" i="1"/>
  <c r="U122650" i="1"/>
  <c r="U122649" i="1"/>
  <c r="U122648" i="1"/>
  <c r="U122647" i="1"/>
  <c r="U122646" i="1"/>
  <c r="U122645" i="1"/>
  <c r="U122644" i="1"/>
  <c r="U122643" i="1"/>
  <c r="U122642" i="1"/>
  <c r="U122641" i="1"/>
  <c r="U122640" i="1"/>
  <c r="U122639" i="1"/>
  <c r="U122638" i="1"/>
  <c r="U122637" i="1"/>
  <c r="U122636" i="1"/>
  <c r="U122635" i="1"/>
  <c r="U122634" i="1"/>
  <c r="U122633" i="1"/>
  <c r="U122632" i="1"/>
  <c r="U122631" i="1"/>
  <c r="U122630" i="1"/>
  <c r="U122629" i="1"/>
  <c r="U122628" i="1"/>
  <c r="U122627" i="1"/>
  <c r="U122626" i="1"/>
  <c r="U122625" i="1"/>
  <c r="U122624" i="1"/>
  <c r="U122623" i="1"/>
  <c r="U122622" i="1"/>
  <c r="U122621" i="1"/>
  <c r="U122620" i="1"/>
  <c r="U122619" i="1"/>
  <c r="U122618" i="1"/>
  <c r="U122617" i="1"/>
  <c r="U122616" i="1"/>
  <c r="U122615" i="1"/>
  <c r="U122614" i="1"/>
  <c r="U122613" i="1"/>
  <c r="U122612" i="1"/>
  <c r="U122611" i="1"/>
  <c r="U122610" i="1"/>
  <c r="U122609" i="1"/>
  <c r="U122608" i="1"/>
  <c r="U122607" i="1"/>
  <c r="U122606" i="1"/>
  <c r="U122605" i="1"/>
  <c r="U122604" i="1"/>
  <c r="U122603" i="1"/>
  <c r="U122602" i="1"/>
  <c r="U122601" i="1"/>
  <c r="U122600" i="1"/>
  <c r="U122599" i="1"/>
  <c r="U122598" i="1"/>
  <c r="U122597" i="1"/>
  <c r="U122596" i="1"/>
  <c r="U122595" i="1"/>
  <c r="U122594" i="1"/>
  <c r="U122593" i="1"/>
  <c r="U122592" i="1"/>
  <c r="U122591" i="1"/>
  <c r="U122590" i="1"/>
  <c r="U122589" i="1"/>
  <c r="U122588" i="1"/>
  <c r="U122587" i="1"/>
  <c r="U122586" i="1"/>
  <c r="U122585" i="1"/>
  <c r="U122584" i="1"/>
  <c r="U122583" i="1"/>
  <c r="U122582" i="1"/>
  <c r="U122581" i="1"/>
  <c r="U122580" i="1"/>
  <c r="U122579" i="1"/>
  <c r="U122578" i="1"/>
  <c r="U122577" i="1"/>
  <c r="U122576" i="1"/>
  <c r="U122575" i="1"/>
  <c r="U122574" i="1"/>
  <c r="U122573" i="1"/>
  <c r="U122572" i="1"/>
  <c r="U122571" i="1"/>
  <c r="U122570" i="1"/>
  <c r="U122569" i="1"/>
  <c r="U122568" i="1"/>
  <c r="U122567" i="1"/>
  <c r="U122566" i="1"/>
  <c r="U122565" i="1"/>
  <c r="U122564" i="1"/>
  <c r="U122563" i="1"/>
  <c r="U122562" i="1"/>
  <c r="U122561" i="1"/>
  <c r="U122560" i="1"/>
  <c r="U122559" i="1"/>
  <c r="U122558" i="1"/>
  <c r="U122557" i="1"/>
  <c r="U122556" i="1"/>
  <c r="U122555" i="1"/>
  <c r="U122554" i="1"/>
  <c r="U122553" i="1"/>
  <c r="U122552" i="1"/>
  <c r="U122551" i="1"/>
  <c r="U122550" i="1"/>
  <c r="U122549" i="1"/>
  <c r="U122548" i="1"/>
  <c r="U122547" i="1"/>
  <c r="U122546" i="1"/>
  <c r="U122545" i="1"/>
  <c r="U122544" i="1"/>
  <c r="U122543" i="1"/>
  <c r="U122542" i="1"/>
  <c r="U122541" i="1"/>
  <c r="U122540" i="1"/>
  <c r="U122539" i="1"/>
  <c r="U122538" i="1"/>
  <c r="U122537" i="1"/>
  <c r="U122536" i="1"/>
  <c r="U122535" i="1"/>
  <c r="U122534" i="1"/>
  <c r="U122533" i="1"/>
  <c r="U122532" i="1"/>
  <c r="U122531" i="1"/>
  <c r="U122530" i="1"/>
  <c r="U122529" i="1"/>
  <c r="U122528" i="1"/>
  <c r="U122527" i="1"/>
  <c r="U122526" i="1"/>
  <c r="U122525" i="1"/>
  <c r="U122524" i="1"/>
  <c r="U122523" i="1"/>
  <c r="U122522" i="1"/>
  <c r="U122521" i="1"/>
  <c r="U122520" i="1"/>
  <c r="U122519" i="1"/>
  <c r="U122518" i="1"/>
  <c r="U122517" i="1"/>
  <c r="U122516" i="1"/>
  <c r="U122515" i="1"/>
  <c r="U122514" i="1"/>
  <c r="U122513" i="1"/>
  <c r="U122512" i="1"/>
  <c r="U122511" i="1"/>
  <c r="U122510" i="1"/>
  <c r="U122509" i="1"/>
  <c r="U122508" i="1"/>
  <c r="U122507" i="1"/>
  <c r="U122506" i="1"/>
  <c r="U122505" i="1"/>
  <c r="U122504" i="1"/>
  <c r="U122503" i="1"/>
  <c r="U122502" i="1"/>
  <c r="U122501" i="1"/>
  <c r="U122500" i="1"/>
  <c r="U122499" i="1"/>
  <c r="U122498" i="1"/>
  <c r="U122497" i="1"/>
  <c r="U122496" i="1"/>
  <c r="U122495" i="1"/>
  <c r="U122494" i="1"/>
  <c r="U122493" i="1"/>
  <c r="U122492" i="1"/>
  <c r="U122491" i="1"/>
  <c r="U122490" i="1"/>
  <c r="U122489" i="1"/>
  <c r="U122488" i="1"/>
  <c r="U122487" i="1"/>
  <c r="U122486" i="1"/>
  <c r="U122485" i="1"/>
  <c r="U122484" i="1"/>
  <c r="U122483" i="1"/>
  <c r="U122482" i="1"/>
  <c r="U122481" i="1"/>
  <c r="U122480" i="1"/>
  <c r="U122479" i="1"/>
  <c r="U122478" i="1"/>
  <c r="U122477" i="1"/>
  <c r="U122476" i="1"/>
  <c r="U122475" i="1"/>
  <c r="U122474" i="1"/>
  <c r="U122473" i="1"/>
  <c r="U122472" i="1"/>
  <c r="U122471" i="1"/>
  <c r="U122470" i="1"/>
  <c r="U122469" i="1"/>
  <c r="U122468" i="1"/>
  <c r="U122467" i="1"/>
  <c r="U122466" i="1"/>
  <c r="U122465" i="1"/>
  <c r="U122464" i="1"/>
  <c r="U122463" i="1"/>
  <c r="U122462" i="1"/>
  <c r="U122461" i="1"/>
  <c r="U122460" i="1"/>
  <c r="U122459" i="1"/>
  <c r="U122458" i="1"/>
  <c r="U122457" i="1"/>
  <c r="U122456" i="1"/>
  <c r="U122455" i="1"/>
  <c r="U122454" i="1"/>
  <c r="U122453" i="1"/>
  <c r="U122452" i="1"/>
  <c r="U122451" i="1"/>
  <c r="U122450" i="1"/>
  <c r="U122449" i="1"/>
  <c r="U122448" i="1"/>
  <c r="U122447" i="1"/>
  <c r="U122446" i="1"/>
  <c r="U122445" i="1"/>
  <c r="U122444" i="1"/>
  <c r="U122443" i="1"/>
  <c r="U122442" i="1"/>
  <c r="U122441" i="1"/>
  <c r="U122440" i="1"/>
  <c r="U122439" i="1"/>
  <c r="U122438" i="1"/>
  <c r="U122437" i="1"/>
  <c r="U122436" i="1"/>
  <c r="U122435" i="1"/>
  <c r="U122434" i="1"/>
  <c r="U122433" i="1"/>
  <c r="U122432" i="1"/>
  <c r="U122431" i="1"/>
  <c r="U122430" i="1"/>
  <c r="U122429" i="1"/>
  <c r="U122428" i="1"/>
  <c r="U122427" i="1"/>
  <c r="U122426" i="1"/>
  <c r="U122425" i="1"/>
  <c r="U122424" i="1"/>
  <c r="U122423" i="1"/>
  <c r="U122422" i="1"/>
  <c r="U122421" i="1"/>
  <c r="U122420" i="1"/>
  <c r="U122419" i="1"/>
  <c r="U122418" i="1"/>
  <c r="U122417" i="1"/>
  <c r="U122416" i="1"/>
  <c r="U122415" i="1"/>
  <c r="U122414" i="1"/>
  <c r="U122413" i="1"/>
  <c r="U122412" i="1"/>
  <c r="U122411" i="1"/>
  <c r="U122410" i="1"/>
  <c r="U122409" i="1"/>
  <c r="U122408" i="1"/>
  <c r="U122407" i="1"/>
  <c r="U122406" i="1"/>
  <c r="U122405" i="1"/>
  <c r="U122404" i="1"/>
  <c r="U122403" i="1"/>
  <c r="U122402" i="1"/>
  <c r="U122401" i="1"/>
  <c r="U122400" i="1"/>
  <c r="U122399" i="1"/>
  <c r="U122398" i="1"/>
  <c r="U122397" i="1"/>
  <c r="U122396" i="1"/>
  <c r="U122395" i="1"/>
  <c r="U122394" i="1"/>
  <c r="U122393" i="1"/>
  <c r="U122392" i="1"/>
  <c r="U122391" i="1"/>
  <c r="U122390" i="1"/>
  <c r="U122389" i="1"/>
  <c r="U122388" i="1"/>
  <c r="U122387" i="1"/>
  <c r="U122386" i="1"/>
  <c r="U122385" i="1"/>
  <c r="U122384" i="1"/>
  <c r="U122383" i="1"/>
  <c r="U122382" i="1"/>
  <c r="U122381" i="1"/>
  <c r="U122380" i="1"/>
  <c r="U122379" i="1"/>
  <c r="U122378" i="1"/>
  <c r="U122377" i="1"/>
  <c r="U122376" i="1"/>
  <c r="U122375" i="1"/>
  <c r="U122374" i="1"/>
  <c r="U122373" i="1"/>
  <c r="U122372" i="1"/>
  <c r="U122371" i="1"/>
  <c r="U122370" i="1"/>
  <c r="U122369" i="1"/>
  <c r="U122368" i="1"/>
  <c r="U122367" i="1"/>
  <c r="U122366" i="1"/>
  <c r="U122365" i="1"/>
  <c r="U122364" i="1"/>
  <c r="U122363" i="1"/>
  <c r="U122362" i="1"/>
  <c r="U122361" i="1"/>
  <c r="U122360" i="1"/>
  <c r="U122359" i="1"/>
  <c r="U122358" i="1"/>
  <c r="U122357" i="1"/>
  <c r="U122356" i="1"/>
  <c r="U122355" i="1"/>
  <c r="U122354" i="1"/>
  <c r="U122353" i="1"/>
  <c r="U122352" i="1"/>
  <c r="U122351" i="1"/>
  <c r="U122350" i="1"/>
  <c r="U122349" i="1"/>
  <c r="U122348" i="1"/>
  <c r="U122347" i="1"/>
  <c r="U122346" i="1"/>
  <c r="U122345" i="1"/>
  <c r="U122344" i="1"/>
  <c r="U122343" i="1"/>
  <c r="U122342" i="1"/>
  <c r="U122341" i="1"/>
  <c r="U122340" i="1"/>
  <c r="U122339" i="1"/>
  <c r="U122338" i="1"/>
  <c r="U122337" i="1"/>
  <c r="U122336" i="1"/>
  <c r="U122335" i="1"/>
  <c r="U122334" i="1"/>
  <c r="U122333" i="1"/>
  <c r="U122332" i="1"/>
  <c r="U122331" i="1"/>
  <c r="U122330" i="1"/>
  <c r="U122329" i="1"/>
  <c r="U122328" i="1"/>
  <c r="U122327" i="1"/>
  <c r="U122326" i="1"/>
  <c r="U122325" i="1"/>
  <c r="U122324" i="1"/>
  <c r="U122323" i="1"/>
  <c r="U122322" i="1"/>
  <c r="U122321" i="1"/>
  <c r="U122320" i="1"/>
  <c r="U122319" i="1"/>
  <c r="U122318" i="1"/>
  <c r="U122317" i="1"/>
  <c r="U122316" i="1"/>
  <c r="U122315" i="1"/>
  <c r="U122314" i="1"/>
  <c r="U122313" i="1"/>
  <c r="U122312" i="1"/>
  <c r="U122311" i="1"/>
  <c r="U122310" i="1"/>
  <c r="U122309" i="1"/>
  <c r="U122308" i="1"/>
  <c r="U122307" i="1"/>
  <c r="U122306" i="1"/>
  <c r="U122305" i="1"/>
  <c r="U122304" i="1"/>
  <c r="U122303" i="1"/>
  <c r="U122302" i="1"/>
  <c r="U122301" i="1"/>
  <c r="U122300" i="1"/>
  <c r="U122299" i="1"/>
  <c r="U122298" i="1"/>
  <c r="U122297" i="1"/>
  <c r="U122296" i="1"/>
  <c r="U122295" i="1"/>
  <c r="U122294" i="1"/>
  <c r="U122293" i="1"/>
  <c r="U122292" i="1"/>
  <c r="U122291" i="1"/>
  <c r="U122290" i="1"/>
  <c r="U122289" i="1"/>
  <c r="U122288" i="1"/>
  <c r="U122287" i="1"/>
  <c r="U122286" i="1"/>
  <c r="U122285" i="1"/>
  <c r="U122284" i="1"/>
  <c r="U122283" i="1"/>
  <c r="U122282" i="1"/>
  <c r="U122281" i="1"/>
  <c r="U122280" i="1"/>
  <c r="U122279" i="1"/>
  <c r="U122278" i="1"/>
  <c r="U122277" i="1"/>
  <c r="U122276" i="1"/>
  <c r="U122275" i="1"/>
  <c r="U122274" i="1"/>
  <c r="U122273" i="1"/>
  <c r="U122272" i="1"/>
  <c r="U122271" i="1"/>
  <c r="U122270" i="1"/>
  <c r="U122269" i="1"/>
  <c r="U122268" i="1"/>
  <c r="U122267" i="1"/>
  <c r="U122266" i="1"/>
  <c r="U122265" i="1"/>
  <c r="U122264" i="1"/>
  <c r="U122263" i="1"/>
  <c r="U122262" i="1"/>
  <c r="U122261" i="1"/>
  <c r="U122260" i="1"/>
  <c r="U122259" i="1"/>
  <c r="U122258" i="1"/>
  <c r="U122257" i="1"/>
  <c r="U122256" i="1"/>
  <c r="U122255" i="1"/>
  <c r="U122254" i="1"/>
  <c r="U122253" i="1"/>
  <c r="U122252" i="1"/>
  <c r="U122251" i="1"/>
  <c r="U122250" i="1"/>
  <c r="U122249" i="1"/>
  <c r="U122248" i="1"/>
  <c r="U122247" i="1"/>
  <c r="U122246" i="1"/>
  <c r="U122245" i="1"/>
  <c r="U122244" i="1"/>
  <c r="U122243" i="1"/>
  <c r="U122242" i="1"/>
  <c r="U122241" i="1"/>
  <c r="U122240" i="1"/>
  <c r="U122239" i="1"/>
  <c r="U122238" i="1"/>
  <c r="U122237" i="1"/>
  <c r="U122236" i="1"/>
  <c r="U122235" i="1"/>
  <c r="U122234" i="1"/>
  <c r="U122233" i="1"/>
  <c r="U122232" i="1"/>
  <c r="U122231" i="1"/>
  <c r="U122230" i="1"/>
  <c r="U122229" i="1"/>
  <c r="U122228" i="1"/>
  <c r="U122227" i="1"/>
  <c r="U122226" i="1"/>
  <c r="U122225" i="1"/>
  <c r="U122224" i="1"/>
  <c r="U122223" i="1"/>
  <c r="U122222" i="1"/>
  <c r="U122221" i="1"/>
  <c r="U122220" i="1"/>
  <c r="U122219" i="1"/>
  <c r="U122218" i="1"/>
  <c r="U122217" i="1"/>
  <c r="U122216" i="1"/>
  <c r="U122215" i="1"/>
  <c r="U122214" i="1"/>
  <c r="U122213" i="1"/>
  <c r="U122212" i="1"/>
  <c r="U122211" i="1"/>
  <c r="U122210" i="1"/>
  <c r="U122209" i="1"/>
  <c r="U122208" i="1"/>
  <c r="U122207" i="1"/>
  <c r="U122206" i="1"/>
  <c r="U122205" i="1"/>
  <c r="U122204" i="1"/>
  <c r="U122203" i="1"/>
  <c r="U122202" i="1"/>
  <c r="U122201" i="1"/>
  <c r="U122200" i="1"/>
  <c r="U122199" i="1"/>
  <c r="U122198" i="1"/>
  <c r="U122197" i="1"/>
  <c r="U122196" i="1"/>
  <c r="U122195" i="1"/>
  <c r="U122194" i="1"/>
  <c r="U122193" i="1"/>
  <c r="U122192" i="1"/>
  <c r="U122191" i="1"/>
  <c r="U122190" i="1"/>
  <c r="U122189" i="1"/>
  <c r="U122188" i="1"/>
  <c r="U122187" i="1"/>
  <c r="U122186" i="1"/>
  <c r="U122185" i="1"/>
  <c r="U122184" i="1"/>
  <c r="U122183" i="1"/>
  <c r="U122182" i="1"/>
  <c r="U122181" i="1"/>
  <c r="U122180" i="1"/>
  <c r="U122179" i="1"/>
  <c r="U122178" i="1"/>
  <c r="U122177" i="1"/>
  <c r="U122176" i="1"/>
  <c r="U122175" i="1"/>
  <c r="U122174" i="1"/>
  <c r="U122173" i="1"/>
  <c r="U122172" i="1"/>
  <c r="U122171" i="1"/>
  <c r="U122170" i="1"/>
  <c r="U122169" i="1"/>
  <c r="U122168" i="1"/>
  <c r="U122167" i="1"/>
  <c r="U122166" i="1"/>
  <c r="U122165" i="1"/>
  <c r="U122164" i="1"/>
  <c r="U122163" i="1"/>
  <c r="U122162" i="1"/>
  <c r="U122161" i="1"/>
  <c r="U122160" i="1"/>
  <c r="U122159" i="1"/>
  <c r="U122158" i="1"/>
  <c r="U122157" i="1"/>
  <c r="U122156" i="1"/>
  <c r="U122155" i="1"/>
  <c r="U122154" i="1"/>
  <c r="U122153" i="1"/>
  <c r="U122152" i="1"/>
  <c r="U122151" i="1"/>
  <c r="U122150" i="1"/>
  <c r="U122149" i="1"/>
  <c r="U122148" i="1"/>
  <c r="U122147" i="1"/>
  <c r="U122146" i="1"/>
  <c r="U122145" i="1"/>
  <c r="U122144" i="1"/>
  <c r="U122143" i="1"/>
  <c r="U122142" i="1"/>
  <c r="U122141" i="1"/>
  <c r="U122140" i="1"/>
  <c r="U122139" i="1"/>
  <c r="U122138" i="1"/>
  <c r="U122137" i="1"/>
  <c r="U122136" i="1"/>
  <c r="U122135" i="1"/>
  <c r="U122134" i="1"/>
  <c r="U122133" i="1"/>
  <c r="U122132" i="1"/>
  <c r="U122131" i="1"/>
  <c r="U122130" i="1"/>
  <c r="U122129" i="1"/>
  <c r="U122128" i="1"/>
  <c r="U122127" i="1"/>
  <c r="U122126" i="1"/>
  <c r="U122125" i="1"/>
  <c r="U122124" i="1"/>
  <c r="U122123" i="1"/>
  <c r="U122122" i="1"/>
  <c r="U122121" i="1"/>
  <c r="U122120" i="1"/>
  <c r="U122119" i="1"/>
  <c r="U122118" i="1"/>
  <c r="U122117" i="1"/>
  <c r="U122116" i="1"/>
  <c r="U122115" i="1"/>
  <c r="U122114" i="1"/>
  <c r="U122113" i="1"/>
  <c r="U122112" i="1"/>
  <c r="U122111" i="1"/>
  <c r="U122110" i="1"/>
  <c r="U122109" i="1"/>
  <c r="U122108" i="1"/>
  <c r="U122107" i="1"/>
  <c r="U122106" i="1"/>
  <c r="U122105" i="1"/>
  <c r="U122104" i="1"/>
  <c r="U122103" i="1"/>
  <c r="U122102" i="1"/>
  <c r="U122101" i="1"/>
  <c r="U122100" i="1"/>
  <c r="U122099" i="1"/>
  <c r="U122098" i="1"/>
  <c r="U122097" i="1"/>
  <c r="U122096" i="1"/>
  <c r="U122095" i="1"/>
  <c r="U122094" i="1"/>
  <c r="U122093" i="1"/>
  <c r="U122092" i="1"/>
  <c r="U122091" i="1"/>
  <c r="U122090" i="1"/>
  <c r="U122089" i="1"/>
  <c r="U122088" i="1"/>
  <c r="U122087" i="1"/>
  <c r="U122086" i="1"/>
  <c r="U122085" i="1"/>
  <c r="U122084" i="1"/>
  <c r="U122083" i="1"/>
  <c r="U122082" i="1"/>
  <c r="U122081" i="1"/>
  <c r="U122080" i="1"/>
  <c r="U122079" i="1"/>
  <c r="U122078" i="1"/>
  <c r="U122077" i="1"/>
  <c r="U122076" i="1"/>
  <c r="U122075" i="1"/>
  <c r="U122074" i="1"/>
  <c r="U122073" i="1"/>
  <c r="U122072" i="1"/>
  <c r="U122071" i="1"/>
  <c r="U122070" i="1"/>
  <c r="U122069" i="1"/>
  <c r="U122068" i="1"/>
  <c r="U122067" i="1"/>
  <c r="U122066" i="1"/>
  <c r="U122065" i="1"/>
  <c r="U122064" i="1"/>
  <c r="U122063" i="1"/>
  <c r="U122062" i="1"/>
  <c r="U122061" i="1"/>
  <c r="U122060" i="1"/>
  <c r="U122059" i="1"/>
  <c r="U122058" i="1"/>
  <c r="U122057" i="1"/>
  <c r="U122056" i="1"/>
  <c r="U122055" i="1"/>
  <c r="U122054" i="1"/>
  <c r="U122053" i="1"/>
  <c r="U122052" i="1"/>
  <c r="U122051" i="1"/>
  <c r="U122050" i="1"/>
  <c r="U122049" i="1"/>
  <c r="U122048" i="1"/>
  <c r="U122047" i="1"/>
  <c r="U122046" i="1"/>
  <c r="U122045" i="1"/>
  <c r="U122044" i="1"/>
  <c r="U122043" i="1"/>
  <c r="U122042" i="1"/>
  <c r="U122041" i="1"/>
  <c r="U122040" i="1"/>
  <c r="U122039" i="1"/>
  <c r="U122038" i="1"/>
  <c r="U122037" i="1"/>
  <c r="U122036" i="1"/>
  <c r="U122035" i="1"/>
  <c r="U122034" i="1"/>
  <c r="U122033" i="1"/>
  <c r="U122032" i="1"/>
  <c r="U122031" i="1"/>
  <c r="U122030" i="1"/>
  <c r="U122029" i="1"/>
  <c r="U122028" i="1"/>
  <c r="U122027" i="1"/>
  <c r="U122026" i="1"/>
  <c r="U122025" i="1"/>
  <c r="U122024" i="1"/>
  <c r="U122023" i="1"/>
  <c r="U122022" i="1"/>
  <c r="U122021" i="1"/>
  <c r="U122020" i="1"/>
  <c r="U122019" i="1"/>
  <c r="U122018" i="1"/>
  <c r="U122017" i="1"/>
  <c r="U122016" i="1"/>
  <c r="U122015" i="1"/>
  <c r="U122014" i="1"/>
  <c r="U122013" i="1"/>
  <c r="U122012" i="1"/>
  <c r="U122011" i="1"/>
  <c r="U122010" i="1"/>
  <c r="U122009" i="1"/>
  <c r="U122008" i="1"/>
  <c r="U122007" i="1"/>
  <c r="U122006" i="1"/>
  <c r="U122005" i="1"/>
  <c r="U122004" i="1"/>
  <c r="U122003" i="1"/>
  <c r="U122002" i="1"/>
  <c r="U122001" i="1"/>
  <c r="U122000" i="1"/>
  <c r="U121999" i="1"/>
  <c r="U121998" i="1"/>
  <c r="U121997" i="1"/>
  <c r="U121996" i="1"/>
  <c r="U121995" i="1"/>
  <c r="U121994" i="1"/>
  <c r="U121993" i="1"/>
  <c r="U121992" i="1"/>
  <c r="U121991" i="1"/>
  <c r="U121990" i="1"/>
  <c r="U121989" i="1"/>
  <c r="U121988" i="1"/>
  <c r="U121987" i="1"/>
  <c r="U121986" i="1"/>
  <c r="U121985" i="1"/>
  <c r="U121984" i="1"/>
  <c r="U121983" i="1"/>
  <c r="U121982" i="1"/>
  <c r="U121981" i="1"/>
  <c r="U121980" i="1"/>
  <c r="U121979" i="1"/>
  <c r="U121978" i="1"/>
  <c r="U121977" i="1"/>
  <c r="U121976" i="1"/>
  <c r="U121975" i="1"/>
  <c r="U121974" i="1"/>
  <c r="U121973" i="1"/>
  <c r="U121972" i="1"/>
  <c r="U121971" i="1"/>
  <c r="U121970" i="1"/>
  <c r="U121969" i="1"/>
  <c r="U121968" i="1"/>
  <c r="U121967" i="1"/>
  <c r="U121966" i="1"/>
  <c r="U121965" i="1"/>
  <c r="U121964" i="1"/>
  <c r="U121963" i="1"/>
  <c r="U121962" i="1"/>
  <c r="U121961" i="1"/>
  <c r="U121960" i="1"/>
  <c r="U121959" i="1"/>
  <c r="U121958" i="1"/>
  <c r="U121957" i="1"/>
  <c r="U121956" i="1"/>
  <c r="U121955" i="1"/>
  <c r="U121954" i="1"/>
  <c r="U121953" i="1"/>
  <c r="U121952" i="1"/>
  <c r="U121951" i="1"/>
  <c r="U121950" i="1"/>
  <c r="U121949" i="1"/>
  <c r="U121948" i="1"/>
  <c r="U121947" i="1"/>
  <c r="U121946" i="1"/>
  <c r="U121945" i="1"/>
  <c r="U121944" i="1"/>
  <c r="U121943" i="1"/>
  <c r="U121942" i="1"/>
  <c r="U121941" i="1"/>
  <c r="U121940" i="1"/>
  <c r="U121939" i="1"/>
  <c r="U121938" i="1"/>
  <c r="U121937" i="1"/>
  <c r="U121936" i="1"/>
  <c r="U121935" i="1"/>
  <c r="U121934" i="1"/>
  <c r="U121933" i="1"/>
  <c r="U121932" i="1"/>
  <c r="U121931" i="1"/>
  <c r="U121930" i="1"/>
  <c r="U121929" i="1"/>
  <c r="U121928" i="1"/>
  <c r="U121927" i="1"/>
  <c r="U121926" i="1"/>
  <c r="U121925" i="1"/>
  <c r="U121924" i="1"/>
  <c r="U121923" i="1"/>
  <c r="U121922" i="1"/>
  <c r="U121921" i="1"/>
  <c r="U121920" i="1"/>
  <c r="U121919" i="1"/>
  <c r="U121918" i="1"/>
  <c r="U121917" i="1"/>
  <c r="U121916" i="1"/>
  <c r="U121915" i="1"/>
  <c r="U121914" i="1"/>
  <c r="U121913" i="1"/>
  <c r="U121912" i="1"/>
  <c r="U121911" i="1"/>
  <c r="U121910" i="1"/>
  <c r="U121909" i="1"/>
  <c r="U121908" i="1"/>
  <c r="U121907" i="1"/>
  <c r="U121906" i="1"/>
  <c r="U121905" i="1"/>
  <c r="U121904" i="1"/>
  <c r="U121903" i="1"/>
  <c r="U121902" i="1"/>
  <c r="U121901" i="1"/>
  <c r="U121900" i="1"/>
  <c r="U121899" i="1"/>
  <c r="U121898" i="1"/>
  <c r="U121897" i="1"/>
  <c r="U121896" i="1"/>
  <c r="U121895" i="1"/>
  <c r="U121894" i="1"/>
  <c r="U121893" i="1"/>
  <c r="U121892" i="1"/>
  <c r="U121891" i="1"/>
  <c r="U121890" i="1"/>
  <c r="U121889" i="1"/>
  <c r="U121888" i="1"/>
  <c r="U121887" i="1"/>
  <c r="U121886" i="1"/>
  <c r="U121885" i="1"/>
  <c r="U121884" i="1"/>
  <c r="U121883" i="1"/>
  <c r="U121882" i="1"/>
  <c r="U121881" i="1"/>
  <c r="U121880" i="1"/>
  <c r="U121879" i="1"/>
  <c r="U121878" i="1"/>
  <c r="U121877" i="1"/>
  <c r="U121876" i="1"/>
  <c r="U121875" i="1"/>
  <c r="U121874" i="1"/>
  <c r="U121873" i="1"/>
  <c r="U121872" i="1"/>
  <c r="U121871" i="1"/>
  <c r="U121870" i="1"/>
  <c r="U121869" i="1"/>
  <c r="U121868" i="1"/>
  <c r="U121867" i="1"/>
  <c r="U121866" i="1"/>
  <c r="U121865" i="1"/>
  <c r="U121864" i="1"/>
  <c r="U121863" i="1"/>
  <c r="U121862" i="1"/>
  <c r="U121861" i="1"/>
  <c r="U121860" i="1"/>
  <c r="U121859" i="1"/>
  <c r="U121858" i="1"/>
  <c r="U121857" i="1"/>
  <c r="U121856" i="1"/>
  <c r="U121855" i="1"/>
  <c r="U121854" i="1"/>
  <c r="U121853" i="1"/>
  <c r="U121852" i="1"/>
  <c r="U121851" i="1"/>
  <c r="U121850" i="1"/>
  <c r="U121849" i="1"/>
  <c r="U121848" i="1"/>
  <c r="U121847" i="1"/>
  <c r="U121846" i="1"/>
  <c r="U121845" i="1"/>
  <c r="U121844" i="1"/>
  <c r="U121843" i="1"/>
  <c r="U121842" i="1"/>
  <c r="U121841" i="1"/>
  <c r="U121840" i="1"/>
  <c r="U121839" i="1"/>
  <c r="U121838" i="1"/>
  <c r="U121837" i="1"/>
  <c r="U121836" i="1"/>
  <c r="U121835" i="1"/>
  <c r="U121834" i="1"/>
  <c r="U121833" i="1"/>
  <c r="U121832" i="1"/>
  <c r="U121831" i="1"/>
  <c r="U121830" i="1"/>
  <c r="U121829" i="1"/>
  <c r="U121828" i="1"/>
  <c r="U121827" i="1"/>
  <c r="U121826" i="1"/>
  <c r="U121825" i="1"/>
  <c r="U121824" i="1"/>
  <c r="U121823" i="1"/>
  <c r="U121822" i="1"/>
  <c r="U121821" i="1"/>
  <c r="U121820" i="1"/>
  <c r="U121819" i="1"/>
  <c r="U121818" i="1"/>
  <c r="U121817" i="1"/>
  <c r="U121816" i="1"/>
  <c r="U121815" i="1"/>
  <c r="U121814" i="1"/>
  <c r="U121813" i="1"/>
  <c r="U121812" i="1"/>
  <c r="U121811" i="1"/>
  <c r="U121810" i="1"/>
  <c r="U121809" i="1"/>
  <c r="U121808" i="1"/>
  <c r="U121807" i="1"/>
  <c r="U121806" i="1"/>
  <c r="U121805" i="1"/>
  <c r="U121804" i="1"/>
  <c r="U121803" i="1"/>
  <c r="U121802" i="1"/>
  <c r="U121801" i="1"/>
  <c r="U121800" i="1"/>
  <c r="U121799" i="1"/>
  <c r="U121798" i="1"/>
  <c r="U121797" i="1"/>
  <c r="U121796" i="1"/>
  <c r="U121795" i="1"/>
  <c r="U121794" i="1"/>
  <c r="U121793" i="1"/>
  <c r="U121792" i="1"/>
  <c r="U121791" i="1"/>
  <c r="U121790" i="1"/>
  <c r="U121789" i="1"/>
  <c r="U121788" i="1"/>
  <c r="U121787" i="1"/>
  <c r="U121786" i="1"/>
  <c r="U121785" i="1"/>
  <c r="U121784" i="1"/>
  <c r="U121783" i="1"/>
  <c r="U121782" i="1"/>
  <c r="U121781" i="1"/>
  <c r="U121780" i="1"/>
  <c r="U121779" i="1"/>
  <c r="U121778" i="1"/>
  <c r="U121777" i="1"/>
  <c r="U121776" i="1"/>
  <c r="U121775" i="1"/>
  <c r="U121774" i="1"/>
  <c r="U121773" i="1"/>
  <c r="U121772" i="1"/>
  <c r="U121771" i="1"/>
  <c r="U121770" i="1"/>
  <c r="U121769" i="1"/>
  <c r="U121768" i="1"/>
  <c r="U121767" i="1"/>
  <c r="U121766" i="1"/>
  <c r="U121765" i="1"/>
  <c r="U121764" i="1"/>
  <c r="U121763" i="1"/>
  <c r="U121762" i="1"/>
  <c r="U121761" i="1"/>
  <c r="U121760" i="1"/>
  <c r="U121759" i="1"/>
  <c r="U121758" i="1"/>
  <c r="U121757" i="1"/>
  <c r="U121756" i="1"/>
  <c r="U121755" i="1"/>
  <c r="U121754" i="1"/>
  <c r="U121753" i="1"/>
  <c r="U121752" i="1"/>
  <c r="U121751" i="1"/>
  <c r="U121750" i="1"/>
  <c r="U121749" i="1"/>
  <c r="U121748" i="1"/>
  <c r="U121747" i="1"/>
  <c r="U121746" i="1"/>
  <c r="U121745" i="1"/>
  <c r="U121744" i="1"/>
  <c r="U121743" i="1"/>
  <c r="U121742" i="1"/>
  <c r="U121741" i="1"/>
  <c r="U121740" i="1"/>
  <c r="U121739" i="1"/>
  <c r="U121738" i="1"/>
  <c r="U121737" i="1"/>
  <c r="U121736" i="1"/>
  <c r="U121735" i="1"/>
  <c r="U121734" i="1"/>
  <c r="U121733" i="1"/>
  <c r="U121732" i="1"/>
  <c r="U121731" i="1"/>
  <c r="U121730" i="1"/>
  <c r="U121729" i="1"/>
  <c r="U121728" i="1"/>
  <c r="U121727" i="1"/>
  <c r="U121726" i="1"/>
  <c r="U121725" i="1"/>
  <c r="U121724" i="1"/>
  <c r="U121723" i="1"/>
  <c r="U121722" i="1"/>
  <c r="U121721" i="1"/>
  <c r="U121720" i="1"/>
  <c r="U121719" i="1"/>
  <c r="U121718" i="1"/>
  <c r="U121717" i="1"/>
  <c r="U121716" i="1"/>
  <c r="U121715" i="1"/>
  <c r="U121714" i="1"/>
  <c r="U121713" i="1"/>
  <c r="U121712" i="1"/>
  <c r="U121711" i="1"/>
  <c r="U121710" i="1"/>
  <c r="U121709" i="1"/>
  <c r="U121708" i="1"/>
  <c r="U121707" i="1"/>
  <c r="U121706" i="1"/>
  <c r="U121705" i="1"/>
  <c r="U121704" i="1"/>
  <c r="U121703" i="1"/>
  <c r="U121702" i="1"/>
  <c r="U121701" i="1"/>
  <c r="U121700" i="1"/>
  <c r="U121699" i="1"/>
  <c r="U121698" i="1"/>
  <c r="U121697" i="1"/>
  <c r="U121696" i="1"/>
  <c r="U121695" i="1"/>
  <c r="U121694" i="1"/>
  <c r="U121693" i="1"/>
  <c r="U121692" i="1"/>
  <c r="U121691" i="1"/>
  <c r="U121690" i="1"/>
  <c r="U121689" i="1"/>
  <c r="U121688" i="1"/>
  <c r="U121687" i="1"/>
  <c r="U121686" i="1"/>
  <c r="U121685" i="1"/>
  <c r="U121684" i="1"/>
  <c r="U121683" i="1"/>
  <c r="U121682" i="1"/>
  <c r="U121681" i="1"/>
  <c r="U121680" i="1"/>
  <c r="U121679" i="1"/>
  <c r="U121678" i="1"/>
  <c r="U121677" i="1"/>
  <c r="U121676" i="1"/>
  <c r="U121675" i="1"/>
  <c r="U121674" i="1"/>
  <c r="U121673" i="1"/>
  <c r="U121672" i="1"/>
  <c r="U121671" i="1"/>
  <c r="U121670" i="1"/>
  <c r="U121669" i="1"/>
  <c r="U121668" i="1"/>
  <c r="U121667" i="1"/>
  <c r="U121666" i="1"/>
  <c r="U121665" i="1"/>
  <c r="U121664" i="1"/>
  <c r="U121663" i="1"/>
  <c r="U121662" i="1"/>
  <c r="U121661" i="1"/>
  <c r="U121660" i="1"/>
  <c r="U121659" i="1"/>
  <c r="U121658" i="1"/>
  <c r="U121657" i="1"/>
  <c r="U121656" i="1"/>
  <c r="U121655" i="1"/>
  <c r="U121654" i="1"/>
  <c r="U121653" i="1"/>
  <c r="U121652" i="1"/>
  <c r="U121651" i="1"/>
  <c r="U121650" i="1"/>
  <c r="U121649" i="1"/>
  <c r="U121648" i="1"/>
  <c r="U121647" i="1"/>
  <c r="U121646" i="1"/>
  <c r="U121645" i="1"/>
  <c r="U121644" i="1"/>
  <c r="U121643" i="1"/>
  <c r="U121642" i="1"/>
  <c r="U121641" i="1"/>
  <c r="U121640" i="1"/>
  <c r="U121639" i="1"/>
  <c r="U121638" i="1"/>
  <c r="U121637" i="1"/>
  <c r="U121636" i="1"/>
  <c r="U121635" i="1"/>
  <c r="U121634" i="1"/>
  <c r="U121633" i="1"/>
  <c r="U121632" i="1"/>
  <c r="U121631" i="1"/>
  <c r="U121630" i="1"/>
  <c r="U121629" i="1"/>
  <c r="U121628" i="1"/>
  <c r="U121627" i="1"/>
  <c r="U121626" i="1"/>
  <c r="U121625" i="1"/>
  <c r="U121624" i="1"/>
  <c r="U121623" i="1"/>
  <c r="U121622" i="1"/>
  <c r="U121621" i="1"/>
  <c r="U121620" i="1"/>
  <c r="U121619" i="1"/>
  <c r="U121618" i="1"/>
  <c r="U121617" i="1"/>
  <c r="U121616" i="1"/>
  <c r="U121615" i="1"/>
  <c r="U121614" i="1"/>
  <c r="U121613" i="1"/>
  <c r="U121612" i="1"/>
  <c r="U121611" i="1"/>
  <c r="U121610" i="1"/>
  <c r="U121609" i="1"/>
  <c r="U121608" i="1"/>
  <c r="U121607" i="1"/>
  <c r="U121606" i="1"/>
  <c r="U121605" i="1"/>
  <c r="U121604" i="1"/>
  <c r="U121603" i="1"/>
  <c r="U121602" i="1"/>
  <c r="U121601" i="1"/>
  <c r="U121600" i="1"/>
  <c r="U121599" i="1"/>
  <c r="U121598" i="1"/>
  <c r="U121597" i="1"/>
  <c r="U121596" i="1"/>
  <c r="U121595" i="1"/>
  <c r="U121594" i="1"/>
  <c r="U121593" i="1"/>
  <c r="U121592" i="1"/>
  <c r="U121591" i="1"/>
  <c r="U121590" i="1"/>
  <c r="U121589" i="1"/>
  <c r="U121588" i="1"/>
  <c r="U121587" i="1"/>
  <c r="U121586" i="1"/>
  <c r="U121585" i="1"/>
  <c r="U121584" i="1"/>
  <c r="U121583" i="1"/>
  <c r="U121582" i="1"/>
  <c r="U121581" i="1"/>
  <c r="U121580" i="1"/>
  <c r="U121579" i="1"/>
  <c r="U121578" i="1"/>
  <c r="U121577" i="1"/>
  <c r="U121576" i="1"/>
  <c r="U121575" i="1"/>
  <c r="U121574" i="1"/>
  <c r="U121573" i="1"/>
  <c r="U121572" i="1"/>
  <c r="U121571" i="1"/>
  <c r="U121570" i="1"/>
  <c r="U121569" i="1"/>
  <c r="U121568" i="1"/>
  <c r="U121567" i="1"/>
  <c r="U121566" i="1"/>
  <c r="U121565" i="1"/>
  <c r="U121564" i="1"/>
  <c r="U121563" i="1"/>
  <c r="U121562" i="1"/>
  <c r="U121561" i="1"/>
  <c r="U121560" i="1"/>
  <c r="U121559" i="1"/>
  <c r="U121558" i="1"/>
  <c r="U121557" i="1"/>
  <c r="U121556" i="1"/>
  <c r="U121555" i="1"/>
  <c r="U121554" i="1"/>
  <c r="U121553" i="1"/>
  <c r="U121552" i="1"/>
  <c r="U121551" i="1"/>
  <c r="U121550" i="1"/>
  <c r="U121549" i="1"/>
  <c r="U121548" i="1"/>
  <c r="U121547" i="1"/>
  <c r="U121546" i="1"/>
  <c r="U121545" i="1"/>
  <c r="U121544" i="1"/>
  <c r="U121543" i="1"/>
  <c r="U121542" i="1"/>
  <c r="U121541" i="1"/>
  <c r="U121540" i="1"/>
  <c r="U121539" i="1"/>
  <c r="U121538" i="1"/>
  <c r="U121537" i="1"/>
  <c r="U121536" i="1"/>
  <c r="U121535" i="1"/>
  <c r="U121534" i="1"/>
  <c r="U121533" i="1"/>
  <c r="U121532" i="1"/>
  <c r="U121531" i="1"/>
  <c r="U121530" i="1"/>
  <c r="U121529" i="1"/>
  <c r="U121528" i="1"/>
  <c r="U121527" i="1"/>
  <c r="U121526" i="1"/>
  <c r="U121525" i="1"/>
  <c r="U121524" i="1"/>
  <c r="U121523" i="1"/>
  <c r="U121522" i="1"/>
  <c r="U121521" i="1"/>
  <c r="U121520" i="1"/>
  <c r="U121519" i="1"/>
  <c r="U121518" i="1"/>
  <c r="U121517" i="1"/>
  <c r="U121516" i="1"/>
  <c r="U121515" i="1"/>
  <c r="U121514" i="1"/>
  <c r="U121513" i="1"/>
  <c r="U121512" i="1"/>
  <c r="U121511" i="1"/>
  <c r="U121510" i="1"/>
  <c r="U121509" i="1"/>
  <c r="U121508" i="1"/>
  <c r="U121507" i="1"/>
  <c r="U121506" i="1"/>
  <c r="U121505" i="1"/>
  <c r="U121504" i="1"/>
  <c r="U121503" i="1"/>
  <c r="U121502" i="1"/>
  <c r="U121501" i="1"/>
  <c r="U121500" i="1"/>
  <c r="U121499" i="1"/>
  <c r="U121498" i="1"/>
  <c r="U121497" i="1"/>
  <c r="U121496" i="1"/>
  <c r="U121495" i="1"/>
  <c r="U121494" i="1"/>
  <c r="U121493" i="1"/>
  <c r="U121492" i="1"/>
  <c r="U121491" i="1"/>
  <c r="U121490" i="1"/>
  <c r="U121489" i="1"/>
  <c r="U121488" i="1"/>
  <c r="U121487" i="1"/>
  <c r="U121486" i="1"/>
  <c r="U121485" i="1"/>
  <c r="U121484" i="1"/>
  <c r="U121483" i="1"/>
  <c r="U121482" i="1"/>
  <c r="U121481" i="1"/>
  <c r="U121480" i="1"/>
  <c r="U121479" i="1"/>
  <c r="U121478" i="1"/>
  <c r="U121477" i="1"/>
  <c r="U121476" i="1"/>
  <c r="U121475" i="1"/>
  <c r="U121474" i="1"/>
  <c r="U121473" i="1"/>
  <c r="U121472" i="1"/>
  <c r="U121471" i="1"/>
  <c r="U121470" i="1"/>
  <c r="U121469" i="1"/>
  <c r="U121468" i="1"/>
  <c r="U121467" i="1"/>
  <c r="U121466" i="1"/>
  <c r="U121465" i="1"/>
  <c r="U121464" i="1"/>
  <c r="U121463" i="1"/>
  <c r="U121462" i="1"/>
  <c r="U121461" i="1"/>
  <c r="U121460" i="1"/>
  <c r="U121459" i="1"/>
  <c r="U121458" i="1"/>
  <c r="U121457" i="1"/>
  <c r="U121456" i="1"/>
  <c r="U121455" i="1"/>
  <c r="U121454" i="1"/>
  <c r="U121453" i="1"/>
  <c r="U121452" i="1"/>
  <c r="U121451" i="1"/>
  <c r="U121450" i="1"/>
  <c r="U121449" i="1"/>
  <c r="U121448" i="1"/>
  <c r="U121447" i="1"/>
  <c r="U121446" i="1"/>
  <c r="U121445" i="1"/>
  <c r="U121444" i="1"/>
  <c r="U121443" i="1"/>
  <c r="U121442" i="1"/>
  <c r="U121441" i="1"/>
  <c r="U121440" i="1"/>
  <c r="U121439" i="1"/>
  <c r="U121438" i="1"/>
  <c r="U121437" i="1"/>
  <c r="U121436" i="1"/>
  <c r="U121435" i="1"/>
  <c r="U121434" i="1"/>
  <c r="U121433" i="1"/>
  <c r="U121432" i="1"/>
  <c r="U121431" i="1"/>
  <c r="U121430" i="1"/>
  <c r="U121429" i="1"/>
  <c r="U121428" i="1"/>
  <c r="U121427" i="1"/>
  <c r="U121426" i="1"/>
  <c r="U121425" i="1"/>
  <c r="U121424" i="1"/>
  <c r="U121423" i="1"/>
  <c r="U121422" i="1"/>
  <c r="U121421" i="1"/>
  <c r="U121420" i="1"/>
  <c r="U121419" i="1"/>
  <c r="U121418" i="1"/>
  <c r="U121417" i="1"/>
  <c r="U121416" i="1"/>
  <c r="U121415" i="1"/>
  <c r="U121414" i="1"/>
  <c r="U121413" i="1"/>
  <c r="U121412" i="1"/>
  <c r="U121411" i="1"/>
  <c r="U121410" i="1"/>
  <c r="U121409" i="1"/>
  <c r="U121408" i="1"/>
  <c r="U121407" i="1"/>
  <c r="U121406" i="1"/>
  <c r="U121405" i="1"/>
  <c r="U121404" i="1"/>
  <c r="U121403" i="1"/>
  <c r="U121402" i="1"/>
  <c r="U121401" i="1"/>
  <c r="U121400" i="1"/>
  <c r="U121399" i="1"/>
  <c r="U121398" i="1"/>
  <c r="U121397" i="1"/>
  <c r="U121396" i="1"/>
  <c r="U121395" i="1"/>
  <c r="U121394" i="1"/>
  <c r="U121393" i="1"/>
  <c r="U121392" i="1"/>
  <c r="U121391" i="1"/>
  <c r="U121390" i="1"/>
  <c r="U121389" i="1"/>
  <c r="U121388" i="1"/>
  <c r="U121387" i="1"/>
  <c r="U121386" i="1"/>
  <c r="U121385" i="1"/>
  <c r="U121384" i="1"/>
  <c r="U121383" i="1"/>
  <c r="U121382" i="1"/>
  <c r="U121381" i="1"/>
  <c r="U121380" i="1"/>
  <c r="U121379" i="1"/>
  <c r="U121378" i="1"/>
  <c r="U121377" i="1"/>
  <c r="U121376" i="1"/>
  <c r="U121375" i="1"/>
  <c r="U121374" i="1"/>
  <c r="U121373" i="1"/>
  <c r="U121372" i="1"/>
  <c r="U121371" i="1"/>
  <c r="U121370" i="1"/>
  <c r="U121369" i="1"/>
  <c r="U121368" i="1"/>
  <c r="U121367" i="1"/>
  <c r="U121366" i="1"/>
  <c r="U121365" i="1"/>
  <c r="U121364" i="1"/>
  <c r="U121363" i="1"/>
  <c r="U121362" i="1"/>
  <c r="U121361" i="1"/>
  <c r="U121360" i="1"/>
  <c r="U121359" i="1"/>
  <c r="U121358" i="1"/>
  <c r="U121357" i="1"/>
  <c r="U121356" i="1"/>
  <c r="U121355" i="1"/>
  <c r="U121354" i="1"/>
  <c r="U121353" i="1"/>
  <c r="U121352" i="1"/>
  <c r="U121351" i="1"/>
  <c r="U121350" i="1"/>
  <c r="U121349" i="1"/>
  <c r="U121348" i="1"/>
  <c r="U121347" i="1"/>
  <c r="U121346" i="1"/>
  <c r="U121345" i="1"/>
  <c r="U121344" i="1"/>
  <c r="U121343" i="1"/>
  <c r="U121342" i="1"/>
  <c r="U121341" i="1"/>
  <c r="U121340" i="1"/>
  <c r="U121339" i="1"/>
  <c r="U121338" i="1"/>
  <c r="U121337" i="1"/>
  <c r="U121336" i="1"/>
  <c r="U121335" i="1"/>
  <c r="U121334" i="1"/>
  <c r="U121333" i="1"/>
  <c r="U121332" i="1"/>
  <c r="U121331" i="1"/>
  <c r="U121330" i="1"/>
  <c r="U121329" i="1"/>
  <c r="U121328" i="1"/>
  <c r="U121327" i="1"/>
  <c r="U121326" i="1"/>
  <c r="U121325" i="1"/>
  <c r="U121324" i="1"/>
  <c r="U121323" i="1"/>
  <c r="U121322" i="1"/>
  <c r="U121321" i="1"/>
  <c r="U121320" i="1"/>
  <c r="U121319" i="1"/>
  <c r="U121318" i="1"/>
  <c r="U121317" i="1"/>
  <c r="U121316" i="1"/>
  <c r="U121315" i="1"/>
  <c r="U121314" i="1"/>
  <c r="U121313" i="1"/>
  <c r="U121312" i="1"/>
  <c r="U121311" i="1"/>
  <c r="U121310" i="1"/>
  <c r="U121309" i="1"/>
  <c r="U121308" i="1"/>
  <c r="U121307" i="1"/>
  <c r="U121306" i="1"/>
  <c r="U121305" i="1"/>
  <c r="U121304" i="1"/>
  <c r="U121303" i="1"/>
  <c r="U121302" i="1"/>
  <c r="U121301" i="1"/>
  <c r="U121300" i="1"/>
  <c r="U121299" i="1"/>
  <c r="U121298" i="1"/>
  <c r="U121297" i="1"/>
  <c r="U121296" i="1"/>
  <c r="U121295" i="1"/>
  <c r="U121294" i="1"/>
  <c r="U121293" i="1"/>
  <c r="U121292" i="1"/>
  <c r="U121291" i="1"/>
  <c r="U121290" i="1"/>
  <c r="U121289" i="1"/>
  <c r="U121288" i="1"/>
  <c r="U121287" i="1"/>
  <c r="U121286" i="1"/>
  <c r="U121285" i="1"/>
  <c r="U121284" i="1"/>
  <c r="U121283" i="1"/>
  <c r="U121282" i="1"/>
  <c r="U121281" i="1"/>
  <c r="U121280" i="1"/>
  <c r="U121279" i="1"/>
  <c r="U121278" i="1"/>
  <c r="U121277" i="1"/>
  <c r="U121276" i="1"/>
  <c r="U121275" i="1"/>
  <c r="U121274" i="1"/>
  <c r="U121273" i="1"/>
  <c r="U121272" i="1"/>
  <c r="U121271" i="1"/>
  <c r="U121270" i="1"/>
  <c r="U121269" i="1"/>
  <c r="U121268" i="1"/>
  <c r="U121267" i="1"/>
  <c r="U121266" i="1"/>
  <c r="U121265" i="1"/>
  <c r="U121264" i="1"/>
  <c r="U121263" i="1"/>
  <c r="U121262" i="1"/>
  <c r="U121261" i="1"/>
  <c r="U121260" i="1"/>
  <c r="U121259" i="1"/>
  <c r="U121258" i="1"/>
  <c r="U121257" i="1"/>
  <c r="U121256" i="1"/>
  <c r="U121255" i="1"/>
  <c r="U121254" i="1"/>
  <c r="U121253" i="1"/>
  <c r="U121252" i="1"/>
  <c r="U121251" i="1"/>
  <c r="U121250" i="1"/>
  <c r="U121249" i="1"/>
  <c r="U121248" i="1"/>
  <c r="U121247" i="1"/>
  <c r="U121246" i="1"/>
  <c r="U121245" i="1"/>
  <c r="U121244" i="1"/>
  <c r="U121243" i="1"/>
  <c r="U121242" i="1"/>
  <c r="U121241" i="1"/>
  <c r="U121240" i="1"/>
  <c r="U121239" i="1"/>
  <c r="U121238" i="1"/>
  <c r="U121237" i="1"/>
  <c r="U121236" i="1"/>
  <c r="U121235" i="1"/>
  <c r="U121234" i="1"/>
  <c r="U121233" i="1"/>
  <c r="U121232" i="1"/>
  <c r="U121231" i="1"/>
  <c r="U121230" i="1"/>
  <c r="U121229" i="1"/>
  <c r="U121228" i="1"/>
  <c r="U121227" i="1"/>
  <c r="U121226" i="1"/>
  <c r="U121225" i="1"/>
  <c r="U121224" i="1"/>
  <c r="U121223" i="1"/>
  <c r="U121222" i="1"/>
  <c r="U121221" i="1"/>
  <c r="U121220" i="1"/>
  <c r="U121219" i="1"/>
  <c r="U121218" i="1"/>
  <c r="U121217" i="1"/>
  <c r="U121216" i="1"/>
  <c r="U121215" i="1"/>
  <c r="U121214" i="1"/>
  <c r="U121213" i="1"/>
  <c r="U121212" i="1"/>
  <c r="U121211" i="1"/>
  <c r="U121210" i="1"/>
  <c r="U121209" i="1"/>
  <c r="U121208" i="1"/>
  <c r="U121207" i="1"/>
  <c r="U121206" i="1"/>
  <c r="U121205" i="1"/>
  <c r="U121204" i="1"/>
  <c r="U121203" i="1"/>
  <c r="U121202" i="1"/>
  <c r="U121201" i="1"/>
  <c r="U121200" i="1"/>
  <c r="U121199" i="1"/>
  <c r="U121198" i="1"/>
  <c r="U121197" i="1"/>
  <c r="U121196" i="1"/>
  <c r="U121195" i="1"/>
  <c r="U121194" i="1"/>
  <c r="U121193" i="1"/>
  <c r="U121192" i="1"/>
  <c r="U121191" i="1"/>
  <c r="U121190" i="1"/>
  <c r="U121189" i="1"/>
  <c r="U121188" i="1"/>
  <c r="U121187" i="1"/>
  <c r="U121186" i="1"/>
  <c r="U121185" i="1"/>
  <c r="U121184" i="1"/>
  <c r="U121183" i="1"/>
  <c r="U121182" i="1"/>
  <c r="U121181" i="1"/>
  <c r="U121180" i="1"/>
  <c r="U121179" i="1"/>
  <c r="U121178" i="1"/>
  <c r="U121177" i="1"/>
  <c r="U121176" i="1"/>
  <c r="U121175" i="1"/>
  <c r="U121174" i="1"/>
  <c r="U121173" i="1"/>
  <c r="U121172" i="1"/>
  <c r="U121171" i="1"/>
  <c r="U121170" i="1"/>
  <c r="U121169" i="1"/>
  <c r="U121168" i="1"/>
  <c r="U121167" i="1"/>
  <c r="U121166" i="1"/>
  <c r="U121165" i="1"/>
  <c r="U121164" i="1"/>
  <c r="U121163" i="1"/>
  <c r="U121162" i="1"/>
  <c r="U121161" i="1"/>
  <c r="U121160" i="1"/>
  <c r="U121159" i="1"/>
  <c r="U121158" i="1"/>
  <c r="U121157" i="1"/>
  <c r="U121156" i="1"/>
  <c r="U121155" i="1"/>
  <c r="U121154" i="1"/>
  <c r="U121153" i="1"/>
  <c r="U121152" i="1"/>
  <c r="U121151" i="1"/>
  <c r="U121150" i="1"/>
  <c r="U121149" i="1"/>
  <c r="U121148" i="1"/>
  <c r="U121147" i="1"/>
  <c r="U121146" i="1"/>
  <c r="U121145" i="1"/>
  <c r="U121144" i="1"/>
  <c r="U121143" i="1"/>
  <c r="U121142" i="1"/>
  <c r="U121141" i="1"/>
  <c r="U121140" i="1"/>
  <c r="U121139" i="1"/>
  <c r="U121138" i="1"/>
  <c r="U121137" i="1"/>
  <c r="U121136" i="1"/>
  <c r="U121135" i="1"/>
  <c r="U121134" i="1"/>
  <c r="U121133" i="1"/>
  <c r="U121132" i="1"/>
  <c r="U121131" i="1"/>
  <c r="U121130" i="1"/>
  <c r="U121129" i="1"/>
  <c r="U121128" i="1"/>
  <c r="U121127" i="1"/>
  <c r="U121126" i="1"/>
  <c r="U121125" i="1"/>
  <c r="U121124" i="1"/>
  <c r="U121123" i="1"/>
  <c r="U121122" i="1"/>
  <c r="U121121" i="1"/>
  <c r="U121120" i="1"/>
  <c r="U121119" i="1"/>
  <c r="U121118" i="1"/>
  <c r="U121117" i="1"/>
  <c r="U121116" i="1"/>
  <c r="U121115" i="1"/>
  <c r="U121114" i="1"/>
  <c r="U121113" i="1"/>
  <c r="U121112" i="1"/>
  <c r="U121111" i="1"/>
  <c r="U121110" i="1"/>
  <c r="U121109" i="1"/>
  <c r="U121108" i="1"/>
  <c r="U121107" i="1"/>
  <c r="U121106" i="1"/>
  <c r="U121105" i="1"/>
  <c r="U121104" i="1"/>
  <c r="U121103" i="1"/>
  <c r="U121102" i="1"/>
  <c r="U121101" i="1"/>
  <c r="U121100" i="1"/>
  <c r="U121099" i="1"/>
  <c r="U121098" i="1"/>
  <c r="U121097" i="1"/>
  <c r="U121096" i="1"/>
  <c r="U121095" i="1"/>
  <c r="U121094" i="1"/>
  <c r="U121093" i="1"/>
  <c r="U121092" i="1"/>
  <c r="U121091" i="1"/>
  <c r="U121090" i="1"/>
  <c r="U121089" i="1"/>
  <c r="U121088" i="1"/>
  <c r="U121087" i="1"/>
  <c r="U121086" i="1"/>
  <c r="U121085" i="1"/>
  <c r="U121084" i="1"/>
  <c r="U121083" i="1"/>
  <c r="U121082" i="1"/>
  <c r="U121081" i="1"/>
  <c r="U121080" i="1"/>
  <c r="U121079" i="1"/>
  <c r="U121078" i="1"/>
  <c r="U121077" i="1"/>
  <c r="U121076" i="1"/>
  <c r="U121075" i="1"/>
  <c r="U121074" i="1"/>
  <c r="U121073" i="1"/>
  <c r="U121072" i="1"/>
  <c r="U121071" i="1"/>
  <c r="U121070" i="1"/>
  <c r="U121069" i="1"/>
  <c r="U121068" i="1"/>
  <c r="U121067" i="1"/>
  <c r="U121066" i="1"/>
  <c r="U121065" i="1"/>
  <c r="U121064" i="1"/>
  <c r="U121063" i="1"/>
  <c r="U121062" i="1"/>
  <c r="U121061" i="1"/>
  <c r="U121060" i="1"/>
  <c r="U121059" i="1"/>
  <c r="U121058" i="1"/>
  <c r="U121057" i="1"/>
  <c r="U121056" i="1"/>
  <c r="U121055" i="1"/>
  <c r="U121054" i="1"/>
  <c r="U121053" i="1"/>
  <c r="U121052" i="1"/>
  <c r="U121051" i="1"/>
  <c r="U121050" i="1"/>
  <c r="U121049" i="1"/>
  <c r="U121048" i="1"/>
  <c r="U121047" i="1"/>
  <c r="U121046" i="1"/>
  <c r="U121045" i="1"/>
  <c r="U121044" i="1"/>
  <c r="U121043" i="1"/>
  <c r="U121042" i="1"/>
  <c r="U121041" i="1"/>
  <c r="U121040" i="1"/>
  <c r="U121039" i="1"/>
  <c r="U121038" i="1"/>
  <c r="U121037" i="1"/>
  <c r="U121036" i="1"/>
  <c r="U121035" i="1"/>
  <c r="U121034" i="1"/>
  <c r="U121033" i="1"/>
  <c r="U121032" i="1"/>
  <c r="U121031" i="1"/>
  <c r="U121030" i="1"/>
  <c r="U121029" i="1"/>
  <c r="U121028" i="1"/>
  <c r="U121027" i="1"/>
  <c r="U121026" i="1"/>
  <c r="U121025" i="1"/>
  <c r="U121024" i="1"/>
  <c r="U121023" i="1"/>
  <c r="U121022" i="1"/>
  <c r="U121021" i="1"/>
  <c r="U121020" i="1"/>
  <c r="U121019" i="1"/>
  <c r="U121018" i="1"/>
  <c r="U121017" i="1"/>
  <c r="U121016" i="1"/>
  <c r="U121015" i="1"/>
  <c r="U121014" i="1"/>
  <c r="U121013" i="1"/>
  <c r="U121012" i="1"/>
  <c r="U121011" i="1"/>
  <c r="U121010" i="1"/>
  <c r="U121009" i="1"/>
  <c r="U121008" i="1"/>
  <c r="U121007" i="1"/>
  <c r="U121006" i="1"/>
  <c r="U121005" i="1"/>
  <c r="U121004" i="1"/>
  <c r="U121003" i="1"/>
  <c r="U121002" i="1"/>
  <c r="U121001" i="1"/>
  <c r="U121000" i="1"/>
  <c r="U120999" i="1"/>
  <c r="U120998" i="1"/>
  <c r="U120997" i="1"/>
  <c r="U120996" i="1"/>
  <c r="U120995" i="1"/>
  <c r="U120994" i="1"/>
  <c r="U120993" i="1"/>
  <c r="U120992" i="1"/>
  <c r="U120991" i="1"/>
  <c r="U120990" i="1"/>
  <c r="U120989" i="1"/>
  <c r="U120988" i="1"/>
  <c r="U120987" i="1"/>
  <c r="U120986" i="1"/>
  <c r="U120985" i="1"/>
  <c r="U120984" i="1"/>
  <c r="U120983" i="1"/>
  <c r="U120982" i="1"/>
  <c r="U120981" i="1"/>
  <c r="U120980" i="1"/>
  <c r="U120979" i="1"/>
  <c r="U120978" i="1"/>
  <c r="U120977" i="1"/>
  <c r="U120976" i="1"/>
  <c r="U120975" i="1"/>
  <c r="U120974" i="1"/>
  <c r="U120973" i="1"/>
  <c r="U120972" i="1"/>
  <c r="U120971" i="1"/>
  <c r="U120970" i="1"/>
  <c r="U120969" i="1"/>
  <c r="U120968" i="1"/>
  <c r="U120967" i="1"/>
  <c r="U120966" i="1"/>
  <c r="U120965" i="1"/>
  <c r="U120964" i="1"/>
  <c r="U120963" i="1"/>
  <c r="U120962" i="1"/>
  <c r="U120961" i="1"/>
  <c r="U120960" i="1"/>
  <c r="U120959" i="1"/>
  <c r="U120958" i="1"/>
  <c r="U120957" i="1"/>
  <c r="U120956" i="1"/>
  <c r="U120955" i="1"/>
  <c r="U120954" i="1"/>
  <c r="U120953" i="1"/>
  <c r="U120952" i="1"/>
  <c r="U120951" i="1"/>
  <c r="U120950" i="1"/>
  <c r="U120949" i="1"/>
  <c r="U120948" i="1"/>
  <c r="U120947" i="1"/>
  <c r="U120946" i="1"/>
  <c r="U120945" i="1"/>
  <c r="U120944" i="1"/>
  <c r="U120943" i="1"/>
  <c r="U120942" i="1"/>
  <c r="U120941" i="1"/>
  <c r="U120940" i="1"/>
  <c r="U120939" i="1"/>
  <c r="U120938" i="1"/>
  <c r="U120937" i="1"/>
  <c r="U120936" i="1"/>
  <c r="U120935" i="1"/>
  <c r="U120934" i="1"/>
  <c r="U120933" i="1"/>
  <c r="U120932" i="1"/>
  <c r="U120931" i="1"/>
  <c r="U120930" i="1"/>
  <c r="U120929" i="1"/>
  <c r="U120928" i="1"/>
  <c r="U120927" i="1"/>
  <c r="U120926" i="1"/>
  <c r="U120925" i="1"/>
  <c r="U120924" i="1"/>
  <c r="U120923" i="1"/>
  <c r="U120922" i="1"/>
  <c r="U120921" i="1"/>
  <c r="U120920" i="1"/>
  <c r="U120919" i="1"/>
  <c r="U120918" i="1"/>
  <c r="U120917" i="1"/>
  <c r="U120916" i="1"/>
  <c r="U120915" i="1"/>
  <c r="U120914" i="1"/>
  <c r="U120913" i="1"/>
  <c r="U120912" i="1"/>
  <c r="U120911" i="1"/>
  <c r="U120910" i="1"/>
  <c r="U120909" i="1"/>
  <c r="U120908" i="1"/>
  <c r="U120907" i="1"/>
  <c r="U120906" i="1"/>
  <c r="U120905" i="1"/>
  <c r="U120904" i="1"/>
  <c r="U120903" i="1"/>
  <c r="U120902" i="1"/>
  <c r="U120901" i="1"/>
  <c r="U120900" i="1"/>
  <c r="U120899" i="1"/>
  <c r="U120898" i="1"/>
  <c r="U120897" i="1"/>
  <c r="U120896" i="1"/>
  <c r="U120895" i="1"/>
  <c r="U120894" i="1"/>
  <c r="U120893" i="1"/>
  <c r="U120892" i="1"/>
  <c r="U120891" i="1"/>
  <c r="U120890" i="1"/>
  <c r="U120889" i="1"/>
  <c r="U120888" i="1"/>
  <c r="U120887" i="1"/>
  <c r="U120886" i="1"/>
  <c r="U120885" i="1"/>
  <c r="U120884" i="1"/>
  <c r="U120883" i="1"/>
  <c r="U120882" i="1"/>
  <c r="U120881" i="1"/>
  <c r="U120880" i="1"/>
  <c r="U120879" i="1"/>
  <c r="U120878" i="1"/>
  <c r="U120877" i="1"/>
  <c r="U120876" i="1"/>
  <c r="U120875" i="1"/>
  <c r="U120874" i="1"/>
  <c r="U120873" i="1"/>
  <c r="U120872" i="1"/>
  <c r="U120871" i="1"/>
  <c r="U120870" i="1"/>
  <c r="U120869" i="1"/>
  <c r="U120868" i="1"/>
  <c r="U120867" i="1"/>
  <c r="U120866" i="1"/>
  <c r="U120865" i="1"/>
  <c r="U120864" i="1"/>
  <c r="U120863" i="1"/>
  <c r="U120862" i="1"/>
  <c r="U120861" i="1"/>
  <c r="U120860" i="1"/>
  <c r="U120859" i="1"/>
  <c r="U120858" i="1"/>
  <c r="U120857" i="1"/>
  <c r="U120856" i="1"/>
  <c r="U120855" i="1"/>
  <c r="U120854" i="1"/>
  <c r="U120853" i="1"/>
  <c r="U120852" i="1"/>
  <c r="U120851" i="1"/>
  <c r="U120850" i="1"/>
  <c r="U120849" i="1"/>
  <c r="U120848" i="1"/>
  <c r="U120847" i="1"/>
  <c r="U120846" i="1"/>
  <c r="U120845" i="1"/>
  <c r="U120844" i="1"/>
  <c r="U120843" i="1"/>
  <c r="U120842" i="1"/>
  <c r="U120841" i="1"/>
  <c r="U120840" i="1"/>
  <c r="U120839" i="1"/>
  <c r="U120838" i="1"/>
  <c r="U120837" i="1"/>
  <c r="U120836" i="1"/>
  <c r="U120835" i="1"/>
  <c r="U120834" i="1"/>
  <c r="U120833" i="1"/>
  <c r="U120832" i="1"/>
  <c r="U120831" i="1"/>
  <c r="U120830" i="1"/>
  <c r="U120829" i="1"/>
  <c r="U120828" i="1"/>
  <c r="U120827" i="1"/>
  <c r="U120826" i="1"/>
  <c r="U120825" i="1"/>
  <c r="U120824" i="1"/>
  <c r="U120823" i="1"/>
  <c r="U120822" i="1"/>
  <c r="U120821" i="1"/>
  <c r="U120820" i="1"/>
  <c r="U120819" i="1"/>
  <c r="U120818" i="1"/>
  <c r="U120817" i="1"/>
  <c r="U120816" i="1"/>
  <c r="U120815" i="1"/>
  <c r="U120814" i="1"/>
  <c r="U120813" i="1"/>
  <c r="U120812" i="1"/>
  <c r="U120811" i="1"/>
  <c r="U120810" i="1"/>
  <c r="U120809" i="1"/>
  <c r="U120808" i="1"/>
  <c r="U120807" i="1"/>
  <c r="U120806" i="1"/>
  <c r="U120805" i="1"/>
  <c r="U120804" i="1"/>
  <c r="U120803" i="1"/>
  <c r="U120802" i="1"/>
  <c r="U120801" i="1"/>
  <c r="U120800" i="1"/>
  <c r="U120799" i="1"/>
  <c r="U120798" i="1"/>
  <c r="U120797" i="1"/>
  <c r="U120796" i="1"/>
  <c r="U120795" i="1"/>
  <c r="U120794" i="1"/>
  <c r="U120793" i="1"/>
  <c r="U120792" i="1"/>
  <c r="U120791" i="1"/>
  <c r="U120790" i="1"/>
  <c r="U120789" i="1"/>
  <c r="U120788" i="1"/>
  <c r="U120787" i="1"/>
  <c r="U120786" i="1"/>
  <c r="U120785" i="1"/>
  <c r="U120784" i="1"/>
  <c r="U120783" i="1"/>
  <c r="U120782" i="1"/>
  <c r="U120781" i="1"/>
  <c r="U120780" i="1"/>
  <c r="U120779" i="1"/>
  <c r="U120778" i="1"/>
  <c r="U120777" i="1"/>
  <c r="U120776" i="1"/>
  <c r="U120775" i="1"/>
  <c r="U120774" i="1"/>
  <c r="U120773" i="1"/>
  <c r="U120772" i="1"/>
  <c r="U120771" i="1"/>
  <c r="U120770" i="1"/>
  <c r="U120769" i="1"/>
  <c r="U120768" i="1"/>
  <c r="U120767" i="1"/>
  <c r="U120766" i="1"/>
  <c r="U120765" i="1"/>
  <c r="U120764" i="1"/>
  <c r="U120763" i="1"/>
  <c r="U120762" i="1"/>
  <c r="U120761" i="1"/>
  <c r="U120760" i="1"/>
  <c r="U120759" i="1"/>
  <c r="U120758" i="1"/>
  <c r="U120757" i="1"/>
  <c r="U120756" i="1"/>
  <c r="U120755" i="1"/>
  <c r="U120754" i="1"/>
  <c r="U120753" i="1"/>
  <c r="U120752" i="1"/>
  <c r="U120751" i="1"/>
  <c r="U120750" i="1"/>
  <c r="U120749" i="1"/>
  <c r="U120748" i="1"/>
  <c r="U120747" i="1"/>
  <c r="U120746" i="1"/>
  <c r="U120745" i="1"/>
  <c r="U120744" i="1"/>
  <c r="U120743" i="1"/>
  <c r="U120742" i="1"/>
  <c r="U120741" i="1"/>
  <c r="U120740" i="1"/>
  <c r="U120739" i="1"/>
  <c r="U120738" i="1"/>
  <c r="U120737" i="1"/>
  <c r="U120736" i="1"/>
  <c r="U120735" i="1"/>
  <c r="U120734" i="1"/>
  <c r="U120733" i="1"/>
  <c r="U120732" i="1"/>
  <c r="U120731" i="1"/>
  <c r="U120730" i="1"/>
  <c r="U120729" i="1"/>
  <c r="U120728" i="1"/>
  <c r="U120727" i="1"/>
  <c r="U120726" i="1"/>
  <c r="U120725" i="1"/>
  <c r="U120724" i="1"/>
  <c r="U120723" i="1"/>
  <c r="U120722" i="1"/>
  <c r="U120721" i="1"/>
  <c r="U120720" i="1"/>
  <c r="U120719" i="1"/>
  <c r="U120718" i="1"/>
  <c r="U120717" i="1"/>
  <c r="U120716" i="1"/>
  <c r="U120715" i="1"/>
  <c r="U120714" i="1"/>
  <c r="U120713" i="1"/>
  <c r="U120712" i="1"/>
  <c r="U120711" i="1"/>
  <c r="U120710" i="1"/>
  <c r="U120709" i="1"/>
  <c r="U120708" i="1"/>
  <c r="U120707" i="1"/>
  <c r="U120706" i="1"/>
  <c r="U120705" i="1"/>
  <c r="U120704" i="1"/>
  <c r="U120703" i="1"/>
  <c r="U120702" i="1"/>
  <c r="U120701" i="1"/>
  <c r="U120700" i="1"/>
  <c r="U120699" i="1"/>
  <c r="U120698" i="1"/>
  <c r="U120697" i="1"/>
  <c r="U120696" i="1"/>
  <c r="U120695" i="1"/>
  <c r="U120694" i="1"/>
  <c r="U120693" i="1"/>
  <c r="U120692" i="1"/>
  <c r="U120691" i="1"/>
  <c r="U120690" i="1"/>
  <c r="U120689" i="1"/>
  <c r="U120688" i="1"/>
  <c r="U120687" i="1"/>
  <c r="U120686" i="1"/>
  <c r="U120685" i="1"/>
  <c r="U120684" i="1"/>
  <c r="U120683" i="1"/>
  <c r="U120682" i="1"/>
  <c r="U120681" i="1"/>
  <c r="U120680" i="1"/>
  <c r="U120679" i="1"/>
  <c r="U120678" i="1"/>
  <c r="U120677" i="1"/>
  <c r="U120676" i="1"/>
  <c r="U120675" i="1"/>
  <c r="U120674" i="1"/>
  <c r="U120673" i="1"/>
  <c r="U120672" i="1"/>
  <c r="U120671" i="1"/>
  <c r="U120670" i="1"/>
  <c r="U120669" i="1"/>
  <c r="U120668" i="1"/>
  <c r="U120667" i="1"/>
  <c r="U120666" i="1"/>
  <c r="U120665" i="1"/>
  <c r="U120664" i="1"/>
  <c r="U120663" i="1"/>
  <c r="U120662" i="1"/>
  <c r="U120661" i="1"/>
  <c r="U120660" i="1"/>
  <c r="U120659" i="1"/>
  <c r="U120658" i="1"/>
  <c r="U120657" i="1"/>
  <c r="U120656" i="1"/>
  <c r="U120655" i="1"/>
  <c r="U120654" i="1"/>
  <c r="U120653" i="1"/>
  <c r="U120652" i="1"/>
  <c r="U120651" i="1"/>
  <c r="U120650" i="1"/>
  <c r="U120649" i="1"/>
  <c r="U120648" i="1"/>
  <c r="U120647" i="1"/>
  <c r="U120646" i="1"/>
  <c r="U120645" i="1"/>
  <c r="U120644" i="1"/>
  <c r="U120643" i="1"/>
  <c r="U120642" i="1"/>
  <c r="U120641" i="1"/>
  <c r="U120640" i="1"/>
  <c r="U120639" i="1"/>
  <c r="U120638" i="1"/>
  <c r="U120637" i="1"/>
  <c r="U120636" i="1"/>
  <c r="U120635" i="1"/>
  <c r="U120634" i="1"/>
  <c r="U120633" i="1"/>
  <c r="U120632" i="1"/>
  <c r="U120631" i="1"/>
  <c r="U120630" i="1"/>
  <c r="U120629" i="1"/>
  <c r="U120628" i="1"/>
  <c r="U120627" i="1"/>
  <c r="U120626" i="1"/>
  <c r="U120625" i="1"/>
  <c r="U120624" i="1"/>
  <c r="U120623" i="1"/>
  <c r="U120622" i="1"/>
  <c r="U120621" i="1"/>
  <c r="U120620" i="1"/>
  <c r="U120619" i="1"/>
  <c r="U120618" i="1"/>
  <c r="U120617" i="1"/>
  <c r="U120616" i="1"/>
  <c r="U120615" i="1"/>
  <c r="U120614" i="1"/>
  <c r="U120613" i="1"/>
  <c r="U120612" i="1"/>
  <c r="U120611" i="1"/>
  <c r="U120610" i="1"/>
  <c r="U120609" i="1"/>
  <c r="U120608" i="1"/>
  <c r="U120607" i="1"/>
  <c r="U120606" i="1"/>
  <c r="U120605" i="1"/>
  <c r="U120604" i="1"/>
  <c r="U120603" i="1"/>
  <c r="U120602" i="1"/>
  <c r="U120601" i="1"/>
  <c r="U120600" i="1"/>
  <c r="U120599" i="1"/>
  <c r="U120598" i="1"/>
  <c r="U120597" i="1"/>
  <c r="U120596" i="1"/>
  <c r="U120595" i="1"/>
  <c r="U120594" i="1"/>
  <c r="U120593" i="1"/>
  <c r="U120592" i="1"/>
  <c r="U120591" i="1"/>
  <c r="U120590" i="1"/>
  <c r="U120589" i="1"/>
  <c r="U120588" i="1"/>
  <c r="U120587" i="1"/>
  <c r="U120586" i="1"/>
  <c r="U120585" i="1"/>
  <c r="U120584" i="1"/>
  <c r="U120583" i="1"/>
  <c r="U120582" i="1"/>
  <c r="U120581" i="1"/>
  <c r="U120580" i="1"/>
  <c r="U120579" i="1"/>
  <c r="U120578" i="1"/>
  <c r="U120577" i="1"/>
  <c r="U120576" i="1"/>
  <c r="U120575" i="1"/>
  <c r="U120574" i="1"/>
  <c r="U120573" i="1"/>
  <c r="U120572" i="1"/>
  <c r="U120571" i="1"/>
  <c r="U120570" i="1"/>
  <c r="U120569" i="1"/>
  <c r="U120568" i="1"/>
  <c r="U120567" i="1"/>
  <c r="U120566" i="1"/>
  <c r="U120565" i="1"/>
  <c r="U120564" i="1"/>
  <c r="U120563" i="1"/>
  <c r="U120562" i="1"/>
  <c r="U120561" i="1"/>
  <c r="U120560" i="1"/>
  <c r="U120559" i="1"/>
  <c r="U120558" i="1"/>
  <c r="U120557" i="1"/>
  <c r="U120556" i="1"/>
  <c r="U120555" i="1"/>
  <c r="U120554" i="1"/>
  <c r="U120553" i="1"/>
  <c r="U120552" i="1"/>
  <c r="U120551" i="1"/>
  <c r="U120550" i="1"/>
  <c r="U120549" i="1"/>
  <c r="U120548" i="1"/>
  <c r="U120547" i="1"/>
  <c r="U120546" i="1"/>
  <c r="U120545" i="1"/>
  <c r="U120544" i="1"/>
  <c r="U120543" i="1"/>
  <c r="U120542" i="1"/>
  <c r="U120541" i="1"/>
  <c r="U120540" i="1"/>
  <c r="U120539" i="1"/>
  <c r="U120538" i="1"/>
  <c r="U120537" i="1"/>
  <c r="U120536" i="1"/>
  <c r="U120535" i="1"/>
  <c r="U120534" i="1"/>
  <c r="U120533" i="1"/>
  <c r="U120532" i="1"/>
  <c r="U120531" i="1"/>
  <c r="U120530" i="1"/>
  <c r="U120529" i="1"/>
  <c r="U120528" i="1"/>
  <c r="U120527" i="1"/>
  <c r="U120526" i="1"/>
  <c r="U120525" i="1"/>
  <c r="U120524" i="1"/>
  <c r="U120523" i="1"/>
  <c r="U120522" i="1"/>
  <c r="U120521" i="1"/>
  <c r="U120520" i="1"/>
  <c r="U120519" i="1"/>
  <c r="U120518" i="1"/>
  <c r="U120517" i="1"/>
  <c r="U120516" i="1"/>
  <c r="U120515" i="1"/>
  <c r="U120514" i="1"/>
  <c r="U120513" i="1"/>
  <c r="U120512" i="1"/>
  <c r="U120511" i="1"/>
  <c r="U120510" i="1"/>
  <c r="U120509" i="1"/>
  <c r="U120508" i="1"/>
  <c r="U120507" i="1"/>
  <c r="U120506" i="1"/>
  <c r="U120505" i="1"/>
  <c r="U120504" i="1"/>
  <c r="U120503" i="1"/>
  <c r="U120502" i="1"/>
  <c r="U120501" i="1"/>
  <c r="U120500" i="1"/>
  <c r="U120499" i="1"/>
  <c r="U120498" i="1"/>
  <c r="U120497" i="1"/>
  <c r="U120496" i="1"/>
  <c r="U120495" i="1"/>
  <c r="U120494" i="1"/>
  <c r="U120493" i="1"/>
  <c r="U120492" i="1"/>
  <c r="U120491" i="1"/>
  <c r="U120490" i="1"/>
  <c r="U120489" i="1"/>
  <c r="U120488" i="1"/>
  <c r="U120487" i="1"/>
  <c r="U120486" i="1"/>
  <c r="U120485" i="1"/>
  <c r="U120484" i="1"/>
  <c r="U120483" i="1"/>
  <c r="U120482" i="1"/>
  <c r="U120481" i="1"/>
  <c r="U120480" i="1"/>
  <c r="U120479" i="1"/>
  <c r="U120478" i="1"/>
  <c r="U120477" i="1"/>
  <c r="U120476" i="1"/>
  <c r="U120475" i="1"/>
  <c r="U120474" i="1"/>
  <c r="U120473" i="1"/>
  <c r="U120472" i="1"/>
  <c r="U120471" i="1"/>
  <c r="U120470" i="1"/>
  <c r="U120469" i="1"/>
  <c r="U120468" i="1"/>
  <c r="U120467" i="1"/>
  <c r="U120466" i="1"/>
  <c r="U120465" i="1"/>
  <c r="U120464" i="1"/>
  <c r="U120463" i="1"/>
  <c r="U120462" i="1"/>
  <c r="U120461" i="1"/>
  <c r="U120460" i="1"/>
  <c r="U120459" i="1"/>
  <c r="U120458" i="1"/>
  <c r="U120457" i="1"/>
  <c r="U120456" i="1"/>
  <c r="U120455" i="1"/>
  <c r="U120454" i="1"/>
  <c r="U120453" i="1"/>
  <c r="U120452" i="1"/>
  <c r="U120451" i="1"/>
  <c r="U120450" i="1"/>
  <c r="U120449" i="1"/>
  <c r="U120448" i="1"/>
  <c r="U120447" i="1"/>
  <c r="U120446" i="1"/>
  <c r="U120445" i="1"/>
  <c r="U120444" i="1"/>
  <c r="U120443" i="1"/>
  <c r="U120442" i="1"/>
  <c r="U120441" i="1"/>
  <c r="U120440" i="1"/>
  <c r="U120439" i="1"/>
  <c r="U120438" i="1"/>
  <c r="U120437" i="1"/>
  <c r="U120436" i="1"/>
  <c r="U120435" i="1"/>
  <c r="U120434" i="1"/>
  <c r="U120433" i="1"/>
  <c r="U120432" i="1"/>
  <c r="U120431" i="1"/>
  <c r="U120430" i="1"/>
  <c r="U120429" i="1"/>
  <c r="U120428" i="1"/>
  <c r="U120427" i="1"/>
  <c r="U120426" i="1"/>
  <c r="U120425" i="1"/>
  <c r="U120424" i="1"/>
  <c r="U120423" i="1"/>
  <c r="U120422" i="1"/>
  <c r="U120421" i="1"/>
  <c r="U120420" i="1"/>
  <c r="U120419" i="1"/>
  <c r="U120418" i="1"/>
  <c r="U120417" i="1"/>
  <c r="U120416" i="1"/>
  <c r="U120415" i="1"/>
  <c r="U120414" i="1"/>
  <c r="U120413" i="1"/>
  <c r="U120412" i="1"/>
  <c r="U120411" i="1"/>
  <c r="U120410" i="1"/>
  <c r="U120409" i="1"/>
  <c r="U120408" i="1"/>
  <c r="U120407" i="1"/>
  <c r="U120406" i="1"/>
  <c r="U120405" i="1"/>
  <c r="U120404" i="1"/>
  <c r="U120403" i="1"/>
  <c r="U120402" i="1"/>
  <c r="U120401" i="1"/>
  <c r="U120400" i="1"/>
  <c r="U120399" i="1"/>
  <c r="U120398" i="1"/>
  <c r="U120397" i="1"/>
  <c r="U120396" i="1"/>
  <c r="U120395" i="1"/>
  <c r="U120394" i="1"/>
  <c r="U120393" i="1"/>
  <c r="U120392" i="1"/>
  <c r="U120391" i="1"/>
  <c r="U120390" i="1"/>
  <c r="U120389" i="1"/>
  <c r="U120388" i="1"/>
  <c r="U120387" i="1"/>
  <c r="U120386" i="1"/>
  <c r="U120385" i="1"/>
  <c r="U120384" i="1"/>
  <c r="U120383" i="1"/>
  <c r="U120382" i="1"/>
  <c r="U120381" i="1"/>
  <c r="U120380" i="1"/>
  <c r="U120379" i="1"/>
  <c r="U120378" i="1"/>
  <c r="U120377" i="1"/>
  <c r="U120376" i="1"/>
  <c r="U120375" i="1"/>
  <c r="U120374" i="1"/>
  <c r="U120373" i="1"/>
  <c r="U120372" i="1"/>
  <c r="U120371" i="1"/>
  <c r="U120370" i="1"/>
  <c r="U120369" i="1"/>
  <c r="U120368" i="1"/>
  <c r="U120367" i="1"/>
  <c r="U120366" i="1"/>
  <c r="U120365" i="1"/>
  <c r="U120364" i="1"/>
  <c r="U120363" i="1"/>
  <c r="U120362" i="1"/>
  <c r="U120361" i="1"/>
  <c r="U120360" i="1"/>
  <c r="U120359" i="1"/>
  <c r="U120358" i="1"/>
  <c r="U120357" i="1"/>
  <c r="U120356" i="1"/>
  <c r="U120355" i="1"/>
  <c r="U120354" i="1"/>
  <c r="U120353" i="1"/>
  <c r="U120352" i="1"/>
  <c r="U120351" i="1"/>
  <c r="U120350" i="1"/>
  <c r="U120349" i="1"/>
  <c r="U120348" i="1"/>
  <c r="U120347" i="1"/>
  <c r="U120346" i="1"/>
  <c r="U120345" i="1"/>
  <c r="U120344" i="1"/>
  <c r="U120343" i="1"/>
  <c r="U120342" i="1"/>
  <c r="U120341" i="1"/>
  <c r="U120340" i="1"/>
  <c r="U120339" i="1"/>
  <c r="U120338" i="1"/>
  <c r="U120337" i="1"/>
  <c r="U120336" i="1"/>
  <c r="U120335" i="1"/>
  <c r="U120334" i="1"/>
  <c r="U120333" i="1"/>
  <c r="U120332" i="1"/>
  <c r="U120331" i="1"/>
  <c r="U120330" i="1"/>
  <c r="U120329" i="1"/>
  <c r="U120328" i="1"/>
  <c r="U120327" i="1"/>
  <c r="U120326" i="1"/>
  <c r="U120325" i="1"/>
  <c r="U120324" i="1"/>
  <c r="U120323" i="1"/>
  <c r="U120322" i="1"/>
  <c r="U120321" i="1"/>
  <c r="U120320" i="1"/>
  <c r="U120319" i="1"/>
  <c r="U120318" i="1"/>
  <c r="U120317" i="1"/>
  <c r="U120316" i="1"/>
  <c r="U120315" i="1"/>
  <c r="U120314" i="1"/>
  <c r="U120313" i="1"/>
  <c r="U120312" i="1"/>
  <c r="U120311" i="1"/>
  <c r="U120310" i="1"/>
  <c r="U120309" i="1"/>
  <c r="U120308" i="1"/>
  <c r="U120307" i="1"/>
  <c r="U120306" i="1"/>
  <c r="U120305" i="1"/>
  <c r="U120304" i="1"/>
  <c r="U120303" i="1"/>
  <c r="U120302" i="1"/>
  <c r="U120301" i="1"/>
  <c r="U120300" i="1"/>
  <c r="U120299" i="1"/>
  <c r="U120298" i="1"/>
  <c r="U120297" i="1"/>
  <c r="U120296" i="1"/>
  <c r="U120295" i="1"/>
  <c r="U120294" i="1"/>
  <c r="U120293" i="1"/>
  <c r="U120292" i="1"/>
  <c r="U120291" i="1"/>
  <c r="U120290" i="1"/>
  <c r="U120289" i="1"/>
  <c r="U120288" i="1"/>
  <c r="U120287" i="1"/>
  <c r="U120286" i="1"/>
  <c r="U120285" i="1"/>
  <c r="U120284" i="1"/>
  <c r="U120283" i="1"/>
  <c r="U120282" i="1"/>
  <c r="U120281" i="1"/>
  <c r="U120280" i="1"/>
  <c r="U120279" i="1"/>
  <c r="U120278" i="1"/>
  <c r="U120277" i="1"/>
  <c r="U120276" i="1"/>
  <c r="U120275" i="1"/>
  <c r="U120274" i="1"/>
  <c r="U120273" i="1"/>
  <c r="U120272" i="1"/>
  <c r="U120271" i="1"/>
  <c r="U120270" i="1"/>
  <c r="U120269" i="1"/>
  <c r="U120268" i="1"/>
  <c r="U120267" i="1"/>
  <c r="U120266" i="1"/>
  <c r="U120265" i="1"/>
  <c r="U120264" i="1"/>
  <c r="U120263" i="1"/>
  <c r="U120262" i="1"/>
  <c r="U120261" i="1"/>
  <c r="U120260" i="1"/>
  <c r="U120259" i="1"/>
  <c r="U120258" i="1"/>
  <c r="U120257" i="1"/>
  <c r="U120256" i="1"/>
  <c r="U120255" i="1"/>
  <c r="U120254" i="1"/>
  <c r="U120253" i="1"/>
  <c r="U120252" i="1"/>
  <c r="U120251" i="1"/>
  <c r="U120250" i="1"/>
  <c r="U120249" i="1"/>
  <c r="U120248" i="1"/>
  <c r="U120247" i="1"/>
  <c r="U120246" i="1"/>
  <c r="U120245" i="1"/>
  <c r="U120244" i="1"/>
  <c r="U120243" i="1"/>
  <c r="U120242" i="1"/>
  <c r="U120241" i="1"/>
  <c r="U120240" i="1"/>
  <c r="U120239" i="1"/>
  <c r="U120238" i="1"/>
  <c r="U120237" i="1"/>
  <c r="U120236" i="1"/>
  <c r="U120235" i="1"/>
  <c r="U120234" i="1"/>
  <c r="U120233" i="1"/>
  <c r="U120232" i="1"/>
  <c r="U120231" i="1"/>
  <c r="U120230" i="1"/>
  <c r="U120229" i="1"/>
  <c r="U120228" i="1"/>
  <c r="U120227" i="1"/>
  <c r="U120226" i="1"/>
  <c r="U120225" i="1"/>
  <c r="U120224" i="1"/>
  <c r="U120223" i="1"/>
  <c r="U120222" i="1"/>
  <c r="U120221" i="1"/>
  <c r="U120220" i="1"/>
  <c r="U120219" i="1"/>
  <c r="U120218" i="1"/>
  <c r="U120217" i="1"/>
  <c r="U120216" i="1"/>
  <c r="U120215" i="1"/>
  <c r="U120214" i="1"/>
  <c r="U120213" i="1"/>
  <c r="U120212" i="1"/>
  <c r="U120211" i="1"/>
  <c r="U120210" i="1"/>
  <c r="U120209" i="1"/>
  <c r="U120208" i="1"/>
  <c r="U120207" i="1"/>
  <c r="U120206" i="1"/>
  <c r="U120205" i="1"/>
  <c r="U120204" i="1"/>
  <c r="U120203" i="1"/>
  <c r="U120202" i="1"/>
  <c r="U120201" i="1"/>
  <c r="U120200" i="1"/>
  <c r="U120199" i="1"/>
  <c r="U120198" i="1"/>
  <c r="U120197" i="1"/>
  <c r="U120196" i="1"/>
  <c r="U120195" i="1"/>
  <c r="U120194" i="1"/>
  <c r="U120193" i="1"/>
  <c r="U120192" i="1"/>
  <c r="U120191" i="1"/>
  <c r="U120190" i="1"/>
  <c r="U120189" i="1"/>
  <c r="U120188" i="1"/>
  <c r="U120187" i="1"/>
  <c r="U120186" i="1"/>
  <c r="U120185" i="1"/>
  <c r="U120184" i="1"/>
  <c r="U120183" i="1"/>
  <c r="U120182" i="1"/>
  <c r="U120181" i="1"/>
  <c r="U120180" i="1"/>
  <c r="U120179" i="1"/>
  <c r="U120178" i="1"/>
  <c r="U120177" i="1"/>
  <c r="U120176" i="1"/>
  <c r="U120175" i="1"/>
  <c r="U120174" i="1"/>
  <c r="U120173" i="1"/>
  <c r="U120172" i="1"/>
  <c r="U120171" i="1"/>
  <c r="U120170" i="1"/>
  <c r="U120169" i="1"/>
  <c r="U120168" i="1"/>
  <c r="U120167" i="1"/>
  <c r="U120166" i="1"/>
  <c r="U120165" i="1"/>
  <c r="U120164" i="1"/>
  <c r="U120163" i="1"/>
  <c r="U120162" i="1"/>
  <c r="U120161" i="1"/>
  <c r="U120160" i="1"/>
  <c r="U120159" i="1"/>
  <c r="U120158" i="1"/>
  <c r="U120157" i="1"/>
  <c r="U120156" i="1"/>
  <c r="U120155" i="1"/>
  <c r="U120154" i="1"/>
  <c r="U120153" i="1"/>
  <c r="U120152" i="1"/>
  <c r="U120151" i="1"/>
  <c r="U120150" i="1"/>
  <c r="U120149" i="1"/>
  <c r="U120148" i="1"/>
  <c r="U120147" i="1"/>
  <c r="U120146" i="1"/>
  <c r="U120145" i="1"/>
  <c r="U120144" i="1"/>
  <c r="U120143" i="1"/>
  <c r="U120142" i="1"/>
  <c r="U120141" i="1"/>
  <c r="U120140" i="1"/>
  <c r="U120139" i="1"/>
  <c r="U120138" i="1"/>
  <c r="U120137" i="1"/>
  <c r="U120136" i="1"/>
  <c r="U120135" i="1"/>
  <c r="U120134" i="1"/>
  <c r="U120133" i="1"/>
  <c r="U120132" i="1"/>
  <c r="U120131" i="1"/>
  <c r="U120130" i="1"/>
  <c r="U120129" i="1"/>
  <c r="U120128" i="1"/>
  <c r="U120127" i="1"/>
  <c r="U120126" i="1"/>
  <c r="U120125" i="1"/>
  <c r="U120124" i="1"/>
  <c r="U120123" i="1"/>
  <c r="U120122" i="1"/>
  <c r="U120121" i="1"/>
  <c r="U120120" i="1"/>
  <c r="U120119" i="1"/>
  <c r="U120118" i="1"/>
  <c r="U120117" i="1"/>
  <c r="U120116" i="1"/>
  <c r="U120115" i="1"/>
  <c r="U120114" i="1"/>
  <c r="U120113" i="1"/>
  <c r="U120112" i="1"/>
  <c r="U120111" i="1"/>
  <c r="U120110" i="1"/>
  <c r="U120109" i="1"/>
  <c r="U120108" i="1"/>
  <c r="U120107" i="1"/>
  <c r="U120106" i="1"/>
  <c r="U120105" i="1"/>
  <c r="U120104" i="1"/>
  <c r="U120103" i="1"/>
  <c r="U120102" i="1"/>
  <c r="U120101" i="1"/>
  <c r="U120100" i="1"/>
  <c r="U120099" i="1"/>
  <c r="U120098" i="1"/>
  <c r="U120097" i="1"/>
  <c r="U120096" i="1"/>
  <c r="U120095" i="1"/>
  <c r="U120094" i="1"/>
  <c r="U120093" i="1"/>
  <c r="U120092" i="1"/>
  <c r="U120091" i="1"/>
  <c r="U120090" i="1"/>
  <c r="U120089" i="1"/>
  <c r="U120088" i="1"/>
  <c r="U120087" i="1"/>
  <c r="U120086" i="1"/>
  <c r="U120085" i="1"/>
  <c r="U120084" i="1"/>
  <c r="U120083" i="1"/>
  <c r="U120082" i="1"/>
  <c r="U120081" i="1"/>
  <c r="U120080" i="1"/>
  <c r="U120079" i="1"/>
  <c r="U120078" i="1"/>
  <c r="U120077" i="1"/>
  <c r="U120076" i="1"/>
  <c r="U120075" i="1"/>
  <c r="U120074" i="1"/>
  <c r="U120073" i="1"/>
  <c r="U120072" i="1"/>
  <c r="U120071" i="1"/>
  <c r="U120070" i="1"/>
  <c r="U120069" i="1"/>
  <c r="U120068" i="1"/>
  <c r="U120067" i="1"/>
  <c r="U120066" i="1"/>
  <c r="U120065" i="1"/>
  <c r="U120064" i="1"/>
  <c r="U120063" i="1"/>
  <c r="U120062" i="1"/>
  <c r="U120061" i="1"/>
  <c r="U120060" i="1"/>
  <c r="U120059" i="1"/>
  <c r="U120058" i="1"/>
  <c r="U120057" i="1"/>
  <c r="U120056" i="1"/>
  <c r="U120055" i="1"/>
  <c r="U120054" i="1"/>
  <c r="U120053" i="1"/>
  <c r="U120052" i="1"/>
  <c r="U120051" i="1"/>
  <c r="U120050" i="1"/>
  <c r="U120049" i="1"/>
  <c r="U120048" i="1"/>
  <c r="U120047" i="1"/>
  <c r="U120046" i="1"/>
  <c r="U120045" i="1"/>
  <c r="U120044" i="1"/>
  <c r="U120043" i="1"/>
  <c r="U120042" i="1"/>
  <c r="U120041" i="1"/>
  <c r="U120040" i="1"/>
  <c r="U120039" i="1"/>
  <c r="U120038" i="1"/>
  <c r="U120037" i="1"/>
  <c r="U120036" i="1"/>
  <c r="U120035" i="1"/>
  <c r="U120034" i="1"/>
  <c r="U120033" i="1"/>
  <c r="U120032" i="1"/>
  <c r="U120031" i="1"/>
  <c r="U120030" i="1"/>
  <c r="U120029" i="1"/>
  <c r="U120028" i="1"/>
  <c r="U120027" i="1"/>
  <c r="U120026" i="1"/>
  <c r="U120025" i="1"/>
  <c r="U120024" i="1"/>
  <c r="U120023" i="1"/>
  <c r="U120022" i="1"/>
  <c r="U120021" i="1"/>
  <c r="U120020" i="1"/>
  <c r="U120019" i="1"/>
  <c r="U120018" i="1"/>
  <c r="U120017" i="1"/>
  <c r="U120016" i="1"/>
  <c r="U120015" i="1"/>
  <c r="U120014" i="1"/>
  <c r="U120013" i="1"/>
  <c r="U120012" i="1"/>
  <c r="U120011" i="1"/>
  <c r="U120010" i="1"/>
  <c r="U120009" i="1"/>
  <c r="U120008" i="1"/>
  <c r="U120007" i="1"/>
  <c r="U120006" i="1"/>
  <c r="U120005" i="1"/>
  <c r="U120004" i="1"/>
  <c r="U120003" i="1"/>
  <c r="U120002" i="1"/>
  <c r="U120001" i="1"/>
  <c r="U120000" i="1"/>
  <c r="U119999" i="1"/>
  <c r="U119998" i="1"/>
  <c r="U119997" i="1"/>
  <c r="U119996" i="1"/>
  <c r="U119995" i="1"/>
  <c r="U119994" i="1"/>
  <c r="U119993" i="1"/>
  <c r="U119992" i="1"/>
  <c r="U119991" i="1"/>
  <c r="U119990" i="1"/>
  <c r="U119989" i="1"/>
  <c r="U119988" i="1"/>
  <c r="U119987" i="1"/>
  <c r="U119986" i="1"/>
  <c r="U119985" i="1"/>
  <c r="U119984" i="1"/>
  <c r="U119983" i="1"/>
  <c r="U119982" i="1"/>
  <c r="U119981" i="1"/>
  <c r="U119980" i="1"/>
  <c r="U119979" i="1"/>
  <c r="U119978" i="1"/>
  <c r="U119977" i="1"/>
  <c r="U119976" i="1"/>
  <c r="U119975" i="1"/>
  <c r="U119974" i="1"/>
  <c r="U119973" i="1"/>
  <c r="U119972" i="1"/>
  <c r="U119971" i="1"/>
  <c r="U119970" i="1"/>
  <c r="U119969" i="1"/>
  <c r="U119968" i="1"/>
  <c r="U119967" i="1"/>
  <c r="U119966" i="1"/>
  <c r="U119965" i="1"/>
  <c r="U119964" i="1"/>
  <c r="U119963" i="1"/>
  <c r="U119962" i="1"/>
  <c r="U119961" i="1"/>
  <c r="U119960" i="1"/>
  <c r="U119959" i="1"/>
  <c r="U119958" i="1"/>
  <c r="U119957" i="1"/>
  <c r="U119956" i="1"/>
  <c r="U119955" i="1"/>
  <c r="U119954" i="1"/>
  <c r="U119953" i="1"/>
  <c r="U119952" i="1"/>
  <c r="U119951" i="1"/>
  <c r="U119950" i="1"/>
  <c r="U119949" i="1"/>
  <c r="U119948" i="1"/>
  <c r="U119947" i="1"/>
  <c r="U119946" i="1"/>
  <c r="U119945" i="1"/>
  <c r="U119944" i="1"/>
  <c r="U119943" i="1"/>
  <c r="U119942" i="1"/>
  <c r="U119941" i="1"/>
  <c r="U119940" i="1"/>
  <c r="U119939" i="1"/>
  <c r="U119938" i="1"/>
  <c r="U119937" i="1"/>
  <c r="U119936" i="1"/>
  <c r="U119935" i="1"/>
  <c r="U119934" i="1"/>
  <c r="U119933" i="1"/>
  <c r="U119932" i="1"/>
  <c r="U119931" i="1"/>
  <c r="U119930" i="1"/>
  <c r="U119929" i="1"/>
  <c r="U119928" i="1"/>
  <c r="U119927" i="1"/>
  <c r="U119926" i="1"/>
  <c r="U119925" i="1"/>
  <c r="U119924" i="1"/>
  <c r="U119923" i="1"/>
  <c r="U119922" i="1"/>
  <c r="U119921" i="1"/>
  <c r="U119920" i="1"/>
  <c r="U119919" i="1"/>
  <c r="U119918" i="1"/>
  <c r="U119917" i="1"/>
  <c r="U119916" i="1"/>
  <c r="U119915" i="1"/>
  <c r="U119914" i="1"/>
  <c r="U119913" i="1"/>
  <c r="U119912" i="1"/>
  <c r="U119911" i="1"/>
  <c r="U119910" i="1"/>
  <c r="U119909" i="1"/>
  <c r="U119908" i="1"/>
  <c r="U119907" i="1"/>
  <c r="U119906" i="1"/>
  <c r="U119905" i="1"/>
  <c r="U119904" i="1"/>
  <c r="U119903" i="1"/>
  <c r="U119902" i="1"/>
  <c r="U119901" i="1"/>
  <c r="U119900" i="1"/>
  <c r="U119899" i="1"/>
  <c r="U119898" i="1"/>
  <c r="U119897" i="1"/>
  <c r="U119896" i="1"/>
  <c r="U119895" i="1"/>
  <c r="U119894" i="1"/>
  <c r="U119893" i="1"/>
  <c r="U119892" i="1"/>
  <c r="U119891" i="1"/>
  <c r="U119890" i="1"/>
  <c r="U119889" i="1"/>
  <c r="U119888" i="1"/>
  <c r="U119887" i="1"/>
  <c r="U119886" i="1"/>
  <c r="U119885" i="1"/>
  <c r="U119884" i="1"/>
  <c r="U119883" i="1"/>
  <c r="U119882" i="1"/>
  <c r="U119881" i="1"/>
  <c r="U119880" i="1"/>
  <c r="U119879" i="1"/>
  <c r="U119878" i="1"/>
  <c r="U119877" i="1"/>
  <c r="U119876" i="1"/>
  <c r="U119875" i="1"/>
  <c r="U119874" i="1"/>
  <c r="U119873" i="1"/>
  <c r="U119872" i="1"/>
  <c r="U119871" i="1"/>
  <c r="U119870" i="1"/>
  <c r="U119869" i="1"/>
  <c r="U119868" i="1"/>
  <c r="U119867" i="1"/>
  <c r="U119866" i="1"/>
  <c r="U119865" i="1"/>
  <c r="U119864" i="1"/>
  <c r="U119863" i="1"/>
  <c r="U119862" i="1"/>
  <c r="U119861" i="1"/>
  <c r="U119860" i="1"/>
  <c r="U119859" i="1"/>
  <c r="U119858" i="1"/>
  <c r="U119857" i="1"/>
  <c r="U119856" i="1"/>
  <c r="U119855" i="1"/>
  <c r="U119854" i="1"/>
  <c r="U119853" i="1"/>
  <c r="U119852" i="1"/>
  <c r="U119851" i="1"/>
  <c r="U119850" i="1"/>
  <c r="U119849" i="1"/>
  <c r="U119848" i="1"/>
  <c r="U119847" i="1"/>
  <c r="U119846" i="1"/>
  <c r="U119845" i="1"/>
  <c r="U119844" i="1"/>
  <c r="U119843" i="1"/>
  <c r="U119842" i="1"/>
  <c r="U119841" i="1"/>
  <c r="U119840" i="1"/>
  <c r="U119839" i="1"/>
  <c r="U119838" i="1"/>
  <c r="U119837" i="1"/>
  <c r="U119836" i="1"/>
  <c r="U119835" i="1"/>
  <c r="U119834" i="1"/>
  <c r="U119833" i="1"/>
  <c r="U119832" i="1"/>
  <c r="U119831" i="1"/>
  <c r="U119830" i="1"/>
  <c r="U119829" i="1"/>
  <c r="U119828" i="1"/>
  <c r="U119827" i="1"/>
  <c r="U119826" i="1"/>
  <c r="U119825" i="1"/>
  <c r="U119824" i="1"/>
  <c r="U119823" i="1"/>
  <c r="U119822" i="1"/>
  <c r="U119821" i="1"/>
  <c r="U119820" i="1"/>
  <c r="U119819" i="1"/>
  <c r="U119818" i="1"/>
  <c r="U119817" i="1"/>
  <c r="U119816" i="1"/>
  <c r="U119815" i="1"/>
  <c r="U119814" i="1"/>
  <c r="U119813" i="1"/>
  <c r="U119812" i="1"/>
  <c r="U119811" i="1"/>
  <c r="U119810" i="1"/>
  <c r="U119809" i="1"/>
  <c r="U119808" i="1"/>
  <c r="U119807" i="1"/>
  <c r="U119806" i="1"/>
  <c r="U119805" i="1"/>
  <c r="U119804" i="1"/>
  <c r="U119803" i="1"/>
  <c r="U119802" i="1"/>
  <c r="U119801" i="1"/>
  <c r="U119800" i="1"/>
  <c r="U119799" i="1"/>
  <c r="U119798" i="1"/>
  <c r="U119797" i="1"/>
  <c r="U119796" i="1"/>
  <c r="U119795" i="1"/>
  <c r="U119794" i="1"/>
  <c r="U119793" i="1"/>
  <c r="U119792" i="1"/>
  <c r="U119791" i="1"/>
  <c r="U119790" i="1"/>
  <c r="U119789" i="1"/>
  <c r="U119788" i="1"/>
  <c r="U119787" i="1"/>
  <c r="U119786" i="1"/>
  <c r="U119785" i="1"/>
  <c r="U119784" i="1"/>
  <c r="U119783" i="1"/>
  <c r="U119782" i="1"/>
  <c r="U119781" i="1"/>
  <c r="U119780" i="1"/>
  <c r="U119779" i="1"/>
  <c r="U119778" i="1"/>
  <c r="U119777" i="1"/>
  <c r="U119776" i="1"/>
  <c r="U119775" i="1"/>
  <c r="U119774" i="1"/>
  <c r="U119773" i="1"/>
  <c r="U119772" i="1"/>
  <c r="U119771" i="1"/>
  <c r="U119770" i="1"/>
  <c r="U119769" i="1"/>
  <c r="U119768" i="1"/>
  <c r="U119767" i="1"/>
  <c r="U119766" i="1"/>
  <c r="U119765" i="1"/>
  <c r="U119764" i="1"/>
  <c r="U119763" i="1"/>
  <c r="U119762" i="1"/>
  <c r="U119761" i="1"/>
  <c r="U119760" i="1"/>
  <c r="U119759" i="1"/>
  <c r="U119758" i="1"/>
  <c r="U119757" i="1"/>
  <c r="U119756" i="1"/>
  <c r="U119755" i="1"/>
  <c r="U119754" i="1"/>
  <c r="U119753" i="1"/>
  <c r="U119752" i="1"/>
  <c r="U119751" i="1"/>
  <c r="U119750" i="1"/>
  <c r="U119749" i="1"/>
  <c r="U119748" i="1"/>
  <c r="U119747" i="1"/>
  <c r="U119746" i="1"/>
  <c r="U119745" i="1"/>
  <c r="U119744" i="1"/>
  <c r="U119743" i="1"/>
  <c r="U119742" i="1"/>
  <c r="U119741" i="1"/>
  <c r="U119740" i="1"/>
  <c r="U119739" i="1"/>
  <c r="U119738" i="1"/>
  <c r="U119737" i="1"/>
  <c r="U119736" i="1"/>
  <c r="U119735" i="1"/>
  <c r="U119734" i="1"/>
  <c r="U119733" i="1"/>
  <c r="U119732" i="1"/>
  <c r="U119731" i="1"/>
  <c r="U119730" i="1"/>
  <c r="U119729" i="1"/>
  <c r="U119728" i="1"/>
  <c r="U119727" i="1"/>
  <c r="U119726" i="1"/>
  <c r="U119725" i="1"/>
  <c r="U119724" i="1"/>
  <c r="U119723" i="1"/>
  <c r="U119722" i="1"/>
  <c r="U119721" i="1"/>
  <c r="U119720" i="1"/>
  <c r="U119719" i="1"/>
  <c r="U119718" i="1"/>
  <c r="U119717" i="1"/>
  <c r="U119716" i="1"/>
  <c r="U119715" i="1"/>
  <c r="U119714" i="1"/>
  <c r="U119713" i="1"/>
  <c r="U119712" i="1"/>
  <c r="U119711" i="1"/>
  <c r="U119710" i="1"/>
  <c r="U119709" i="1"/>
  <c r="U119708" i="1"/>
  <c r="U119707" i="1"/>
  <c r="U119706" i="1"/>
  <c r="U119705" i="1"/>
  <c r="U119704" i="1"/>
  <c r="U119703" i="1"/>
  <c r="U119702" i="1"/>
  <c r="U119701" i="1"/>
  <c r="U119700" i="1"/>
  <c r="U119699" i="1"/>
  <c r="U119698" i="1"/>
  <c r="U119697" i="1"/>
  <c r="U119696" i="1"/>
  <c r="U119695" i="1"/>
  <c r="U119694" i="1"/>
  <c r="U119693" i="1"/>
  <c r="U119692" i="1"/>
  <c r="U119691" i="1"/>
  <c r="U119690" i="1"/>
  <c r="U119689" i="1"/>
  <c r="U119688" i="1"/>
  <c r="U119687" i="1"/>
  <c r="U119686" i="1"/>
  <c r="U119685" i="1"/>
  <c r="U119684" i="1"/>
  <c r="U119683" i="1"/>
  <c r="U119682" i="1"/>
  <c r="U119681" i="1"/>
  <c r="U119680" i="1"/>
  <c r="U119679" i="1"/>
  <c r="U119678" i="1"/>
  <c r="U119677" i="1"/>
  <c r="U119676" i="1"/>
  <c r="U119675" i="1"/>
  <c r="U119674" i="1"/>
  <c r="U119673" i="1"/>
  <c r="U119672" i="1"/>
  <c r="U119671" i="1"/>
  <c r="U119670" i="1"/>
  <c r="U119669" i="1"/>
  <c r="U119668" i="1"/>
  <c r="U119667" i="1"/>
  <c r="U119666" i="1"/>
  <c r="U119665" i="1"/>
  <c r="U119664" i="1"/>
  <c r="U119663" i="1"/>
  <c r="U119662" i="1"/>
  <c r="U119661" i="1"/>
  <c r="U119660" i="1"/>
  <c r="U119659" i="1"/>
  <c r="U119658" i="1"/>
  <c r="U119657" i="1"/>
  <c r="U119656" i="1"/>
  <c r="U119655" i="1"/>
  <c r="U119654" i="1"/>
  <c r="U119653" i="1"/>
  <c r="U119652" i="1"/>
  <c r="U119651" i="1"/>
  <c r="U119650" i="1"/>
  <c r="U119649" i="1"/>
  <c r="U119648" i="1"/>
  <c r="U119647" i="1"/>
  <c r="U119646" i="1"/>
  <c r="U119645" i="1"/>
  <c r="U119644" i="1"/>
  <c r="U119643" i="1"/>
  <c r="U119642" i="1"/>
  <c r="U119641" i="1"/>
  <c r="U119640" i="1"/>
  <c r="U119639" i="1"/>
  <c r="U119638" i="1"/>
  <c r="U119637" i="1"/>
  <c r="U119636" i="1"/>
  <c r="U119635" i="1"/>
  <c r="U119634" i="1"/>
  <c r="U119633" i="1"/>
  <c r="U119632" i="1"/>
  <c r="U119631" i="1"/>
  <c r="U119630" i="1"/>
  <c r="U119629" i="1"/>
  <c r="U119628" i="1"/>
  <c r="U119627" i="1"/>
  <c r="U119626" i="1"/>
  <c r="U119625" i="1"/>
  <c r="U119624" i="1"/>
  <c r="U119623" i="1"/>
  <c r="U119622" i="1"/>
  <c r="U119621" i="1"/>
  <c r="U119620" i="1"/>
  <c r="U119619" i="1"/>
  <c r="U119618" i="1"/>
  <c r="U119617" i="1"/>
  <c r="U119616" i="1"/>
  <c r="U119615" i="1"/>
  <c r="U119614" i="1"/>
  <c r="U119613" i="1"/>
  <c r="U119612" i="1"/>
  <c r="U119611" i="1"/>
  <c r="U119610" i="1"/>
  <c r="U119609" i="1"/>
  <c r="U119608" i="1"/>
  <c r="U119607" i="1"/>
  <c r="U119606" i="1"/>
  <c r="U119605" i="1"/>
  <c r="U119604" i="1"/>
  <c r="U119603" i="1"/>
  <c r="U119602" i="1"/>
  <c r="U119601" i="1"/>
  <c r="U119600" i="1"/>
  <c r="U119599" i="1"/>
  <c r="U119598" i="1"/>
  <c r="U119597" i="1"/>
  <c r="U119596" i="1"/>
  <c r="U119595" i="1"/>
  <c r="U119594" i="1"/>
  <c r="U119593" i="1"/>
  <c r="U119592" i="1"/>
  <c r="U119591" i="1"/>
  <c r="U119590" i="1"/>
  <c r="U119589" i="1"/>
  <c r="U119588" i="1"/>
  <c r="U119587" i="1"/>
  <c r="U119586" i="1"/>
  <c r="U119585" i="1"/>
  <c r="U119584" i="1"/>
  <c r="U119583" i="1"/>
  <c r="U119582" i="1"/>
  <c r="U119581" i="1"/>
  <c r="U119580" i="1"/>
  <c r="U119579" i="1"/>
  <c r="U119578" i="1"/>
  <c r="U119577" i="1"/>
  <c r="U119576" i="1"/>
  <c r="U119575" i="1"/>
  <c r="U119574" i="1"/>
  <c r="U119573" i="1"/>
  <c r="U119572" i="1"/>
  <c r="U119571" i="1"/>
  <c r="U119570" i="1"/>
  <c r="U119569" i="1"/>
  <c r="U119568" i="1"/>
  <c r="U119567" i="1"/>
  <c r="U119566" i="1"/>
  <c r="U119565" i="1"/>
  <c r="U119564" i="1"/>
  <c r="U119563" i="1"/>
  <c r="U119562" i="1"/>
  <c r="U119561" i="1"/>
  <c r="U119560" i="1"/>
  <c r="U119559" i="1"/>
  <c r="U119558" i="1"/>
  <c r="U119557" i="1"/>
  <c r="U119556" i="1"/>
  <c r="U119555" i="1"/>
  <c r="U119554" i="1"/>
  <c r="U119553" i="1"/>
  <c r="U119552" i="1"/>
  <c r="U119551" i="1"/>
  <c r="U119550" i="1"/>
  <c r="U119549" i="1"/>
  <c r="U119548" i="1"/>
  <c r="U119547" i="1"/>
  <c r="U119546" i="1"/>
  <c r="U119545" i="1"/>
  <c r="U119544" i="1"/>
  <c r="U119543" i="1"/>
  <c r="U119542" i="1"/>
  <c r="U119541" i="1"/>
  <c r="U119540" i="1"/>
  <c r="U119539" i="1"/>
  <c r="U119538" i="1"/>
  <c r="U119537" i="1"/>
  <c r="U119536" i="1"/>
  <c r="U119535" i="1"/>
  <c r="U119534" i="1"/>
  <c r="U119533" i="1"/>
  <c r="U119532" i="1"/>
  <c r="U119531" i="1"/>
  <c r="U119530" i="1"/>
  <c r="U119529" i="1"/>
  <c r="U119528" i="1"/>
  <c r="U119527" i="1"/>
  <c r="U119526" i="1"/>
  <c r="U119525" i="1"/>
  <c r="U119524" i="1"/>
  <c r="U119523" i="1"/>
  <c r="U119522" i="1"/>
  <c r="U119521" i="1"/>
  <c r="U119520" i="1"/>
  <c r="U119519" i="1"/>
  <c r="U119518" i="1"/>
  <c r="U119517" i="1"/>
  <c r="U119516" i="1"/>
  <c r="U119515" i="1"/>
  <c r="U119514" i="1"/>
  <c r="U119513" i="1"/>
  <c r="U119512" i="1"/>
  <c r="U119511" i="1"/>
  <c r="U119510" i="1"/>
  <c r="U119509" i="1"/>
  <c r="U119508" i="1"/>
  <c r="U119507" i="1"/>
  <c r="U119506" i="1"/>
  <c r="U119505" i="1"/>
  <c r="U119504" i="1"/>
  <c r="U119503" i="1"/>
  <c r="U119502" i="1"/>
  <c r="U119501" i="1"/>
  <c r="U119500" i="1"/>
  <c r="U119499" i="1"/>
  <c r="U119498" i="1"/>
  <c r="U119497" i="1"/>
  <c r="U119496" i="1"/>
  <c r="U119495" i="1"/>
  <c r="U119494" i="1"/>
  <c r="U119493" i="1"/>
  <c r="U119492" i="1"/>
  <c r="U119491" i="1"/>
  <c r="U119490" i="1"/>
  <c r="U119489" i="1"/>
  <c r="U119488" i="1"/>
  <c r="U119487" i="1"/>
  <c r="U119486" i="1"/>
  <c r="U119485" i="1"/>
  <c r="U119484" i="1"/>
  <c r="U119483" i="1"/>
  <c r="U119482" i="1"/>
  <c r="U119481" i="1"/>
  <c r="U119480" i="1"/>
  <c r="U119479" i="1"/>
  <c r="U119478" i="1"/>
  <c r="U119477" i="1"/>
  <c r="U119476" i="1"/>
  <c r="U119475" i="1"/>
  <c r="U119474" i="1"/>
  <c r="U119473" i="1"/>
  <c r="U119472" i="1"/>
  <c r="U119471" i="1"/>
  <c r="U119470" i="1"/>
  <c r="U119469" i="1"/>
  <c r="U119468" i="1"/>
  <c r="U119467" i="1"/>
  <c r="U119466" i="1"/>
  <c r="U119465" i="1"/>
  <c r="U119464" i="1"/>
  <c r="U119463" i="1"/>
  <c r="U119462" i="1"/>
  <c r="U119461" i="1"/>
  <c r="U119460" i="1"/>
  <c r="U119459" i="1"/>
  <c r="U119458" i="1"/>
  <c r="U119457" i="1"/>
  <c r="U119456" i="1"/>
  <c r="U119455" i="1"/>
  <c r="U119454" i="1"/>
  <c r="U119453" i="1"/>
  <c r="U119452" i="1"/>
  <c r="U119451" i="1"/>
  <c r="U119450" i="1"/>
  <c r="U119449" i="1"/>
  <c r="U119448" i="1"/>
  <c r="U119447" i="1"/>
  <c r="U119446" i="1"/>
  <c r="U119445" i="1"/>
  <c r="U119444" i="1"/>
  <c r="U119443" i="1"/>
  <c r="U119442" i="1"/>
  <c r="U119441" i="1"/>
  <c r="U119440" i="1"/>
  <c r="U119439" i="1"/>
  <c r="U119438" i="1"/>
  <c r="U119437" i="1"/>
  <c r="U119436" i="1"/>
  <c r="U119435" i="1"/>
  <c r="U119434" i="1"/>
  <c r="U119433" i="1"/>
  <c r="U119432" i="1"/>
  <c r="U119431" i="1"/>
  <c r="U119430" i="1"/>
  <c r="U119429" i="1"/>
  <c r="U119428" i="1"/>
  <c r="U119427" i="1"/>
  <c r="U119426" i="1"/>
  <c r="U119425" i="1"/>
  <c r="U119424" i="1"/>
  <c r="U119423" i="1"/>
  <c r="U119422" i="1"/>
  <c r="U119421" i="1"/>
  <c r="U119420" i="1"/>
  <c r="U119419" i="1"/>
  <c r="U119418" i="1"/>
  <c r="U119417" i="1"/>
  <c r="U119416" i="1"/>
  <c r="U119415" i="1"/>
  <c r="U119414" i="1"/>
  <c r="U119413" i="1"/>
  <c r="U119412" i="1"/>
  <c r="U119411" i="1"/>
  <c r="U119410" i="1"/>
  <c r="U119409" i="1"/>
  <c r="U119408" i="1"/>
  <c r="U119407" i="1"/>
  <c r="U119406" i="1"/>
  <c r="U119405" i="1"/>
  <c r="U119404" i="1"/>
  <c r="U119403" i="1"/>
  <c r="U119402" i="1"/>
  <c r="U119401" i="1"/>
  <c r="U119400" i="1"/>
  <c r="U119399" i="1"/>
  <c r="U119398" i="1"/>
  <c r="U119397" i="1"/>
  <c r="U119396" i="1"/>
  <c r="U119395" i="1"/>
  <c r="U119394" i="1"/>
  <c r="U119393" i="1"/>
  <c r="U119392" i="1"/>
  <c r="U119391" i="1"/>
  <c r="U119390" i="1"/>
  <c r="U119389" i="1"/>
  <c r="U119388" i="1"/>
  <c r="U119387" i="1"/>
  <c r="U119386" i="1"/>
  <c r="U119385" i="1"/>
  <c r="U119384" i="1"/>
  <c r="U119383" i="1"/>
  <c r="U119382" i="1"/>
  <c r="U119381" i="1"/>
  <c r="U119380" i="1"/>
  <c r="U119379" i="1"/>
  <c r="U119378" i="1"/>
  <c r="U119377" i="1"/>
  <c r="U119376" i="1"/>
  <c r="U119375" i="1"/>
  <c r="U119374" i="1"/>
  <c r="U119373" i="1"/>
  <c r="U119372" i="1"/>
  <c r="U119371" i="1"/>
  <c r="U119370" i="1"/>
  <c r="U119369" i="1"/>
  <c r="U119368" i="1"/>
  <c r="U119367" i="1"/>
  <c r="U119366" i="1"/>
  <c r="U119365" i="1"/>
  <c r="U119364" i="1"/>
  <c r="U119363" i="1"/>
  <c r="U119362" i="1"/>
  <c r="U119361" i="1"/>
  <c r="U119360" i="1"/>
  <c r="U119359" i="1"/>
  <c r="U119358" i="1"/>
  <c r="U119357" i="1"/>
  <c r="U119356" i="1"/>
  <c r="U119355" i="1"/>
  <c r="U119354" i="1"/>
  <c r="U119353" i="1"/>
  <c r="U119352" i="1"/>
  <c r="U119351" i="1"/>
  <c r="U119350" i="1"/>
  <c r="U119349" i="1"/>
  <c r="U119348" i="1"/>
  <c r="U119347" i="1"/>
  <c r="U119346" i="1"/>
  <c r="U119345" i="1"/>
  <c r="U119344" i="1"/>
  <c r="U119343" i="1"/>
  <c r="U119342" i="1"/>
  <c r="U119341" i="1"/>
  <c r="U119340" i="1"/>
  <c r="U119339" i="1"/>
  <c r="U119338" i="1"/>
  <c r="U119337" i="1"/>
  <c r="U119336" i="1"/>
  <c r="U119335" i="1"/>
  <c r="U119334" i="1"/>
  <c r="U119333" i="1"/>
  <c r="U119332" i="1"/>
  <c r="U119331" i="1"/>
  <c r="U119330" i="1"/>
  <c r="U119329" i="1"/>
  <c r="U119328" i="1"/>
  <c r="U119327" i="1"/>
  <c r="U119326" i="1"/>
  <c r="U119325" i="1"/>
  <c r="U119324" i="1"/>
  <c r="U119323" i="1"/>
  <c r="U119322" i="1"/>
  <c r="U119321" i="1"/>
  <c r="U119320" i="1"/>
  <c r="U119319" i="1"/>
  <c r="U119318" i="1"/>
  <c r="U119317" i="1"/>
  <c r="U119316" i="1"/>
  <c r="U119315" i="1"/>
  <c r="U119314" i="1"/>
  <c r="U119313" i="1"/>
  <c r="U119312" i="1"/>
  <c r="U119311" i="1"/>
  <c r="U119310" i="1"/>
  <c r="U119309" i="1"/>
  <c r="U119308" i="1"/>
  <c r="U119307" i="1"/>
  <c r="U119306" i="1"/>
  <c r="U119305" i="1"/>
  <c r="U119304" i="1"/>
  <c r="U119303" i="1"/>
  <c r="U119302" i="1"/>
  <c r="U119301" i="1"/>
  <c r="U119300" i="1"/>
  <c r="U119299" i="1"/>
  <c r="U119298" i="1"/>
  <c r="U119297" i="1"/>
  <c r="U119296" i="1"/>
  <c r="U119295" i="1"/>
  <c r="U119294" i="1"/>
  <c r="U119293" i="1"/>
  <c r="U119292" i="1"/>
  <c r="U119291" i="1"/>
  <c r="U119290" i="1"/>
  <c r="U119289" i="1"/>
  <c r="U119288" i="1"/>
  <c r="U119287" i="1"/>
  <c r="U119286" i="1"/>
  <c r="U119285" i="1"/>
  <c r="U119284" i="1"/>
  <c r="U119283" i="1"/>
  <c r="U119282" i="1"/>
  <c r="U119281" i="1"/>
  <c r="U119280" i="1"/>
  <c r="U119279" i="1"/>
  <c r="U119278" i="1"/>
  <c r="U119277" i="1"/>
  <c r="U119276" i="1"/>
  <c r="U119275" i="1"/>
  <c r="U119274" i="1"/>
  <c r="U119273" i="1"/>
  <c r="U119272" i="1"/>
  <c r="U119271" i="1"/>
  <c r="U119270" i="1"/>
  <c r="U119269" i="1"/>
  <c r="U119268" i="1"/>
  <c r="U119267" i="1"/>
  <c r="U119266" i="1"/>
  <c r="U119265" i="1"/>
  <c r="U119264" i="1"/>
  <c r="U119263" i="1"/>
  <c r="U119262" i="1"/>
  <c r="U119261" i="1"/>
  <c r="U119260" i="1"/>
  <c r="U119259" i="1"/>
  <c r="U119258" i="1"/>
  <c r="U119257" i="1"/>
  <c r="U119256" i="1"/>
  <c r="U119255" i="1"/>
  <c r="U119254" i="1"/>
  <c r="U119253" i="1"/>
  <c r="U119252" i="1"/>
  <c r="U119251" i="1"/>
  <c r="U119250" i="1"/>
  <c r="U119249" i="1"/>
  <c r="U119248" i="1"/>
  <c r="U119247" i="1"/>
  <c r="U119246" i="1"/>
  <c r="U119245" i="1"/>
  <c r="U119244" i="1"/>
  <c r="U119243" i="1"/>
  <c r="U119242" i="1"/>
  <c r="U119241" i="1"/>
  <c r="U119240" i="1"/>
  <c r="U119239" i="1"/>
  <c r="U119238" i="1"/>
  <c r="U119237" i="1"/>
  <c r="U119236" i="1"/>
  <c r="U119235" i="1"/>
  <c r="U119234" i="1"/>
  <c r="U119233" i="1"/>
  <c r="U119232" i="1"/>
  <c r="U119231" i="1"/>
  <c r="U119230" i="1"/>
  <c r="U119229" i="1"/>
  <c r="U119228" i="1"/>
  <c r="U119227" i="1"/>
  <c r="U119226" i="1"/>
  <c r="U119225" i="1"/>
  <c r="U119224" i="1"/>
  <c r="U119223" i="1"/>
  <c r="U119222" i="1"/>
  <c r="U119221" i="1"/>
  <c r="U119220" i="1"/>
  <c r="U119219" i="1"/>
  <c r="U119218" i="1"/>
  <c r="U119217" i="1"/>
  <c r="U119216" i="1"/>
  <c r="U119215" i="1"/>
  <c r="U119214" i="1"/>
  <c r="U119213" i="1"/>
  <c r="U119212" i="1"/>
  <c r="U119211" i="1"/>
  <c r="U119210" i="1"/>
  <c r="U119209" i="1"/>
  <c r="U119208" i="1"/>
  <c r="U119207" i="1"/>
  <c r="U119206" i="1"/>
  <c r="U119205" i="1"/>
  <c r="U119204" i="1"/>
  <c r="U119203" i="1"/>
  <c r="U119202" i="1"/>
  <c r="U119201" i="1"/>
  <c r="U119200" i="1"/>
  <c r="U119199" i="1"/>
  <c r="U119198" i="1"/>
  <c r="U119197" i="1"/>
  <c r="U119196" i="1"/>
  <c r="U119195" i="1"/>
  <c r="U119194" i="1"/>
  <c r="U119193" i="1"/>
  <c r="U119192" i="1"/>
  <c r="U119191" i="1"/>
  <c r="U119190" i="1"/>
  <c r="U119189" i="1"/>
  <c r="U119188" i="1"/>
  <c r="U119187" i="1"/>
  <c r="U119186" i="1"/>
  <c r="U119185" i="1"/>
  <c r="U119184" i="1"/>
  <c r="U119183" i="1"/>
  <c r="U119182" i="1"/>
  <c r="U119181" i="1"/>
  <c r="U119180" i="1"/>
  <c r="U119179" i="1"/>
  <c r="U119178" i="1"/>
  <c r="U119177" i="1"/>
  <c r="U119176" i="1"/>
  <c r="U119175" i="1"/>
  <c r="U119174" i="1"/>
  <c r="U119173" i="1"/>
  <c r="U119172" i="1"/>
  <c r="U119171" i="1"/>
  <c r="U119170" i="1"/>
  <c r="U119169" i="1"/>
  <c r="U119168" i="1"/>
  <c r="U119167" i="1"/>
  <c r="U119166" i="1"/>
  <c r="U119165" i="1"/>
  <c r="U119164" i="1"/>
  <c r="U119163" i="1"/>
  <c r="U119162" i="1"/>
  <c r="U119161" i="1"/>
  <c r="U119160" i="1"/>
  <c r="U119159" i="1"/>
  <c r="U119158" i="1"/>
  <c r="U119157" i="1"/>
  <c r="U119156" i="1"/>
  <c r="U119155" i="1"/>
  <c r="U119154" i="1"/>
  <c r="U119153" i="1"/>
  <c r="U119152" i="1"/>
  <c r="U119151" i="1"/>
  <c r="U119150" i="1"/>
  <c r="U119149" i="1"/>
  <c r="U119148" i="1"/>
  <c r="U119147" i="1"/>
  <c r="U119146" i="1"/>
  <c r="U119145" i="1"/>
  <c r="U119144" i="1"/>
  <c r="U119143" i="1"/>
  <c r="U119142" i="1"/>
  <c r="U119141" i="1"/>
  <c r="U119140" i="1"/>
  <c r="U119139" i="1"/>
  <c r="U119138" i="1"/>
  <c r="U119137" i="1"/>
  <c r="U119136" i="1"/>
  <c r="U119135" i="1"/>
  <c r="U119134" i="1"/>
  <c r="U119133" i="1"/>
  <c r="U119132" i="1"/>
  <c r="U119131" i="1"/>
  <c r="U119130" i="1"/>
  <c r="U119129" i="1"/>
  <c r="U119128" i="1"/>
  <c r="U119127" i="1"/>
  <c r="U119126" i="1"/>
  <c r="U119125" i="1"/>
  <c r="U119124" i="1"/>
  <c r="U119123" i="1"/>
  <c r="U119122" i="1"/>
  <c r="U119121" i="1"/>
  <c r="U119120" i="1"/>
  <c r="U119119" i="1"/>
  <c r="U119118" i="1"/>
  <c r="U119117" i="1"/>
  <c r="U119116" i="1"/>
  <c r="U119115" i="1"/>
  <c r="U119114" i="1"/>
  <c r="U119113" i="1"/>
  <c r="U119112" i="1"/>
  <c r="U119111" i="1"/>
  <c r="U119110" i="1"/>
  <c r="U119109" i="1"/>
  <c r="U119108" i="1"/>
  <c r="U119107" i="1"/>
  <c r="U119106" i="1"/>
  <c r="U119105" i="1"/>
  <c r="U119104" i="1"/>
  <c r="U119103" i="1"/>
  <c r="U119102" i="1"/>
  <c r="U119101" i="1"/>
  <c r="U119100" i="1"/>
  <c r="U119099" i="1"/>
  <c r="U119098" i="1"/>
  <c r="U119097" i="1"/>
  <c r="U119096" i="1"/>
  <c r="U119095" i="1"/>
  <c r="U119094" i="1"/>
  <c r="U119093" i="1"/>
  <c r="U119092" i="1"/>
  <c r="U119091" i="1"/>
  <c r="U119090" i="1"/>
  <c r="U119089" i="1"/>
  <c r="U119088" i="1"/>
  <c r="U119087" i="1"/>
  <c r="U119086" i="1"/>
  <c r="U119085" i="1"/>
  <c r="U119084" i="1"/>
  <c r="U119083" i="1"/>
  <c r="U119082" i="1"/>
  <c r="U119081" i="1"/>
  <c r="U119080" i="1"/>
  <c r="U119079" i="1"/>
  <c r="U119078" i="1"/>
  <c r="U119077" i="1"/>
  <c r="U119076" i="1"/>
  <c r="U119075" i="1"/>
  <c r="U119074" i="1"/>
  <c r="U119073" i="1"/>
  <c r="U119072" i="1"/>
  <c r="U119071" i="1"/>
  <c r="U119070" i="1"/>
  <c r="U119069" i="1"/>
  <c r="U119068" i="1"/>
  <c r="U119067" i="1"/>
  <c r="U119066" i="1"/>
  <c r="U119065" i="1"/>
  <c r="U119064" i="1"/>
  <c r="U119063" i="1"/>
  <c r="U119062" i="1"/>
  <c r="U119061" i="1"/>
  <c r="U119060" i="1"/>
  <c r="U119059" i="1"/>
  <c r="U119058" i="1"/>
  <c r="U119057" i="1"/>
  <c r="U119056" i="1"/>
  <c r="U119055" i="1"/>
  <c r="U119054" i="1"/>
  <c r="U119053" i="1"/>
  <c r="U119052" i="1"/>
  <c r="U119051" i="1"/>
  <c r="U119050" i="1"/>
  <c r="U119049" i="1"/>
  <c r="U119048" i="1"/>
  <c r="U119047" i="1"/>
  <c r="U119046" i="1"/>
  <c r="U119045" i="1"/>
  <c r="U119044" i="1"/>
  <c r="U119043" i="1"/>
  <c r="U119042" i="1"/>
  <c r="U119041" i="1"/>
  <c r="U119040" i="1"/>
  <c r="U119039" i="1"/>
  <c r="U119038" i="1"/>
  <c r="U119037" i="1"/>
  <c r="U119036" i="1"/>
  <c r="U119035" i="1"/>
  <c r="U119034" i="1"/>
  <c r="U119033" i="1"/>
  <c r="U119032" i="1"/>
  <c r="U119031" i="1"/>
  <c r="U119030" i="1"/>
  <c r="U119029" i="1"/>
  <c r="U119028" i="1"/>
  <c r="U119027" i="1"/>
  <c r="U119026" i="1"/>
  <c r="U119025" i="1"/>
  <c r="U119024" i="1"/>
  <c r="U119023" i="1"/>
  <c r="U119022" i="1"/>
  <c r="U119021" i="1"/>
  <c r="U119020" i="1"/>
  <c r="U119019" i="1"/>
  <c r="U119018" i="1"/>
  <c r="U119017" i="1"/>
  <c r="U119016" i="1"/>
  <c r="U119015" i="1"/>
  <c r="U119014" i="1"/>
  <c r="U119013" i="1"/>
  <c r="U119012" i="1"/>
  <c r="U119011" i="1"/>
  <c r="U119010" i="1"/>
  <c r="U119009" i="1"/>
  <c r="U119008" i="1"/>
  <c r="U119007" i="1"/>
  <c r="U119006" i="1"/>
  <c r="U119005" i="1"/>
  <c r="U119004" i="1"/>
  <c r="U119003" i="1"/>
  <c r="U119002" i="1"/>
  <c r="U119001" i="1"/>
  <c r="U119000" i="1"/>
  <c r="U118999" i="1"/>
  <c r="U118998" i="1"/>
  <c r="U118997" i="1"/>
  <c r="U118996" i="1"/>
  <c r="U118995" i="1"/>
  <c r="U118994" i="1"/>
  <c r="U118993" i="1"/>
  <c r="U118992" i="1"/>
  <c r="U118991" i="1"/>
  <c r="U118990" i="1"/>
  <c r="U118989" i="1"/>
  <c r="U118988" i="1"/>
  <c r="U118987" i="1"/>
  <c r="U118986" i="1"/>
  <c r="U118985" i="1"/>
  <c r="U118984" i="1"/>
  <c r="U118983" i="1"/>
  <c r="U118982" i="1"/>
  <c r="U118981" i="1"/>
  <c r="U118980" i="1"/>
  <c r="U118979" i="1"/>
  <c r="U118978" i="1"/>
  <c r="U118977" i="1"/>
  <c r="U118976" i="1"/>
  <c r="U118975" i="1"/>
  <c r="U118974" i="1"/>
  <c r="U118973" i="1"/>
  <c r="U118972" i="1"/>
  <c r="U118971" i="1"/>
  <c r="U118970" i="1"/>
  <c r="U118969" i="1"/>
  <c r="U118968" i="1"/>
  <c r="U118967" i="1"/>
  <c r="U118966" i="1"/>
  <c r="U118965" i="1"/>
  <c r="U118964" i="1"/>
  <c r="U118963" i="1"/>
  <c r="U118962" i="1"/>
  <c r="U118961" i="1"/>
  <c r="U118960" i="1"/>
  <c r="U118959" i="1"/>
  <c r="U118958" i="1"/>
  <c r="U118957" i="1"/>
  <c r="U118956" i="1"/>
  <c r="U118955" i="1"/>
  <c r="U118954" i="1"/>
  <c r="U118953" i="1"/>
  <c r="U118952" i="1"/>
  <c r="U118951" i="1"/>
  <c r="U118950" i="1"/>
  <c r="U118949" i="1"/>
  <c r="U118948" i="1"/>
  <c r="U118947" i="1"/>
  <c r="U118946" i="1"/>
  <c r="U118945" i="1"/>
  <c r="U118944" i="1"/>
  <c r="U118943" i="1"/>
  <c r="U118942" i="1"/>
  <c r="U118941" i="1"/>
  <c r="U118940" i="1"/>
  <c r="U118939" i="1"/>
  <c r="U118938" i="1"/>
  <c r="U118937" i="1"/>
  <c r="U118936" i="1"/>
  <c r="U118935" i="1"/>
  <c r="U118934" i="1"/>
  <c r="U118933" i="1"/>
  <c r="U118932" i="1"/>
  <c r="U118931" i="1"/>
  <c r="U118930" i="1"/>
  <c r="U118929" i="1"/>
  <c r="U118928" i="1"/>
  <c r="U118927" i="1"/>
  <c r="U118926" i="1"/>
  <c r="U118925" i="1"/>
  <c r="U118924" i="1"/>
  <c r="U118923" i="1"/>
  <c r="U118922" i="1"/>
  <c r="U118921" i="1"/>
  <c r="U118920" i="1"/>
  <c r="U118919" i="1"/>
  <c r="U118918" i="1"/>
  <c r="U118917" i="1"/>
  <c r="U118916" i="1"/>
  <c r="U118915" i="1"/>
  <c r="U118914" i="1"/>
  <c r="U118913" i="1"/>
  <c r="U118912" i="1"/>
  <c r="U118911" i="1"/>
  <c r="U118910" i="1"/>
  <c r="U118909" i="1"/>
  <c r="U118908" i="1"/>
  <c r="U118907" i="1"/>
  <c r="U118906" i="1"/>
  <c r="U118905" i="1"/>
  <c r="U118904" i="1"/>
  <c r="U118903" i="1"/>
  <c r="U118902" i="1"/>
  <c r="U118901" i="1"/>
  <c r="U118900" i="1"/>
  <c r="U118899" i="1"/>
  <c r="U118898" i="1"/>
  <c r="U118897" i="1"/>
  <c r="U118896" i="1"/>
  <c r="U118895" i="1"/>
  <c r="U118894" i="1"/>
  <c r="U118893" i="1"/>
  <c r="U118892" i="1"/>
  <c r="U118891" i="1"/>
  <c r="U118890" i="1"/>
  <c r="U118889" i="1"/>
  <c r="U118888" i="1"/>
  <c r="U118887" i="1"/>
  <c r="U118886" i="1"/>
  <c r="U118885" i="1"/>
  <c r="U118884" i="1"/>
  <c r="U118883" i="1"/>
  <c r="U118882" i="1"/>
  <c r="U118881" i="1"/>
  <c r="U118880" i="1"/>
  <c r="U118879" i="1"/>
  <c r="U118878" i="1"/>
  <c r="U118877" i="1"/>
  <c r="U118876" i="1"/>
  <c r="U118875" i="1"/>
  <c r="U118874" i="1"/>
  <c r="U118873" i="1"/>
  <c r="U118872" i="1"/>
  <c r="U118871" i="1"/>
  <c r="U118870" i="1"/>
  <c r="U118869" i="1"/>
  <c r="U118868" i="1"/>
  <c r="U118867" i="1"/>
  <c r="U118866" i="1"/>
  <c r="U118865" i="1"/>
  <c r="U118864" i="1"/>
  <c r="U118863" i="1"/>
  <c r="U118862" i="1"/>
  <c r="U118861" i="1"/>
  <c r="U118860" i="1"/>
  <c r="U118859" i="1"/>
  <c r="U118858" i="1"/>
  <c r="U118857" i="1"/>
  <c r="U118856" i="1"/>
  <c r="U118855" i="1"/>
  <c r="U118854" i="1"/>
  <c r="U118853" i="1"/>
  <c r="U118852" i="1"/>
  <c r="U118851" i="1"/>
  <c r="U118850" i="1"/>
  <c r="U118849" i="1"/>
  <c r="U118848" i="1"/>
  <c r="U118847" i="1"/>
  <c r="U118846" i="1"/>
  <c r="U118845" i="1"/>
  <c r="U118844" i="1"/>
  <c r="U118843" i="1"/>
  <c r="U118842" i="1"/>
  <c r="U118841" i="1"/>
  <c r="U118840" i="1"/>
  <c r="U118839" i="1"/>
  <c r="U118838" i="1"/>
  <c r="U118837" i="1"/>
  <c r="U118836" i="1"/>
  <c r="U118835" i="1"/>
  <c r="U118834" i="1"/>
  <c r="U118833" i="1"/>
  <c r="U118832" i="1"/>
  <c r="U118831" i="1"/>
  <c r="U118830" i="1"/>
  <c r="U118829" i="1"/>
  <c r="U118828" i="1"/>
  <c r="U118827" i="1"/>
  <c r="U118826" i="1"/>
  <c r="U118825" i="1"/>
  <c r="U118824" i="1"/>
  <c r="U118823" i="1"/>
  <c r="U118822" i="1"/>
  <c r="U118821" i="1"/>
  <c r="U118820" i="1"/>
  <c r="U118819" i="1"/>
  <c r="U118818" i="1"/>
  <c r="U118817" i="1"/>
  <c r="U118816" i="1"/>
  <c r="U118815" i="1"/>
  <c r="U118814" i="1"/>
  <c r="U118813" i="1"/>
  <c r="U118812" i="1"/>
  <c r="U118811" i="1"/>
  <c r="U118810" i="1"/>
  <c r="U118809" i="1"/>
  <c r="U118808" i="1"/>
  <c r="U118807" i="1"/>
  <c r="U118806" i="1"/>
  <c r="U118805" i="1"/>
  <c r="U118804" i="1"/>
  <c r="U118803" i="1"/>
  <c r="U118802" i="1"/>
  <c r="U118801" i="1"/>
  <c r="U118800" i="1"/>
  <c r="U118799" i="1"/>
  <c r="U118798" i="1"/>
  <c r="U118797" i="1"/>
  <c r="U118796" i="1"/>
  <c r="U118795" i="1"/>
  <c r="U118794" i="1"/>
  <c r="U118793" i="1"/>
  <c r="U118792" i="1"/>
  <c r="U118791" i="1"/>
  <c r="U118790" i="1"/>
  <c r="U118789" i="1"/>
  <c r="U118788" i="1"/>
  <c r="U118787" i="1"/>
  <c r="U118786" i="1"/>
  <c r="U118785" i="1"/>
  <c r="U118784" i="1"/>
  <c r="U118783" i="1"/>
  <c r="U118782" i="1"/>
  <c r="U118781" i="1"/>
  <c r="U118780" i="1"/>
  <c r="U118779" i="1"/>
  <c r="U118778" i="1"/>
  <c r="U118777" i="1"/>
  <c r="U118776" i="1"/>
  <c r="U118775" i="1"/>
  <c r="U118774" i="1"/>
  <c r="U118773" i="1"/>
  <c r="U118772" i="1"/>
  <c r="U118771" i="1"/>
  <c r="U118770" i="1"/>
  <c r="U118769" i="1"/>
  <c r="U118768" i="1"/>
  <c r="U118767" i="1"/>
  <c r="U118766" i="1"/>
  <c r="U118765" i="1"/>
  <c r="U118764" i="1"/>
  <c r="U118763" i="1"/>
  <c r="U118762" i="1"/>
  <c r="U118761" i="1"/>
  <c r="U118760" i="1"/>
  <c r="U118759" i="1"/>
  <c r="U118758" i="1"/>
  <c r="U118757" i="1"/>
  <c r="U118756" i="1"/>
  <c r="U118755" i="1"/>
  <c r="U118754" i="1"/>
  <c r="U118753" i="1"/>
  <c r="U118752" i="1"/>
  <c r="U118751" i="1"/>
  <c r="U118750" i="1"/>
  <c r="U118749" i="1"/>
  <c r="U118748" i="1"/>
  <c r="U118747" i="1"/>
  <c r="U118746" i="1"/>
  <c r="U118745" i="1"/>
  <c r="U118744" i="1"/>
  <c r="U118743" i="1"/>
  <c r="U118742" i="1"/>
  <c r="U118741" i="1"/>
  <c r="U118740" i="1"/>
  <c r="U118739" i="1"/>
  <c r="U118738" i="1"/>
  <c r="U118737" i="1"/>
  <c r="U118736" i="1"/>
  <c r="U118735" i="1"/>
  <c r="U118734" i="1"/>
  <c r="U118733" i="1"/>
  <c r="U118732" i="1"/>
  <c r="U118731" i="1"/>
  <c r="U118730" i="1"/>
  <c r="U118729" i="1"/>
  <c r="U118728" i="1"/>
  <c r="U118727" i="1"/>
  <c r="U118726" i="1"/>
  <c r="U118725" i="1"/>
  <c r="U118724" i="1"/>
  <c r="U118723" i="1"/>
  <c r="U118722" i="1"/>
  <c r="U118721" i="1"/>
  <c r="U118720" i="1"/>
  <c r="U118719" i="1"/>
  <c r="U118718" i="1"/>
  <c r="U118717" i="1"/>
  <c r="U118716" i="1"/>
  <c r="U118715" i="1"/>
  <c r="U118714" i="1"/>
  <c r="U118713" i="1"/>
  <c r="U118712" i="1"/>
  <c r="U118711" i="1"/>
  <c r="U118710" i="1"/>
  <c r="U118709" i="1"/>
  <c r="U118708" i="1"/>
  <c r="U118707" i="1"/>
  <c r="U118706" i="1"/>
  <c r="U118705" i="1"/>
  <c r="U118704" i="1"/>
  <c r="U118703" i="1"/>
  <c r="U118702" i="1"/>
  <c r="U118701" i="1"/>
  <c r="U118700" i="1"/>
  <c r="U118699" i="1"/>
  <c r="U118698" i="1"/>
  <c r="U118697" i="1"/>
  <c r="U118696" i="1"/>
  <c r="U118695" i="1"/>
  <c r="U118694" i="1"/>
  <c r="U118693" i="1"/>
  <c r="U118692" i="1"/>
  <c r="U118691" i="1"/>
  <c r="U118690" i="1"/>
  <c r="U118689" i="1"/>
  <c r="U118688" i="1"/>
  <c r="U118687" i="1"/>
  <c r="U118686" i="1"/>
  <c r="U118685" i="1"/>
  <c r="U118684" i="1"/>
  <c r="U118683" i="1"/>
  <c r="U118682" i="1"/>
  <c r="U118681" i="1"/>
  <c r="U118680" i="1"/>
  <c r="U118679" i="1"/>
  <c r="U118678" i="1"/>
  <c r="U118677" i="1"/>
  <c r="U118676" i="1"/>
  <c r="U118675" i="1"/>
  <c r="U118674" i="1"/>
  <c r="U118673" i="1"/>
  <c r="U118672" i="1"/>
  <c r="U118671" i="1"/>
  <c r="U118670" i="1"/>
  <c r="U118669" i="1"/>
  <c r="U118668" i="1"/>
  <c r="U118667" i="1"/>
  <c r="U118666" i="1"/>
  <c r="U118665" i="1"/>
  <c r="U118664" i="1"/>
  <c r="U118663" i="1"/>
  <c r="U118662" i="1"/>
  <c r="U118661" i="1"/>
  <c r="U118660" i="1"/>
  <c r="U118659" i="1"/>
  <c r="U118658" i="1"/>
  <c r="U118657" i="1"/>
  <c r="U118656" i="1"/>
  <c r="U118655" i="1"/>
  <c r="U118654" i="1"/>
  <c r="U118653" i="1"/>
  <c r="U118652" i="1"/>
  <c r="U118651" i="1"/>
  <c r="U118650" i="1"/>
  <c r="U118649" i="1"/>
  <c r="U118648" i="1"/>
  <c r="U118647" i="1"/>
  <c r="U118646" i="1"/>
  <c r="U118645" i="1"/>
  <c r="U118644" i="1"/>
  <c r="U118643" i="1"/>
  <c r="U118642" i="1"/>
  <c r="U118641" i="1"/>
  <c r="U118640" i="1"/>
  <c r="U118639" i="1"/>
  <c r="U118638" i="1"/>
  <c r="U118637" i="1"/>
  <c r="U118636" i="1"/>
  <c r="U118635" i="1"/>
  <c r="U118634" i="1"/>
  <c r="U118633" i="1"/>
  <c r="U118632" i="1"/>
  <c r="U118631" i="1"/>
  <c r="U118630" i="1"/>
  <c r="U118629" i="1"/>
  <c r="U118628" i="1"/>
  <c r="U118627" i="1"/>
  <c r="U118626" i="1"/>
  <c r="U118625" i="1"/>
  <c r="U118624" i="1"/>
  <c r="U118623" i="1"/>
  <c r="U118622" i="1"/>
  <c r="U118621" i="1"/>
  <c r="U118620" i="1"/>
  <c r="U118619" i="1"/>
  <c r="U118618" i="1"/>
  <c r="U118617" i="1"/>
  <c r="U118616" i="1"/>
  <c r="U118615" i="1"/>
  <c r="U118614" i="1"/>
  <c r="U118613" i="1"/>
  <c r="U118612" i="1"/>
  <c r="U118611" i="1"/>
  <c r="U118610" i="1"/>
  <c r="U118609" i="1"/>
  <c r="U118608" i="1"/>
  <c r="U118607" i="1"/>
  <c r="U118606" i="1"/>
  <c r="U118605" i="1"/>
  <c r="U118604" i="1"/>
  <c r="U118603" i="1"/>
  <c r="U118602" i="1"/>
  <c r="U118601" i="1"/>
  <c r="U118600" i="1"/>
  <c r="U118599" i="1"/>
  <c r="U118598" i="1"/>
  <c r="U118597" i="1"/>
  <c r="U118596" i="1"/>
  <c r="U118595" i="1"/>
  <c r="U118594" i="1"/>
  <c r="U118593" i="1"/>
  <c r="U118592" i="1"/>
  <c r="U118591" i="1"/>
  <c r="U118590" i="1"/>
  <c r="U118589" i="1"/>
  <c r="U118588" i="1"/>
  <c r="U118587" i="1"/>
  <c r="U118586" i="1"/>
  <c r="U118585" i="1"/>
  <c r="U118584" i="1"/>
  <c r="U118583" i="1"/>
  <c r="U118582" i="1"/>
  <c r="U118581" i="1"/>
  <c r="U118580" i="1"/>
  <c r="U118579" i="1"/>
  <c r="U118578" i="1"/>
  <c r="U118577" i="1"/>
  <c r="U118576" i="1"/>
  <c r="U118575" i="1"/>
  <c r="U118574" i="1"/>
  <c r="U118573" i="1"/>
  <c r="U118572" i="1"/>
  <c r="U118571" i="1"/>
  <c r="U118570" i="1"/>
  <c r="U118569" i="1"/>
  <c r="U118568" i="1"/>
  <c r="U118567" i="1"/>
  <c r="U118566" i="1"/>
  <c r="U118565" i="1"/>
  <c r="U118564" i="1"/>
  <c r="U118563" i="1"/>
  <c r="U118562" i="1"/>
  <c r="U118561" i="1"/>
  <c r="U118560" i="1"/>
  <c r="U118559" i="1"/>
  <c r="U118558" i="1"/>
  <c r="U118557" i="1"/>
  <c r="U118556" i="1"/>
  <c r="U118555" i="1"/>
  <c r="U118554" i="1"/>
  <c r="U118553" i="1"/>
  <c r="U118552" i="1"/>
  <c r="U118551" i="1"/>
  <c r="U118550" i="1"/>
  <c r="U118549" i="1"/>
  <c r="U118548" i="1"/>
  <c r="U118547" i="1"/>
  <c r="U118546" i="1"/>
  <c r="U118545" i="1"/>
  <c r="U118544" i="1"/>
  <c r="U118543" i="1"/>
  <c r="U118542" i="1"/>
  <c r="U118541" i="1"/>
  <c r="U118540" i="1"/>
  <c r="U118539" i="1"/>
  <c r="U118538" i="1"/>
  <c r="U118537" i="1"/>
  <c r="U118536" i="1"/>
  <c r="U118535" i="1"/>
  <c r="U118534" i="1"/>
  <c r="U118533" i="1"/>
  <c r="U118532" i="1"/>
  <c r="U118531" i="1"/>
  <c r="U118530" i="1"/>
  <c r="U118529" i="1"/>
  <c r="U118528" i="1"/>
  <c r="U118527" i="1"/>
  <c r="U118526" i="1"/>
  <c r="U118525" i="1"/>
  <c r="U118524" i="1"/>
  <c r="U118523" i="1"/>
  <c r="U118522" i="1"/>
  <c r="U118521" i="1"/>
  <c r="U118520" i="1"/>
  <c r="U118519" i="1"/>
  <c r="U118518" i="1"/>
  <c r="U118517" i="1"/>
  <c r="U118516" i="1"/>
  <c r="U118515" i="1"/>
  <c r="U118514" i="1"/>
  <c r="U118513" i="1"/>
  <c r="U118512" i="1"/>
  <c r="U118511" i="1"/>
  <c r="U118510" i="1"/>
  <c r="U118509" i="1"/>
  <c r="U118508" i="1"/>
  <c r="U118507" i="1"/>
  <c r="U118506" i="1"/>
  <c r="U118505" i="1"/>
  <c r="U118504" i="1"/>
  <c r="U118503" i="1"/>
  <c r="U118502" i="1"/>
  <c r="U118501" i="1"/>
  <c r="U118500" i="1"/>
  <c r="U118499" i="1"/>
  <c r="U118498" i="1"/>
  <c r="U118497" i="1"/>
  <c r="U118496" i="1"/>
  <c r="U118495" i="1"/>
  <c r="U118494" i="1"/>
  <c r="U118493" i="1"/>
  <c r="U118492" i="1"/>
  <c r="U118491" i="1"/>
  <c r="U118490" i="1"/>
  <c r="U118489" i="1"/>
  <c r="U118488" i="1"/>
  <c r="U118487" i="1"/>
  <c r="U118486" i="1"/>
  <c r="U118485" i="1"/>
  <c r="U118484" i="1"/>
  <c r="U118483" i="1"/>
  <c r="U118482" i="1"/>
  <c r="U118481" i="1"/>
  <c r="U118480" i="1"/>
  <c r="U118479" i="1"/>
  <c r="U118478" i="1"/>
  <c r="U118477" i="1"/>
  <c r="U118476" i="1"/>
  <c r="U118475" i="1"/>
  <c r="U118474" i="1"/>
  <c r="U118473" i="1"/>
  <c r="U118472" i="1"/>
  <c r="U118471" i="1"/>
  <c r="U118470" i="1"/>
  <c r="U118469" i="1"/>
  <c r="U118468" i="1"/>
  <c r="U118467" i="1"/>
  <c r="U118466" i="1"/>
  <c r="U118465" i="1"/>
  <c r="U118464" i="1"/>
  <c r="U118463" i="1"/>
  <c r="U118462" i="1"/>
  <c r="U118461" i="1"/>
  <c r="U118460" i="1"/>
  <c r="U118459" i="1"/>
  <c r="U118458" i="1"/>
  <c r="U118457" i="1"/>
  <c r="U118456" i="1"/>
  <c r="U118455" i="1"/>
  <c r="U118454" i="1"/>
  <c r="U118453" i="1"/>
  <c r="U118452" i="1"/>
  <c r="U118451" i="1"/>
  <c r="U118450" i="1"/>
  <c r="U118449" i="1"/>
  <c r="U118448" i="1"/>
  <c r="U118447" i="1"/>
  <c r="U118446" i="1"/>
  <c r="U118445" i="1"/>
  <c r="U118444" i="1"/>
  <c r="U118443" i="1"/>
  <c r="U118442" i="1"/>
  <c r="U118441" i="1"/>
  <c r="U118440" i="1"/>
  <c r="U118439" i="1"/>
  <c r="U118438" i="1"/>
  <c r="U118437" i="1"/>
  <c r="U118436" i="1"/>
  <c r="U118435" i="1"/>
  <c r="U118434" i="1"/>
  <c r="U118433" i="1"/>
  <c r="U118432" i="1"/>
  <c r="U118431" i="1"/>
  <c r="U118430" i="1"/>
  <c r="U118429" i="1"/>
  <c r="U118428" i="1"/>
  <c r="U118427" i="1"/>
  <c r="U118426" i="1"/>
  <c r="U118425" i="1"/>
  <c r="U118424" i="1"/>
  <c r="U118423" i="1"/>
  <c r="U118422" i="1"/>
  <c r="U118421" i="1"/>
  <c r="U118420" i="1"/>
  <c r="U118419" i="1"/>
  <c r="U118418" i="1"/>
  <c r="U118417" i="1"/>
  <c r="U118416" i="1"/>
  <c r="U118415" i="1"/>
  <c r="U118414" i="1"/>
  <c r="U118413" i="1"/>
  <c r="U118412" i="1"/>
  <c r="U118411" i="1"/>
  <c r="U118410" i="1"/>
  <c r="U118409" i="1"/>
  <c r="U118408" i="1"/>
  <c r="U118407" i="1"/>
  <c r="U118406" i="1"/>
  <c r="U118405" i="1"/>
  <c r="U118404" i="1"/>
  <c r="U118403" i="1"/>
  <c r="U118402" i="1"/>
  <c r="U118401" i="1"/>
  <c r="U118400" i="1"/>
  <c r="U118399" i="1"/>
  <c r="U118398" i="1"/>
  <c r="U118397" i="1"/>
  <c r="U118396" i="1"/>
  <c r="U118395" i="1"/>
  <c r="U118394" i="1"/>
  <c r="U118393" i="1"/>
  <c r="U118392" i="1"/>
  <c r="U118391" i="1"/>
  <c r="U118390" i="1"/>
  <c r="U118389" i="1"/>
  <c r="U118388" i="1"/>
  <c r="U118387" i="1"/>
  <c r="U118386" i="1"/>
  <c r="U118385" i="1"/>
  <c r="U118384" i="1"/>
  <c r="U118383" i="1"/>
  <c r="U118382" i="1"/>
  <c r="U118381" i="1"/>
  <c r="U118380" i="1"/>
  <c r="U118379" i="1"/>
  <c r="U118378" i="1"/>
  <c r="U118377" i="1"/>
  <c r="U118376" i="1"/>
  <c r="U118375" i="1"/>
  <c r="U118374" i="1"/>
  <c r="U118373" i="1"/>
  <c r="U118372" i="1"/>
  <c r="U118371" i="1"/>
  <c r="U118370" i="1"/>
  <c r="U118369" i="1"/>
  <c r="U118368" i="1"/>
  <c r="U118367" i="1"/>
  <c r="U118366" i="1"/>
  <c r="U118365" i="1"/>
  <c r="U118364" i="1"/>
  <c r="U118363" i="1"/>
  <c r="U118362" i="1"/>
  <c r="U118361" i="1"/>
  <c r="U118360" i="1"/>
  <c r="U118359" i="1"/>
  <c r="U118358" i="1"/>
  <c r="U118357" i="1"/>
  <c r="U118356" i="1"/>
  <c r="U118355" i="1"/>
  <c r="U118354" i="1"/>
  <c r="U118353" i="1"/>
  <c r="U118352" i="1"/>
  <c r="U118351" i="1"/>
  <c r="U118350" i="1"/>
  <c r="U118349" i="1"/>
  <c r="U118348" i="1"/>
  <c r="U118347" i="1"/>
  <c r="U118346" i="1"/>
  <c r="U118345" i="1"/>
  <c r="U118344" i="1"/>
  <c r="U118343" i="1"/>
  <c r="U118342" i="1"/>
  <c r="U118341" i="1"/>
  <c r="U118340" i="1"/>
  <c r="U118339" i="1"/>
  <c r="U118338" i="1"/>
  <c r="U118337" i="1"/>
  <c r="U118336" i="1"/>
  <c r="U118335" i="1"/>
  <c r="U118334" i="1"/>
  <c r="U118333" i="1"/>
  <c r="U118332" i="1"/>
  <c r="U118331" i="1"/>
  <c r="U118330" i="1"/>
  <c r="U118329" i="1"/>
  <c r="U118328" i="1"/>
  <c r="U118327" i="1"/>
  <c r="U118326" i="1"/>
  <c r="U118325" i="1"/>
  <c r="U118324" i="1"/>
  <c r="U118323" i="1"/>
  <c r="U118322" i="1"/>
  <c r="U118321" i="1"/>
  <c r="U118320" i="1"/>
  <c r="U118319" i="1"/>
  <c r="U118318" i="1"/>
  <c r="U118317" i="1"/>
  <c r="U118316" i="1"/>
  <c r="U118315" i="1"/>
  <c r="U118314" i="1"/>
  <c r="U118313" i="1"/>
  <c r="U118312" i="1"/>
  <c r="U118311" i="1"/>
  <c r="U118310" i="1"/>
  <c r="U118309" i="1"/>
  <c r="U118308" i="1"/>
  <c r="U118307" i="1"/>
  <c r="U118306" i="1"/>
  <c r="U118305" i="1"/>
  <c r="U118304" i="1"/>
  <c r="U118303" i="1"/>
  <c r="U118302" i="1"/>
  <c r="U118301" i="1"/>
  <c r="U118300" i="1"/>
  <c r="U118299" i="1"/>
  <c r="U118298" i="1"/>
  <c r="U118297" i="1"/>
  <c r="U118296" i="1"/>
  <c r="U118295" i="1"/>
  <c r="U118294" i="1"/>
  <c r="U118293" i="1"/>
  <c r="U118292" i="1"/>
  <c r="U118291" i="1"/>
  <c r="U118290" i="1"/>
  <c r="U118289" i="1"/>
  <c r="U118288" i="1"/>
  <c r="U118287" i="1"/>
  <c r="U118286" i="1"/>
  <c r="U118285" i="1"/>
  <c r="U118284" i="1"/>
  <c r="U118283" i="1"/>
  <c r="U118282" i="1"/>
  <c r="U118281" i="1"/>
  <c r="U118280" i="1"/>
  <c r="U118279" i="1"/>
  <c r="U118278" i="1"/>
  <c r="U118277" i="1"/>
  <c r="U118276" i="1"/>
  <c r="U118275" i="1"/>
  <c r="U118274" i="1"/>
  <c r="U118273" i="1"/>
  <c r="U118272" i="1"/>
  <c r="U118271" i="1"/>
  <c r="U118270" i="1"/>
  <c r="U118269" i="1"/>
  <c r="U118268" i="1"/>
  <c r="U118267" i="1"/>
  <c r="U118266" i="1"/>
  <c r="U118265" i="1"/>
  <c r="U118264" i="1"/>
  <c r="U118263" i="1"/>
  <c r="U118262" i="1"/>
  <c r="U118261" i="1"/>
  <c r="U118260" i="1"/>
  <c r="U118259" i="1"/>
  <c r="U118258" i="1"/>
  <c r="U118257" i="1"/>
  <c r="U118256" i="1"/>
  <c r="U118255" i="1"/>
  <c r="U118254" i="1"/>
  <c r="U118253" i="1"/>
  <c r="U118252" i="1"/>
  <c r="U118251" i="1"/>
  <c r="U118250" i="1"/>
  <c r="U118249" i="1"/>
  <c r="U118248" i="1"/>
  <c r="U118247" i="1"/>
  <c r="U118246" i="1"/>
  <c r="U118245" i="1"/>
  <c r="U118244" i="1"/>
  <c r="U118243" i="1"/>
  <c r="U118242" i="1"/>
  <c r="U118241" i="1"/>
  <c r="U118240" i="1"/>
  <c r="U118239" i="1"/>
  <c r="U118238" i="1"/>
  <c r="U118237" i="1"/>
  <c r="U118236" i="1"/>
  <c r="U118235" i="1"/>
  <c r="U118234" i="1"/>
  <c r="U118233" i="1"/>
  <c r="U118232" i="1"/>
  <c r="U118231" i="1"/>
  <c r="U118230" i="1"/>
  <c r="U118229" i="1"/>
  <c r="U118228" i="1"/>
  <c r="U118227" i="1"/>
  <c r="U118226" i="1"/>
  <c r="U118225" i="1"/>
  <c r="U118224" i="1"/>
  <c r="U118223" i="1"/>
  <c r="U118222" i="1"/>
  <c r="U118221" i="1"/>
  <c r="U118220" i="1"/>
  <c r="U118219" i="1"/>
  <c r="U118218" i="1"/>
  <c r="U118217" i="1"/>
  <c r="U118216" i="1"/>
  <c r="U118215" i="1"/>
  <c r="U118214" i="1"/>
  <c r="U118213" i="1"/>
  <c r="U118212" i="1"/>
  <c r="U118211" i="1"/>
  <c r="U118210" i="1"/>
  <c r="U118209" i="1"/>
  <c r="U118208" i="1"/>
  <c r="U118207" i="1"/>
  <c r="U118206" i="1"/>
  <c r="U118205" i="1"/>
  <c r="U118204" i="1"/>
  <c r="U118203" i="1"/>
  <c r="U118202" i="1"/>
  <c r="U118201" i="1"/>
  <c r="U118200" i="1"/>
  <c r="U118199" i="1"/>
  <c r="U118198" i="1"/>
  <c r="U118197" i="1"/>
  <c r="U118196" i="1"/>
  <c r="U118195" i="1"/>
  <c r="U118194" i="1"/>
  <c r="U118193" i="1"/>
  <c r="U118192" i="1"/>
  <c r="U118191" i="1"/>
  <c r="U118190" i="1"/>
  <c r="U118189" i="1"/>
  <c r="U118188" i="1"/>
  <c r="U118187" i="1"/>
  <c r="U118186" i="1"/>
  <c r="U118185" i="1"/>
  <c r="U118184" i="1"/>
  <c r="U118183" i="1"/>
  <c r="U118182" i="1"/>
  <c r="U118181" i="1"/>
  <c r="U118180" i="1"/>
  <c r="U118179" i="1"/>
  <c r="U118178" i="1"/>
  <c r="U118177" i="1"/>
  <c r="U118176" i="1"/>
  <c r="U118175" i="1"/>
  <c r="U118174" i="1"/>
  <c r="U118173" i="1"/>
  <c r="U118172" i="1"/>
  <c r="U118171" i="1"/>
  <c r="U118170" i="1"/>
  <c r="U118169" i="1"/>
  <c r="U118168" i="1"/>
  <c r="U118167" i="1"/>
  <c r="U118166" i="1"/>
  <c r="U118165" i="1"/>
  <c r="U118164" i="1"/>
  <c r="U118163" i="1"/>
  <c r="U118162" i="1"/>
  <c r="U118161" i="1"/>
  <c r="U118160" i="1"/>
  <c r="U118159" i="1"/>
  <c r="U118158" i="1"/>
  <c r="U118157" i="1"/>
  <c r="U118156" i="1"/>
  <c r="U118155" i="1"/>
  <c r="U118154" i="1"/>
  <c r="U118153" i="1"/>
  <c r="U118152" i="1"/>
  <c r="U118151" i="1"/>
  <c r="U118150" i="1"/>
  <c r="U118149" i="1"/>
  <c r="U118148" i="1"/>
  <c r="U118147" i="1"/>
  <c r="U118146" i="1"/>
  <c r="U118145" i="1"/>
  <c r="U118144" i="1"/>
  <c r="U118143" i="1"/>
  <c r="U118142" i="1"/>
  <c r="U118141" i="1"/>
  <c r="U118140" i="1"/>
  <c r="U118139" i="1"/>
  <c r="U118138" i="1"/>
  <c r="U118137" i="1"/>
  <c r="U118136" i="1"/>
  <c r="U118135" i="1"/>
  <c r="U118134" i="1"/>
  <c r="U118133" i="1"/>
  <c r="U118132" i="1"/>
  <c r="U118131" i="1"/>
  <c r="U118130" i="1"/>
  <c r="U118129" i="1"/>
  <c r="U118128" i="1"/>
  <c r="U118127" i="1"/>
  <c r="U118126" i="1"/>
  <c r="U118125" i="1"/>
  <c r="U118124" i="1"/>
  <c r="U118123" i="1"/>
  <c r="U118122" i="1"/>
  <c r="U118121" i="1"/>
  <c r="U118120" i="1"/>
  <c r="U118119" i="1"/>
  <c r="U118118" i="1"/>
  <c r="U118117" i="1"/>
  <c r="U118116" i="1"/>
  <c r="U118115" i="1"/>
  <c r="U118114" i="1"/>
  <c r="U118113" i="1"/>
  <c r="U118112" i="1"/>
  <c r="U118111" i="1"/>
  <c r="U118110" i="1"/>
  <c r="U118109" i="1"/>
  <c r="U118108" i="1"/>
  <c r="U118107" i="1"/>
  <c r="U118106" i="1"/>
  <c r="U118105" i="1"/>
  <c r="U118104" i="1"/>
  <c r="U118103" i="1"/>
  <c r="U118102" i="1"/>
  <c r="U118101" i="1"/>
  <c r="U118100" i="1"/>
  <c r="U118099" i="1"/>
  <c r="U118098" i="1"/>
  <c r="U118097" i="1"/>
  <c r="U118096" i="1"/>
  <c r="U118095" i="1"/>
  <c r="U118094" i="1"/>
  <c r="U118093" i="1"/>
  <c r="U118092" i="1"/>
  <c r="U118091" i="1"/>
  <c r="U118090" i="1"/>
  <c r="U118089" i="1"/>
  <c r="U118088" i="1"/>
  <c r="U118087" i="1"/>
  <c r="U118086" i="1"/>
  <c r="U118085" i="1"/>
  <c r="U118084" i="1"/>
  <c r="U118083" i="1"/>
  <c r="U118082" i="1"/>
  <c r="U118081" i="1"/>
  <c r="U118080" i="1"/>
  <c r="U118079" i="1"/>
  <c r="U118078" i="1"/>
  <c r="U118077" i="1"/>
  <c r="U118076" i="1"/>
  <c r="U118075" i="1"/>
  <c r="U118074" i="1"/>
  <c r="U118073" i="1"/>
  <c r="U118072" i="1"/>
  <c r="U118071" i="1"/>
  <c r="U118070" i="1"/>
  <c r="U118069" i="1"/>
  <c r="U118068" i="1"/>
  <c r="U118067" i="1"/>
  <c r="U118066" i="1"/>
  <c r="U118065" i="1"/>
  <c r="U118064" i="1"/>
  <c r="U118063" i="1"/>
  <c r="U118062" i="1"/>
  <c r="U118061" i="1"/>
  <c r="U118060" i="1"/>
  <c r="U118059" i="1"/>
  <c r="U118058" i="1"/>
  <c r="U118057" i="1"/>
  <c r="U118056" i="1"/>
  <c r="U118055" i="1"/>
  <c r="U118054" i="1"/>
  <c r="U118053" i="1"/>
  <c r="U118052" i="1"/>
  <c r="U118051" i="1"/>
  <c r="U118050" i="1"/>
  <c r="U118049" i="1"/>
  <c r="U118048" i="1"/>
  <c r="U118047" i="1"/>
  <c r="U118046" i="1"/>
  <c r="U118045" i="1"/>
  <c r="U118044" i="1"/>
  <c r="U118043" i="1"/>
  <c r="U118042" i="1"/>
  <c r="U118041" i="1"/>
  <c r="U118040" i="1"/>
  <c r="U118039" i="1"/>
  <c r="U118038" i="1"/>
  <c r="U118037" i="1"/>
  <c r="U118036" i="1"/>
  <c r="U118035" i="1"/>
  <c r="U118034" i="1"/>
  <c r="U118033" i="1"/>
  <c r="U118032" i="1"/>
  <c r="U118031" i="1"/>
  <c r="U118030" i="1"/>
  <c r="U118029" i="1"/>
  <c r="U118028" i="1"/>
  <c r="U118027" i="1"/>
  <c r="U118026" i="1"/>
  <c r="U118025" i="1"/>
  <c r="U118024" i="1"/>
  <c r="U118023" i="1"/>
  <c r="U118022" i="1"/>
  <c r="U118021" i="1"/>
  <c r="U118020" i="1"/>
  <c r="U118019" i="1"/>
  <c r="U118018" i="1"/>
  <c r="U118017" i="1"/>
  <c r="U118016" i="1"/>
  <c r="U118015" i="1"/>
  <c r="U118014" i="1"/>
  <c r="U118013" i="1"/>
  <c r="U118012" i="1"/>
  <c r="U118011" i="1"/>
  <c r="U118010" i="1"/>
  <c r="U118009" i="1"/>
  <c r="U118008" i="1"/>
  <c r="U118007" i="1"/>
  <c r="U118006" i="1"/>
  <c r="U118005" i="1"/>
  <c r="U118004" i="1"/>
  <c r="U118003" i="1"/>
  <c r="U118002" i="1"/>
  <c r="U118001" i="1"/>
  <c r="U118000" i="1"/>
  <c r="U117999" i="1"/>
  <c r="U117998" i="1"/>
  <c r="U117997" i="1"/>
  <c r="U117996" i="1"/>
  <c r="U117995" i="1"/>
  <c r="U117994" i="1"/>
  <c r="U117993" i="1"/>
  <c r="U117992" i="1"/>
  <c r="U117991" i="1"/>
  <c r="U117990" i="1"/>
  <c r="U117989" i="1"/>
  <c r="U117988" i="1"/>
  <c r="U117987" i="1"/>
  <c r="U117986" i="1"/>
  <c r="U117985" i="1"/>
  <c r="U117984" i="1"/>
  <c r="U117983" i="1"/>
  <c r="U117982" i="1"/>
  <c r="U117981" i="1"/>
  <c r="U117980" i="1"/>
  <c r="U117979" i="1"/>
  <c r="U117978" i="1"/>
  <c r="U117977" i="1"/>
  <c r="U117976" i="1"/>
  <c r="U117975" i="1"/>
  <c r="U117974" i="1"/>
  <c r="U117973" i="1"/>
  <c r="U117972" i="1"/>
  <c r="U117971" i="1"/>
  <c r="U117970" i="1"/>
  <c r="U117969" i="1"/>
  <c r="U117968" i="1"/>
  <c r="U117967" i="1"/>
  <c r="U117966" i="1"/>
  <c r="U117965" i="1"/>
  <c r="U117964" i="1"/>
  <c r="U117963" i="1"/>
  <c r="U117962" i="1"/>
  <c r="U117961" i="1"/>
  <c r="U117960" i="1"/>
  <c r="U117959" i="1"/>
  <c r="U117958" i="1"/>
  <c r="U117957" i="1"/>
  <c r="U117956" i="1"/>
  <c r="U117955" i="1"/>
  <c r="U117954" i="1"/>
  <c r="U117953" i="1"/>
  <c r="U117952" i="1"/>
  <c r="U117951" i="1"/>
  <c r="U117950" i="1"/>
  <c r="U117949" i="1"/>
  <c r="U117948" i="1"/>
  <c r="U117947" i="1"/>
  <c r="U117946" i="1"/>
  <c r="U117945" i="1"/>
  <c r="U117944" i="1"/>
  <c r="U117943" i="1"/>
  <c r="U117942" i="1"/>
  <c r="U117941" i="1"/>
  <c r="U117940" i="1"/>
  <c r="U117939" i="1"/>
  <c r="U117938" i="1"/>
  <c r="U117937" i="1"/>
  <c r="U117936" i="1"/>
  <c r="U117935" i="1"/>
  <c r="U117934" i="1"/>
  <c r="U117933" i="1"/>
  <c r="U117932" i="1"/>
  <c r="U117931" i="1"/>
  <c r="U117930" i="1"/>
  <c r="U117929" i="1"/>
  <c r="U117928" i="1"/>
  <c r="U117927" i="1"/>
  <c r="U117926" i="1"/>
  <c r="U117925" i="1"/>
  <c r="U117924" i="1"/>
  <c r="U117923" i="1"/>
  <c r="U117922" i="1"/>
  <c r="U117921" i="1"/>
  <c r="U117920" i="1"/>
  <c r="U117919" i="1"/>
  <c r="U117918" i="1"/>
  <c r="U117917" i="1"/>
  <c r="U117916" i="1"/>
  <c r="U117915" i="1"/>
  <c r="U117914" i="1"/>
  <c r="U117913" i="1"/>
  <c r="U117912" i="1"/>
  <c r="U117911" i="1"/>
  <c r="U117910" i="1"/>
  <c r="U117909" i="1"/>
  <c r="U117908" i="1"/>
  <c r="U117907" i="1"/>
  <c r="U117906" i="1"/>
  <c r="U117905" i="1"/>
  <c r="U117904" i="1"/>
  <c r="U117903" i="1"/>
  <c r="U117902" i="1"/>
  <c r="U117901" i="1"/>
  <c r="U117900" i="1"/>
  <c r="U117899" i="1"/>
  <c r="U117898" i="1"/>
  <c r="U117897" i="1"/>
  <c r="U117896" i="1"/>
  <c r="U117895" i="1"/>
  <c r="U117894" i="1"/>
  <c r="U117893" i="1"/>
  <c r="U117892" i="1"/>
  <c r="U117891" i="1"/>
  <c r="U117890" i="1"/>
  <c r="U117889" i="1"/>
  <c r="U117888" i="1"/>
  <c r="U117887" i="1"/>
  <c r="U117886" i="1"/>
  <c r="U117885" i="1"/>
  <c r="U117884" i="1"/>
  <c r="U117883" i="1"/>
  <c r="U117882" i="1"/>
  <c r="U117881" i="1"/>
  <c r="U117880" i="1"/>
  <c r="U117879" i="1"/>
  <c r="U117878" i="1"/>
  <c r="U117877" i="1"/>
  <c r="U117876" i="1"/>
  <c r="U117875" i="1"/>
  <c r="U117874" i="1"/>
  <c r="U117873" i="1"/>
  <c r="U117872" i="1"/>
  <c r="U117871" i="1"/>
  <c r="U117870" i="1"/>
  <c r="U117869" i="1"/>
  <c r="U117868" i="1"/>
  <c r="U117867" i="1"/>
  <c r="U117866" i="1"/>
  <c r="U117865" i="1"/>
  <c r="U117864" i="1"/>
  <c r="U117863" i="1"/>
  <c r="U117862" i="1"/>
  <c r="U117861" i="1"/>
  <c r="U117860" i="1"/>
  <c r="U117859" i="1"/>
  <c r="U117858" i="1"/>
  <c r="U117857" i="1"/>
  <c r="U117856" i="1"/>
  <c r="U117855" i="1"/>
  <c r="U117854" i="1"/>
  <c r="U117853" i="1"/>
  <c r="U117852" i="1"/>
  <c r="U117851" i="1"/>
  <c r="U117850" i="1"/>
  <c r="U117849" i="1"/>
  <c r="U117848" i="1"/>
  <c r="U117847" i="1"/>
  <c r="U117846" i="1"/>
  <c r="U117845" i="1"/>
  <c r="U117844" i="1"/>
  <c r="U117843" i="1"/>
  <c r="U117842" i="1"/>
  <c r="U117841" i="1"/>
  <c r="U117840" i="1"/>
  <c r="U117839" i="1"/>
  <c r="U117838" i="1"/>
  <c r="U117837" i="1"/>
  <c r="U117836" i="1"/>
  <c r="U117835" i="1"/>
  <c r="U117834" i="1"/>
  <c r="U117833" i="1"/>
  <c r="U117832" i="1"/>
  <c r="U117831" i="1"/>
  <c r="U117830" i="1"/>
  <c r="U117829" i="1"/>
  <c r="U117828" i="1"/>
  <c r="U117827" i="1"/>
  <c r="U117826" i="1"/>
  <c r="U117825" i="1"/>
  <c r="U117824" i="1"/>
  <c r="U117823" i="1"/>
  <c r="U117822" i="1"/>
  <c r="U117821" i="1"/>
  <c r="U117820" i="1"/>
  <c r="U117819" i="1"/>
  <c r="U117818" i="1"/>
  <c r="U117817" i="1"/>
  <c r="U117816" i="1"/>
  <c r="U117815" i="1"/>
  <c r="U117814" i="1"/>
  <c r="U117813" i="1"/>
  <c r="U117812" i="1"/>
  <c r="U117811" i="1"/>
  <c r="U117810" i="1"/>
  <c r="U117809" i="1"/>
  <c r="U117808" i="1"/>
  <c r="U117807" i="1"/>
  <c r="U117806" i="1"/>
  <c r="U117805" i="1"/>
  <c r="U117804" i="1"/>
  <c r="U117803" i="1"/>
  <c r="U117802" i="1"/>
  <c r="U117801" i="1"/>
  <c r="U117800" i="1"/>
  <c r="U117799" i="1"/>
  <c r="U117798" i="1"/>
  <c r="U117797" i="1"/>
  <c r="U117796" i="1"/>
  <c r="U117795" i="1"/>
  <c r="U117794" i="1"/>
  <c r="U117793" i="1"/>
  <c r="U117792" i="1"/>
  <c r="U117791" i="1"/>
  <c r="U117790" i="1"/>
  <c r="U117789" i="1"/>
  <c r="U117788" i="1"/>
  <c r="U117787" i="1"/>
  <c r="U117786" i="1"/>
  <c r="U117785" i="1"/>
  <c r="U117784" i="1"/>
  <c r="U117783" i="1"/>
  <c r="U117782" i="1"/>
  <c r="U117781" i="1"/>
  <c r="U117780" i="1"/>
  <c r="U117779" i="1"/>
  <c r="U117778" i="1"/>
  <c r="U117777" i="1"/>
  <c r="U117776" i="1"/>
  <c r="U117775" i="1"/>
  <c r="U117774" i="1"/>
  <c r="U117773" i="1"/>
  <c r="U117772" i="1"/>
  <c r="U117771" i="1"/>
  <c r="U117770" i="1"/>
  <c r="U117769" i="1"/>
  <c r="U117768" i="1"/>
  <c r="U117767" i="1"/>
  <c r="U117766" i="1"/>
  <c r="U117765" i="1"/>
  <c r="U117764" i="1"/>
  <c r="U117763" i="1"/>
  <c r="U117762" i="1"/>
  <c r="U117761" i="1"/>
  <c r="U117760" i="1"/>
  <c r="U117759" i="1"/>
  <c r="U117758" i="1"/>
  <c r="U117757" i="1"/>
  <c r="U117756" i="1"/>
  <c r="U117755" i="1"/>
  <c r="U117754" i="1"/>
  <c r="U117753" i="1"/>
  <c r="U117752" i="1"/>
  <c r="U117751" i="1"/>
  <c r="U117750" i="1"/>
  <c r="U117749" i="1"/>
  <c r="U117748" i="1"/>
  <c r="U117747" i="1"/>
  <c r="U117746" i="1"/>
  <c r="U117745" i="1"/>
  <c r="U117744" i="1"/>
  <c r="U117743" i="1"/>
  <c r="U117742" i="1"/>
  <c r="U117741" i="1"/>
  <c r="U117740" i="1"/>
  <c r="U117739" i="1"/>
  <c r="U117738" i="1"/>
  <c r="U117737" i="1"/>
  <c r="U117736" i="1"/>
  <c r="U117735" i="1"/>
  <c r="U117734" i="1"/>
  <c r="U117733" i="1"/>
  <c r="U117732" i="1"/>
  <c r="U117731" i="1"/>
  <c r="U117730" i="1"/>
  <c r="U117729" i="1"/>
  <c r="U117728" i="1"/>
  <c r="U117727" i="1"/>
  <c r="U117726" i="1"/>
  <c r="U117725" i="1"/>
  <c r="U117724" i="1"/>
  <c r="U117723" i="1"/>
  <c r="U117722" i="1"/>
  <c r="U117721" i="1"/>
  <c r="U117720" i="1"/>
  <c r="U117719" i="1"/>
  <c r="U117718" i="1"/>
  <c r="U117717" i="1"/>
  <c r="U117716" i="1"/>
  <c r="U117715" i="1"/>
  <c r="U117714" i="1"/>
  <c r="U117713" i="1"/>
  <c r="U117712" i="1"/>
  <c r="U117711" i="1"/>
  <c r="U117710" i="1"/>
  <c r="U117709" i="1"/>
  <c r="U117708" i="1"/>
  <c r="U117707" i="1"/>
  <c r="U117706" i="1"/>
  <c r="U117705" i="1"/>
  <c r="U117704" i="1"/>
  <c r="U117703" i="1"/>
  <c r="U117702" i="1"/>
  <c r="U117701" i="1"/>
  <c r="U117700" i="1"/>
  <c r="U117699" i="1"/>
  <c r="U117698" i="1"/>
  <c r="U117697" i="1"/>
  <c r="U117696" i="1"/>
  <c r="U117695" i="1"/>
  <c r="U117694" i="1"/>
  <c r="U117693" i="1"/>
  <c r="U117692" i="1"/>
  <c r="U117691" i="1"/>
  <c r="U117690" i="1"/>
  <c r="U117689" i="1"/>
  <c r="U117688" i="1"/>
  <c r="U117687" i="1"/>
  <c r="U117686" i="1"/>
  <c r="U117685" i="1"/>
  <c r="U117684" i="1"/>
  <c r="U117683" i="1"/>
  <c r="U117682" i="1"/>
  <c r="U117681" i="1"/>
  <c r="U117680" i="1"/>
  <c r="U117679" i="1"/>
  <c r="U117678" i="1"/>
  <c r="U117677" i="1"/>
  <c r="U117676" i="1"/>
  <c r="U117675" i="1"/>
  <c r="U117674" i="1"/>
  <c r="U117673" i="1"/>
  <c r="U117672" i="1"/>
  <c r="U117671" i="1"/>
  <c r="U117670" i="1"/>
  <c r="U117669" i="1"/>
  <c r="U117668" i="1"/>
  <c r="U117667" i="1"/>
  <c r="U117666" i="1"/>
  <c r="U117665" i="1"/>
  <c r="U117664" i="1"/>
  <c r="U117663" i="1"/>
  <c r="U117662" i="1"/>
  <c r="U117661" i="1"/>
  <c r="U117660" i="1"/>
  <c r="U117659" i="1"/>
  <c r="U117658" i="1"/>
  <c r="U117657" i="1"/>
  <c r="U117656" i="1"/>
  <c r="U117655" i="1"/>
  <c r="U117654" i="1"/>
  <c r="U117653" i="1"/>
  <c r="U117652" i="1"/>
  <c r="U117651" i="1"/>
  <c r="U117650" i="1"/>
  <c r="U117649" i="1"/>
  <c r="U117648" i="1"/>
  <c r="U117647" i="1"/>
  <c r="U117646" i="1"/>
  <c r="U117645" i="1"/>
  <c r="U117644" i="1"/>
  <c r="U117643" i="1"/>
  <c r="U117642" i="1"/>
  <c r="U117641" i="1"/>
  <c r="U117640" i="1"/>
  <c r="U117639" i="1"/>
  <c r="U117638" i="1"/>
  <c r="U117637" i="1"/>
  <c r="U117636" i="1"/>
  <c r="U117635" i="1"/>
  <c r="U117634" i="1"/>
  <c r="U117633" i="1"/>
  <c r="U117632" i="1"/>
  <c r="U117631" i="1"/>
  <c r="U117630" i="1"/>
  <c r="U117629" i="1"/>
  <c r="U117628" i="1"/>
  <c r="U117627" i="1"/>
  <c r="U117626" i="1"/>
  <c r="U117625" i="1"/>
  <c r="U117624" i="1"/>
  <c r="U117623" i="1"/>
  <c r="U117622" i="1"/>
  <c r="U117621" i="1"/>
  <c r="U117620" i="1"/>
  <c r="U117619" i="1"/>
  <c r="U117618" i="1"/>
  <c r="U117617" i="1"/>
  <c r="U117616" i="1"/>
  <c r="U117615" i="1"/>
  <c r="U117614" i="1"/>
  <c r="U117613" i="1"/>
  <c r="U117612" i="1"/>
  <c r="U117611" i="1"/>
  <c r="U117610" i="1"/>
  <c r="U117609" i="1"/>
  <c r="U117608" i="1"/>
  <c r="U117607" i="1"/>
  <c r="U117606" i="1"/>
  <c r="U117605" i="1"/>
  <c r="U117604" i="1"/>
  <c r="U117603" i="1"/>
  <c r="U117602" i="1"/>
  <c r="U117601" i="1"/>
  <c r="U117600" i="1"/>
  <c r="U117599" i="1"/>
  <c r="U117598" i="1"/>
  <c r="U117597" i="1"/>
  <c r="U117596" i="1"/>
  <c r="U117595" i="1"/>
  <c r="U117594" i="1"/>
  <c r="U117593" i="1"/>
  <c r="U117592" i="1"/>
  <c r="U117591" i="1"/>
  <c r="U117590" i="1"/>
  <c r="U117589" i="1"/>
  <c r="U117588" i="1"/>
  <c r="U117587" i="1"/>
  <c r="U117586" i="1"/>
  <c r="U117585" i="1"/>
  <c r="U117584" i="1"/>
  <c r="U117583" i="1"/>
  <c r="U117582" i="1"/>
  <c r="U117581" i="1"/>
  <c r="U117580" i="1"/>
  <c r="U117579" i="1"/>
  <c r="U117578" i="1"/>
  <c r="U117577" i="1"/>
  <c r="U117576" i="1"/>
  <c r="U117575" i="1"/>
  <c r="U117574" i="1"/>
  <c r="U117573" i="1"/>
  <c r="U117572" i="1"/>
  <c r="U117571" i="1"/>
  <c r="U117570" i="1"/>
  <c r="U117569" i="1"/>
  <c r="U117568" i="1"/>
  <c r="U117567" i="1"/>
  <c r="U117566" i="1"/>
  <c r="U117565" i="1"/>
  <c r="U117564" i="1"/>
  <c r="U117563" i="1"/>
  <c r="U117562" i="1"/>
  <c r="U117561" i="1"/>
  <c r="U117560" i="1"/>
  <c r="U117559" i="1"/>
  <c r="U117558" i="1"/>
  <c r="U117557" i="1"/>
  <c r="U117556" i="1"/>
  <c r="U117555" i="1"/>
  <c r="U117554" i="1"/>
  <c r="U117553" i="1"/>
  <c r="U117552" i="1"/>
  <c r="U117551" i="1"/>
  <c r="U117550" i="1"/>
  <c r="U117549" i="1"/>
  <c r="U117548" i="1"/>
  <c r="U117547" i="1"/>
  <c r="U117546" i="1"/>
  <c r="U117545" i="1"/>
  <c r="U117544" i="1"/>
  <c r="U117543" i="1"/>
  <c r="U117542" i="1"/>
  <c r="U117541" i="1"/>
  <c r="U117540" i="1"/>
  <c r="U117539" i="1"/>
  <c r="U117538" i="1"/>
  <c r="U117537" i="1"/>
  <c r="U117536" i="1"/>
  <c r="U117535" i="1"/>
  <c r="U117534" i="1"/>
  <c r="U117533" i="1"/>
  <c r="U117532" i="1"/>
  <c r="U117531" i="1"/>
  <c r="U117530" i="1"/>
  <c r="U117529" i="1"/>
  <c r="U117528" i="1"/>
  <c r="U117527" i="1"/>
  <c r="U117526" i="1"/>
  <c r="U117525" i="1"/>
  <c r="U117524" i="1"/>
  <c r="U117523" i="1"/>
  <c r="U117522" i="1"/>
  <c r="U117521" i="1"/>
  <c r="U117520" i="1"/>
  <c r="U117519" i="1"/>
  <c r="U117518" i="1"/>
  <c r="U117517" i="1"/>
  <c r="U117516" i="1"/>
  <c r="U117515" i="1"/>
  <c r="U117514" i="1"/>
  <c r="U117513" i="1"/>
  <c r="U117512" i="1"/>
  <c r="U117511" i="1"/>
  <c r="U117510" i="1"/>
  <c r="U117509" i="1"/>
  <c r="U117508" i="1"/>
  <c r="U117507" i="1"/>
  <c r="U117506" i="1"/>
  <c r="U117505" i="1"/>
  <c r="U117504" i="1"/>
  <c r="U117503" i="1"/>
  <c r="U117502" i="1"/>
  <c r="U117501" i="1"/>
  <c r="U117500" i="1"/>
  <c r="U117499" i="1"/>
  <c r="U117498" i="1"/>
  <c r="U117497" i="1"/>
  <c r="U117496" i="1"/>
  <c r="U117495" i="1"/>
  <c r="U117494" i="1"/>
  <c r="U117493" i="1"/>
  <c r="U117492" i="1"/>
  <c r="U117491" i="1"/>
  <c r="U117490" i="1"/>
  <c r="U117489" i="1"/>
  <c r="U117488" i="1"/>
  <c r="U117487" i="1"/>
  <c r="U117486" i="1"/>
  <c r="U117485" i="1"/>
  <c r="U117484" i="1"/>
  <c r="U117483" i="1"/>
  <c r="U117482" i="1"/>
  <c r="U117481" i="1"/>
  <c r="U117480" i="1"/>
  <c r="U117479" i="1"/>
  <c r="U117478" i="1"/>
  <c r="U117477" i="1"/>
  <c r="U117476" i="1"/>
  <c r="U117475" i="1"/>
  <c r="U117474" i="1"/>
  <c r="U117473" i="1"/>
  <c r="U117472" i="1"/>
  <c r="U117471" i="1"/>
  <c r="U117470" i="1"/>
  <c r="U117469" i="1"/>
  <c r="U117468" i="1"/>
  <c r="U117467" i="1"/>
  <c r="U117466" i="1"/>
  <c r="U117465" i="1"/>
  <c r="U117464" i="1"/>
  <c r="U117463" i="1"/>
  <c r="U117462" i="1"/>
  <c r="U117461" i="1"/>
  <c r="U117460" i="1"/>
  <c r="U117459" i="1"/>
  <c r="U117458" i="1"/>
  <c r="U117457" i="1"/>
  <c r="U117456" i="1"/>
  <c r="U117455" i="1"/>
  <c r="U117454" i="1"/>
  <c r="U117453" i="1"/>
  <c r="U117452" i="1"/>
  <c r="U117451" i="1"/>
  <c r="U117450" i="1"/>
  <c r="U117449" i="1"/>
  <c r="U117448" i="1"/>
  <c r="U117447" i="1"/>
  <c r="U117446" i="1"/>
  <c r="U117445" i="1"/>
  <c r="U117444" i="1"/>
  <c r="U117443" i="1"/>
  <c r="U117442" i="1"/>
  <c r="U117441" i="1"/>
  <c r="U117440" i="1"/>
  <c r="U117439" i="1"/>
  <c r="U117438" i="1"/>
  <c r="U117437" i="1"/>
  <c r="U117436" i="1"/>
  <c r="U117435" i="1"/>
  <c r="U117434" i="1"/>
  <c r="U117433" i="1"/>
  <c r="U117432" i="1"/>
  <c r="U117431" i="1"/>
  <c r="U117430" i="1"/>
  <c r="U117429" i="1"/>
  <c r="U117428" i="1"/>
  <c r="U117427" i="1"/>
  <c r="U117426" i="1"/>
  <c r="U117425" i="1"/>
  <c r="U117424" i="1"/>
  <c r="U117423" i="1"/>
  <c r="U117422" i="1"/>
  <c r="U117421" i="1"/>
  <c r="U117420" i="1"/>
  <c r="U117419" i="1"/>
  <c r="U117418" i="1"/>
  <c r="U117417" i="1"/>
  <c r="U117416" i="1"/>
  <c r="U117415" i="1"/>
  <c r="U117414" i="1"/>
  <c r="U117413" i="1"/>
  <c r="U117412" i="1"/>
  <c r="U117411" i="1"/>
  <c r="U117410" i="1"/>
  <c r="U117409" i="1"/>
  <c r="U117408" i="1"/>
  <c r="U117407" i="1"/>
  <c r="U117406" i="1"/>
  <c r="U117405" i="1"/>
  <c r="U117404" i="1"/>
  <c r="U117403" i="1"/>
  <c r="U117402" i="1"/>
  <c r="U117401" i="1"/>
  <c r="U117400" i="1"/>
  <c r="U117399" i="1"/>
  <c r="U117398" i="1"/>
  <c r="U117397" i="1"/>
  <c r="U117396" i="1"/>
  <c r="U117395" i="1"/>
  <c r="U117394" i="1"/>
  <c r="U117393" i="1"/>
  <c r="U117392" i="1"/>
  <c r="U117391" i="1"/>
  <c r="U117390" i="1"/>
  <c r="U117389" i="1"/>
  <c r="U117388" i="1"/>
  <c r="U117387" i="1"/>
  <c r="U117386" i="1"/>
  <c r="U117385" i="1"/>
  <c r="U117384" i="1"/>
  <c r="U117383" i="1"/>
  <c r="U117382" i="1"/>
  <c r="U117381" i="1"/>
  <c r="U117380" i="1"/>
  <c r="U117379" i="1"/>
  <c r="U117378" i="1"/>
  <c r="U117377" i="1"/>
  <c r="U117376" i="1"/>
  <c r="U117375" i="1"/>
  <c r="U117374" i="1"/>
  <c r="U117373" i="1"/>
  <c r="U117372" i="1"/>
  <c r="U117371" i="1"/>
  <c r="U117370" i="1"/>
  <c r="U117369" i="1"/>
  <c r="U117368" i="1"/>
  <c r="U117367" i="1"/>
  <c r="U117366" i="1"/>
  <c r="U117365" i="1"/>
  <c r="U117364" i="1"/>
  <c r="U117363" i="1"/>
  <c r="U117362" i="1"/>
  <c r="U117361" i="1"/>
  <c r="U117360" i="1"/>
  <c r="U117359" i="1"/>
  <c r="U117358" i="1"/>
  <c r="U117357" i="1"/>
  <c r="U117356" i="1"/>
  <c r="U117355" i="1"/>
  <c r="U117354" i="1"/>
  <c r="U117353" i="1"/>
  <c r="U117352" i="1"/>
  <c r="U117351" i="1"/>
  <c r="U117350" i="1"/>
  <c r="U117349" i="1"/>
  <c r="U117348" i="1"/>
  <c r="U117347" i="1"/>
  <c r="U117346" i="1"/>
  <c r="U117345" i="1"/>
  <c r="U117344" i="1"/>
  <c r="U117343" i="1"/>
  <c r="U117342" i="1"/>
  <c r="U117341" i="1"/>
  <c r="U117340" i="1"/>
  <c r="U117339" i="1"/>
  <c r="U117338" i="1"/>
  <c r="U117337" i="1"/>
  <c r="U117336" i="1"/>
  <c r="U117335" i="1"/>
  <c r="U117334" i="1"/>
  <c r="U117333" i="1"/>
  <c r="U117332" i="1"/>
  <c r="U117331" i="1"/>
  <c r="U117330" i="1"/>
  <c r="U117329" i="1"/>
  <c r="U117328" i="1"/>
  <c r="U117327" i="1"/>
  <c r="U117326" i="1"/>
  <c r="U117325" i="1"/>
  <c r="U117324" i="1"/>
  <c r="U117323" i="1"/>
  <c r="U117322" i="1"/>
  <c r="U117321" i="1"/>
  <c r="U117320" i="1"/>
  <c r="U117319" i="1"/>
  <c r="U117318" i="1"/>
  <c r="U117317" i="1"/>
  <c r="U117316" i="1"/>
  <c r="U117315" i="1"/>
  <c r="U117314" i="1"/>
  <c r="U117313" i="1"/>
  <c r="U117312" i="1"/>
  <c r="U117311" i="1"/>
  <c r="U117310" i="1"/>
  <c r="U117309" i="1"/>
  <c r="U117308" i="1"/>
  <c r="U117307" i="1"/>
  <c r="U117306" i="1"/>
  <c r="U117305" i="1"/>
  <c r="U117304" i="1"/>
  <c r="U117303" i="1"/>
  <c r="U117302" i="1"/>
  <c r="U117301" i="1"/>
  <c r="U117300" i="1"/>
  <c r="U117299" i="1"/>
  <c r="U117298" i="1"/>
  <c r="U117297" i="1"/>
  <c r="U117296" i="1"/>
  <c r="U117295" i="1"/>
  <c r="U117294" i="1"/>
  <c r="U117293" i="1"/>
  <c r="U117292" i="1"/>
  <c r="U117291" i="1"/>
  <c r="U117290" i="1"/>
  <c r="U117289" i="1"/>
  <c r="U117288" i="1"/>
  <c r="U117287" i="1"/>
  <c r="U117286" i="1"/>
  <c r="U117285" i="1"/>
  <c r="U117284" i="1"/>
  <c r="U117283" i="1"/>
  <c r="U117282" i="1"/>
  <c r="U117281" i="1"/>
  <c r="U117280" i="1"/>
  <c r="U117279" i="1"/>
  <c r="U117278" i="1"/>
  <c r="U117277" i="1"/>
  <c r="U117276" i="1"/>
  <c r="U117275" i="1"/>
  <c r="U117274" i="1"/>
  <c r="U117273" i="1"/>
  <c r="U117272" i="1"/>
  <c r="U117271" i="1"/>
  <c r="U117270" i="1"/>
  <c r="U117269" i="1"/>
  <c r="U117268" i="1"/>
  <c r="U117267" i="1"/>
  <c r="U117266" i="1"/>
  <c r="U117265" i="1"/>
  <c r="U117264" i="1"/>
  <c r="U117263" i="1"/>
  <c r="U117262" i="1"/>
  <c r="U117261" i="1"/>
  <c r="U117260" i="1"/>
  <c r="U117259" i="1"/>
  <c r="U117258" i="1"/>
  <c r="U117257" i="1"/>
  <c r="U117256" i="1"/>
  <c r="U117255" i="1"/>
  <c r="U117254" i="1"/>
  <c r="U117253" i="1"/>
  <c r="U117252" i="1"/>
  <c r="U117251" i="1"/>
  <c r="U117250" i="1"/>
  <c r="U117249" i="1"/>
  <c r="U117248" i="1"/>
  <c r="U117247" i="1"/>
  <c r="U117246" i="1"/>
  <c r="U117245" i="1"/>
  <c r="U117244" i="1"/>
  <c r="U117243" i="1"/>
  <c r="U117242" i="1"/>
  <c r="U117241" i="1"/>
  <c r="U117240" i="1"/>
  <c r="U117239" i="1"/>
  <c r="U117238" i="1"/>
  <c r="U117237" i="1"/>
  <c r="U117236" i="1"/>
  <c r="U117235" i="1"/>
  <c r="U117234" i="1"/>
  <c r="U117233" i="1"/>
  <c r="U117232" i="1"/>
  <c r="U117231" i="1"/>
  <c r="U117230" i="1"/>
  <c r="U117229" i="1"/>
  <c r="U117228" i="1"/>
  <c r="U117227" i="1"/>
  <c r="U117226" i="1"/>
  <c r="U117225" i="1"/>
  <c r="U117224" i="1"/>
  <c r="U117223" i="1"/>
  <c r="U117222" i="1"/>
  <c r="U117221" i="1"/>
  <c r="U117220" i="1"/>
  <c r="U117219" i="1"/>
  <c r="U117218" i="1"/>
  <c r="U117217" i="1"/>
  <c r="U117216" i="1"/>
  <c r="U117215" i="1"/>
  <c r="U117214" i="1"/>
  <c r="U117213" i="1"/>
  <c r="U117212" i="1"/>
  <c r="U117211" i="1"/>
  <c r="U117210" i="1"/>
  <c r="U117209" i="1"/>
  <c r="U117208" i="1"/>
  <c r="U117207" i="1"/>
  <c r="U117206" i="1"/>
  <c r="U117205" i="1"/>
  <c r="U117204" i="1"/>
  <c r="U117203" i="1"/>
  <c r="U117202" i="1"/>
  <c r="U117201" i="1"/>
  <c r="U117200" i="1"/>
  <c r="U117199" i="1"/>
  <c r="U117198" i="1"/>
  <c r="U117197" i="1"/>
  <c r="U117196" i="1"/>
  <c r="U117195" i="1"/>
  <c r="U117194" i="1"/>
  <c r="U117193" i="1"/>
  <c r="U117192" i="1"/>
  <c r="U117191" i="1"/>
  <c r="U117190" i="1"/>
  <c r="U117189" i="1"/>
  <c r="U117188" i="1"/>
  <c r="U117187" i="1"/>
  <c r="U117186" i="1"/>
  <c r="U117185" i="1"/>
  <c r="U117184" i="1"/>
  <c r="U117183" i="1"/>
  <c r="U117182" i="1"/>
  <c r="U117181" i="1"/>
  <c r="U117180" i="1"/>
  <c r="U117179" i="1"/>
  <c r="U117178" i="1"/>
  <c r="U117177" i="1"/>
  <c r="U117176" i="1"/>
  <c r="U117175" i="1"/>
  <c r="U117174" i="1"/>
  <c r="U117173" i="1"/>
  <c r="U117172" i="1"/>
  <c r="U117171" i="1"/>
  <c r="U117170" i="1"/>
  <c r="U117169" i="1"/>
  <c r="U117168" i="1"/>
  <c r="U117167" i="1"/>
  <c r="U117166" i="1"/>
  <c r="U117165" i="1"/>
  <c r="U117164" i="1"/>
  <c r="U117163" i="1"/>
  <c r="U117162" i="1"/>
  <c r="U117161" i="1"/>
  <c r="U117160" i="1"/>
  <c r="U117159" i="1"/>
  <c r="U117158" i="1"/>
  <c r="U117157" i="1"/>
  <c r="U117156" i="1"/>
  <c r="U117155" i="1"/>
  <c r="U117154" i="1"/>
  <c r="U117153" i="1"/>
  <c r="U117152" i="1"/>
  <c r="U117151" i="1"/>
  <c r="U117150" i="1"/>
  <c r="U117149" i="1"/>
  <c r="U117148" i="1"/>
  <c r="U117147" i="1"/>
  <c r="U117146" i="1"/>
  <c r="U117145" i="1"/>
  <c r="U117144" i="1"/>
  <c r="U117143" i="1"/>
  <c r="U117142" i="1"/>
  <c r="U117141" i="1"/>
  <c r="U117140" i="1"/>
  <c r="U117139" i="1"/>
  <c r="U117138" i="1"/>
  <c r="U117137" i="1"/>
  <c r="U117136" i="1"/>
  <c r="U117135" i="1"/>
  <c r="U117134" i="1"/>
  <c r="U117133" i="1"/>
  <c r="U117132" i="1"/>
  <c r="U117131" i="1"/>
  <c r="U117130" i="1"/>
  <c r="U117129" i="1"/>
  <c r="U117128" i="1"/>
  <c r="U117127" i="1"/>
  <c r="U117126" i="1"/>
  <c r="U117125" i="1"/>
  <c r="U117124" i="1"/>
  <c r="U117123" i="1"/>
  <c r="U117122" i="1"/>
  <c r="U117121" i="1"/>
  <c r="U117120" i="1"/>
  <c r="U117119" i="1"/>
  <c r="U117118" i="1"/>
  <c r="U117117" i="1"/>
  <c r="U117116" i="1"/>
  <c r="U117115" i="1"/>
  <c r="U117114" i="1"/>
  <c r="U117113" i="1"/>
  <c r="U117112" i="1"/>
  <c r="U117111" i="1"/>
  <c r="U117110" i="1"/>
  <c r="U117109" i="1"/>
  <c r="U117108" i="1"/>
  <c r="U117107" i="1"/>
  <c r="U117106" i="1"/>
  <c r="U117105" i="1"/>
  <c r="U117104" i="1"/>
  <c r="U117103" i="1"/>
  <c r="U117102" i="1"/>
  <c r="U117101" i="1"/>
  <c r="U117100" i="1"/>
  <c r="U117099" i="1"/>
  <c r="U117098" i="1"/>
  <c r="U117097" i="1"/>
  <c r="U117096" i="1"/>
  <c r="U117095" i="1"/>
  <c r="U117094" i="1"/>
  <c r="U117093" i="1"/>
  <c r="U117092" i="1"/>
  <c r="U117091" i="1"/>
  <c r="U117090" i="1"/>
  <c r="U117089" i="1"/>
  <c r="U117088" i="1"/>
  <c r="U117087" i="1"/>
  <c r="U117086" i="1"/>
  <c r="U117085" i="1"/>
  <c r="U117084" i="1"/>
  <c r="U117083" i="1"/>
  <c r="U117082" i="1"/>
  <c r="U117081" i="1"/>
  <c r="U117080" i="1"/>
  <c r="U117079" i="1"/>
  <c r="U117078" i="1"/>
  <c r="U117077" i="1"/>
  <c r="U117076" i="1"/>
  <c r="U117075" i="1"/>
  <c r="U117074" i="1"/>
  <c r="U117073" i="1"/>
  <c r="U117072" i="1"/>
  <c r="U117071" i="1"/>
  <c r="U117070" i="1"/>
  <c r="U117069" i="1"/>
  <c r="U117068" i="1"/>
  <c r="U117067" i="1"/>
  <c r="U117066" i="1"/>
  <c r="U117065" i="1"/>
  <c r="U117064" i="1"/>
  <c r="U117063" i="1"/>
  <c r="U117062" i="1"/>
  <c r="U117061" i="1"/>
  <c r="U117060" i="1"/>
  <c r="U117059" i="1"/>
  <c r="U117058" i="1"/>
  <c r="U117057" i="1"/>
  <c r="U117056" i="1"/>
  <c r="U117055" i="1"/>
  <c r="U117054" i="1"/>
  <c r="U117053" i="1"/>
  <c r="U117052" i="1"/>
  <c r="U117051" i="1"/>
  <c r="U117050" i="1"/>
  <c r="U117049" i="1"/>
  <c r="U117048" i="1"/>
  <c r="U117047" i="1"/>
  <c r="U117046" i="1"/>
  <c r="U117045" i="1"/>
  <c r="U117044" i="1"/>
  <c r="U117043" i="1"/>
  <c r="U117042" i="1"/>
  <c r="U117041" i="1"/>
  <c r="U117040" i="1"/>
  <c r="U117039" i="1"/>
  <c r="U117038" i="1"/>
  <c r="U117037" i="1"/>
  <c r="U117036" i="1"/>
  <c r="U117035" i="1"/>
  <c r="U117034" i="1"/>
  <c r="U117033" i="1"/>
  <c r="U117032" i="1"/>
  <c r="U117031" i="1"/>
  <c r="U117030" i="1"/>
  <c r="U117029" i="1"/>
  <c r="U117028" i="1"/>
  <c r="U117027" i="1"/>
  <c r="U117026" i="1"/>
  <c r="U117025" i="1"/>
  <c r="U117024" i="1"/>
  <c r="U117023" i="1"/>
  <c r="U117022" i="1"/>
  <c r="U117021" i="1"/>
  <c r="U117020" i="1"/>
  <c r="U117019" i="1"/>
  <c r="U117018" i="1"/>
  <c r="U117017" i="1"/>
  <c r="U117016" i="1"/>
  <c r="U117015" i="1"/>
  <c r="U117014" i="1"/>
  <c r="U117013" i="1"/>
  <c r="U117012" i="1"/>
  <c r="U117011" i="1"/>
  <c r="U117010" i="1"/>
  <c r="U117009" i="1"/>
  <c r="U117008" i="1"/>
  <c r="U117007" i="1"/>
  <c r="U117006" i="1"/>
  <c r="U117005" i="1"/>
  <c r="U117004" i="1"/>
  <c r="U117003" i="1"/>
  <c r="U117002" i="1"/>
  <c r="U117001" i="1"/>
  <c r="U117000" i="1"/>
  <c r="U116999" i="1"/>
  <c r="U116998" i="1"/>
  <c r="U116997" i="1"/>
  <c r="U116996" i="1"/>
  <c r="U116995" i="1"/>
  <c r="U116994" i="1"/>
  <c r="U116993" i="1"/>
  <c r="U116992" i="1"/>
  <c r="U116991" i="1"/>
  <c r="U116990" i="1"/>
  <c r="U116989" i="1"/>
  <c r="U116988" i="1"/>
  <c r="U116987" i="1"/>
  <c r="U116986" i="1"/>
  <c r="U116985" i="1"/>
  <c r="U116984" i="1"/>
  <c r="U116983" i="1"/>
  <c r="U116982" i="1"/>
  <c r="U116981" i="1"/>
  <c r="U116980" i="1"/>
  <c r="U116979" i="1"/>
  <c r="U116978" i="1"/>
  <c r="U116977" i="1"/>
  <c r="U116976" i="1"/>
  <c r="U116975" i="1"/>
  <c r="U116974" i="1"/>
  <c r="U116973" i="1"/>
  <c r="U116972" i="1"/>
  <c r="U116971" i="1"/>
  <c r="U116970" i="1"/>
  <c r="U116969" i="1"/>
  <c r="U116968" i="1"/>
  <c r="U116967" i="1"/>
  <c r="U116966" i="1"/>
  <c r="U116965" i="1"/>
  <c r="U116964" i="1"/>
  <c r="U116963" i="1"/>
  <c r="U116962" i="1"/>
  <c r="U116961" i="1"/>
  <c r="U116960" i="1"/>
  <c r="U116959" i="1"/>
  <c r="U116958" i="1"/>
  <c r="U116957" i="1"/>
  <c r="U116956" i="1"/>
  <c r="U116955" i="1"/>
  <c r="U116954" i="1"/>
  <c r="U116953" i="1"/>
  <c r="U116952" i="1"/>
  <c r="U116951" i="1"/>
  <c r="U116950" i="1"/>
  <c r="U116949" i="1"/>
  <c r="U116948" i="1"/>
  <c r="U116947" i="1"/>
  <c r="U116946" i="1"/>
  <c r="U116945" i="1"/>
  <c r="U116944" i="1"/>
  <c r="U116943" i="1"/>
  <c r="U116942" i="1"/>
  <c r="U116941" i="1"/>
  <c r="U116940" i="1"/>
  <c r="U116939" i="1"/>
  <c r="U116938" i="1"/>
  <c r="U116937" i="1"/>
  <c r="U116936" i="1"/>
  <c r="U116935" i="1"/>
  <c r="U116934" i="1"/>
  <c r="U116933" i="1"/>
  <c r="U116932" i="1"/>
  <c r="U116931" i="1"/>
  <c r="U116930" i="1"/>
  <c r="U116929" i="1"/>
  <c r="U116928" i="1"/>
  <c r="U116927" i="1"/>
  <c r="U116926" i="1"/>
  <c r="U116925" i="1"/>
  <c r="U116924" i="1"/>
  <c r="U116923" i="1"/>
  <c r="U116922" i="1"/>
  <c r="U116921" i="1"/>
  <c r="U116920" i="1"/>
  <c r="U116919" i="1"/>
  <c r="U116918" i="1"/>
  <c r="U116917" i="1"/>
  <c r="U116916" i="1"/>
  <c r="U116915" i="1"/>
  <c r="U116914" i="1"/>
  <c r="U116913" i="1"/>
  <c r="U116912" i="1"/>
  <c r="U116911" i="1"/>
  <c r="U116910" i="1"/>
  <c r="U116909" i="1"/>
  <c r="U116908" i="1"/>
  <c r="U116907" i="1"/>
  <c r="U116906" i="1"/>
  <c r="U116905" i="1"/>
  <c r="U116904" i="1"/>
  <c r="U116903" i="1"/>
  <c r="U116902" i="1"/>
  <c r="U116901" i="1"/>
  <c r="U116900" i="1"/>
  <c r="U116899" i="1"/>
  <c r="U116898" i="1"/>
  <c r="U116897" i="1"/>
  <c r="U116896" i="1"/>
  <c r="U116895" i="1"/>
  <c r="U116894" i="1"/>
  <c r="U116893" i="1"/>
  <c r="U116892" i="1"/>
  <c r="U116891" i="1"/>
  <c r="U116890" i="1"/>
  <c r="U116889" i="1"/>
  <c r="U116888" i="1"/>
  <c r="U116887" i="1"/>
  <c r="U116886" i="1"/>
  <c r="U116885" i="1"/>
  <c r="U116884" i="1"/>
  <c r="U116883" i="1"/>
  <c r="U116882" i="1"/>
  <c r="U116881" i="1"/>
  <c r="U116880" i="1"/>
  <c r="U116879" i="1"/>
  <c r="U116878" i="1"/>
  <c r="U116877" i="1"/>
  <c r="U116876" i="1"/>
  <c r="U116875" i="1"/>
  <c r="U116874" i="1"/>
  <c r="U116873" i="1"/>
  <c r="U116872" i="1"/>
  <c r="U116871" i="1"/>
  <c r="U116870" i="1"/>
  <c r="U116869" i="1"/>
  <c r="U116868" i="1"/>
  <c r="U116867" i="1"/>
  <c r="U116866" i="1"/>
  <c r="U116865" i="1"/>
  <c r="U116864" i="1"/>
  <c r="U116863" i="1"/>
  <c r="U116862" i="1"/>
  <c r="U116861" i="1"/>
  <c r="U116860" i="1"/>
  <c r="U116859" i="1"/>
  <c r="U116858" i="1"/>
  <c r="U116857" i="1"/>
  <c r="U116856" i="1"/>
  <c r="U116855" i="1"/>
  <c r="U116854" i="1"/>
  <c r="U116853" i="1"/>
  <c r="U116852" i="1"/>
  <c r="U116851" i="1"/>
  <c r="U116850" i="1"/>
  <c r="U116849" i="1"/>
  <c r="U116848" i="1"/>
  <c r="U116847" i="1"/>
  <c r="U116846" i="1"/>
  <c r="U116845" i="1"/>
  <c r="U116844" i="1"/>
  <c r="U116843" i="1"/>
  <c r="U116842" i="1"/>
  <c r="U116841" i="1"/>
  <c r="U116840" i="1"/>
  <c r="U116839" i="1"/>
  <c r="U116838" i="1"/>
  <c r="U116837" i="1"/>
  <c r="U116836" i="1"/>
  <c r="U116835" i="1"/>
  <c r="U116834" i="1"/>
  <c r="U116833" i="1"/>
  <c r="U116832" i="1"/>
  <c r="U116831" i="1"/>
  <c r="U116830" i="1"/>
  <c r="U116829" i="1"/>
  <c r="U116828" i="1"/>
  <c r="U116827" i="1"/>
  <c r="U116826" i="1"/>
  <c r="U116825" i="1"/>
  <c r="U116824" i="1"/>
  <c r="U116823" i="1"/>
  <c r="U116822" i="1"/>
  <c r="U116821" i="1"/>
  <c r="U116820" i="1"/>
  <c r="U116819" i="1"/>
  <c r="U116818" i="1"/>
  <c r="U116817" i="1"/>
  <c r="U116816" i="1"/>
  <c r="U116815" i="1"/>
  <c r="U116814" i="1"/>
  <c r="U116813" i="1"/>
  <c r="U116812" i="1"/>
  <c r="U116811" i="1"/>
  <c r="U116810" i="1"/>
  <c r="U116809" i="1"/>
  <c r="U116808" i="1"/>
  <c r="U116807" i="1"/>
  <c r="U116806" i="1"/>
  <c r="U116805" i="1"/>
  <c r="U116804" i="1"/>
  <c r="U116803" i="1"/>
  <c r="U116802" i="1"/>
  <c r="U116801" i="1"/>
  <c r="U116800" i="1"/>
  <c r="U116799" i="1"/>
  <c r="U116798" i="1"/>
  <c r="U116797" i="1"/>
  <c r="U116796" i="1"/>
  <c r="U116795" i="1"/>
  <c r="U116794" i="1"/>
  <c r="U116793" i="1"/>
  <c r="U116792" i="1"/>
  <c r="U116791" i="1"/>
  <c r="U116790" i="1"/>
  <c r="U116789" i="1"/>
  <c r="U116788" i="1"/>
  <c r="U116787" i="1"/>
  <c r="U116786" i="1"/>
  <c r="U116785" i="1"/>
  <c r="U116784" i="1"/>
  <c r="U116783" i="1"/>
  <c r="U116782" i="1"/>
  <c r="U116781" i="1"/>
  <c r="U116780" i="1"/>
  <c r="U116779" i="1"/>
  <c r="U116778" i="1"/>
  <c r="U116777" i="1"/>
  <c r="U116776" i="1"/>
  <c r="U116775" i="1"/>
  <c r="U116774" i="1"/>
  <c r="U116773" i="1"/>
  <c r="U116772" i="1"/>
  <c r="U116771" i="1"/>
  <c r="U116770" i="1"/>
  <c r="U116769" i="1"/>
  <c r="U116768" i="1"/>
  <c r="U116767" i="1"/>
  <c r="U116766" i="1"/>
  <c r="U116765" i="1"/>
  <c r="U116764" i="1"/>
  <c r="U116763" i="1"/>
  <c r="U116762" i="1"/>
  <c r="U116761" i="1"/>
  <c r="U116760" i="1"/>
  <c r="U116759" i="1"/>
  <c r="U116758" i="1"/>
  <c r="U116757" i="1"/>
  <c r="U116756" i="1"/>
  <c r="U116755" i="1"/>
  <c r="U116754" i="1"/>
  <c r="U116753" i="1"/>
  <c r="U116752" i="1"/>
  <c r="U116751" i="1"/>
  <c r="U116750" i="1"/>
  <c r="U116749" i="1"/>
  <c r="U116748" i="1"/>
  <c r="U116747" i="1"/>
  <c r="U116746" i="1"/>
  <c r="U116745" i="1"/>
  <c r="U116744" i="1"/>
  <c r="U116743" i="1"/>
  <c r="U116742" i="1"/>
  <c r="U116741" i="1"/>
  <c r="U116740" i="1"/>
  <c r="U116739" i="1"/>
  <c r="U116738" i="1"/>
  <c r="U116737" i="1"/>
  <c r="U116736" i="1"/>
  <c r="U116735" i="1"/>
  <c r="U116734" i="1"/>
  <c r="U116733" i="1"/>
  <c r="U116732" i="1"/>
  <c r="U116731" i="1"/>
  <c r="U116730" i="1"/>
  <c r="U116729" i="1"/>
  <c r="U116728" i="1"/>
  <c r="U116727" i="1"/>
  <c r="U116726" i="1"/>
  <c r="U116725" i="1"/>
  <c r="U116724" i="1"/>
  <c r="U116723" i="1"/>
  <c r="U116722" i="1"/>
  <c r="U116721" i="1"/>
  <c r="U116720" i="1"/>
  <c r="U116719" i="1"/>
  <c r="U116718" i="1"/>
  <c r="U116717" i="1"/>
  <c r="U116716" i="1"/>
  <c r="U116715" i="1"/>
  <c r="U116714" i="1"/>
  <c r="U116713" i="1"/>
  <c r="U116712" i="1"/>
  <c r="U116711" i="1"/>
  <c r="U116710" i="1"/>
  <c r="U116709" i="1"/>
  <c r="U116708" i="1"/>
  <c r="U116707" i="1"/>
  <c r="U116706" i="1"/>
  <c r="U116705" i="1"/>
  <c r="U116704" i="1"/>
  <c r="U116703" i="1"/>
  <c r="U116702" i="1"/>
  <c r="U116701" i="1"/>
  <c r="U116700" i="1"/>
  <c r="U116699" i="1"/>
  <c r="U116698" i="1"/>
  <c r="U116697" i="1"/>
  <c r="U116696" i="1"/>
  <c r="U116695" i="1"/>
  <c r="U116694" i="1"/>
  <c r="U116693" i="1"/>
  <c r="U116692" i="1"/>
  <c r="U116691" i="1"/>
  <c r="U116690" i="1"/>
  <c r="U116689" i="1"/>
  <c r="U116688" i="1"/>
  <c r="U116687" i="1"/>
  <c r="U116686" i="1"/>
  <c r="U116685" i="1"/>
  <c r="U116684" i="1"/>
  <c r="U116683" i="1"/>
  <c r="U116682" i="1"/>
  <c r="U116681" i="1"/>
  <c r="U116680" i="1"/>
  <c r="U116679" i="1"/>
  <c r="U116678" i="1"/>
  <c r="U116677" i="1"/>
  <c r="U116676" i="1"/>
  <c r="U116675" i="1"/>
  <c r="U116674" i="1"/>
  <c r="U116673" i="1"/>
  <c r="U116672" i="1"/>
  <c r="U116671" i="1"/>
  <c r="U116670" i="1"/>
  <c r="U116669" i="1"/>
  <c r="U116668" i="1"/>
  <c r="U116667" i="1"/>
  <c r="U116666" i="1"/>
  <c r="U116665" i="1"/>
  <c r="U116664" i="1"/>
  <c r="U116663" i="1"/>
  <c r="U116662" i="1"/>
  <c r="U116661" i="1"/>
  <c r="U116660" i="1"/>
  <c r="U116659" i="1"/>
  <c r="U116658" i="1"/>
  <c r="U116657" i="1"/>
  <c r="U116656" i="1"/>
  <c r="U116655" i="1"/>
  <c r="U116654" i="1"/>
  <c r="U116653" i="1"/>
  <c r="U116652" i="1"/>
  <c r="U116651" i="1"/>
  <c r="U116650" i="1"/>
  <c r="U116649" i="1"/>
  <c r="U116648" i="1"/>
  <c r="U116647" i="1"/>
  <c r="U116646" i="1"/>
  <c r="U116645" i="1"/>
  <c r="U116644" i="1"/>
  <c r="U116643" i="1"/>
  <c r="U116642" i="1"/>
  <c r="U116641" i="1"/>
  <c r="U116640" i="1"/>
  <c r="U116639" i="1"/>
  <c r="U116638" i="1"/>
  <c r="U116637" i="1"/>
  <c r="U116636" i="1"/>
  <c r="U116635" i="1"/>
  <c r="U116634" i="1"/>
  <c r="U116633" i="1"/>
  <c r="U116632" i="1"/>
  <c r="U116631" i="1"/>
  <c r="U116630" i="1"/>
  <c r="U116629" i="1"/>
  <c r="U116628" i="1"/>
  <c r="U116627" i="1"/>
  <c r="U116626" i="1"/>
  <c r="U116625" i="1"/>
  <c r="U116624" i="1"/>
  <c r="U116623" i="1"/>
  <c r="U116622" i="1"/>
  <c r="U116621" i="1"/>
  <c r="U116620" i="1"/>
  <c r="U116619" i="1"/>
  <c r="U116618" i="1"/>
  <c r="U116617" i="1"/>
  <c r="U116616" i="1"/>
  <c r="U116615" i="1"/>
  <c r="U116614" i="1"/>
  <c r="U116613" i="1"/>
  <c r="U116612" i="1"/>
  <c r="U116611" i="1"/>
  <c r="U116610" i="1"/>
  <c r="U116609" i="1"/>
  <c r="U116608" i="1"/>
  <c r="U116607" i="1"/>
  <c r="U116606" i="1"/>
  <c r="U116605" i="1"/>
  <c r="U116604" i="1"/>
  <c r="U116603" i="1"/>
  <c r="U116602" i="1"/>
  <c r="U116601" i="1"/>
  <c r="U116600" i="1"/>
  <c r="U116599" i="1"/>
  <c r="U116598" i="1"/>
  <c r="U116597" i="1"/>
  <c r="U116596" i="1"/>
  <c r="U116595" i="1"/>
  <c r="U116594" i="1"/>
  <c r="U116593" i="1"/>
  <c r="U116592" i="1"/>
  <c r="U116591" i="1"/>
  <c r="U116590" i="1"/>
  <c r="U116589" i="1"/>
  <c r="U116588" i="1"/>
  <c r="U116587" i="1"/>
  <c r="U116586" i="1"/>
  <c r="U116585" i="1"/>
  <c r="U116584" i="1"/>
  <c r="U116583" i="1"/>
  <c r="U116582" i="1"/>
  <c r="U116581" i="1"/>
  <c r="U116580" i="1"/>
  <c r="U116579" i="1"/>
  <c r="U116578" i="1"/>
  <c r="U116577" i="1"/>
  <c r="U116576" i="1"/>
  <c r="U116575" i="1"/>
  <c r="U116574" i="1"/>
  <c r="U116573" i="1"/>
  <c r="U116572" i="1"/>
  <c r="U116571" i="1"/>
  <c r="U116570" i="1"/>
  <c r="U116569" i="1"/>
  <c r="U116568" i="1"/>
  <c r="U116567" i="1"/>
  <c r="U116566" i="1"/>
  <c r="U116565" i="1"/>
  <c r="U116564" i="1"/>
  <c r="U116563" i="1"/>
  <c r="U116562" i="1"/>
  <c r="U116561" i="1"/>
  <c r="U116560" i="1"/>
  <c r="U116559" i="1"/>
  <c r="U116558" i="1"/>
  <c r="U116557" i="1"/>
  <c r="U116556" i="1"/>
  <c r="U116555" i="1"/>
  <c r="U116554" i="1"/>
  <c r="U116553" i="1"/>
  <c r="U116552" i="1"/>
  <c r="U116551" i="1"/>
  <c r="U116550" i="1"/>
  <c r="U116549" i="1"/>
  <c r="U116548" i="1"/>
  <c r="U116547" i="1"/>
  <c r="U116546" i="1"/>
  <c r="U116545" i="1"/>
  <c r="U116544" i="1"/>
  <c r="U116543" i="1"/>
  <c r="U116542" i="1"/>
  <c r="U116541" i="1"/>
  <c r="U116540" i="1"/>
  <c r="U116539" i="1"/>
  <c r="U116538" i="1"/>
  <c r="U116537" i="1"/>
  <c r="U116536" i="1"/>
  <c r="U116535" i="1"/>
  <c r="U116534" i="1"/>
  <c r="U116533" i="1"/>
  <c r="U116532" i="1"/>
  <c r="U116531" i="1"/>
  <c r="U116530" i="1"/>
  <c r="U116529" i="1"/>
  <c r="U116528" i="1"/>
  <c r="U116527" i="1"/>
  <c r="U116526" i="1"/>
  <c r="U116525" i="1"/>
  <c r="U116524" i="1"/>
  <c r="U116523" i="1"/>
  <c r="U116522" i="1"/>
  <c r="U116521" i="1"/>
  <c r="U116520" i="1"/>
  <c r="U116519" i="1"/>
  <c r="U116518" i="1"/>
  <c r="U116517" i="1"/>
  <c r="U116516" i="1"/>
  <c r="U116515" i="1"/>
  <c r="U116514" i="1"/>
  <c r="U116513" i="1"/>
  <c r="U116512" i="1"/>
  <c r="U116511" i="1"/>
  <c r="U116510" i="1"/>
  <c r="U116509" i="1"/>
  <c r="U116508" i="1"/>
  <c r="U116507" i="1"/>
  <c r="U116506" i="1"/>
  <c r="U116505" i="1"/>
  <c r="U116504" i="1"/>
  <c r="U116503" i="1"/>
  <c r="U116502" i="1"/>
  <c r="U116501" i="1"/>
  <c r="U116500" i="1"/>
  <c r="U116499" i="1"/>
  <c r="U116498" i="1"/>
  <c r="U116497" i="1"/>
  <c r="U116496" i="1"/>
  <c r="U116495" i="1"/>
  <c r="U116494" i="1"/>
  <c r="U116493" i="1"/>
  <c r="U116492" i="1"/>
  <c r="U116491" i="1"/>
  <c r="U116490" i="1"/>
  <c r="U116489" i="1"/>
  <c r="U116488" i="1"/>
  <c r="U116487" i="1"/>
  <c r="U116486" i="1"/>
  <c r="U116485" i="1"/>
  <c r="U116484" i="1"/>
  <c r="U116483" i="1"/>
  <c r="U116482" i="1"/>
  <c r="U116481" i="1"/>
  <c r="U116480" i="1"/>
  <c r="U116479" i="1"/>
  <c r="U116478" i="1"/>
  <c r="U116477" i="1"/>
  <c r="U116476" i="1"/>
  <c r="U116475" i="1"/>
  <c r="U116474" i="1"/>
  <c r="U116473" i="1"/>
  <c r="U116472" i="1"/>
  <c r="U116471" i="1"/>
  <c r="U116470" i="1"/>
  <c r="U116469" i="1"/>
  <c r="U116468" i="1"/>
  <c r="U116467" i="1"/>
  <c r="U116466" i="1"/>
  <c r="U116465" i="1"/>
  <c r="U116464" i="1"/>
  <c r="U116463" i="1"/>
  <c r="U116462" i="1"/>
  <c r="U116461" i="1"/>
  <c r="U116460" i="1"/>
  <c r="U116459" i="1"/>
  <c r="U116458" i="1"/>
  <c r="U116457" i="1"/>
  <c r="U116456" i="1"/>
  <c r="U116455" i="1"/>
  <c r="U116454" i="1"/>
  <c r="U116453" i="1"/>
  <c r="U116452" i="1"/>
  <c r="U116451" i="1"/>
  <c r="U116450" i="1"/>
  <c r="U116449" i="1"/>
  <c r="U116448" i="1"/>
  <c r="U116447" i="1"/>
  <c r="U116446" i="1"/>
  <c r="U116445" i="1"/>
  <c r="U116444" i="1"/>
  <c r="U116443" i="1"/>
  <c r="U116442" i="1"/>
  <c r="U116441" i="1"/>
  <c r="U116440" i="1"/>
  <c r="U116439" i="1"/>
  <c r="U116438" i="1"/>
  <c r="U116437" i="1"/>
  <c r="U116436" i="1"/>
  <c r="U116435" i="1"/>
  <c r="U116434" i="1"/>
  <c r="U116433" i="1"/>
  <c r="U116432" i="1"/>
  <c r="U116431" i="1"/>
  <c r="U116430" i="1"/>
  <c r="U116429" i="1"/>
  <c r="U116428" i="1"/>
  <c r="U116427" i="1"/>
  <c r="U116426" i="1"/>
  <c r="U116425" i="1"/>
  <c r="U116424" i="1"/>
  <c r="U116423" i="1"/>
  <c r="U116422" i="1"/>
  <c r="U116421" i="1"/>
  <c r="U116420" i="1"/>
  <c r="U116419" i="1"/>
  <c r="U116418" i="1"/>
  <c r="U116417" i="1"/>
  <c r="U116416" i="1"/>
  <c r="U116415" i="1"/>
  <c r="U116414" i="1"/>
  <c r="U116413" i="1"/>
  <c r="U116412" i="1"/>
  <c r="U116411" i="1"/>
  <c r="U116410" i="1"/>
  <c r="U116409" i="1"/>
  <c r="U116408" i="1"/>
  <c r="U116407" i="1"/>
  <c r="U116406" i="1"/>
  <c r="U116405" i="1"/>
  <c r="U116404" i="1"/>
  <c r="U116403" i="1"/>
  <c r="U116402" i="1"/>
  <c r="U116401" i="1"/>
  <c r="U116400" i="1"/>
  <c r="U116399" i="1"/>
  <c r="U116398" i="1"/>
  <c r="U116397" i="1"/>
  <c r="U116396" i="1"/>
  <c r="U116395" i="1"/>
  <c r="U116394" i="1"/>
  <c r="U116393" i="1"/>
  <c r="U116392" i="1"/>
  <c r="U116391" i="1"/>
  <c r="U116390" i="1"/>
  <c r="U116389" i="1"/>
  <c r="U116388" i="1"/>
  <c r="U116387" i="1"/>
  <c r="U116386" i="1"/>
  <c r="U116385" i="1"/>
  <c r="U116384" i="1"/>
  <c r="U116383" i="1"/>
  <c r="U116382" i="1"/>
  <c r="U116381" i="1"/>
  <c r="U116380" i="1"/>
  <c r="U116379" i="1"/>
  <c r="U116378" i="1"/>
  <c r="U116377" i="1"/>
  <c r="U116376" i="1"/>
  <c r="U116375" i="1"/>
  <c r="U116374" i="1"/>
  <c r="U116373" i="1"/>
  <c r="U116372" i="1"/>
  <c r="U116371" i="1"/>
  <c r="U116370" i="1"/>
  <c r="U116369" i="1"/>
  <c r="U116368" i="1"/>
  <c r="U116367" i="1"/>
  <c r="U116366" i="1"/>
  <c r="U116365" i="1"/>
  <c r="U116364" i="1"/>
  <c r="U116363" i="1"/>
  <c r="U116362" i="1"/>
  <c r="U116361" i="1"/>
  <c r="U116360" i="1"/>
  <c r="U116359" i="1"/>
  <c r="U116358" i="1"/>
  <c r="U116357" i="1"/>
  <c r="U116356" i="1"/>
  <c r="U116355" i="1"/>
  <c r="U116354" i="1"/>
  <c r="U116353" i="1"/>
  <c r="U116352" i="1"/>
  <c r="U116351" i="1"/>
  <c r="U116350" i="1"/>
  <c r="U116349" i="1"/>
  <c r="U116348" i="1"/>
  <c r="U116347" i="1"/>
  <c r="U116346" i="1"/>
  <c r="U116345" i="1"/>
  <c r="U116344" i="1"/>
  <c r="U116343" i="1"/>
  <c r="U116342" i="1"/>
  <c r="U116341" i="1"/>
  <c r="U116340" i="1"/>
  <c r="U116339" i="1"/>
  <c r="U116338" i="1"/>
  <c r="U116337" i="1"/>
  <c r="U116336" i="1"/>
  <c r="U116335" i="1"/>
  <c r="U116334" i="1"/>
  <c r="U116333" i="1"/>
  <c r="U116332" i="1"/>
  <c r="U116331" i="1"/>
  <c r="U116330" i="1"/>
  <c r="U116329" i="1"/>
  <c r="U116328" i="1"/>
  <c r="U116327" i="1"/>
  <c r="U116326" i="1"/>
  <c r="U116325" i="1"/>
  <c r="U116324" i="1"/>
  <c r="U116323" i="1"/>
  <c r="U116322" i="1"/>
  <c r="U116321" i="1"/>
  <c r="U116320" i="1"/>
  <c r="U116319" i="1"/>
  <c r="U116318" i="1"/>
  <c r="U116317" i="1"/>
  <c r="U116316" i="1"/>
  <c r="U116315" i="1"/>
  <c r="U116314" i="1"/>
  <c r="U116313" i="1"/>
  <c r="U116312" i="1"/>
  <c r="U116311" i="1"/>
  <c r="U116310" i="1"/>
  <c r="U116309" i="1"/>
  <c r="U116308" i="1"/>
  <c r="U116307" i="1"/>
  <c r="U116306" i="1"/>
  <c r="U116305" i="1"/>
  <c r="U116304" i="1"/>
  <c r="U116303" i="1"/>
  <c r="U116302" i="1"/>
  <c r="U116301" i="1"/>
  <c r="U116300" i="1"/>
  <c r="U116299" i="1"/>
  <c r="U116298" i="1"/>
  <c r="U116297" i="1"/>
  <c r="U116296" i="1"/>
  <c r="U116295" i="1"/>
  <c r="U116294" i="1"/>
  <c r="U116293" i="1"/>
  <c r="U116292" i="1"/>
  <c r="U116291" i="1"/>
  <c r="U116290" i="1"/>
  <c r="U116289" i="1"/>
  <c r="U116288" i="1"/>
  <c r="U116287" i="1"/>
  <c r="U116286" i="1"/>
  <c r="U116285" i="1"/>
  <c r="U116284" i="1"/>
  <c r="U116283" i="1"/>
  <c r="U116282" i="1"/>
  <c r="U116281" i="1"/>
  <c r="U116280" i="1"/>
  <c r="U116279" i="1"/>
  <c r="U116278" i="1"/>
  <c r="U116277" i="1"/>
  <c r="U116276" i="1"/>
  <c r="U116275" i="1"/>
  <c r="U116274" i="1"/>
  <c r="U116273" i="1"/>
  <c r="U116272" i="1"/>
  <c r="U116271" i="1"/>
  <c r="U116270" i="1"/>
  <c r="U116269" i="1"/>
  <c r="U116268" i="1"/>
  <c r="U116267" i="1"/>
  <c r="U116266" i="1"/>
  <c r="U116265" i="1"/>
  <c r="U116264" i="1"/>
  <c r="U116263" i="1"/>
  <c r="U116262" i="1"/>
  <c r="U116261" i="1"/>
  <c r="U116260" i="1"/>
  <c r="U116259" i="1"/>
  <c r="U116258" i="1"/>
  <c r="U116257" i="1"/>
  <c r="U116256" i="1"/>
  <c r="U116255" i="1"/>
  <c r="U116254" i="1"/>
  <c r="U116253" i="1"/>
  <c r="U116252" i="1"/>
  <c r="U116251" i="1"/>
  <c r="U116250" i="1"/>
  <c r="U116249" i="1"/>
  <c r="U116248" i="1"/>
  <c r="U116247" i="1"/>
  <c r="U116246" i="1"/>
  <c r="U116245" i="1"/>
  <c r="U116244" i="1"/>
  <c r="U116243" i="1"/>
  <c r="U116242" i="1"/>
  <c r="U116241" i="1"/>
  <c r="U116240" i="1"/>
  <c r="U116239" i="1"/>
  <c r="U116238" i="1"/>
  <c r="U116237" i="1"/>
  <c r="U116236" i="1"/>
  <c r="U116235" i="1"/>
  <c r="U116234" i="1"/>
  <c r="U116233" i="1"/>
  <c r="U116232" i="1"/>
  <c r="U116231" i="1"/>
  <c r="U116230" i="1"/>
  <c r="U116229" i="1"/>
  <c r="U116228" i="1"/>
  <c r="U116227" i="1"/>
  <c r="U116226" i="1"/>
  <c r="U116225" i="1"/>
  <c r="U116224" i="1"/>
  <c r="U116223" i="1"/>
  <c r="U116222" i="1"/>
  <c r="U116221" i="1"/>
  <c r="U116220" i="1"/>
  <c r="U116219" i="1"/>
  <c r="U116218" i="1"/>
  <c r="U116217" i="1"/>
  <c r="U116216" i="1"/>
  <c r="U116215" i="1"/>
  <c r="U116214" i="1"/>
  <c r="U116213" i="1"/>
  <c r="U116212" i="1"/>
  <c r="U116211" i="1"/>
  <c r="U116210" i="1"/>
  <c r="U116209" i="1"/>
  <c r="U116208" i="1"/>
  <c r="U116207" i="1"/>
  <c r="U116206" i="1"/>
  <c r="U116205" i="1"/>
  <c r="U116204" i="1"/>
  <c r="U116203" i="1"/>
  <c r="U116202" i="1"/>
  <c r="U116201" i="1"/>
  <c r="U116200" i="1"/>
  <c r="U116199" i="1"/>
  <c r="U116198" i="1"/>
  <c r="U116197" i="1"/>
  <c r="U116196" i="1"/>
  <c r="U116195" i="1"/>
  <c r="U116194" i="1"/>
  <c r="U116193" i="1"/>
  <c r="U116192" i="1"/>
  <c r="U116191" i="1"/>
  <c r="U116190" i="1"/>
  <c r="U116189" i="1"/>
  <c r="U116188" i="1"/>
  <c r="U116187" i="1"/>
  <c r="U116186" i="1"/>
  <c r="U116185" i="1"/>
  <c r="U116184" i="1"/>
  <c r="U116183" i="1"/>
  <c r="U116182" i="1"/>
  <c r="U116181" i="1"/>
  <c r="U116180" i="1"/>
  <c r="U116179" i="1"/>
  <c r="U116178" i="1"/>
  <c r="U116177" i="1"/>
  <c r="U116176" i="1"/>
  <c r="U116175" i="1"/>
  <c r="U116174" i="1"/>
  <c r="U116173" i="1"/>
  <c r="U116172" i="1"/>
  <c r="U116171" i="1"/>
  <c r="U116170" i="1"/>
  <c r="U116169" i="1"/>
  <c r="U116168" i="1"/>
  <c r="U116167" i="1"/>
  <c r="U116166" i="1"/>
  <c r="U116165" i="1"/>
  <c r="U116164" i="1"/>
  <c r="U116163" i="1"/>
  <c r="U116162" i="1"/>
  <c r="U116161" i="1"/>
  <c r="U116160" i="1"/>
  <c r="U116159" i="1"/>
  <c r="U116158" i="1"/>
  <c r="U116157" i="1"/>
  <c r="U116156" i="1"/>
  <c r="U116155" i="1"/>
  <c r="U116154" i="1"/>
  <c r="U116153" i="1"/>
  <c r="U116152" i="1"/>
  <c r="U116151" i="1"/>
  <c r="U116150" i="1"/>
  <c r="U116149" i="1"/>
  <c r="U116148" i="1"/>
  <c r="U116147" i="1"/>
  <c r="U116146" i="1"/>
  <c r="U116145" i="1"/>
  <c r="U116144" i="1"/>
  <c r="U116143" i="1"/>
  <c r="U116142" i="1"/>
  <c r="U116141" i="1"/>
  <c r="U116140" i="1"/>
  <c r="U116139" i="1"/>
  <c r="U116138" i="1"/>
  <c r="U116137" i="1"/>
  <c r="U116136" i="1"/>
  <c r="U116135" i="1"/>
  <c r="U116134" i="1"/>
  <c r="U116133" i="1"/>
  <c r="U116132" i="1"/>
  <c r="U116131" i="1"/>
  <c r="U116130" i="1"/>
  <c r="U116129" i="1"/>
  <c r="U116128" i="1"/>
  <c r="U116127" i="1"/>
  <c r="U116126" i="1"/>
  <c r="U116125" i="1"/>
  <c r="U116124" i="1"/>
  <c r="U116123" i="1"/>
  <c r="U116122" i="1"/>
  <c r="U116121" i="1"/>
  <c r="U116120" i="1"/>
  <c r="U116119" i="1"/>
  <c r="U116118" i="1"/>
  <c r="U116117" i="1"/>
  <c r="U116116" i="1"/>
  <c r="U116115" i="1"/>
  <c r="U116114" i="1"/>
  <c r="U116113" i="1"/>
  <c r="U116112" i="1"/>
  <c r="U116111" i="1"/>
  <c r="U116110" i="1"/>
  <c r="U116109" i="1"/>
  <c r="U116108" i="1"/>
  <c r="U116107" i="1"/>
  <c r="U116106" i="1"/>
  <c r="U116105" i="1"/>
  <c r="U116104" i="1"/>
  <c r="U116103" i="1"/>
  <c r="U116102" i="1"/>
  <c r="U116101" i="1"/>
  <c r="U116100" i="1"/>
  <c r="U116099" i="1"/>
  <c r="U116098" i="1"/>
  <c r="U116097" i="1"/>
  <c r="U116096" i="1"/>
  <c r="U116095" i="1"/>
  <c r="U116094" i="1"/>
  <c r="U116093" i="1"/>
  <c r="U116092" i="1"/>
  <c r="U116091" i="1"/>
  <c r="U116090" i="1"/>
  <c r="U116089" i="1"/>
  <c r="U116088" i="1"/>
  <c r="U116087" i="1"/>
  <c r="U116086" i="1"/>
  <c r="U116085" i="1"/>
  <c r="U116084" i="1"/>
  <c r="U116083" i="1"/>
  <c r="U116082" i="1"/>
  <c r="U116081" i="1"/>
  <c r="U116080" i="1"/>
  <c r="U116079" i="1"/>
  <c r="U116078" i="1"/>
  <c r="U116077" i="1"/>
  <c r="U116076" i="1"/>
  <c r="U116075" i="1"/>
  <c r="U116074" i="1"/>
  <c r="U116073" i="1"/>
  <c r="U116072" i="1"/>
  <c r="U116071" i="1"/>
  <c r="U116070" i="1"/>
  <c r="U116069" i="1"/>
  <c r="U116068" i="1"/>
  <c r="U116067" i="1"/>
  <c r="U116066" i="1"/>
  <c r="U116065" i="1"/>
  <c r="U116064" i="1"/>
  <c r="U116063" i="1"/>
  <c r="U116062" i="1"/>
  <c r="U116061" i="1"/>
  <c r="U116060" i="1"/>
  <c r="U116059" i="1"/>
  <c r="U116058" i="1"/>
  <c r="U116057" i="1"/>
  <c r="U116056" i="1"/>
  <c r="U116055" i="1"/>
  <c r="U116054" i="1"/>
  <c r="U116053" i="1"/>
  <c r="U116052" i="1"/>
  <c r="U116051" i="1"/>
  <c r="U116050" i="1"/>
  <c r="U116049" i="1"/>
  <c r="U116048" i="1"/>
  <c r="U116047" i="1"/>
  <c r="U116046" i="1"/>
  <c r="U116045" i="1"/>
  <c r="U116044" i="1"/>
  <c r="U116043" i="1"/>
  <c r="U116042" i="1"/>
  <c r="U116041" i="1"/>
  <c r="U116040" i="1"/>
  <c r="U116039" i="1"/>
  <c r="U116038" i="1"/>
  <c r="U116037" i="1"/>
  <c r="U116036" i="1"/>
  <c r="U116035" i="1"/>
  <c r="U116034" i="1"/>
  <c r="U116033" i="1"/>
  <c r="U116032" i="1"/>
  <c r="U116031" i="1"/>
  <c r="U116030" i="1"/>
  <c r="U116029" i="1"/>
  <c r="U116028" i="1"/>
  <c r="U116027" i="1"/>
  <c r="U116026" i="1"/>
  <c r="U116025" i="1"/>
  <c r="U116024" i="1"/>
  <c r="U116023" i="1"/>
  <c r="U116022" i="1"/>
  <c r="U116021" i="1"/>
  <c r="U116020" i="1"/>
  <c r="U116019" i="1"/>
  <c r="U116018" i="1"/>
  <c r="U116017" i="1"/>
  <c r="U116016" i="1"/>
  <c r="U116015" i="1"/>
  <c r="U116014" i="1"/>
  <c r="U116013" i="1"/>
  <c r="U116012" i="1"/>
  <c r="U116011" i="1"/>
  <c r="U116010" i="1"/>
  <c r="U116009" i="1"/>
  <c r="U116008" i="1"/>
  <c r="U116007" i="1"/>
  <c r="U116006" i="1"/>
  <c r="U116005" i="1"/>
  <c r="U116004" i="1"/>
  <c r="U116003" i="1"/>
  <c r="U116002" i="1"/>
  <c r="U116001" i="1"/>
  <c r="U116000" i="1"/>
  <c r="U115999" i="1"/>
  <c r="U115998" i="1"/>
  <c r="U115997" i="1"/>
  <c r="U115996" i="1"/>
  <c r="U115995" i="1"/>
  <c r="U115994" i="1"/>
  <c r="U115993" i="1"/>
  <c r="U115992" i="1"/>
  <c r="U115991" i="1"/>
  <c r="U115990" i="1"/>
  <c r="U115989" i="1"/>
  <c r="U115988" i="1"/>
  <c r="U115987" i="1"/>
  <c r="U115986" i="1"/>
  <c r="U115985" i="1"/>
  <c r="U115984" i="1"/>
  <c r="U115983" i="1"/>
  <c r="U115982" i="1"/>
  <c r="U115981" i="1"/>
  <c r="U115980" i="1"/>
  <c r="U115979" i="1"/>
  <c r="U115978" i="1"/>
  <c r="U115977" i="1"/>
  <c r="U115976" i="1"/>
  <c r="U115975" i="1"/>
  <c r="U115974" i="1"/>
  <c r="U115973" i="1"/>
  <c r="U115972" i="1"/>
  <c r="U115971" i="1"/>
  <c r="U115970" i="1"/>
  <c r="U115969" i="1"/>
  <c r="U115968" i="1"/>
  <c r="U115967" i="1"/>
  <c r="U115966" i="1"/>
  <c r="U115965" i="1"/>
  <c r="U115964" i="1"/>
  <c r="U115963" i="1"/>
  <c r="U115962" i="1"/>
  <c r="U115961" i="1"/>
  <c r="U115960" i="1"/>
  <c r="U115959" i="1"/>
  <c r="U115958" i="1"/>
  <c r="U115957" i="1"/>
  <c r="U115956" i="1"/>
  <c r="U115955" i="1"/>
  <c r="U115954" i="1"/>
  <c r="U115953" i="1"/>
  <c r="U115952" i="1"/>
  <c r="U115951" i="1"/>
  <c r="U115950" i="1"/>
  <c r="U115949" i="1"/>
  <c r="U115948" i="1"/>
  <c r="U115947" i="1"/>
  <c r="U115946" i="1"/>
  <c r="U115945" i="1"/>
  <c r="U115944" i="1"/>
  <c r="U115943" i="1"/>
  <c r="U115942" i="1"/>
  <c r="U115941" i="1"/>
  <c r="U115940" i="1"/>
  <c r="U115939" i="1"/>
  <c r="U115938" i="1"/>
  <c r="U115937" i="1"/>
  <c r="U115936" i="1"/>
  <c r="U115935" i="1"/>
  <c r="U115934" i="1"/>
  <c r="U115933" i="1"/>
  <c r="U115932" i="1"/>
  <c r="U115931" i="1"/>
  <c r="U115930" i="1"/>
  <c r="U115929" i="1"/>
  <c r="U115928" i="1"/>
  <c r="U115927" i="1"/>
  <c r="U115926" i="1"/>
  <c r="U115925" i="1"/>
  <c r="U115924" i="1"/>
  <c r="U115923" i="1"/>
  <c r="U115922" i="1"/>
  <c r="U115921" i="1"/>
  <c r="U115920" i="1"/>
  <c r="U115919" i="1"/>
  <c r="U115918" i="1"/>
  <c r="U115917" i="1"/>
  <c r="U115916" i="1"/>
  <c r="U115915" i="1"/>
  <c r="U115914" i="1"/>
  <c r="U115913" i="1"/>
  <c r="U115912" i="1"/>
  <c r="U115911" i="1"/>
  <c r="U115910" i="1"/>
  <c r="U115909" i="1"/>
  <c r="U115908" i="1"/>
  <c r="U115907" i="1"/>
  <c r="U115906" i="1"/>
  <c r="U115905" i="1"/>
  <c r="U115904" i="1"/>
  <c r="U115903" i="1"/>
  <c r="U115902" i="1"/>
  <c r="U115901" i="1"/>
  <c r="U115900" i="1"/>
  <c r="U115899" i="1"/>
  <c r="U115898" i="1"/>
  <c r="U115897" i="1"/>
  <c r="U115896" i="1"/>
  <c r="U115895" i="1"/>
  <c r="U115894" i="1"/>
  <c r="U115893" i="1"/>
  <c r="U115892" i="1"/>
  <c r="U115891" i="1"/>
  <c r="U115890" i="1"/>
  <c r="U115889" i="1"/>
  <c r="U115888" i="1"/>
  <c r="U115887" i="1"/>
  <c r="U115886" i="1"/>
  <c r="U115885" i="1"/>
  <c r="U115884" i="1"/>
  <c r="U115883" i="1"/>
  <c r="U115882" i="1"/>
  <c r="U115881" i="1"/>
  <c r="U115880" i="1"/>
  <c r="U115879" i="1"/>
  <c r="U115878" i="1"/>
  <c r="U115877" i="1"/>
  <c r="U115876" i="1"/>
  <c r="U115875" i="1"/>
  <c r="U115874" i="1"/>
  <c r="U115873" i="1"/>
  <c r="U115872" i="1"/>
  <c r="U115871" i="1"/>
  <c r="U115870" i="1"/>
  <c r="U115869" i="1"/>
  <c r="U115868" i="1"/>
  <c r="U115867" i="1"/>
  <c r="U115866" i="1"/>
  <c r="U115865" i="1"/>
  <c r="U115864" i="1"/>
  <c r="U115863" i="1"/>
  <c r="U115862" i="1"/>
  <c r="U115861" i="1"/>
  <c r="U115860" i="1"/>
  <c r="U115859" i="1"/>
  <c r="U115858" i="1"/>
  <c r="U115857" i="1"/>
  <c r="U115856" i="1"/>
  <c r="U115855" i="1"/>
  <c r="U115854" i="1"/>
  <c r="U115853" i="1"/>
  <c r="U115852" i="1"/>
  <c r="U115851" i="1"/>
  <c r="U115850" i="1"/>
  <c r="U115849" i="1"/>
  <c r="U115848" i="1"/>
  <c r="U115847" i="1"/>
  <c r="U115846" i="1"/>
  <c r="U115845" i="1"/>
  <c r="U115844" i="1"/>
  <c r="U115843" i="1"/>
  <c r="U115842" i="1"/>
  <c r="U115841" i="1"/>
  <c r="U115840" i="1"/>
  <c r="U115839" i="1"/>
  <c r="U115838" i="1"/>
  <c r="U115837" i="1"/>
  <c r="U115836" i="1"/>
  <c r="U115835" i="1"/>
  <c r="U115834" i="1"/>
  <c r="U115833" i="1"/>
  <c r="U115832" i="1"/>
  <c r="U115831" i="1"/>
  <c r="U115830" i="1"/>
  <c r="U115829" i="1"/>
  <c r="U115828" i="1"/>
  <c r="U115827" i="1"/>
  <c r="U115826" i="1"/>
  <c r="U115825" i="1"/>
  <c r="U115824" i="1"/>
  <c r="U115823" i="1"/>
  <c r="U115822" i="1"/>
  <c r="U115821" i="1"/>
  <c r="U115820" i="1"/>
  <c r="U115819" i="1"/>
  <c r="U115818" i="1"/>
  <c r="U115817" i="1"/>
  <c r="U115816" i="1"/>
  <c r="U115815" i="1"/>
  <c r="U115814" i="1"/>
  <c r="U115813" i="1"/>
  <c r="U115812" i="1"/>
  <c r="U115811" i="1"/>
  <c r="U115810" i="1"/>
  <c r="U115809" i="1"/>
  <c r="U115808" i="1"/>
  <c r="U115807" i="1"/>
  <c r="U115806" i="1"/>
  <c r="U115805" i="1"/>
  <c r="U115804" i="1"/>
  <c r="U115803" i="1"/>
  <c r="U115802" i="1"/>
  <c r="U115801" i="1"/>
  <c r="U115800" i="1"/>
  <c r="U115799" i="1"/>
  <c r="U115798" i="1"/>
  <c r="U115797" i="1"/>
  <c r="U115796" i="1"/>
  <c r="U115795" i="1"/>
  <c r="U115794" i="1"/>
  <c r="U115793" i="1"/>
  <c r="U115792" i="1"/>
  <c r="U115791" i="1"/>
  <c r="U115790" i="1"/>
  <c r="U115789" i="1"/>
  <c r="U115788" i="1"/>
  <c r="U115787" i="1"/>
  <c r="U115786" i="1"/>
  <c r="U115785" i="1"/>
  <c r="U115784" i="1"/>
  <c r="U115783" i="1"/>
  <c r="U115782" i="1"/>
  <c r="U115781" i="1"/>
  <c r="U115780" i="1"/>
  <c r="U115779" i="1"/>
  <c r="U115778" i="1"/>
  <c r="U115777" i="1"/>
  <c r="U115776" i="1"/>
  <c r="U115775" i="1"/>
  <c r="U115774" i="1"/>
  <c r="U115773" i="1"/>
  <c r="U115772" i="1"/>
  <c r="U115771" i="1"/>
  <c r="U115770" i="1"/>
  <c r="U115769" i="1"/>
  <c r="U115768" i="1"/>
  <c r="U115767" i="1"/>
  <c r="U115766" i="1"/>
  <c r="U115765" i="1"/>
  <c r="U115764" i="1"/>
  <c r="U115763" i="1"/>
  <c r="U115762" i="1"/>
  <c r="U115761" i="1"/>
  <c r="U115760" i="1"/>
  <c r="U115759" i="1"/>
  <c r="U115758" i="1"/>
  <c r="U115757" i="1"/>
  <c r="U115756" i="1"/>
  <c r="U115755" i="1"/>
  <c r="U115754" i="1"/>
  <c r="U115753" i="1"/>
  <c r="U115752" i="1"/>
  <c r="U115751" i="1"/>
  <c r="U115750" i="1"/>
  <c r="U115749" i="1"/>
  <c r="U115748" i="1"/>
  <c r="U115747" i="1"/>
  <c r="U115746" i="1"/>
  <c r="U115745" i="1"/>
  <c r="U115744" i="1"/>
  <c r="U115743" i="1"/>
  <c r="U115742" i="1"/>
  <c r="U115741" i="1"/>
  <c r="U115740" i="1"/>
  <c r="U115739" i="1"/>
  <c r="U115738" i="1"/>
  <c r="U115737" i="1"/>
  <c r="U115736" i="1"/>
  <c r="U115735" i="1"/>
  <c r="U115734" i="1"/>
  <c r="U115733" i="1"/>
  <c r="U115732" i="1"/>
  <c r="U115731" i="1"/>
  <c r="U115730" i="1"/>
  <c r="U115729" i="1"/>
  <c r="U115728" i="1"/>
  <c r="U115727" i="1"/>
  <c r="U115726" i="1"/>
  <c r="U115725" i="1"/>
  <c r="U115724" i="1"/>
  <c r="U115723" i="1"/>
  <c r="U115722" i="1"/>
  <c r="U115721" i="1"/>
  <c r="U115720" i="1"/>
  <c r="U115719" i="1"/>
  <c r="U115718" i="1"/>
  <c r="U115717" i="1"/>
  <c r="U115716" i="1"/>
  <c r="U115715" i="1"/>
  <c r="U115714" i="1"/>
  <c r="U115713" i="1"/>
  <c r="U115712" i="1"/>
  <c r="U115711" i="1"/>
  <c r="U115710" i="1"/>
  <c r="U115709" i="1"/>
  <c r="U115708" i="1"/>
  <c r="U115707" i="1"/>
  <c r="U115706" i="1"/>
  <c r="U115705" i="1"/>
  <c r="U115704" i="1"/>
  <c r="U115703" i="1"/>
  <c r="U115702" i="1"/>
  <c r="U115701" i="1"/>
  <c r="U115700" i="1"/>
  <c r="U115699" i="1"/>
  <c r="U115698" i="1"/>
  <c r="U115697" i="1"/>
  <c r="U115696" i="1"/>
  <c r="U115695" i="1"/>
  <c r="U115694" i="1"/>
  <c r="U115693" i="1"/>
  <c r="U115692" i="1"/>
  <c r="U115691" i="1"/>
  <c r="U115690" i="1"/>
  <c r="U115689" i="1"/>
  <c r="U115688" i="1"/>
  <c r="U115687" i="1"/>
  <c r="U115686" i="1"/>
  <c r="U115685" i="1"/>
  <c r="U115684" i="1"/>
  <c r="U115683" i="1"/>
  <c r="U115682" i="1"/>
  <c r="U115681" i="1"/>
  <c r="U115680" i="1"/>
  <c r="U115679" i="1"/>
  <c r="U115678" i="1"/>
  <c r="U115677" i="1"/>
  <c r="U115676" i="1"/>
  <c r="U115675" i="1"/>
  <c r="U115674" i="1"/>
  <c r="U115673" i="1"/>
  <c r="U115672" i="1"/>
  <c r="U115671" i="1"/>
  <c r="U115670" i="1"/>
  <c r="U115669" i="1"/>
  <c r="U115668" i="1"/>
  <c r="U115667" i="1"/>
  <c r="U115666" i="1"/>
  <c r="U115665" i="1"/>
  <c r="U115664" i="1"/>
  <c r="U115663" i="1"/>
  <c r="U115662" i="1"/>
  <c r="U115661" i="1"/>
  <c r="U115660" i="1"/>
  <c r="U115659" i="1"/>
  <c r="U115658" i="1"/>
  <c r="U115657" i="1"/>
  <c r="U115656" i="1"/>
  <c r="U115655" i="1"/>
  <c r="U115654" i="1"/>
  <c r="U115653" i="1"/>
  <c r="U115652" i="1"/>
  <c r="U115651" i="1"/>
  <c r="U115650" i="1"/>
  <c r="U115649" i="1"/>
  <c r="U115648" i="1"/>
  <c r="U115647" i="1"/>
  <c r="U115646" i="1"/>
  <c r="U115645" i="1"/>
  <c r="U115644" i="1"/>
  <c r="U115643" i="1"/>
  <c r="U115642" i="1"/>
  <c r="U115641" i="1"/>
  <c r="U115640" i="1"/>
  <c r="U115639" i="1"/>
  <c r="U115638" i="1"/>
  <c r="U115637" i="1"/>
  <c r="U115636" i="1"/>
  <c r="U115635" i="1"/>
  <c r="U115634" i="1"/>
  <c r="U115633" i="1"/>
  <c r="U115632" i="1"/>
  <c r="U115631" i="1"/>
  <c r="U115630" i="1"/>
  <c r="U115629" i="1"/>
  <c r="U115628" i="1"/>
  <c r="U115627" i="1"/>
  <c r="U115626" i="1"/>
  <c r="U115625" i="1"/>
  <c r="U115624" i="1"/>
  <c r="U115623" i="1"/>
  <c r="U115622" i="1"/>
  <c r="U115621" i="1"/>
  <c r="U115620" i="1"/>
  <c r="U115619" i="1"/>
  <c r="U115618" i="1"/>
  <c r="U115617" i="1"/>
  <c r="U115616" i="1"/>
  <c r="U115615" i="1"/>
  <c r="U115614" i="1"/>
  <c r="U115613" i="1"/>
  <c r="U115612" i="1"/>
  <c r="U115611" i="1"/>
  <c r="U115610" i="1"/>
  <c r="U115609" i="1"/>
  <c r="U115608" i="1"/>
  <c r="U115607" i="1"/>
  <c r="U115606" i="1"/>
  <c r="U115605" i="1"/>
  <c r="U115604" i="1"/>
  <c r="U115603" i="1"/>
  <c r="U115602" i="1"/>
  <c r="U115601" i="1"/>
  <c r="U115600" i="1"/>
  <c r="U115599" i="1"/>
  <c r="U115598" i="1"/>
  <c r="U115597" i="1"/>
  <c r="U115596" i="1"/>
  <c r="U115595" i="1"/>
  <c r="U115594" i="1"/>
  <c r="U115593" i="1"/>
  <c r="U115592" i="1"/>
  <c r="U115591" i="1"/>
  <c r="U115590" i="1"/>
  <c r="U115589" i="1"/>
  <c r="U115588" i="1"/>
  <c r="U115587" i="1"/>
  <c r="U115586" i="1"/>
  <c r="U115585" i="1"/>
  <c r="U115584" i="1"/>
  <c r="U115583" i="1"/>
  <c r="U115582" i="1"/>
  <c r="U115581" i="1"/>
  <c r="U115580" i="1"/>
  <c r="U115579" i="1"/>
  <c r="U115578" i="1"/>
  <c r="U115577" i="1"/>
  <c r="U115576" i="1"/>
  <c r="U115575" i="1"/>
  <c r="U115574" i="1"/>
  <c r="U115573" i="1"/>
  <c r="U115572" i="1"/>
  <c r="U115571" i="1"/>
  <c r="U115570" i="1"/>
  <c r="U115569" i="1"/>
  <c r="U115568" i="1"/>
  <c r="U115567" i="1"/>
  <c r="U115566" i="1"/>
  <c r="U115565" i="1"/>
  <c r="U115564" i="1"/>
  <c r="U115563" i="1"/>
  <c r="U115562" i="1"/>
  <c r="U115561" i="1"/>
  <c r="U115560" i="1"/>
  <c r="U115559" i="1"/>
  <c r="U115558" i="1"/>
  <c r="U115557" i="1"/>
  <c r="U115556" i="1"/>
  <c r="U115555" i="1"/>
  <c r="U115554" i="1"/>
  <c r="U115553" i="1"/>
  <c r="U115552" i="1"/>
  <c r="U115551" i="1"/>
  <c r="U115550" i="1"/>
  <c r="U115549" i="1"/>
  <c r="U115548" i="1"/>
  <c r="U115547" i="1"/>
  <c r="U115546" i="1"/>
  <c r="U115545" i="1"/>
  <c r="U115544" i="1"/>
  <c r="U115543" i="1"/>
  <c r="U115542" i="1"/>
  <c r="U115541" i="1"/>
  <c r="U115540" i="1"/>
  <c r="U115539" i="1"/>
  <c r="U115538" i="1"/>
  <c r="U115537" i="1"/>
  <c r="U115536" i="1"/>
  <c r="U115535" i="1"/>
  <c r="U115534" i="1"/>
  <c r="U115533" i="1"/>
  <c r="U115532" i="1"/>
  <c r="U115531" i="1"/>
  <c r="U115530" i="1"/>
  <c r="U115529" i="1"/>
  <c r="U115528" i="1"/>
  <c r="U115527" i="1"/>
  <c r="U115526" i="1"/>
  <c r="U115525" i="1"/>
  <c r="U115524" i="1"/>
  <c r="U115523" i="1"/>
  <c r="U115522" i="1"/>
  <c r="U115521" i="1"/>
  <c r="U115520" i="1"/>
  <c r="U115519" i="1"/>
  <c r="U115518" i="1"/>
  <c r="U115517" i="1"/>
  <c r="U115516" i="1"/>
  <c r="U115515" i="1"/>
  <c r="U115514" i="1"/>
  <c r="U115513" i="1"/>
  <c r="U115512" i="1"/>
  <c r="U115511" i="1"/>
  <c r="U115510" i="1"/>
  <c r="U115509" i="1"/>
  <c r="U115508" i="1"/>
  <c r="U115507" i="1"/>
  <c r="U115506" i="1"/>
  <c r="U115505" i="1"/>
  <c r="U115504" i="1"/>
  <c r="U115503" i="1"/>
  <c r="U115502" i="1"/>
  <c r="U115501" i="1"/>
  <c r="U115500" i="1"/>
  <c r="U115499" i="1"/>
  <c r="U115498" i="1"/>
  <c r="U115497" i="1"/>
  <c r="U115496" i="1"/>
  <c r="U115495" i="1"/>
  <c r="U115494" i="1"/>
  <c r="U115493" i="1"/>
  <c r="U115492" i="1"/>
  <c r="U115491" i="1"/>
  <c r="U115490" i="1"/>
  <c r="U115489" i="1"/>
  <c r="U115488" i="1"/>
  <c r="U115487" i="1"/>
  <c r="U115486" i="1"/>
  <c r="U115485" i="1"/>
  <c r="U115484" i="1"/>
  <c r="U115483" i="1"/>
  <c r="U115482" i="1"/>
  <c r="U115481" i="1"/>
  <c r="U115480" i="1"/>
  <c r="U115479" i="1"/>
  <c r="U115478" i="1"/>
  <c r="U115477" i="1"/>
  <c r="U115476" i="1"/>
  <c r="U115475" i="1"/>
  <c r="U115474" i="1"/>
  <c r="U115473" i="1"/>
  <c r="U115472" i="1"/>
  <c r="U115471" i="1"/>
  <c r="U115470" i="1"/>
  <c r="U115469" i="1"/>
  <c r="U115468" i="1"/>
  <c r="U115467" i="1"/>
  <c r="U115466" i="1"/>
  <c r="U115465" i="1"/>
  <c r="U115464" i="1"/>
  <c r="U115463" i="1"/>
  <c r="U115462" i="1"/>
  <c r="U115461" i="1"/>
  <c r="U115460" i="1"/>
  <c r="U115459" i="1"/>
  <c r="U115458" i="1"/>
  <c r="U115457" i="1"/>
  <c r="U115456" i="1"/>
  <c r="U115455" i="1"/>
  <c r="U115454" i="1"/>
  <c r="U115453" i="1"/>
  <c r="U115452" i="1"/>
  <c r="U115451" i="1"/>
  <c r="U115450" i="1"/>
  <c r="U115449" i="1"/>
  <c r="U115448" i="1"/>
  <c r="U115447" i="1"/>
  <c r="U115446" i="1"/>
  <c r="U115445" i="1"/>
  <c r="U115444" i="1"/>
  <c r="U115443" i="1"/>
  <c r="U115442" i="1"/>
  <c r="U115441" i="1"/>
  <c r="U115440" i="1"/>
  <c r="U115439" i="1"/>
  <c r="U115438" i="1"/>
  <c r="U115437" i="1"/>
  <c r="U115436" i="1"/>
  <c r="U115435" i="1"/>
  <c r="U115434" i="1"/>
  <c r="U115433" i="1"/>
  <c r="U115432" i="1"/>
  <c r="U115431" i="1"/>
  <c r="U115430" i="1"/>
  <c r="U115429" i="1"/>
  <c r="U115428" i="1"/>
  <c r="U115427" i="1"/>
  <c r="U115426" i="1"/>
  <c r="U115425" i="1"/>
  <c r="U115424" i="1"/>
  <c r="U115423" i="1"/>
  <c r="U115422" i="1"/>
  <c r="U115421" i="1"/>
  <c r="U115420" i="1"/>
  <c r="U115419" i="1"/>
  <c r="U115418" i="1"/>
  <c r="U115417" i="1"/>
  <c r="U115416" i="1"/>
  <c r="U115415" i="1"/>
  <c r="U115414" i="1"/>
  <c r="U115413" i="1"/>
  <c r="U115412" i="1"/>
  <c r="U115411" i="1"/>
  <c r="U115410" i="1"/>
  <c r="U115409" i="1"/>
  <c r="U115408" i="1"/>
  <c r="U115407" i="1"/>
  <c r="U115406" i="1"/>
  <c r="U115405" i="1"/>
  <c r="U115404" i="1"/>
  <c r="U115403" i="1"/>
  <c r="U115402" i="1"/>
  <c r="U115401" i="1"/>
  <c r="U115400" i="1"/>
  <c r="U115399" i="1"/>
  <c r="U115398" i="1"/>
  <c r="U115397" i="1"/>
  <c r="U115396" i="1"/>
  <c r="U115395" i="1"/>
  <c r="U115394" i="1"/>
  <c r="U115393" i="1"/>
  <c r="U115392" i="1"/>
  <c r="U115391" i="1"/>
  <c r="U115390" i="1"/>
  <c r="U115389" i="1"/>
  <c r="U115388" i="1"/>
  <c r="U115387" i="1"/>
  <c r="U115386" i="1"/>
  <c r="U115385" i="1"/>
  <c r="U115384" i="1"/>
  <c r="U115383" i="1"/>
  <c r="U115382" i="1"/>
  <c r="U115381" i="1"/>
  <c r="U115380" i="1"/>
  <c r="U115379" i="1"/>
  <c r="U115378" i="1"/>
  <c r="U115377" i="1"/>
  <c r="U115376" i="1"/>
  <c r="U115375" i="1"/>
  <c r="U115374" i="1"/>
  <c r="U115373" i="1"/>
  <c r="U115372" i="1"/>
  <c r="U115371" i="1"/>
  <c r="U115370" i="1"/>
  <c r="U115369" i="1"/>
  <c r="U115368" i="1"/>
  <c r="U115367" i="1"/>
  <c r="U115366" i="1"/>
  <c r="U115365" i="1"/>
  <c r="U115364" i="1"/>
  <c r="U115363" i="1"/>
  <c r="U115362" i="1"/>
  <c r="U115361" i="1"/>
  <c r="U115360" i="1"/>
  <c r="U115359" i="1"/>
  <c r="U115358" i="1"/>
  <c r="U115357" i="1"/>
  <c r="U115356" i="1"/>
  <c r="U115355" i="1"/>
  <c r="U115354" i="1"/>
  <c r="U115353" i="1"/>
  <c r="U115352" i="1"/>
  <c r="U115351" i="1"/>
  <c r="U115350" i="1"/>
  <c r="U115349" i="1"/>
  <c r="U115348" i="1"/>
  <c r="U115347" i="1"/>
  <c r="U115346" i="1"/>
  <c r="U115345" i="1"/>
  <c r="U115344" i="1"/>
  <c r="U115343" i="1"/>
  <c r="U115342" i="1"/>
  <c r="U115341" i="1"/>
  <c r="U115340" i="1"/>
  <c r="U115339" i="1"/>
  <c r="U115338" i="1"/>
  <c r="U115337" i="1"/>
  <c r="U115336" i="1"/>
  <c r="U115335" i="1"/>
  <c r="U115334" i="1"/>
  <c r="U115333" i="1"/>
  <c r="U115332" i="1"/>
  <c r="U115331" i="1"/>
  <c r="U115330" i="1"/>
  <c r="U115329" i="1"/>
  <c r="U115328" i="1"/>
  <c r="U115327" i="1"/>
  <c r="U115326" i="1"/>
  <c r="U115325" i="1"/>
  <c r="U115324" i="1"/>
  <c r="U115323" i="1"/>
  <c r="U115322" i="1"/>
  <c r="U115321" i="1"/>
  <c r="U115320" i="1"/>
  <c r="U115319" i="1"/>
  <c r="U115318" i="1"/>
  <c r="U115317" i="1"/>
  <c r="U115316" i="1"/>
  <c r="U115315" i="1"/>
  <c r="U115314" i="1"/>
  <c r="U115313" i="1"/>
  <c r="U115312" i="1"/>
  <c r="U115311" i="1"/>
  <c r="U115310" i="1"/>
  <c r="U115309" i="1"/>
  <c r="U115308" i="1"/>
  <c r="U115307" i="1"/>
  <c r="U115306" i="1"/>
  <c r="U115305" i="1"/>
  <c r="U115304" i="1"/>
  <c r="U115303" i="1"/>
  <c r="U115302" i="1"/>
  <c r="U115301" i="1"/>
  <c r="U115300" i="1"/>
  <c r="U115299" i="1"/>
  <c r="U115298" i="1"/>
  <c r="U115297" i="1"/>
  <c r="U115296" i="1"/>
  <c r="U115295" i="1"/>
  <c r="U115294" i="1"/>
  <c r="U115293" i="1"/>
  <c r="U115292" i="1"/>
  <c r="U115291" i="1"/>
  <c r="U115290" i="1"/>
  <c r="U115289" i="1"/>
  <c r="U115288" i="1"/>
  <c r="U115287" i="1"/>
  <c r="U115286" i="1"/>
  <c r="U115285" i="1"/>
  <c r="U115284" i="1"/>
  <c r="U115283" i="1"/>
  <c r="U115282" i="1"/>
  <c r="U115281" i="1"/>
  <c r="U115280" i="1"/>
  <c r="U115279" i="1"/>
  <c r="U115278" i="1"/>
  <c r="U115277" i="1"/>
  <c r="U115276" i="1"/>
  <c r="U115275" i="1"/>
  <c r="U115274" i="1"/>
  <c r="U115273" i="1"/>
  <c r="U115272" i="1"/>
  <c r="U115271" i="1"/>
  <c r="U115270" i="1"/>
  <c r="U115269" i="1"/>
  <c r="U115268" i="1"/>
  <c r="U115267" i="1"/>
  <c r="U115266" i="1"/>
  <c r="U115265" i="1"/>
  <c r="U115264" i="1"/>
  <c r="U115263" i="1"/>
  <c r="U115262" i="1"/>
  <c r="U115261" i="1"/>
  <c r="U115260" i="1"/>
  <c r="U115259" i="1"/>
  <c r="U115258" i="1"/>
  <c r="U115257" i="1"/>
  <c r="U115256" i="1"/>
  <c r="U115255" i="1"/>
  <c r="U115254" i="1"/>
  <c r="U115253" i="1"/>
  <c r="U115252" i="1"/>
  <c r="U115251" i="1"/>
  <c r="U115250" i="1"/>
  <c r="U115249" i="1"/>
  <c r="U115248" i="1"/>
  <c r="U115247" i="1"/>
  <c r="U115246" i="1"/>
  <c r="U115245" i="1"/>
  <c r="U115244" i="1"/>
  <c r="U115243" i="1"/>
  <c r="U115242" i="1"/>
  <c r="U115241" i="1"/>
  <c r="U115240" i="1"/>
  <c r="U115239" i="1"/>
  <c r="U115238" i="1"/>
  <c r="U115237" i="1"/>
  <c r="U115236" i="1"/>
  <c r="U115235" i="1"/>
  <c r="U115234" i="1"/>
  <c r="U115233" i="1"/>
  <c r="U115232" i="1"/>
  <c r="U115231" i="1"/>
  <c r="U115230" i="1"/>
  <c r="U115229" i="1"/>
  <c r="U115228" i="1"/>
  <c r="U115227" i="1"/>
  <c r="U115226" i="1"/>
  <c r="U115225" i="1"/>
  <c r="U115224" i="1"/>
  <c r="U115223" i="1"/>
  <c r="U115222" i="1"/>
  <c r="U115221" i="1"/>
  <c r="U115220" i="1"/>
  <c r="U115219" i="1"/>
  <c r="U115218" i="1"/>
  <c r="U115217" i="1"/>
  <c r="U115216" i="1"/>
  <c r="U115215" i="1"/>
  <c r="U115214" i="1"/>
  <c r="U115213" i="1"/>
  <c r="U115212" i="1"/>
  <c r="U115211" i="1"/>
  <c r="U115210" i="1"/>
  <c r="U115209" i="1"/>
  <c r="U115208" i="1"/>
  <c r="U115207" i="1"/>
  <c r="U115206" i="1"/>
  <c r="U115205" i="1"/>
  <c r="U115204" i="1"/>
  <c r="U115203" i="1"/>
  <c r="U115202" i="1"/>
  <c r="U115201" i="1"/>
  <c r="U115200" i="1"/>
  <c r="U115199" i="1"/>
  <c r="U115198" i="1"/>
  <c r="U115197" i="1"/>
  <c r="U115196" i="1"/>
  <c r="U115195" i="1"/>
  <c r="U115194" i="1"/>
  <c r="U115193" i="1"/>
  <c r="U115192" i="1"/>
  <c r="U115191" i="1"/>
  <c r="U115190" i="1"/>
  <c r="U115189" i="1"/>
  <c r="U115188" i="1"/>
  <c r="U115187" i="1"/>
  <c r="U115186" i="1"/>
  <c r="U115185" i="1"/>
  <c r="U115184" i="1"/>
  <c r="U115183" i="1"/>
  <c r="U115182" i="1"/>
  <c r="U115181" i="1"/>
  <c r="U115180" i="1"/>
  <c r="U115179" i="1"/>
  <c r="U115178" i="1"/>
  <c r="U115177" i="1"/>
  <c r="U115176" i="1"/>
  <c r="U115175" i="1"/>
  <c r="U115174" i="1"/>
  <c r="U115173" i="1"/>
  <c r="U115172" i="1"/>
  <c r="U115171" i="1"/>
  <c r="U115170" i="1"/>
  <c r="U115169" i="1"/>
  <c r="U115168" i="1"/>
  <c r="U115167" i="1"/>
  <c r="U115166" i="1"/>
  <c r="U115165" i="1"/>
  <c r="U115164" i="1"/>
  <c r="U115163" i="1"/>
  <c r="U115162" i="1"/>
  <c r="U115161" i="1"/>
  <c r="U115160" i="1"/>
  <c r="U115159" i="1"/>
  <c r="U115158" i="1"/>
  <c r="U115157" i="1"/>
  <c r="U115156" i="1"/>
  <c r="U115155" i="1"/>
  <c r="U115154" i="1"/>
  <c r="U115153" i="1"/>
  <c r="U115152" i="1"/>
  <c r="U115151" i="1"/>
  <c r="U115150" i="1"/>
  <c r="U115149" i="1"/>
  <c r="U115148" i="1"/>
  <c r="U115147" i="1"/>
  <c r="U115146" i="1"/>
  <c r="U115145" i="1"/>
  <c r="U115144" i="1"/>
  <c r="U115143" i="1"/>
  <c r="U115142" i="1"/>
  <c r="U115141" i="1"/>
  <c r="U115140" i="1"/>
  <c r="U115139" i="1"/>
  <c r="U115138" i="1"/>
  <c r="U115137" i="1"/>
  <c r="U115136" i="1"/>
  <c r="U115135" i="1"/>
  <c r="U115134" i="1"/>
  <c r="U115133" i="1"/>
  <c r="U115132" i="1"/>
  <c r="U115131" i="1"/>
  <c r="U115130" i="1"/>
  <c r="U115129" i="1"/>
  <c r="U115128" i="1"/>
  <c r="U115127" i="1"/>
  <c r="U115126" i="1"/>
  <c r="U115125" i="1"/>
  <c r="U115124" i="1"/>
  <c r="U115123" i="1"/>
  <c r="U115122" i="1"/>
  <c r="U115121" i="1"/>
  <c r="U115120" i="1"/>
  <c r="U115119" i="1"/>
  <c r="U115118" i="1"/>
  <c r="U115117" i="1"/>
  <c r="U115116" i="1"/>
  <c r="U115115" i="1"/>
  <c r="U115114" i="1"/>
  <c r="U115113" i="1"/>
  <c r="U115112" i="1"/>
  <c r="U115111" i="1"/>
  <c r="U115110" i="1"/>
  <c r="U115109" i="1"/>
  <c r="U115108" i="1"/>
  <c r="U115107" i="1"/>
  <c r="U115106" i="1"/>
  <c r="U115105" i="1"/>
  <c r="U115104" i="1"/>
  <c r="U115103" i="1"/>
  <c r="U115102" i="1"/>
  <c r="U115101" i="1"/>
  <c r="U115100" i="1"/>
  <c r="U115099" i="1"/>
  <c r="U115098" i="1"/>
  <c r="U115097" i="1"/>
  <c r="U115096" i="1"/>
  <c r="U115095" i="1"/>
  <c r="U115094" i="1"/>
  <c r="U115093" i="1"/>
  <c r="U115092" i="1"/>
  <c r="U115091" i="1"/>
  <c r="U115090" i="1"/>
  <c r="U115089" i="1"/>
  <c r="U115088" i="1"/>
  <c r="U115087" i="1"/>
  <c r="U115086" i="1"/>
  <c r="U115085" i="1"/>
  <c r="U115084" i="1"/>
  <c r="U115083" i="1"/>
  <c r="U115082" i="1"/>
  <c r="U115081" i="1"/>
  <c r="U115080" i="1"/>
  <c r="U115079" i="1"/>
  <c r="U115078" i="1"/>
  <c r="U115077" i="1"/>
  <c r="U115076" i="1"/>
  <c r="U115075" i="1"/>
  <c r="U115074" i="1"/>
  <c r="U115073" i="1"/>
  <c r="U115072" i="1"/>
  <c r="U115071" i="1"/>
  <c r="U115070" i="1"/>
  <c r="U115069" i="1"/>
  <c r="U115068" i="1"/>
  <c r="U115067" i="1"/>
  <c r="U115066" i="1"/>
  <c r="U115065" i="1"/>
  <c r="U115064" i="1"/>
  <c r="U115063" i="1"/>
  <c r="U115062" i="1"/>
  <c r="U115061" i="1"/>
  <c r="U115060" i="1"/>
  <c r="U115059" i="1"/>
  <c r="U115058" i="1"/>
  <c r="U115057" i="1"/>
  <c r="U115056" i="1"/>
  <c r="U115055" i="1"/>
  <c r="U115054" i="1"/>
  <c r="U115053" i="1"/>
  <c r="U115052" i="1"/>
  <c r="U115051" i="1"/>
  <c r="U115050" i="1"/>
  <c r="U115049" i="1"/>
  <c r="U115048" i="1"/>
  <c r="U115047" i="1"/>
  <c r="U115046" i="1"/>
  <c r="U115045" i="1"/>
  <c r="U115044" i="1"/>
  <c r="U115043" i="1"/>
  <c r="U115042" i="1"/>
  <c r="U115041" i="1"/>
  <c r="U115040" i="1"/>
  <c r="U115039" i="1"/>
  <c r="U115038" i="1"/>
  <c r="U115037" i="1"/>
  <c r="U115036" i="1"/>
  <c r="U115035" i="1"/>
  <c r="U115034" i="1"/>
  <c r="U115033" i="1"/>
  <c r="U115032" i="1"/>
  <c r="U115031" i="1"/>
  <c r="U115030" i="1"/>
  <c r="U115029" i="1"/>
  <c r="U115028" i="1"/>
  <c r="U115027" i="1"/>
  <c r="U115026" i="1"/>
  <c r="U115025" i="1"/>
  <c r="U115024" i="1"/>
  <c r="U115023" i="1"/>
  <c r="U115022" i="1"/>
  <c r="U115021" i="1"/>
  <c r="U115020" i="1"/>
  <c r="U115019" i="1"/>
  <c r="U115018" i="1"/>
  <c r="U115017" i="1"/>
  <c r="U115016" i="1"/>
  <c r="U115015" i="1"/>
  <c r="U115014" i="1"/>
  <c r="U115013" i="1"/>
  <c r="U115012" i="1"/>
  <c r="U115011" i="1"/>
  <c r="U115010" i="1"/>
  <c r="U115009" i="1"/>
  <c r="U115008" i="1"/>
  <c r="U115007" i="1"/>
  <c r="U115006" i="1"/>
  <c r="U115005" i="1"/>
  <c r="U115004" i="1"/>
  <c r="U115003" i="1"/>
  <c r="U115002" i="1"/>
  <c r="U115001" i="1"/>
  <c r="U115000" i="1"/>
  <c r="U114999" i="1"/>
  <c r="U114998" i="1"/>
  <c r="U114997" i="1"/>
  <c r="U114996" i="1"/>
  <c r="U114995" i="1"/>
  <c r="U114994" i="1"/>
  <c r="U114993" i="1"/>
  <c r="U114992" i="1"/>
  <c r="U114991" i="1"/>
  <c r="U114990" i="1"/>
  <c r="U114989" i="1"/>
  <c r="U114988" i="1"/>
  <c r="U114987" i="1"/>
  <c r="U114986" i="1"/>
  <c r="U114985" i="1"/>
  <c r="U114984" i="1"/>
  <c r="U114983" i="1"/>
  <c r="U114982" i="1"/>
  <c r="U114981" i="1"/>
  <c r="U114980" i="1"/>
  <c r="U114979" i="1"/>
  <c r="U114978" i="1"/>
  <c r="U114977" i="1"/>
  <c r="U114976" i="1"/>
  <c r="U114975" i="1"/>
  <c r="U114974" i="1"/>
  <c r="U114973" i="1"/>
  <c r="U114972" i="1"/>
  <c r="U114971" i="1"/>
  <c r="U114970" i="1"/>
  <c r="U114969" i="1"/>
  <c r="U114968" i="1"/>
  <c r="U114967" i="1"/>
  <c r="U114966" i="1"/>
  <c r="U114965" i="1"/>
  <c r="U114964" i="1"/>
  <c r="U114963" i="1"/>
  <c r="U114962" i="1"/>
  <c r="U114961" i="1"/>
  <c r="U114960" i="1"/>
  <c r="U114959" i="1"/>
  <c r="U114958" i="1"/>
  <c r="U114957" i="1"/>
  <c r="U114956" i="1"/>
  <c r="U114955" i="1"/>
  <c r="U114954" i="1"/>
  <c r="U114953" i="1"/>
  <c r="U114952" i="1"/>
  <c r="U114951" i="1"/>
  <c r="U114950" i="1"/>
  <c r="U114949" i="1"/>
  <c r="U114948" i="1"/>
  <c r="U114947" i="1"/>
  <c r="U114946" i="1"/>
  <c r="U114945" i="1"/>
  <c r="U114944" i="1"/>
  <c r="U114943" i="1"/>
  <c r="U114942" i="1"/>
  <c r="U114941" i="1"/>
  <c r="U114940" i="1"/>
  <c r="U114939" i="1"/>
  <c r="U114938" i="1"/>
  <c r="U114937" i="1"/>
  <c r="U114936" i="1"/>
  <c r="U114935" i="1"/>
  <c r="U114934" i="1"/>
  <c r="U114933" i="1"/>
  <c r="U114932" i="1"/>
  <c r="U114931" i="1"/>
  <c r="U114930" i="1"/>
  <c r="U114929" i="1"/>
  <c r="U114928" i="1"/>
  <c r="U114927" i="1"/>
  <c r="U114926" i="1"/>
  <c r="U114925" i="1"/>
  <c r="U114924" i="1"/>
  <c r="U114923" i="1"/>
  <c r="U114922" i="1"/>
  <c r="U114921" i="1"/>
  <c r="U114920" i="1"/>
  <c r="U114919" i="1"/>
  <c r="U114918" i="1"/>
  <c r="U114917" i="1"/>
  <c r="U114916" i="1"/>
  <c r="U114915" i="1"/>
  <c r="U114914" i="1"/>
  <c r="U114913" i="1"/>
  <c r="U114912" i="1"/>
  <c r="U114911" i="1"/>
  <c r="U114910" i="1"/>
  <c r="U114909" i="1"/>
  <c r="U114908" i="1"/>
  <c r="U114907" i="1"/>
  <c r="U114906" i="1"/>
  <c r="U114905" i="1"/>
  <c r="U114904" i="1"/>
  <c r="U114903" i="1"/>
  <c r="U114902" i="1"/>
  <c r="U114901" i="1"/>
  <c r="U114900" i="1"/>
  <c r="U114899" i="1"/>
  <c r="U114898" i="1"/>
  <c r="U114897" i="1"/>
  <c r="U114896" i="1"/>
  <c r="U114895" i="1"/>
  <c r="U114894" i="1"/>
  <c r="U114893" i="1"/>
  <c r="U114892" i="1"/>
  <c r="U114891" i="1"/>
  <c r="U114890" i="1"/>
  <c r="U114889" i="1"/>
  <c r="U114888" i="1"/>
  <c r="U114887" i="1"/>
  <c r="U114886" i="1"/>
  <c r="U114885" i="1"/>
  <c r="U114884" i="1"/>
  <c r="U114883" i="1"/>
  <c r="U114882" i="1"/>
  <c r="U114881" i="1"/>
  <c r="U114880" i="1"/>
  <c r="U114879" i="1"/>
  <c r="U114878" i="1"/>
  <c r="U114877" i="1"/>
  <c r="U114876" i="1"/>
  <c r="U114875" i="1"/>
  <c r="U114874" i="1"/>
  <c r="U114873" i="1"/>
  <c r="U114872" i="1"/>
  <c r="U114871" i="1"/>
  <c r="U114870" i="1"/>
  <c r="U114869" i="1"/>
  <c r="U114868" i="1"/>
  <c r="U114867" i="1"/>
  <c r="U114866" i="1"/>
  <c r="U114865" i="1"/>
  <c r="U114864" i="1"/>
  <c r="U114863" i="1"/>
  <c r="U114862" i="1"/>
  <c r="U114861" i="1"/>
  <c r="U114860" i="1"/>
  <c r="U114859" i="1"/>
  <c r="U114858" i="1"/>
  <c r="U114857" i="1"/>
  <c r="U114856" i="1"/>
  <c r="U114855" i="1"/>
  <c r="U114854" i="1"/>
  <c r="U114853" i="1"/>
  <c r="U114852" i="1"/>
  <c r="U114851" i="1"/>
  <c r="U114850" i="1"/>
  <c r="U114849" i="1"/>
  <c r="U114848" i="1"/>
  <c r="U114847" i="1"/>
  <c r="U114846" i="1"/>
  <c r="U114845" i="1"/>
  <c r="U114844" i="1"/>
  <c r="U114843" i="1"/>
  <c r="U114842" i="1"/>
  <c r="U114841" i="1"/>
  <c r="U114840" i="1"/>
  <c r="U114839" i="1"/>
  <c r="U114838" i="1"/>
  <c r="U114837" i="1"/>
  <c r="U114836" i="1"/>
  <c r="U114835" i="1"/>
  <c r="U114834" i="1"/>
  <c r="U114833" i="1"/>
  <c r="U114832" i="1"/>
  <c r="U114831" i="1"/>
  <c r="U114830" i="1"/>
  <c r="U114829" i="1"/>
  <c r="U114828" i="1"/>
  <c r="U114827" i="1"/>
  <c r="U114826" i="1"/>
  <c r="U114825" i="1"/>
  <c r="U114824" i="1"/>
  <c r="U114823" i="1"/>
  <c r="U114822" i="1"/>
  <c r="U114821" i="1"/>
  <c r="U114820" i="1"/>
  <c r="U114819" i="1"/>
  <c r="U114818" i="1"/>
  <c r="U114817" i="1"/>
  <c r="U114816" i="1"/>
  <c r="U114815" i="1"/>
  <c r="U114814" i="1"/>
  <c r="U114813" i="1"/>
  <c r="U114812" i="1"/>
  <c r="U114811" i="1"/>
  <c r="U114810" i="1"/>
  <c r="U114809" i="1"/>
  <c r="U114808" i="1"/>
  <c r="U114807" i="1"/>
  <c r="U114806" i="1"/>
  <c r="U114805" i="1"/>
  <c r="U114804" i="1"/>
  <c r="U114803" i="1"/>
  <c r="U114802" i="1"/>
  <c r="U114801" i="1"/>
  <c r="U114800" i="1"/>
  <c r="U114799" i="1"/>
  <c r="U114798" i="1"/>
  <c r="U114797" i="1"/>
  <c r="U114796" i="1"/>
  <c r="U114795" i="1"/>
  <c r="U114794" i="1"/>
  <c r="U114793" i="1"/>
  <c r="U114792" i="1"/>
  <c r="U114791" i="1"/>
  <c r="U114790" i="1"/>
  <c r="U114789" i="1"/>
  <c r="U114788" i="1"/>
  <c r="U114787" i="1"/>
  <c r="U114786" i="1"/>
  <c r="U114785" i="1"/>
  <c r="U114784" i="1"/>
  <c r="U114783" i="1"/>
  <c r="U114782" i="1"/>
  <c r="U114781" i="1"/>
  <c r="U114780" i="1"/>
  <c r="U114779" i="1"/>
  <c r="U114778" i="1"/>
  <c r="U114777" i="1"/>
  <c r="U114776" i="1"/>
  <c r="U114775" i="1"/>
  <c r="U114774" i="1"/>
  <c r="U114773" i="1"/>
  <c r="U114772" i="1"/>
  <c r="U114771" i="1"/>
  <c r="U114770" i="1"/>
  <c r="U114769" i="1"/>
  <c r="U114768" i="1"/>
  <c r="U114767" i="1"/>
  <c r="U114766" i="1"/>
  <c r="U114765" i="1"/>
  <c r="U114764" i="1"/>
  <c r="U114763" i="1"/>
  <c r="U114762" i="1"/>
  <c r="U114761" i="1"/>
  <c r="U114760" i="1"/>
  <c r="U114759" i="1"/>
  <c r="U114758" i="1"/>
  <c r="U114757" i="1"/>
  <c r="U114756" i="1"/>
  <c r="U114755" i="1"/>
  <c r="U114754" i="1"/>
  <c r="U114753" i="1"/>
  <c r="U114752" i="1"/>
  <c r="U114751" i="1"/>
  <c r="U114750" i="1"/>
  <c r="U114749" i="1"/>
  <c r="U114748" i="1"/>
  <c r="U114747" i="1"/>
  <c r="U114746" i="1"/>
  <c r="U114745" i="1"/>
  <c r="U114744" i="1"/>
  <c r="U114743" i="1"/>
  <c r="U114742" i="1"/>
  <c r="U114741" i="1"/>
  <c r="U114740" i="1"/>
  <c r="U114739" i="1"/>
  <c r="U114738" i="1"/>
  <c r="U114737" i="1"/>
  <c r="U114736" i="1"/>
  <c r="U114735" i="1"/>
  <c r="U114734" i="1"/>
  <c r="U114733" i="1"/>
  <c r="U114732" i="1"/>
  <c r="U114731" i="1"/>
  <c r="U114730" i="1"/>
  <c r="U114729" i="1"/>
  <c r="U114728" i="1"/>
  <c r="U114727" i="1"/>
  <c r="U114726" i="1"/>
  <c r="U114725" i="1"/>
  <c r="U114724" i="1"/>
  <c r="U114723" i="1"/>
  <c r="U114722" i="1"/>
  <c r="U114721" i="1"/>
  <c r="U114720" i="1"/>
  <c r="U114719" i="1"/>
  <c r="U114718" i="1"/>
  <c r="U114717" i="1"/>
  <c r="U114716" i="1"/>
  <c r="U114715" i="1"/>
  <c r="U114714" i="1"/>
  <c r="U114713" i="1"/>
  <c r="U114712" i="1"/>
  <c r="U114711" i="1"/>
  <c r="U114710" i="1"/>
  <c r="U114709" i="1"/>
  <c r="U114708" i="1"/>
  <c r="U114707" i="1"/>
  <c r="U114706" i="1"/>
  <c r="U114705" i="1"/>
  <c r="U114704" i="1"/>
  <c r="U114703" i="1"/>
  <c r="U114702" i="1"/>
  <c r="U114701" i="1"/>
  <c r="U114700" i="1"/>
  <c r="U114699" i="1"/>
  <c r="U114698" i="1"/>
  <c r="U114697" i="1"/>
  <c r="U114696" i="1"/>
  <c r="U114695" i="1"/>
  <c r="U114694" i="1"/>
  <c r="U114693" i="1"/>
  <c r="U114692" i="1"/>
  <c r="U114691" i="1"/>
  <c r="U114690" i="1"/>
  <c r="U114689" i="1"/>
  <c r="U114688" i="1"/>
  <c r="U114687" i="1"/>
  <c r="U114686" i="1"/>
  <c r="U114685" i="1"/>
  <c r="U114684" i="1"/>
  <c r="U114683" i="1"/>
  <c r="U114682" i="1"/>
  <c r="U114681" i="1"/>
  <c r="U114680" i="1"/>
  <c r="U114679" i="1"/>
  <c r="U114678" i="1"/>
  <c r="U114677" i="1"/>
  <c r="U114676" i="1"/>
  <c r="U114675" i="1"/>
  <c r="U114674" i="1"/>
  <c r="U114673" i="1"/>
  <c r="U114672" i="1"/>
  <c r="U114671" i="1"/>
  <c r="U114670" i="1"/>
  <c r="U114669" i="1"/>
  <c r="U114668" i="1"/>
  <c r="U114667" i="1"/>
  <c r="U114666" i="1"/>
  <c r="U114665" i="1"/>
  <c r="U114664" i="1"/>
  <c r="U114663" i="1"/>
  <c r="U114662" i="1"/>
  <c r="U114661" i="1"/>
  <c r="U114660" i="1"/>
  <c r="U114659" i="1"/>
  <c r="U114658" i="1"/>
  <c r="U114657" i="1"/>
  <c r="U114656" i="1"/>
  <c r="U114655" i="1"/>
  <c r="U114654" i="1"/>
  <c r="U114653" i="1"/>
  <c r="U114652" i="1"/>
  <c r="U114651" i="1"/>
  <c r="U114650" i="1"/>
  <c r="U114649" i="1"/>
  <c r="U114648" i="1"/>
  <c r="U114647" i="1"/>
  <c r="U114646" i="1"/>
  <c r="U114645" i="1"/>
  <c r="U114644" i="1"/>
  <c r="U114643" i="1"/>
  <c r="U114642" i="1"/>
  <c r="U114641" i="1"/>
  <c r="U114640" i="1"/>
  <c r="U114639" i="1"/>
  <c r="U114638" i="1"/>
  <c r="U114637" i="1"/>
  <c r="U114636" i="1"/>
  <c r="U114635" i="1"/>
  <c r="U114634" i="1"/>
  <c r="U114633" i="1"/>
  <c r="U114632" i="1"/>
  <c r="U114631" i="1"/>
  <c r="U114630" i="1"/>
  <c r="U114629" i="1"/>
  <c r="U114628" i="1"/>
  <c r="U114627" i="1"/>
  <c r="U114626" i="1"/>
  <c r="U114625" i="1"/>
  <c r="U114624" i="1"/>
  <c r="U114623" i="1"/>
  <c r="U114622" i="1"/>
  <c r="U114621" i="1"/>
  <c r="U114620" i="1"/>
  <c r="U114619" i="1"/>
  <c r="U114618" i="1"/>
  <c r="U114617" i="1"/>
  <c r="U114616" i="1"/>
  <c r="U114615" i="1"/>
  <c r="U114614" i="1"/>
  <c r="U114613" i="1"/>
  <c r="U114612" i="1"/>
  <c r="U114611" i="1"/>
  <c r="U114610" i="1"/>
  <c r="U114609" i="1"/>
  <c r="U114608" i="1"/>
  <c r="U114607" i="1"/>
  <c r="U114606" i="1"/>
  <c r="U114605" i="1"/>
  <c r="U114604" i="1"/>
  <c r="U114603" i="1"/>
  <c r="U114602" i="1"/>
  <c r="U114601" i="1"/>
  <c r="U114600" i="1"/>
  <c r="U114599" i="1"/>
  <c r="U114598" i="1"/>
  <c r="U114597" i="1"/>
  <c r="U114596" i="1"/>
  <c r="U114595" i="1"/>
  <c r="U114594" i="1"/>
  <c r="U114593" i="1"/>
  <c r="U114592" i="1"/>
  <c r="U114591" i="1"/>
  <c r="U114590" i="1"/>
  <c r="U114589" i="1"/>
  <c r="U114588" i="1"/>
  <c r="U114587" i="1"/>
  <c r="U114586" i="1"/>
  <c r="U114585" i="1"/>
  <c r="U114584" i="1"/>
  <c r="U114583" i="1"/>
  <c r="U114582" i="1"/>
  <c r="U114581" i="1"/>
  <c r="U114580" i="1"/>
  <c r="U114579" i="1"/>
  <c r="U114578" i="1"/>
  <c r="U114577" i="1"/>
  <c r="U114576" i="1"/>
  <c r="U114575" i="1"/>
  <c r="U114574" i="1"/>
  <c r="U114573" i="1"/>
  <c r="U114572" i="1"/>
  <c r="U114571" i="1"/>
  <c r="U114570" i="1"/>
  <c r="U114569" i="1"/>
  <c r="U114568" i="1"/>
  <c r="U114567" i="1"/>
  <c r="U114566" i="1"/>
  <c r="U114565" i="1"/>
  <c r="U114564" i="1"/>
  <c r="U114563" i="1"/>
  <c r="U114562" i="1"/>
  <c r="U114561" i="1"/>
  <c r="U114560" i="1"/>
  <c r="U114559" i="1"/>
  <c r="U114558" i="1"/>
  <c r="U114557" i="1"/>
  <c r="U114556" i="1"/>
  <c r="U114555" i="1"/>
  <c r="U114554" i="1"/>
  <c r="U114553" i="1"/>
  <c r="U114552" i="1"/>
  <c r="U114551" i="1"/>
  <c r="U114550" i="1"/>
  <c r="U114549" i="1"/>
  <c r="U114548" i="1"/>
  <c r="U114547" i="1"/>
  <c r="U114546" i="1"/>
  <c r="U114545" i="1"/>
  <c r="U114544" i="1"/>
  <c r="U114543" i="1"/>
  <c r="U114542" i="1"/>
  <c r="U114541" i="1"/>
  <c r="U114540" i="1"/>
  <c r="U114539" i="1"/>
  <c r="U114538" i="1"/>
  <c r="U114537" i="1"/>
  <c r="U114536" i="1"/>
  <c r="U114535" i="1"/>
  <c r="U114534" i="1"/>
  <c r="U114533" i="1"/>
  <c r="U114532" i="1"/>
  <c r="U114531" i="1"/>
  <c r="U114530" i="1"/>
  <c r="U114529" i="1"/>
  <c r="U114528" i="1"/>
  <c r="U114527" i="1"/>
  <c r="U114526" i="1"/>
  <c r="U114525" i="1"/>
  <c r="U114524" i="1"/>
  <c r="U114523" i="1"/>
  <c r="U114522" i="1"/>
  <c r="U114521" i="1"/>
  <c r="U114520" i="1"/>
  <c r="U114519" i="1"/>
  <c r="U114518" i="1"/>
  <c r="U114517" i="1"/>
  <c r="U114516" i="1"/>
  <c r="U114515" i="1"/>
  <c r="U114514" i="1"/>
  <c r="U114513" i="1"/>
  <c r="U114512" i="1"/>
  <c r="U114511" i="1"/>
  <c r="U114510" i="1"/>
  <c r="U114509" i="1"/>
  <c r="U114508" i="1"/>
  <c r="U114507" i="1"/>
  <c r="U114506" i="1"/>
  <c r="U114505" i="1"/>
  <c r="U114504" i="1"/>
  <c r="U114503" i="1"/>
  <c r="U114502" i="1"/>
  <c r="U114501" i="1"/>
  <c r="U114500" i="1"/>
  <c r="U114499" i="1"/>
  <c r="U114498" i="1"/>
  <c r="U114497" i="1"/>
  <c r="U114496" i="1"/>
  <c r="U114495" i="1"/>
  <c r="U114494" i="1"/>
  <c r="U114493" i="1"/>
  <c r="U114492" i="1"/>
  <c r="U114491" i="1"/>
  <c r="U114490" i="1"/>
  <c r="U114489" i="1"/>
  <c r="U114488" i="1"/>
  <c r="U114487" i="1"/>
  <c r="U114486" i="1"/>
  <c r="U114485" i="1"/>
  <c r="U114484" i="1"/>
  <c r="U114483" i="1"/>
  <c r="U114482" i="1"/>
  <c r="U114481" i="1"/>
  <c r="U114480" i="1"/>
  <c r="U114479" i="1"/>
  <c r="U114478" i="1"/>
  <c r="U114477" i="1"/>
  <c r="U114476" i="1"/>
  <c r="U114475" i="1"/>
  <c r="U114474" i="1"/>
  <c r="U114473" i="1"/>
  <c r="U114472" i="1"/>
  <c r="U114471" i="1"/>
  <c r="U114470" i="1"/>
  <c r="U114469" i="1"/>
  <c r="U114468" i="1"/>
  <c r="U114467" i="1"/>
  <c r="U114466" i="1"/>
  <c r="U114465" i="1"/>
  <c r="U114464" i="1"/>
  <c r="U114463" i="1"/>
  <c r="U114462" i="1"/>
  <c r="U114461" i="1"/>
  <c r="U114460" i="1"/>
  <c r="U114459" i="1"/>
  <c r="U114458" i="1"/>
  <c r="U114457" i="1"/>
  <c r="U114456" i="1"/>
  <c r="U114455" i="1"/>
  <c r="U114454" i="1"/>
  <c r="U114453" i="1"/>
  <c r="U114452" i="1"/>
  <c r="U114451" i="1"/>
  <c r="U114450" i="1"/>
  <c r="U114449" i="1"/>
  <c r="U114448" i="1"/>
  <c r="U114447" i="1"/>
  <c r="U114446" i="1"/>
  <c r="U114445" i="1"/>
  <c r="U114444" i="1"/>
  <c r="U114443" i="1"/>
  <c r="U114442" i="1"/>
  <c r="U114441" i="1"/>
  <c r="U114440" i="1"/>
  <c r="U114439" i="1"/>
  <c r="U114438" i="1"/>
  <c r="U114437" i="1"/>
  <c r="U114436" i="1"/>
  <c r="U114435" i="1"/>
  <c r="U114434" i="1"/>
  <c r="U114433" i="1"/>
  <c r="U114432" i="1"/>
  <c r="U114431" i="1"/>
  <c r="U114430" i="1"/>
  <c r="U114429" i="1"/>
  <c r="U114428" i="1"/>
  <c r="U114427" i="1"/>
  <c r="U114426" i="1"/>
  <c r="U114425" i="1"/>
  <c r="U114424" i="1"/>
  <c r="U114423" i="1"/>
  <c r="U114422" i="1"/>
  <c r="U114421" i="1"/>
  <c r="U114420" i="1"/>
  <c r="U114419" i="1"/>
  <c r="U114418" i="1"/>
  <c r="U114417" i="1"/>
  <c r="U114416" i="1"/>
  <c r="U114415" i="1"/>
  <c r="U114414" i="1"/>
  <c r="U114413" i="1"/>
  <c r="U114412" i="1"/>
  <c r="U114411" i="1"/>
  <c r="U114410" i="1"/>
  <c r="U114409" i="1"/>
  <c r="U114408" i="1"/>
  <c r="U114407" i="1"/>
  <c r="U114406" i="1"/>
  <c r="U114405" i="1"/>
  <c r="U114404" i="1"/>
  <c r="U114403" i="1"/>
  <c r="U114402" i="1"/>
  <c r="U114401" i="1"/>
  <c r="U114400" i="1"/>
  <c r="U114399" i="1"/>
  <c r="U114398" i="1"/>
  <c r="U114397" i="1"/>
  <c r="U114396" i="1"/>
  <c r="U114395" i="1"/>
  <c r="U114394" i="1"/>
  <c r="U114393" i="1"/>
  <c r="U114392" i="1"/>
  <c r="U114391" i="1"/>
  <c r="U114390" i="1"/>
  <c r="U114389" i="1"/>
  <c r="U114388" i="1"/>
  <c r="U114387" i="1"/>
  <c r="U114386" i="1"/>
  <c r="U114385" i="1"/>
  <c r="U114384" i="1"/>
  <c r="U114383" i="1"/>
  <c r="U114382" i="1"/>
  <c r="U114381" i="1"/>
  <c r="U114380" i="1"/>
  <c r="U114379" i="1"/>
  <c r="U114378" i="1"/>
  <c r="U114377" i="1"/>
  <c r="U114376" i="1"/>
  <c r="U114375" i="1"/>
  <c r="U114374" i="1"/>
  <c r="U114373" i="1"/>
  <c r="U114372" i="1"/>
  <c r="U114371" i="1"/>
  <c r="U114370" i="1"/>
  <c r="U114369" i="1"/>
  <c r="U114368" i="1"/>
  <c r="U114367" i="1"/>
  <c r="U114366" i="1"/>
  <c r="U114365" i="1"/>
  <c r="U114364" i="1"/>
  <c r="U114363" i="1"/>
  <c r="U114362" i="1"/>
  <c r="U114361" i="1"/>
  <c r="U114360" i="1"/>
  <c r="U114359" i="1"/>
  <c r="U114358" i="1"/>
  <c r="U114357" i="1"/>
  <c r="U114356" i="1"/>
  <c r="U114355" i="1"/>
  <c r="U114354" i="1"/>
  <c r="U114353" i="1"/>
  <c r="U114352" i="1"/>
  <c r="U114351" i="1"/>
  <c r="U114350" i="1"/>
  <c r="U114349" i="1"/>
  <c r="U114348" i="1"/>
  <c r="U114347" i="1"/>
  <c r="U114346" i="1"/>
  <c r="U114345" i="1"/>
  <c r="U114344" i="1"/>
  <c r="U114343" i="1"/>
  <c r="U114342" i="1"/>
  <c r="U114341" i="1"/>
  <c r="U114340" i="1"/>
  <c r="U114339" i="1"/>
  <c r="U114338" i="1"/>
  <c r="U114337" i="1"/>
  <c r="U114336" i="1"/>
  <c r="U114335" i="1"/>
  <c r="U114334" i="1"/>
  <c r="U114333" i="1"/>
  <c r="U114332" i="1"/>
  <c r="U114331" i="1"/>
  <c r="U114330" i="1"/>
  <c r="U114329" i="1"/>
  <c r="U114328" i="1"/>
  <c r="U114327" i="1"/>
  <c r="U114326" i="1"/>
  <c r="U114325" i="1"/>
  <c r="U114324" i="1"/>
  <c r="U114323" i="1"/>
  <c r="U114322" i="1"/>
  <c r="U114321" i="1"/>
  <c r="U114320" i="1"/>
  <c r="U114319" i="1"/>
  <c r="U114318" i="1"/>
  <c r="U114317" i="1"/>
  <c r="U114316" i="1"/>
  <c r="U114315" i="1"/>
  <c r="U114314" i="1"/>
  <c r="U114313" i="1"/>
  <c r="U114312" i="1"/>
  <c r="U114311" i="1"/>
  <c r="U114310" i="1"/>
  <c r="U114309" i="1"/>
  <c r="U114308" i="1"/>
  <c r="U114307" i="1"/>
  <c r="U114306" i="1"/>
  <c r="U114305" i="1"/>
  <c r="U114304" i="1"/>
  <c r="U114303" i="1"/>
  <c r="U114302" i="1"/>
  <c r="U114301" i="1"/>
  <c r="U114300" i="1"/>
  <c r="U114299" i="1"/>
  <c r="U114298" i="1"/>
  <c r="U114297" i="1"/>
  <c r="U114296" i="1"/>
  <c r="U114295" i="1"/>
  <c r="U114294" i="1"/>
  <c r="U114293" i="1"/>
  <c r="U114292" i="1"/>
  <c r="U114291" i="1"/>
  <c r="U114290" i="1"/>
  <c r="U114289" i="1"/>
  <c r="U114288" i="1"/>
  <c r="U114287" i="1"/>
  <c r="U114286" i="1"/>
  <c r="U114285" i="1"/>
  <c r="U114284" i="1"/>
  <c r="U114283" i="1"/>
  <c r="U114282" i="1"/>
  <c r="U114281" i="1"/>
  <c r="U114280" i="1"/>
  <c r="U114279" i="1"/>
  <c r="U114278" i="1"/>
  <c r="U114277" i="1"/>
  <c r="U114276" i="1"/>
  <c r="U114275" i="1"/>
  <c r="U114274" i="1"/>
  <c r="U114273" i="1"/>
  <c r="U114272" i="1"/>
  <c r="U114271" i="1"/>
  <c r="U114270" i="1"/>
  <c r="U114269" i="1"/>
  <c r="U114268" i="1"/>
  <c r="U114267" i="1"/>
  <c r="U114266" i="1"/>
  <c r="U114265" i="1"/>
  <c r="U114264" i="1"/>
  <c r="U114263" i="1"/>
  <c r="U114262" i="1"/>
  <c r="U114261" i="1"/>
  <c r="U114260" i="1"/>
  <c r="U114259" i="1"/>
  <c r="U114258" i="1"/>
  <c r="U114257" i="1"/>
  <c r="U114256" i="1"/>
  <c r="U114255" i="1"/>
  <c r="U114254" i="1"/>
  <c r="U114253" i="1"/>
  <c r="U114252" i="1"/>
  <c r="U114251" i="1"/>
  <c r="U114250" i="1"/>
  <c r="U114249" i="1"/>
  <c r="U114248" i="1"/>
  <c r="U114247" i="1"/>
  <c r="U114246" i="1"/>
  <c r="U114245" i="1"/>
  <c r="U114244" i="1"/>
  <c r="U114243" i="1"/>
  <c r="U114242" i="1"/>
  <c r="U114241" i="1"/>
  <c r="U114240" i="1"/>
  <c r="U114239" i="1"/>
  <c r="U114238" i="1"/>
  <c r="U114237" i="1"/>
  <c r="U114236" i="1"/>
  <c r="U114235" i="1"/>
  <c r="U114234" i="1"/>
  <c r="U114233" i="1"/>
  <c r="U114232" i="1"/>
  <c r="U114231" i="1"/>
  <c r="U114230" i="1"/>
  <c r="U114229" i="1"/>
  <c r="U114228" i="1"/>
  <c r="U114227" i="1"/>
  <c r="U114226" i="1"/>
  <c r="U114225" i="1"/>
  <c r="U114224" i="1"/>
  <c r="U114223" i="1"/>
  <c r="U114222" i="1"/>
  <c r="U114221" i="1"/>
  <c r="U114220" i="1"/>
  <c r="U114219" i="1"/>
  <c r="U114218" i="1"/>
  <c r="U114217" i="1"/>
  <c r="U114216" i="1"/>
  <c r="U114215" i="1"/>
  <c r="U114214" i="1"/>
  <c r="U114213" i="1"/>
  <c r="U114212" i="1"/>
  <c r="U114211" i="1"/>
  <c r="U114210" i="1"/>
  <c r="U114209" i="1"/>
  <c r="U114208" i="1"/>
  <c r="U114207" i="1"/>
  <c r="U114206" i="1"/>
  <c r="U114205" i="1"/>
  <c r="U114204" i="1"/>
  <c r="U114203" i="1"/>
  <c r="U114202" i="1"/>
  <c r="U114201" i="1"/>
  <c r="U114200" i="1"/>
  <c r="U114199" i="1"/>
  <c r="U114198" i="1"/>
  <c r="U114197" i="1"/>
  <c r="U114196" i="1"/>
  <c r="U114195" i="1"/>
  <c r="U114194" i="1"/>
  <c r="U114193" i="1"/>
  <c r="U114192" i="1"/>
  <c r="U114191" i="1"/>
  <c r="U114190" i="1"/>
  <c r="U114189" i="1"/>
  <c r="U114188" i="1"/>
  <c r="U114187" i="1"/>
  <c r="U114186" i="1"/>
  <c r="U114185" i="1"/>
  <c r="U114184" i="1"/>
  <c r="U114183" i="1"/>
  <c r="U114182" i="1"/>
  <c r="U114181" i="1"/>
  <c r="U114180" i="1"/>
  <c r="U114179" i="1"/>
  <c r="U114178" i="1"/>
  <c r="U114177" i="1"/>
  <c r="U114176" i="1"/>
  <c r="U114175" i="1"/>
  <c r="U114174" i="1"/>
  <c r="U114173" i="1"/>
  <c r="U114172" i="1"/>
  <c r="U114171" i="1"/>
  <c r="U114170" i="1"/>
  <c r="U114169" i="1"/>
  <c r="U114168" i="1"/>
  <c r="U114167" i="1"/>
  <c r="U114166" i="1"/>
  <c r="U114165" i="1"/>
  <c r="U114164" i="1"/>
  <c r="U114163" i="1"/>
  <c r="U114162" i="1"/>
  <c r="U114161" i="1"/>
  <c r="U114160" i="1"/>
  <c r="U114159" i="1"/>
  <c r="U114158" i="1"/>
  <c r="U114157" i="1"/>
  <c r="U114156" i="1"/>
  <c r="U114155" i="1"/>
  <c r="U114154" i="1"/>
  <c r="U114153" i="1"/>
  <c r="U114152" i="1"/>
  <c r="U114151" i="1"/>
  <c r="U114150" i="1"/>
  <c r="U114149" i="1"/>
  <c r="U114148" i="1"/>
  <c r="U114147" i="1"/>
  <c r="U114146" i="1"/>
  <c r="U114145" i="1"/>
  <c r="U114144" i="1"/>
  <c r="U114143" i="1"/>
  <c r="U114142" i="1"/>
  <c r="U114141" i="1"/>
  <c r="U114140" i="1"/>
  <c r="U114139" i="1"/>
  <c r="U114138" i="1"/>
  <c r="U114137" i="1"/>
  <c r="U114136" i="1"/>
  <c r="U114135" i="1"/>
  <c r="U114134" i="1"/>
  <c r="U114133" i="1"/>
  <c r="U114132" i="1"/>
  <c r="U114131" i="1"/>
  <c r="U114130" i="1"/>
  <c r="U114129" i="1"/>
  <c r="U114128" i="1"/>
  <c r="U114127" i="1"/>
  <c r="U114126" i="1"/>
  <c r="U114125" i="1"/>
  <c r="U114124" i="1"/>
  <c r="U114123" i="1"/>
  <c r="U114122" i="1"/>
  <c r="U114121" i="1"/>
  <c r="U114120" i="1"/>
  <c r="U114119" i="1"/>
  <c r="U114118" i="1"/>
  <c r="U114117" i="1"/>
  <c r="U114116" i="1"/>
  <c r="U114115" i="1"/>
  <c r="U114114" i="1"/>
  <c r="U114113" i="1"/>
  <c r="U114112" i="1"/>
  <c r="U114111" i="1"/>
  <c r="U114110" i="1"/>
  <c r="U114109" i="1"/>
  <c r="U114108" i="1"/>
  <c r="U114107" i="1"/>
  <c r="U114106" i="1"/>
  <c r="U114105" i="1"/>
  <c r="U114104" i="1"/>
  <c r="U114103" i="1"/>
  <c r="U114102" i="1"/>
  <c r="U114101" i="1"/>
  <c r="U114100" i="1"/>
  <c r="U114099" i="1"/>
  <c r="U114098" i="1"/>
  <c r="U114097" i="1"/>
  <c r="U114096" i="1"/>
  <c r="U114095" i="1"/>
  <c r="U114094" i="1"/>
  <c r="U114093" i="1"/>
  <c r="U114092" i="1"/>
  <c r="U114091" i="1"/>
  <c r="U114090" i="1"/>
  <c r="U114089" i="1"/>
  <c r="U114088" i="1"/>
  <c r="U114087" i="1"/>
  <c r="U114086" i="1"/>
  <c r="U114085" i="1"/>
  <c r="U114084" i="1"/>
  <c r="U114083" i="1"/>
  <c r="U114082" i="1"/>
  <c r="U114081" i="1"/>
  <c r="U114080" i="1"/>
  <c r="U114079" i="1"/>
  <c r="U114078" i="1"/>
  <c r="U114077" i="1"/>
  <c r="U114076" i="1"/>
  <c r="U114075" i="1"/>
  <c r="U114074" i="1"/>
  <c r="U114073" i="1"/>
  <c r="U114072" i="1"/>
  <c r="U114071" i="1"/>
  <c r="U114070" i="1"/>
  <c r="U114069" i="1"/>
  <c r="U114068" i="1"/>
  <c r="U114067" i="1"/>
  <c r="U114066" i="1"/>
  <c r="U114065" i="1"/>
  <c r="U114064" i="1"/>
  <c r="U114063" i="1"/>
  <c r="U114062" i="1"/>
  <c r="U114061" i="1"/>
  <c r="U114060" i="1"/>
  <c r="U114059" i="1"/>
  <c r="U114058" i="1"/>
  <c r="U114057" i="1"/>
  <c r="U114056" i="1"/>
  <c r="U114055" i="1"/>
  <c r="U114054" i="1"/>
  <c r="U114053" i="1"/>
  <c r="U114052" i="1"/>
  <c r="U114051" i="1"/>
  <c r="U114050" i="1"/>
  <c r="U114049" i="1"/>
  <c r="U114048" i="1"/>
  <c r="U114047" i="1"/>
  <c r="U114046" i="1"/>
  <c r="U114045" i="1"/>
  <c r="U114044" i="1"/>
  <c r="U114043" i="1"/>
  <c r="U114042" i="1"/>
  <c r="U114041" i="1"/>
  <c r="U114040" i="1"/>
  <c r="U114039" i="1"/>
  <c r="U114038" i="1"/>
  <c r="U114037" i="1"/>
  <c r="U114036" i="1"/>
  <c r="U114035" i="1"/>
  <c r="U114034" i="1"/>
  <c r="U114033" i="1"/>
  <c r="U114032" i="1"/>
  <c r="U114031" i="1"/>
  <c r="U114030" i="1"/>
  <c r="U114029" i="1"/>
  <c r="U114028" i="1"/>
  <c r="U114027" i="1"/>
  <c r="U114026" i="1"/>
  <c r="U114025" i="1"/>
  <c r="U114024" i="1"/>
  <c r="U114023" i="1"/>
  <c r="U114022" i="1"/>
  <c r="U114021" i="1"/>
  <c r="U114020" i="1"/>
  <c r="U114019" i="1"/>
  <c r="U114018" i="1"/>
  <c r="U114017" i="1"/>
  <c r="U114016" i="1"/>
  <c r="U114015" i="1"/>
  <c r="U114014" i="1"/>
  <c r="U114013" i="1"/>
  <c r="U114012" i="1"/>
  <c r="U114011" i="1"/>
  <c r="U114010" i="1"/>
  <c r="U114009" i="1"/>
  <c r="U114008" i="1"/>
  <c r="U114007" i="1"/>
  <c r="U114006" i="1"/>
  <c r="U114005" i="1"/>
  <c r="U114004" i="1"/>
  <c r="U114003" i="1"/>
  <c r="U114002" i="1"/>
  <c r="U114001" i="1"/>
  <c r="U114000" i="1"/>
  <c r="U113999" i="1"/>
  <c r="U113998" i="1"/>
  <c r="U113997" i="1"/>
  <c r="U113996" i="1"/>
  <c r="U113995" i="1"/>
  <c r="U113994" i="1"/>
  <c r="U113993" i="1"/>
  <c r="U113992" i="1"/>
  <c r="U113991" i="1"/>
  <c r="U113990" i="1"/>
  <c r="U113989" i="1"/>
  <c r="U113988" i="1"/>
  <c r="U113987" i="1"/>
  <c r="U113986" i="1"/>
  <c r="U113985" i="1"/>
  <c r="U113984" i="1"/>
  <c r="U113983" i="1"/>
  <c r="U113982" i="1"/>
  <c r="U113981" i="1"/>
  <c r="U113980" i="1"/>
  <c r="U113979" i="1"/>
  <c r="U113978" i="1"/>
  <c r="U113977" i="1"/>
  <c r="U113976" i="1"/>
  <c r="U113975" i="1"/>
  <c r="U113974" i="1"/>
  <c r="U113973" i="1"/>
  <c r="U113972" i="1"/>
  <c r="U113971" i="1"/>
  <c r="U113970" i="1"/>
  <c r="U113969" i="1"/>
  <c r="U113968" i="1"/>
  <c r="U113967" i="1"/>
  <c r="U113966" i="1"/>
  <c r="U113965" i="1"/>
  <c r="U113964" i="1"/>
  <c r="U113963" i="1"/>
  <c r="U113962" i="1"/>
  <c r="U113961" i="1"/>
  <c r="U113960" i="1"/>
  <c r="U113959" i="1"/>
  <c r="U113958" i="1"/>
  <c r="U113957" i="1"/>
  <c r="U113956" i="1"/>
  <c r="U113955" i="1"/>
  <c r="U113954" i="1"/>
  <c r="U113953" i="1"/>
  <c r="U113952" i="1"/>
  <c r="U113951" i="1"/>
  <c r="U113950" i="1"/>
  <c r="U113949" i="1"/>
  <c r="U113948" i="1"/>
  <c r="U113947" i="1"/>
  <c r="U113946" i="1"/>
  <c r="U113945" i="1"/>
  <c r="U113944" i="1"/>
  <c r="U113943" i="1"/>
  <c r="U113942" i="1"/>
  <c r="U113941" i="1"/>
  <c r="U113940" i="1"/>
  <c r="U113939" i="1"/>
  <c r="U113938" i="1"/>
  <c r="U113937" i="1"/>
  <c r="U113936" i="1"/>
  <c r="U113935" i="1"/>
  <c r="U113934" i="1"/>
  <c r="U113933" i="1"/>
  <c r="U113932" i="1"/>
  <c r="U113931" i="1"/>
  <c r="U113930" i="1"/>
  <c r="U113929" i="1"/>
  <c r="U113928" i="1"/>
  <c r="U113927" i="1"/>
  <c r="U113926" i="1"/>
  <c r="U113925" i="1"/>
  <c r="U113924" i="1"/>
  <c r="U113923" i="1"/>
  <c r="U113922" i="1"/>
  <c r="U113921" i="1"/>
  <c r="U113920" i="1"/>
  <c r="U113919" i="1"/>
  <c r="U113918" i="1"/>
  <c r="U113917" i="1"/>
  <c r="U113916" i="1"/>
  <c r="U113915" i="1"/>
  <c r="U113914" i="1"/>
  <c r="U113913" i="1"/>
  <c r="U113912" i="1"/>
  <c r="U113911" i="1"/>
  <c r="U113910" i="1"/>
  <c r="U113909" i="1"/>
  <c r="U113908" i="1"/>
  <c r="U113907" i="1"/>
  <c r="U113906" i="1"/>
  <c r="U113905" i="1"/>
  <c r="U113904" i="1"/>
  <c r="U113903" i="1"/>
  <c r="U113902" i="1"/>
  <c r="U113901" i="1"/>
  <c r="U113900" i="1"/>
  <c r="U113899" i="1"/>
  <c r="U113898" i="1"/>
  <c r="U113897" i="1"/>
  <c r="U113896" i="1"/>
  <c r="U113895" i="1"/>
  <c r="U113894" i="1"/>
  <c r="U113893" i="1"/>
  <c r="U113892" i="1"/>
  <c r="U113891" i="1"/>
  <c r="U113890" i="1"/>
  <c r="U113889" i="1"/>
  <c r="U113888" i="1"/>
  <c r="U113887" i="1"/>
  <c r="U113886" i="1"/>
  <c r="U113885" i="1"/>
  <c r="U113884" i="1"/>
  <c r="U113883" i="1"/>
  <c r="U113882" i="1"/>
  <c r="U113881" i="1"/>
  <c r="U113880" i="1"/>
  <c r="U113879" i="1"/>
  <c r="U113878" i="1"/>
  <c r="U113877" i="1"/>
  <c r="U113876" i="1"/>
  <c r="U113875" i="1"/>
  <c r="U113874" i="1"/>
  <c r="U113873" i="1"/>
  <c r="U113872" i="1"/>
  <c r="U113871" i="1"/>
  <c r="U113870" i="1"/>
  <c r="U113869" i="1"/>
  <c r="U113868" i="1"/>
  <c r="U113867" i="1"/>
  <c r="U113866" i="1"/>
  <c r="U113865" i="1"/>
  <c r="U113864" i="1"/>
  <c r="U113863" i="1"/>
  <c r="U113862" i="1"/>
  <c r="U113861" i="1"/>
  <c r="U113860" i="1"/>
  <c r="U113859" i="1"/>
  <c r="U113858" i="1"/>
  <c r="U113857" i="1"/>
  <c r="U113856" i="1"/>
  <c r="U113855" i="1"/>
  <c r="U113854" i="1"/>
  <c r="U113853" i="1"/>
  <c r="U113852" i="1"/>
  <c r="U113851" i="1"/>
  <c r="U113850" i="1"/>
  <c r="U113849" i="1"/>
  <c r="U113848" i="1"/>
  <c r="U113847" i="1"/>
  <c r="U113846" i="1"/>
  <c r="U113845" i="1"/>
  <c r="U113844" i="1"/>
  <c r="U113843" i="1"/>
  <c r="U113842" i="1"/>
  <c r="U113841" i="1"/>
  <c r="U113840" i="1"/>
  <c r="U113839" i="1"/>
  <c r="U113838" i="1"/>
  <c r="U113837" i="1"/>
  <c r="U113836" i="1"/>
  <c r="U113835" i="1"/>
  <c r="U113834" i="1"/>
  <c r="U113833" i="1"/>
  <c r="U113832" i="1"/>
  <c r="U113831" i="1"/>
  <c r="U113830" i="1"/>
  <c r="U113829" i="1"/>
  <c r="U113828" i="1"/>
  <c r="U113827" i="1"/>
  <c r="U113826" i="1"/>
  <c r="U113825" i="1"/>
  <c r="U113824" i="1"/>
  <c r="U113823" i="1"/>
  <c r="U113822" i="1"/>
  <c r="U113821" i="1"/>
  <c r="U113820" i="1"/>
  <c r="U113819" i="1"/>
  <c r="U113818" i="1"/>
  <c r="U113817" i="1"/>
  <c r="U113816" i="1"/>
  <c r="U113815" i="1"/>
  <c r="U113814" i="1"/>
  <c r="U113813" i="1"/>
  <c r="U113812" i="1"/>
  <c r="U113811" i="1"/>
  <c r="U113810" i="1"/>
  <c r="U113809" i="1"/>
  <c r="U113808" i="1"/>
  <c r="U113807" i="1"/>
  <c r="U113806" i="1"/>
  <c r="U113805" i="1"/>
  <c r="U113804" i="1"/>
  <c r="U113803" i="1"/>
  <c r="U113802" i="1"/>
  <c r="U113801" i="1"/>
  <c r="U113800" i="1"/>
  <c r="U113799" i="1"/>
  <c r="U113798" i="1"/>
  <c r="U113797" i="1"/>
  <c r="U113796" i="1"/>
  <c r="U113795" i="1"/>
  <c r="U113794" i="1"/>
  <c r="U113793" i="1"/>
  <c r="U113792" i="1"/>
  <c r="U113791" i="1"/>
  <c r="U113790" i="1"/>
  <c r="U113789" i="1"/>
  <c r="U113788" i="1"/>
  <c r="U113787" i="1"/>
  <c r="U113786" i="1"/>
  <c r="U113785" i="1"/>
  <c r="U113784" i="1"/>
  <c r="U113783" i="1"/>
  <c r="U113782" i="1"/>
  <c r="U113781" i="1"/>
  <c r="U113780" i="1"/>
  <c r="U113779" i="1"/>
  <c r="U113778" i="1"/>
  <c r="U113777" i="1"/>
  <c r="U113776" i="1"/>
  <c r="U113775" i="1"/>
  <c r="U113774" i="1"/>
  <c r="U113773" i="1"/>
  <c r="U113772" i="1"/>
  <c r="U113771" i="1"/>
  <c r="U113770" i="1"/>
  <c r="U113769" i="1"/>
  <c r="U113768" i="1"/>
  <c r="U113767" i="1"/>
  <c r="U113766" i="1"/>
  <c r="U113765" i="1"/>
  <c r="U113764" i="1"/>
  <c r="U113763" i="1"/>
  <c r="U113762" i="1"/>
  <c r="U113761" i="1"/>
  <c r="U113760" i="1"/>
  <c r="U113759" i="1"/>
  <c r="U113758" i="1"/>
  <c r="U113757" i="1"/>
  <c r="U113756" i="1"/>
  <c r="U113755" i="1"/>
  <c r="U113754" i="1"/>
  <c r="U113753" i="1"/>
  <c r="U113752" i="1"/>
  <c r="U113751" i="1"/>
  <c r="U113750" i="1"/>
  <c r="U113749" i="1"/>
  <c r="U113748" i="1"/>
  <c r="U113747" i="1"/>
  <c r="U113746" i="1"/>
  <c r="U113745" i="1"/>
  <c r="U113744" i="1"/>
  <c r="U113743" i="1"/>
  <c r="U113742" i="1"/>
  <c r="U113741" i="1"/>
  <c r="U113740" i="1"/>
  <c r="U113739" i="1"/>
  <c r="U113738" i="1"/>
  <c r="U113737" i="1"/>
  <c r="U113736" i="1"/>
  <c r="U113735" i="1"/>
  <c r="U113734" i="1"/>
  <c r="U113733" i="1"/>
  <c r="U113732" i="1"/>
  <c r="U113731" i="1"/>
  <c r="U113730" i="1"/>
  <c r="U113729" i="1"/>
  <c r="U113728" i="1"/>
  <c r="U113727" i="1"/>
  <c r="U113726" i="1"/>
  <c r="U113725" i="1"/>
  <c r="U113724" i="1"/>
  <c r="U113723" i="1"/>
  <c r="U113722" i="1"/>
  <c r="U113721" i="1"/>
  <c r="U113720" i="1"/>
  <c r="U113719" i="1"/>
  <c r="U113718" i="1"/>
  <c r="U113717" i="1"/>
  <c r="U113716" i="1"/>
  <c r="U113715" i="1"/>
  <c r="U113714" i="1"/>
  <c r="U113713" i="1"/>
  <c r="U113712" i="1"/>
  <c r="U113711" i="1"/>
  <c r="U113710" i="1"/>
  <c r="U113709" i="1"/>
  <c r="U113708" i="1"/>
  <c r="U113707" i="1"/>
  <c r="U113706" i="1"/>
  <c r="U113705" i="1"/>
  <c r="U113704" i="1"/>
  <c r="U113703" i="1"/>
  <c r="U113702" i="1"/>
  <c r="U113701" i="1"/>
  <c r="U113700" i="1"/>
  <c r="U113699" i="1"/>
  <c r="U113698" i="1"/>
  <c r="U113697" i="1"/>
  <c r="U113696" i="1"/>
  <c r="U113695" i="1"/>
  <c r="U113694" i="1"/>
  <c r="U113693" i="1"/>
  <c r="U113692" i="1"/>
  <c r="U113691" i="1"/>
  <c r="U113690" i="1"/>
  <c r="U113689" i="1"/>
  <c r="U113688" i="1"/>
  <c r="U113687" i="1"/>
  <c r="U113686" i="1"/>
  <c r="U113685" i="1"/>
  <c r="U113684" i="1"/>
  <c r="U113683" i="1"/>
  <c r="U113682" i="1"/>
  <c r="U113681" i="1"/>
  <c r="U113680" i="1"/>
  <c r="U113679" i="1"/>
  <c r="U113678" i="1"/>
  <c r="U113677" i="1"/>
  <c r="U113676" i="1"/>
  <c r="U113675" i="1"/>
  <c r="U113674" i="1"/>
  <c r="U113673" i="1"/>
  <c r="U113672" i="1"/>
  <c r="U113671" i="1"/>
  <c r="U113670" i="1"/>
  <c r="U113669" i="1"/>
  <c r="U113668" i="1"/>
  <c r="U113667" i="1"/>
  <c r="U113666" i="1"/>
  <c r="U113665" i="1"/>
  <c r="U113664" i="1"/>
  <c r="U113663" i="1"/>
  <c r="U113662" i="1"/>
  <c r="U113661" i="1"/>
  <c r="U113660" i="1"/>
  <c r="U113659" i="1"/>
  <c r="U113658" i="1"/>
  <c r="U113657" i="1"/>
  <c r="U113656" i="1"/>
  <c r="U113655" i="1"/>
  <c r="U113654" i="1"/>
  <c r="U113653" i="1"/>
  <c r="U113652" i="1"/>
  <c r="U113651" i="1"/>
  <c r="U113650" i="1"/>
  <c r="U113649" i="1"/>
  <c r="U113648" i="1"/>
  <c r="U113647" i="1"/>
  <c r="U113646" i="1"/>
  <c r="U113645" i="1"/>
  <c r="U113644" i="1"/>
  <c r="U113643" i="1"/>
  <c r="U113642" i="1"/>
  <c r="U113641" i="1"/>
  <c r="U113640" i="1"/>
  <c r="U113639" i="1"/>
  <c r="U113638" i="1"/>
  <c r="U113637" i="1"/>
  <c r="U113636" i="1"/>
  <c r="U113635" i="1"/>
  <c r="U113634" i="1"/>
  <c r="U113633" i="1"/>
  <c r="U113632" i="1"/>
  <c r="U113631" i="1"/>
  <c r="U113630" i="1"/>
  <c r="U113629" i="1"/>
  <c r="U113628" i="1"/>
  <c r="U113627" i="1"/>
  <c r="U113626" i="1"/>
  <c r="U113625" i="1"/>
  <c r="U113624" i="1"/>
  <c r="U113623" i="1"/>
  <c r="U113622" i="1"/>
  <c r="U113621" i="1"/>
  <c r="U113620" i="1"/>
  <c r="U113619" i="1"/>
  <c r="U113618" i="1"/>
  <c r="U113617" i="1"/>
  <c r="U113616" i="1"/>
  <c r="U113615" i="1"/>
  <c r="U113614" i="1"/>
  <c r="U113613" i="1"/>
  <c r="U113612" i="1"/>
  <c r="U113611" i="1"/>
  <c r="U113610" i="1"/>
  <c r="U113609" i="1"/>
  <c r="U113608" i="1"/>
  <c r="U113607" i="1"/>
  <c r="U113606" i="1"/>
  <c r="U113605" i="1"/>
  <c r="U113604" i="1"/>
  <c r="U113603" i="1"/>
  <c r="U113602" i="1"/>
  <c r="U113601" i="1"/>
  <c r="U113600" i="1"/>
  <c r="U113599" i="1"/>
  <c r="U113598" i="1"/>
  <c r="U113597" i="1"/>
  <c r="U113596" i="1"/>
  <c r="U113595" i="1"/>
  <c r="U113594" i="1"/>
  <c r="U113593" i="1"/>
  <c r="U113592" i="1"/>
  <c r="U113591" i="1"/>
  <c r="U113590" i="1"/>
  <c r="U113589" i="1"/>
  <c r="U113588" i="1"/>
  <c r="U113587" i="1"/>
  <c r="U113586" i="1"/>
  <c r="U113585" i="1"/>
  <c r="U113584" i="1"/>
  <c r="U113583" i="1"/>
  <c r="U113582" i="1"/>
  <c r="U113581" i="1"/>
  <c r="U113580" i="1"/>
  <c r="U113579" i="1"/>
  <c r="U113578" i="1"/>
  <c r="U113577" i="1"/>
  <c r="U113576" i="1"/>
  <c r="U113575" i="1"/>
  <c r="U113574" i="1"/>
  <c r="U113573" i="1"/>
  <c r="U113572" i="1"/>
  <c r="U113571" i="1"/>
  <c r="U113570" i="1"/>
  <c r="U113569" i="1"/>
  <c r="U113568" i="1"/>
  <c r="U113567" i="1"/>
  <c r="U113566" i="1"/>
  <c r="U113565" i="1"/>
  <c r="U113564" i="1"/>
  <c r="U113563" i="1"/>
  <c r="U113562" i="1"/>
  <c r="U113561" i="1"/>
  <c r="U113560" i="1"/>
  <c r="U113559" i="1"/>
  <c r="U113558" i="1"/>
  <c r="U113557" i="1"/>
  <c r="U113556" i="1"/>
  <c r="U113555" i="1"/>
  <c r="U113554" i="1"/>
  <c r="U113553" i="1"/>
  <c r="U113552" i="1"/>
  <c r="U113551" i="1"/>
  <c r="U113550" i="1"/>
  <c r="U113549" i="1"/>
  <c r="U113548" i="1"/>
  <c r="U113547" i="1"/>
  <c r="U113546" i="1"/>
  <c r="U113545" i="1"/>
  <c r="U113544" i="1"/>
  <c r="U113543" i="1"/>
  <c r="U113542" i="1"/>
  <c r="U113541" i="1"/>
  <c r="U113540" i="1"/>
  <c r="U113539" i="1"/>
  <c r="U113538" i="1"/>
  <c r="U113537" i="1"/>
  <c r="U113536" i="1"/>
  <c r="U113535" i="1"/>
  <c r="U113534" i="1"/>
  <c r="U113533" i="1"/>
  <c r="U113532" i="1"/>
  <c r="U113531" i="1"/>
  <c r="U113530" i="1"/>
  <c r="U113529" i="1"/>
  <c r="U113528" i="1"/>
  <c r="U113527" i="1"/>
  <c r="U113526" i="1"/>
  <c r="U113525" i="1"/>
  <c r="U113524" i="1"/>
  <c r="U113523" i="1"/>
  <c r="U113522" i="1"/>
  <c r="U113521" i="1"/>
  <c r="U113520" i="1"/>
  <c r="U113519" i="1"/>
  <c r="U113518" i="1"/>
  <c r="U113517" i="1"/>
  <c r="U113516" i="1"/>
  <c r="U113515" i="1"/>
  <c r="U113514" i="1"/>
  <c r="U113513" i="1"/>
  <c r="U113512" i="1"/>
  <c r="U113511" i="1"/>
  <c r="U113510" i="1"/>
  <c r="U113509" i="1"/>
  <c r="U113508" i="1"/>
  <c r="U113507" i="1"/>
  <c r="U113506" i="1"/>
  <c r="U113505" i="1"/>
  <c r="U113504" i="1"/>
  <c r="U113503" i="1"/>
  <c r="U113502" i="1"/>
  <c r="U113501" i="1"/>
  <c r="U113500" i="1"/>
  <c r="U113499" i="1"/>
  <c r="U113498" i="1"/>
  <c r="U113497" i="1"/>
  <c r="U113496" i="1"/>
  <c r="U113495" i="1"/>
  <c r="U113494" i="1"/>
  <c r="U113493" i="1"/>
  <c r="U113492" i="1"/>
  <c r="U113491" i="1"/>
  <c r="U113490" i="1"/>
  <c r="U113489" i="1"/>
  <c r="U113488" i="1"/>
  <c r="U113487" i="1"/>
  <c r="U113486" i="1"/>
  <c r="U113485" i="1"/>
  <c r="U113484" i="1"/>
  <c r="U113483" i="1"/>
  <c r="U113482" i="1"/>
  <c r="U113481" i="1"/>
  <c r="U113480" i="1"/>
  <c r="U113479" i="1"/>
  <c r="U113478" i="1"/>
  <c r="U113477" i="1"/>
  <c r="U113476" i="1"/>
  <c r="U113475" i="1"/>
  <c r="U113474" i="1"/>
  <c r="U113473" i="1"/>
  <c r="U113472" i="1"/>
  <c r="U113471" i="1"/>
  <c r="U113470" i="1"/>
  <c r="U113469" i="1"/>
  <c r="U113468" i="1"/>
  <c r="U113467" i="1"/>
  <c r="U113466" i="1"/>
  <c r="U113465" i="1"/>
  <c r="U113464" i="1"/>
  <c r="U113463" i="1"/>
  <c r="U113462" i="1"/>
  <c r="U113461" i="1"/>
  <c r="U113460" i="1"/>
  <c r="U113459" i="1"/>
  <c r="U113458" i="1"/>
  <c r="U113457" i="1"/>
  <c r="U113456" i="1"/>
  <c r="U113455" i="1"/>
  <c r="U113454" i="1"/>
  <c r="U113453" i="1"/>
  <c r="U113452" i="1"/>
  <c r="U113451" i="1"/>
  <c r="U113450" i="1"/>
  <c r="U113449" i="1"/>
  <c r="U113448" i="1"/>
  <c r="U113447" i="1"/>
  <c r="U113446" i="1"/>
  <c r="U113445" i="1"/>
  <c r="U113444" i="1"/>
  <c r="U113443" i="1"/>
  <c r="U113442" i="1"/>
  <c r="U113441" i="1"/>
  <c r="U113440" i="1"/>
  <c r="U113439" i="1"/>
  <c r="U113438" i="1"/>
  <c r="U113437" i="1"/>
  <c r="U113436" i="1"/>
  <c r="U113435" i="1"/>
  <c r="U113434" i="1"/>
  <c r="U113433" i="1"/>
  <c r="U113432" i="1"/>
  <c r="U113431" i="1"/>
  <c r="U113430" i="1"/>
  <c r="U113429" i="1"/>
  <c r="U113428" i="1"/>
  <c r="U113427" i="1"/>
  <c r="U113426" i="1"/>
  <c r="U113425" i="1"/>
  <c r="U113424" i="1"/>
  <c r="U113423" i="1"/>
  <c r="U113422" i="1"/>
  <c r="U113421" i="1"/>
  <c r="U113420" i="1"/>
  <c r="U113419" i="1"/>
  <c r="U113418" i="1"/>
  <c r="U113417" i="1"/>
  <c r="U113416" i="1"/>
  <c r="U113415" i="1"/>
  <c r="U113414" i="1"/>
  <c r="U113413" i="1"/>
  <c r="U113412" i="1"/>
  <c r="U113411" i="1"/>
  <c r="U113410" i="1"/>
  <c r="U113409" i="1"/>
  <c r="U113408" i="1"/>
  <c r="U113407" i="1"/>
  <c r="U113406" i="1"/>
  <c r="U113405" i="1"/>
  <c r="U113404" i="1"/>
  <c r="U113403" i="1"/>
  <c r="U113402" i="1"/>
  <c r="U113401" i="1"/>
  <c r="U113400" i="1"/>
  <c r="U113399" i="1"/>
  <c r="U113398" i="1"/>
  <c r="U113397" i="1"/>
  <c r="U113396" i="1"/>
  <c r="U113395" i="1"/>
  <c r="U113394" i="1"/>
  <c r="U113393" i="1"/>
  <c r="U113392" i="1"/>
  <c r="U113391" i="1"/>
  <c r="U113390" i="1"/>
  <c r="U113389" i="1"/>
  <c r="U113388" i="1"/>
  <c r="U113387" i="1"/>
  <c r="U113386" i="1"/>
  <c r="U113385" i="1"/>
  <c r="U113384" i="1"/>
  <c r="U113383" i="1"/>
  <c r="U113382" i="1"/>
  <c r="U113381" i="1"/>
  <c r="U113380" i="1"/>
  <c r="U113379" i="1"/>
  <c r="U113378" i="1"/>
  <c r="U113377" i="1"/>
  <c r="U113376" i="1"/>
  <c r="U113375" i="1"/>
  <c r="U113374" i="1"/>
  <c r="U113373" i="1"/>
  <c r="U113372" i="1"/>
  <c r="U113371" i="1"/>
  <c r="U113370" i="1"/>
  <c r="U113369" i="1"/>
  <c r="U113368" i="1"/>
  <c r="U113367" i="1"/>
  <c r="U113366" i="1"/>
  <c r="U113365" i="1"/>
  <c r="U113364" i="1"/>
  <c r="U113363" i="1"/>
  <c r="U113362" i="1"/>
  <c r="U113361" i="1"/>
  <c r="U113360" i="1"/>
  <c r="U113359" i="1"/>
  <c r="U113358" i="1"/>
  <c r="U113357" i="1"/>
  <c r="U113356" i="1"/>
  <c r="U113355" i="1"/>
  <c r="U113354" i="1"/>
  <c r="U113353" i="1"/>
  <c r="U113352" i="1"/>
  <c r="U113351" i="1"/>
  <c r="U113350" i="1"/>
  <c r="U113349" i="1"/>
  <c r="U113348" i="1"/>
  <c r="U113347" i="1"/>
  <c r="U113346" i="1"/>
  <c r="U113345" i="1"/>
  <c r="U113344" i="1"/>
  <c r="U113343" i="1"/>
  <c r="U113342" i="1"/>
  <c r="U113341" i="1"/>
  <c r="U113340" i="1"/>
  <c r="U113339" i="1"/>
  <c r="U113338" i="1"/>
  <c r="U113337" i="1"/>
  <c r="U113336" i="1"/>
  <c r="U113335" i="1"/>
  <c r="U113334" i="1"/>
  <c r="U113333" i="1"/>
  <c r="U113332" i="1"/>
  <c r="U113331" i="1"/>
  <c r="U113330" i="1"/>
  <c r="U113329" i="1"/>
  <c r="U113328" i="1"/>
  <c r="U113327" i="1"/>
  <c r="U113326" i="1"/>
  <c r="U113325" i="1"/>
  <c r="U113324" i="1"/>
  <c r="U113323" i="1"/>
  <c r="U113322" i="1"/>
  <c r="U113321" i="1"/>
  <c r="U113320" i="1"/>
  <c r="U113319" i="1"/>
  <c r="U113318" i="1"/>
  <c r="U113317" i="1"/>
  <c r="U113316" i="1"/>
  <c r="U113315" i="1"/>
  <c r="U113314" i="1"/>
  <c r="U113313" i="1"/>
  <c r="U113312" i="1"/>
  <c r="U113311" i="1"/>
  <c r="U113310" i="1"/>
  <c r="U113309" i="1"/>
  <c r="U113308" i="1"/>
  <c r="U113307" i="1"/>
  <c r="U113306" i="1"/>
  <c r="U113305" i="1"/>
  <c r="U113304" i="1"/>
  <c r="U113303" i="1"/>
  <c r="U113302" i="1"/>
  <c r="U113301" i="1"/>
  <c r="U113300" i="1"/>
  <c r="U113299" i="1"/>
  <c r="U113298" i="1"/>
  <c r="U113297" i="1"/>
  <c r="U113296" i="1"/>
  <c r="U113295" i="1"/>
  <c r="U113294" i="1"/>
  <c r="U113293" i="1"/>
  <c r="U113292" i="1"/>
  <c r="U113291" i="1"/>
  <c r="U113290" i="1"/>
  <c r="U113289" i="1"/>
  <c r="U113288" i="1"/>
  <c r="U113287" i="1"/>
  <c r="U113286" i="1"/>
  <c r="U113285" i="1"/>
  <c r="U113284" i="1"/>
  <c r="U113283" i="1"/>
  <c r="U113282" i="1"/>
  <c r="U113281" i="1"/>
  <c r="U113280" i="1"/>
  <c r="U113279" i="1"/>
  <c r="U113278" i="1"/>
  <c r="U113277" i="1"/>
  <c r="U113276" i="1"/>
  <c r="U113275" i="1"/>
  <c r="U113274" i="1"/>
  <c r="U113273" i="1"/>
  <c r="U113272" i="1"/>
  <c r="U113271" i="1"/>
  <c r="U113270" i="1"/>
  <c r="U113269" i="1"/>
  <c r="U113268" i="1"/>
  <c r="U113267" i="1"/>
  <c r="U113266" i="1"/>
  <c r="U113265" i="1"/>
  <c r="U113264" i="1"/>
  <c r="U113263" i="1"/>
  <c r="U113262" i="1"/>
  <c r="U113261" i="1"/>
  <c r="U113260" i="1"/>
  <c r="U113259" i="1"/>
  <c r="U113258" i="1"/>
  <c r="U113257" i="1"/>
  <c r="U113256" i="1"/>
  <c r="U113255" i="1"/>
  <c r="U113254" i="1"/>
  <c r="U113253" i="1"/>
  <c r="U113252" i="1"/>
  <c r="U113251" i="1"/>
  <c r="U113250" i="1"/>
  <c r="U113249" i="1"/>
  <c r="U113248" i="1"/>
  <c r="U113247" i="1"/>
  <c r="U113246" i="1"/>
  <c r="U113245" i="1"/>
  <c r="U113244" i="1"/>
  <c r="U113243" i="1"/>
  <c r="U113242" i="1"/>
  <c r="U113241" i="1"/>
  <c r="U113240" i="1"/>
  <c r="U113239" i="1"/>
  <c r="U113238" i="1"/>
  <c r="U113237" i="1"/>
  <c r="U113236" i="1"/>
  <c r="U113235" i="1"/>
  <c r="U113234" i="1"/>
  <c r="U113233" i="1"/>
  <c r="U113232" i="1"/>
  <c r="U113231" i="1"/>
  <c r="U113230" i="1"/>
  <c r="U113229" i="1"/>
  <c r="U113228" i="1"/>
  <c r="U113227" i="1"/>
  <c r="U113226" i="1"/>
  <c r="U113225" i="1"/>
  <c r="U113224" i="1"/>
  <c r="U113223" i="1"/>
  <c r="U113222" i="1"/>
  <c r="U113221" i="1"/>
  <c r="U113220" i="1"/>
  <c r="U113219" i="1"/>
  <c r="U113218" i="1"/>
  <c r="U113217" i="1"/>
  <c r="U113216" i="1"/>
  <c r="U113215" i="1"/>
  <c r="U113214" i="1"/>
  <c r="U113213" i="1"/>
  <c r="U113212" i="1"/>
  <c r="U113211" i="1"/>
  <c r="U113210" i="1"/>
  <c r="U113209" i="1"/>
  <c r="U113208" i="1"/>
  <c r="U113207" i="1"/>
  <c r="U113206" i="1"/>
  <c r="U113205" i="1"/>
  <c r="U113204" i="1"/>
  <c r="U113203" i="1"/>
  <c r="U113202" i="1"/>
  <c r="U113201" i="1"/>
  <c r="U113200" i="1"/>
  <c r="U113199" i="1"/>
  <c r="U113198" i="1"/>
  <c r="U113197" i="1"/>
  <c r="U113196" i="1"/>
  <c r="U113195" i="1"/>
  <c r="U113194" i="1"/>
  <c r="U113193" i="1"/>
  <c r="U113192" i="1"/>
  <c r="U113191" i="1"/>
  <c r="U113190" i="1"/>
  <c r="U113189" i="1"/>
  <c r="U113188" i="1"/>
  <c r="U113187" i="1"/>
  <c r="U113186" i="1"/>
  <c r="U113185" i="1"/>
  <c r="U113184" i="1"/>
  <c r="U113183" i="1"/>
  <c r="U113182" i="1"/>
  <c r="U113181" i="1"/>
  <c r="U113180" i="1"/>
  <c r="U113179" i="1"/>
  <c r="U113178" i="1"/>
  <c r="U113177" i="1"/>
  <c r="U113176" i="1"/>
  <c r="U113175" i="1"/>
  <c r="U113174" i="1"/>
  <c r="U113173" i="1"/>
  <c r="U113172" i="1"/>
  <c r="U113171" i="1"/>
  <c r="U113170" i="1"/>
  <c r="U113169" i="1"/>
  <c r="U113168" i="1"/>
  <c r="U113167" i="1"/>
  <c r="U113166" i="1"/>
  <c r="U113165" i="1"/>
  <c r="U113164" i="1"/>
  <c r="U113163" i="1"/>
  <c r="U113162" i="1"/>
  <c r="U113161" i="1"/>
  <c r="U113160" i="1"/>
  <c r="U113159" i="1"/>
  <c r="U113158" i="1"/>
  <c r="U113157" i="1"/>
  <c r="U113156" i="1"/>
  <c r="U113155" i="1"/>
  <c r="U113154" i="1"/>
  <c r="U113153" i="1"/>
  <c r="U113152" i="1"/>
  <c r="U113151" i="1"/>
  <c r="U113150" i="1"/>
  <c r="U113149" i="1"/>
  <c r="U113148" i="1"/>
  <c r="U113147" i="1"/>
  <c r="U113146" i="1"/>
  <c r="U113145" i="1"/>
  <c r="U113144" i="1"/>
  <c r="U113143" i="1"/>
  <c r="U113142" i="1"/>
  <c r="U113141" i="1"/>
  <c r="U113140" i="1"/>
  <c r="U113139" i="1"/>
  <c r="U113138" i="1"/>
  <c r="U113137" i="1"/>
  <c r="U113136" i="1"/>
  <c r="U113135" i="1"/>
  <c r="U113134" i="1"/>
  <c r="U113133" i="1"/>
  <c r="U113132" i="1"/>
  <c r="U113131" i="1"/>
  <c r="U113130" i="1"/>
  <c r="U113129" i="1"/>
  <c r="U113128" i="1"/>
  <c r="U113127" i="1"/>
  <c r="U113126" i="1"/>
  <c r="U113125" i="1"/>
  <c r="U113124" i="1"/>
  <c r="U113123" i="1"/>
  <c r="U113122" i="1"/>
  <c r="U113121" i="1"/>
  <c r="U113120" i="1"/>
  <c r="U113119" i="1"/>
  <c r="U113118" i="1"/>
  <c r="U113117" i="1"/>
  <c r="U113116" i="1"/>
  <c r="U113115" i="1"/>
  <c r="U113114" i="1"/>
  <c r="U113113" i="1"/>
  <c r="U113112" i="1"/>
  <c r="U113111" i="1"/>
  <c r="U113110" i="1"/>
  <c r="U113109" i="1"/>
  <c r="U113108" i="1"/>
  <c r="U113107" i="1"/>
  <c r="U113106" i="1"/>
  <c r="U113105" i="1"/>
  <c r="U113104" i="1"/>
  <c r="U113103" i="1"/>
  <c r="U113102" i="1"/>
  <c r="U113101" i="1"/>
  <c r="U113100" i="1"/>
  <c r="U113099" i="1"/>
  <c r="U113098" i="1"/>
  <c r="U113097" i="1"/>
  <c r="U113096" i="1"/>
  <c r="U113095" i="1"/>
  <c r="U113094" i="1"/>
  <c r="U113093" i="1"/>
  <c r="U113092" i="1"/>
  <c r="U113091" i="1"/>
  <c r="U113090" i="1"/>
  <c r="U113089" i="1"/>
  <c r="U113088" i="1"/>
  <c r="U113087" i="1"/>
  <c r="U113086" i="1"/>
  <c r="U113085" i="1"/>
  <c r="U113084" i="1"/>
  <c r="U113083" i="1"/>
  <c r="U113082" i="1"/>
  <c r="U113081" i="1"/>
  <c r="U113080" i="1"/>
  <c r="U113079" i="1"/>
  <c r="U113078" i="1"/>
  <c r="U113077" i="1"/>
  <c r="U113076" i="1"/>
  <c r="U113075" i="1"/>
  <c r="U113074" i="1"/>
  <c r="U113073" i="1"/>
  <c r="U113072" i="1"/>
  <c r="U113071" i="1"/>
  <c r="U113070" i="1"/>
  <c r="U113069" i="1"/>
  <c r="U113068" i="1"/>
  <c r="U113067" i="1"/>
  <c r="U113066" i="1"/>
  <c r="U113065" i="1"/>
  <c r="U113064" i="1"/>
  <c r="U113063" i="1"/>
  <c r="U113062" i="1"/>
  <c r="U113061" i="1"/>
  <c r="U113060" i="1"/>
  <c r="U113059" i="1"/>
  <c r="U113058" i="1"/>
  <c r="U113057" i="1"/>
  <c r="U113056" i="1"/>
  <c r="U113055" i="1"/>
  <c r="U113054" i="1"/>
  <c r="U113053" i="1"/>
  <c r="U113052" i="1"/>
  <c r="U113051" i="1"/>
  <c r="U113050" i="1"/>
  <c r="U113049" i="1"/>
  <c r="U113048" i="1"/>
  <c r="U113047" i="1"/>
  <c r="U113046" i="1"/>
  <c r="U113045" i="1"/>
  <c r="U113044" i="1"/>
  <c r="U113043" i="1"/>
  <c r="U113042" i="1"/>
  <c r="U113041" i="1"/>
  <c r="U113040" i="1"/>
  <c r="U113039" i="1"/>
  <c r="U113038" i="1"/>
  <c r="U113037" i="1"/>
  <c r="U113036" i="1"/>
  <c r="U113035" i="1"/>
  <c r="U113034" i="1"/>
  <c r="U113033" i="1"/>
  <c r="U113032" i="1"/>
  <c r="U113031" i="1"/>
  <c r="U113030" i="1"/>
  <c r="U113029" i="1"/>
  <c r="U113028" i="1"/>
  <c r="U113027" i="1"/>
  <c r="U113026" i="1"/>
  <c r="U113025" i="1"/>
  <c r="U113024" i="1"/>
  <c r="U113023" i="1"/>
  <c r="U113022" i="1"/>
  <c r="U113021" i="1"/>
  <c r="U113020" i="1"/>
  <c r="U113019" i="1"/>
  <c r="U113018" i="1"/>
  <c r="U113017" i="1"/>
  <c r="U113016" i="1"/>
  <c r="U113015" i="1"/>
  <c r="U113014" i="1"/>
  <c r="U113013" i="1"/>
  <c r="U113012" i="1"/>
  <c r="U113011" i="1"/>
  <c r="U113010" i="1"/>
  <c r="U113009" i="1"/>
  <c r="U113008" i="1"/>
  <c r="U113007" i="1"/>
  <c r="U113006" i="1"/>
  <c r="U113005" i="1"/>
  <c r="U113004" i="1"/>
  <c r="U113003" i="1"/>
  <c r="U113002" i="1"/>
  <c r="U113001" i="1"/>
  <c r="U113000" i="1"/>
  <c r="U112999" i="1"/>
  <c r="U112998" i="1"/>
  <c r="U112997" i="1"/>
  <c r="U112996" i="1"/>
  <c r="U112995" i="1"/>
  <c r="U112994" i="1"/>
  <c r="U112993" i="1"/>
  <c r="U112992" i="1"/>
  <c r="U112991" i="1"/>
  <c r="U112990" i="1"/>
  <c r="U112989" i="1"/>
  <c r="U112988" i="1"/>
  <c r="U112987" i="1"/>
  <c r="U112986" i="1"/>
  <c r="U112985" i="1"/>
  <c r="U112984" i="1"/>
  <c r="U112983" i="1"/>
  <c r="U112982" i="1"/>
  <c r="U112981" i="1"/>
  <c r="U112980" i="1"/>
  <c r="U112979" i="1"/>
  <c r="U112978" i="1"/>
  <c r="U112977" i="1"/>
  <c r="U112976" i="1"/>
  <c r="U112975" i="1"/>
  <c r="U112974" i="1"/>
  <c r="U112973" i="1"/>
  <c r="U112972" i="1"/>
  <c r="U112971" i="1"/>
  <c r="U112970" i="1"/>
  <c r="U112969" i="1"/>
  <c r="U112968" i="1"/>
  <c r="U112967" i="1"/>
  <c r="U112966" i="1"/>
  <c r="U112965" i="1"/>
  <c r="U112964" i="1"/>
  <c r="U112963" i="1"/>
  <c r="U112962" i="1"/>
  <c r="U112961" i="1"/>
  <c r="U112960" i="1"/>
  <c r="U112959" i="1"/>
  <c r="U112958" i="1"/>
  <c r="U112957" i="1"/>
  <c r="U112956" i="1"/>
  <c r="U112955" i="1"/>
  <c r="U112954" i="1"/>
  <c r="U112953" i="1"/>
  <c r="U112952" i="1"/>
  <c r="U112951" i="1"/>
  <c r="U112950" i="1"/>
  <c r="U112949" i="1"/>
  <c r="U112948" i="1"/>
  <c r="U112947" i="1"/>
  <c r="U112946" i="1"/>
  <c r="U112945" i="1"/>
  <c r="U112944" i="1"/>
  <c r="U112943" i="1"/>
  <c r="U112942" i="1"/>
  <c r="U112941" i="1"/>
  <c r="U112940" i="1"/>
  <c r="U112939" i="1"/>
  <c r="U112938" i="1"/>
  <c r="U112937" i="1"/>
  <c r="U112936" i="1"/>
  <c r="U112935" i="1"/>
  <c r="U112934" i="1"/>
  <c r="U112933" i="1"/>
  <c r="U112932" i="1"/>
  <c r="U112931" i="1"/>
  <c r="U112930" i="1"/>
  <c r="U112929" i="1"/>
  <c r="U112928" i="1"/>
  <c r="U112927" i="1"/>
  <c r="U112926" i="1"/>
  <c r="U112925" i="1"/>
  <c r="U112924" i="1"/>
  <c r="U112923" i="1"/>
  <c r="U112922" i="1"/>
  <c r="U112921" i="1"/>
  <c r="U112920" i="1"/>
  <c r="U112919" i="1"/>
  <c r="U112918" i="1"/>
  <c r="U112917" i="1"/>
  <c r="U112916" i="1"/>
  <c r="U112915" i="1"/>
  <c r="U112914" i="1"/>
  <c r="U112913" i="1"/>
  <c r="U112912" i="1"/>
  <c r="U112911" i="1"/>
  <c r="U112910" i="1"/>
  <c r="U112909" i="1"/>
  <c r="U112908" i="1"/>
  <c r="U112907" i="1"/>
  <c r="U112906" i="1"/>
  <c r="U112905" i="1"/>
  <c r="U112904" i="1"/>
  <c r="U112903" i="1"/>
  <c r="U112902" i="1"/>
  <c r="U112901" i="1"/>
  <c r="U112900" i="1"/>
  <c r="U112899" i="1"/>
  <c r="U112898" i="1"/>
  <c r="U112897" i="1"/>
  <c r="U112896" i="1"/>
  <c r="U112895" i="1"/>
  <c r="U112894" i="1"/>
  <c r="U112893" i="1"/>
  <c r="U112892" i="1"/>
  <c r="U112891" i="1"/>
  <c r="U112890" i="1"/>
  <c r="U112889" i="1"/>
  <c r="U112888" i="1"/>
  <c r="U112887" i="1"/>
  <c r="U112886" i="1"/>
  <c r="U112885" i="1"/>
  <c r="U112884" i="1"/>
  <c r="U112883" i="1"/>
  <c r="U112882" i="1"/>
  <c r="U112881" i="1"/>
  <c r="U112880" i="1"/>
  <c r="U112879" i="1"/>
  <c r="U112878" i="1"/>
  <c r="U112877" i="1"/>
  <c r="U112876" i="1"/>
  <c r="U112875" i="1"/>
  <c r="U112874" i="1"/>
  <c r="U112873" i="1"/>
  <c r="U112872" i="1"/>
  <c r="U112871" i="1"/>
  <c r="U112870" i="1"/>
  <c r="U112869" i="1"/>
  <c r="U112868" i="1"/>
  <c r="U112867" i="1"/>
  <c r="U112866" i="1"/>
  <c r="U112865" i="1"/>
  <c r="U112864" i="1"/>
  <c r="U112863" i="1"/>
  <c r="U112862" i="1"/>
  <c r="U112861" i="1"/>
  <c r="U112860" i="1"/>
  <c r="U112859" i="1"/>
  <c r="U112858" i="1"/>
  <c r="U112857" i="1"/>
  <c r="U112856" i="1"/>
  <c r="U112855" i="1"/>
  <c r="U112854" i="1"/>
  <c r="U112853" i="1"/>
  <c r="U112852" i="1"/>
  <c r="U112851" i="1"/>
  <c r="U112850" i="1"/>
  <c r="U112849" i="1"/>
  <c r="U112848" i="1"/>
  <c r="U112847" i="1"/>
  <c r="U112846" i="1"/>
  <c r="U112845" i="1"/>
  <c r="U112844" i="1"/>
  <c r="U112843" i="1"/>
  <c r="U112842" i="1"/>
  <c r="U112841" i="1"/>
  <c r="U112840" i="1"/>
  <c r="U112839" i="1"/>
  <c r="U112838" i="1"/>
  <c r="U112837" i="1"/>
  <c r="U112836" i="1"/>
  <c r="U112835" i="1"/>
  <c r="U112834" i="1"/>
  <c r="U112833" i="1"/>
  <c r="U112832" i="1"/>
  <c r="U112831" i="1"/>
  <c r="U112830" i="1"/>
  <c r="U112829" i="1"/>
  <c r="U112828" i="1"/>
  <c r="U112827" i="1"/>
  <c r="U112826" i="1"/>
  <c r="U112825" i="1"/>
  <c r="U112824" i="1"/>
  <c r="U112823" i="1"/>
  <c r="U112822" i="1"/>
  <c r="U112821" i="1"/>
  <c r="U112820" i="1"/>
  <c r="U112819" i="1"/>
  <c r="U112818" i="1"/>
  <c r="U112817" i="1"/>
  <c r="U112816" i="1"/>
  <c r="U112815" i="1"/>
  <c r="U112814" i="1"/>
  <c r="U112813" i="1"/>
  <c r="U112812" i="1"/>
  <c r="U112811" i="1"/>
  <c r="U112810" i="1"/>
  <c r="U112809" i="1"/>
  <c r="U112808" i="1"/>
  <c r="U112807" i="1"/>
  <c r="U112806" i="1"/>
  <c r="U112805" i="1"/>
  <c r="U112804" i="1"/>
  <c r="U112803" i="1"/>
  <c r="U112802" i="1"/>
  <c r="U112801" i="1"/>
  <c r="U112800" i="1"/>
  <c r="U112799" i="1"/>
  <c r="U112798" i="1"/>
  <c r="U112797" i="1"/>
  <c r="U112796" i="1"/>
  <c r="U112795" i="1"/>
  <c r="U112794" i="1"/>
  <c r="U112793" i="1"/>
  <c r="U112792" i="1"/>
  <c r="U112791" i="1"/>
  <c r="U112790" i="1"/>
  <c r="U112789" i="1"/>
  <c r="U112788" i="1"/>
  <c r="U112787" i="1"/>
  <c r="U112786" i="1"/>
  <c r="U112785" i="1"/>
  <c r="U112784" i="1"/>
  <c r="U112783" i="1"/>
  <c r="U112782" i="1"/>
  <c r="U112781" i="1"/>
  <c r="U112780" i="1"/>
  <c r="U112779" i="1"/>
  <c r="U112778" i="1"/>
  <c r="U112777" i="1"/>
  <c r="U112776" i="1"/>
  <c r="U112775" i="1"/>
  <c r="U112774" i="1"/>
  <c r="U112773" i="1"/>
  <c r="U112772" i="1"/>
  <c r="U112771" i="1"/>
  <c r="U112770" i="1"/>
  <c r="U112769" i="1"/>
  <c r="U112768" i="1"/>
  <c r="U112767" i="1"/>
  <c r="U112766" i="1"/>
  <c r="U112765" i="1"/>
  <c r="U112764" i="1"/>
  <c r="U112763" i="1"/>
  <c r="U112762" i="1"/>
  <c r="U112761" i="1"/>
  <c r="U112760" i="1"/>
  <c r="U112759" i="1"/>
  <c r="U112758" i="1"/>
  <c r="U112757" i="1"/>
  <c r="U112756" i="1"/>
  <c r="U112755" i="1"/>
  <c r="U112754" i="1"/>
  <c r="U112753" i="1"/>
  <c r="U112752" i="1"/>
  <c r="U112751" i="1"/>
  <c r="U112750" i="1"/>
  <c r="U112749" i="1"/>
  <c r="U112748" i="1"/>
  <c r="U112747" i="1"/>
  <c r="U112746" i="1"/>
  <c r="U112745" i="1"/>
  <c r="U112744" i="1"/>
  <c r="U112743" i="1"/>
  <c r="U112742" i="1"/>
  <c r="U112741" i="1"/>
  <c r="U112740" i="1"/>
  <c r="U112739" i="1"/>
  <c r="U112738" i="1"/>
  <c r="U112737" i="1"/>
  <c r="U112736" i="1"/>
  <c r="U112735" i="1"/>
  <c r="U112734" i="1"/>
  <c r="U112733" i="1"/>
  <c r="U112732" i="1"/>
  <c r="U112731" i="1"/>
  <c r="U112730" i="1"/>
  <c r="U112729" i="1"/>
  <c r="U112728" i="1"/>
  <c r="U112727" i="1"/>
  <c r="U112726" i="1"/>
  <c r="U112725" i="1"/>
  <c r="U112724" i="1"/>
  <c r="U112723" i="1"/>
  <c r="U112722" i="1"/>
  <c r="U112721" i="1"/>
  <c r="U112720" i="1"/>
  <c r="U112719" i="1"/>
  <c r="U112718" i="1"/>
  <c r="U112717" i="1"/>
  <c r="U112716" i="1"/>
  <c r="U112715" i="1"/>
  <c r="U112714" i="1"/>
  <c r="U112713" i="1"/>
  <c r="U112712" i="1"/>
  <c r="U112711" i="1"/>
  <c r="U112710" i="1"/>
  <c r="U112709" i="1"/>
  <c r="U112708" i="1"/>
  <c r="U112707" i="1"/>
  <c r="U112706" i="1"/>
  <c r="U112705" i="1"/>
  <c r="U112704" i="1"/>
  <c r="U112703" i="1"/>
  <c r="U112702" i="1"/>
  <c r="U112701" i="1"/>
  <c r="U112700" i="1"/>
  <c r="U112699" i="1"/>
  <c r="U112698" i="1"/>
  <c r="U112697" i="1"/>
  <c r="U112696" i="1"/>
  <c r="U112695" i="1"/>
  <c r="U112694" i="1"/>
  <c r="U112693" i="1"/>
  <c r="U112692" i="1"/>
  <c r="U112691" i="1"/>
  <c r="U112690" i="1"/>
  <c r="U112689" i="1"/>
  <c r="U112688" i="1"/>
  <c r="U112687" i="1"/>
  <c r="U112686" i="1"/>
  <c r="U112685" i="1"/>
  <c r="U112684" i="1"/>
  <c r="U112683" i="1"/>
  <c r="U112682" i="1"/>
  <c r="U112681" i="1"/>
  <c r="U112680" i="1"/>
  <c r="U112679" i="1"/>
  <c r="U112678" i="1"/>
  <c r="U112677" i="1"/>
  <c r="U112676" i="1"/>
  <c r="U112675" i="1"/>
  <c r="U112674" i="1"/>
  <c r="U112673" i="1"/>
  <c r="U112672" i="1"/>
  <c r="U112671" i="1"/>
  <c r="U112670" i="1"/>
  <c r="U112669" i="1"/>
  <c r="U112668" i="1"/>
  <c r="U112667" i="1"/>
  <c r="U112666" i="1"/>
  <c r="U112665" i="1"/>
  <c r="U112664" i="1"/>
  <c r="U112663" i="1"/>
  <c r="U112662" i="1"/>
  <c r="U112661" i="1"/>
  <c r="U112660" i="1"/>
  <c r="U112659" i="1"/>
  <c r="U112658" i="1"/>
  <c r="U112657" i="1"/>
  <c r="U112656" i="1"/>
  <c r="U112655" i="1"/>
  <c r="U112654" i="1"/>
  <c r="U112653" i="1"/>
  <c r="U112652" i="1"/>
  <c r="U112651" i="1"/>
  <c r="U112650" i="1"/>
  <c r="U112649" i="1"/>
  <c r="U112648" i="1"/>
  <c r="U112647" i="1"/>
  <c r="U112646" i="1"/>
  <c r="U112645" i="1"/>
  <c r="U112644" i="1"/>
  <c r="U112643" i="1"/>
  <c r="U112642" i="1"/>
  <c r="U112641" i="1"/>
  <c r="U112640" i="1"/>
  <c r="U112639" i="1"/>
  <c r="U112638" i="1"/>
  <c r="U112637" i="1"/>
  <c r="U112636" i="1"/>
  <c r="U112635" i="1"/>
  <c r="U112634" i="1"/>
  <c r="U112633" i="1"/>
  <c r="U112632" i="1"/>
  <c r="U112631" i="1"/>
  <c r="U112630" i="1"/>
  <c r="U112629" i="1"/>
  <c r="U112628" i="1"/>
  <c r="U112627" i="1"/>
  <c r="U112626" i="1"/>
  <c r="U112625" i="1"/>
  <c r="U112624" i="1"/>
  <c r="U112623" i="1"/>
  <c r="U112622" i="1"/>
  <c r="U112621" i="1"/>
  <c r="U112620" i="1"/>
  <c r="U112619" i="1"/>
  <c r="U112618" i="1"/>
  <c r="U112617" i="1"/>
  <c r="U112616" i="1"/>
  <c r="U112615" i="1"/>
  <c r="U112614" i="1"/>
  <c r="U112613" i="1"/>
  <c r="U112612" i="1"/>
  <c r="U112611" i="1"/>
  <c r="U112610" i="1"/>
  <c r="U112609" i="1"/>
  <c r="U112608" i="1"/>
  <c r="U112607" i="1"/>
  <c r="U112606" i="1"/>
  <c r="U112605" i="1"/>
  <c r="U112604" i="1"/>
  <c r="U112603" i="1"/>
  <c r="U112602" i="1"/>
  <c r="U112601" i="1"/>
  <c r="U112600" i="1"/>
  <c r="U112599" i="1"/>
  <c r="U112598" i="1"/>
  <c r="U112597" i="1"/>
  <c r="U112596" i="1"/>
  <c r="U112595" i="1"/>
  <c r="U112594" i="1"/>
  <c r="U112593" i="1"/>
  <c r="U112592" i="1"/>
  <c r="U112591" i="1"/>
  <c r="U112590" i="1"/>
  <c r="U112589" i="1"/>
  <c r="U112588" i="1"/>
  <c r="U112587" i="1"/>
  <c r="U112586" i="1"/>
  <c r="U112585" i="1"/>
  <c r="U112584" i="1"/>
  <c r="U112583" i="1"/>
  <c r="U112582" i="1"/>
  <c r="U112581" i="1"/>
  <c r="U112580" i="1"/>
  <c r="U112579" i="1"/>
  <c r="U112578" i="1"/>
  <c r="U112577" i="1"/>
  <c r="U112576" i="1"/>
  <c r="U112575" i="1"/>
  <c r="U112574" i="1"/>
  <c r="U112573" i="1"/>
  <c r="U112572" i="1"/>
  <c r="U112571" i="1"/>
  <c r="U112570" i="1"/>
  <c r="U112569" i="1"/>
  <c r="U112568" i="1"/>
  <c r="U112567" i="1"/>
  <c r="U112566" i="1"/>
  <c r="U112565" i="1"/>
  <c r="U112564" i="1"/>
  <c r="U112563" i="1"/>
  <c r="U112562" i="1"/>
  <c r="U112561" i="1"/>
  <c r="U112560" i="1"/>
  <c r="U112559" i="1"/>
  <c r="U112558" i="1"/>
  <c r="U112557" i="1"/>
  <c r="U112556" i="1"/>
  <c r="U112555" i="1"/>
  <c r="U112554" i="1"/>
  <c r="U112553" i="1"/>
  <c r="U112552" i="1"/>
  <c r="U112551" i="1"/>
  <c r="U112550" i="1"/>
  <c r="U112549" i="1"/>
  <c r="U112548" i="1"/>
  <c r="U112547" i="1"/>
  <c r="U112546" i="1"/>
  <c r="U112545" i="1"/>
  <c r="U112544" i="1"/>
  <c r="U112543" i="1"/>
  <c r="U112542" i="1"/>
  <c r="U112541" i="1"/>
  <c r="U112540" i="1"/>
  <c r="U112539" i="1"/>
  <c r="U112538" i="1"/>
  <c r="U112537" i="1"/>
  <c r="U112536" i="1"/>
  <c r="U112535" i="1"/>
  <c r="U112534" i="1"/>
  <c r="U112533" i="1"/>
  <c r="U112532" i="1"/>
  <c r="U112531" i="1"/>
  <c r="U112530" i="1"/>
  <c r="U112529" i="1"/>
  <c r="U112528" i="1"/>
  <c r="U112527" i="1"/>
  <c r="U112526" i="1"/>
  <c r="U112525" i="1"/>
  <c r="U112524" i="1"/>
  <c r="U112523" i="1"/>
  <c r="U112522" i="1"/>
  <c r="U112521" i="1"/>
  <c r="U112520" i="1"/>
  <c r="U112519" i="1"/>
  <c r="U112518" i="1"/>
  <c r="U112517" i="1"/>
  <c r="U112516" i="1"/>
  <c r="U112515" i="1"/>
  <c r="U112514" i="1"/>
  <c r="U112513" i="1"/>
  <c r="U112512" i="1"/>
  <c r="U112511" i="1"/>
  <c r="U112510" i="1"/>
  <c r="U112509" i="1"/>
  <c r="U112508" i="1"/>
  <c r="U112507" i="1"/>
  <c r="U112506" i="1"/>
  <c r="U112505" i="1"/>
  <c r="U112504" i="1"/>
  <c r="U112503" i="1"/>
  <c r="U112502" i="1"/>
  <c r="U112501" i="1"/>
  <c r="U112500" i="1"/>
  <c r="U112499" i="1"/>
  <c r="U112498" i="1"/>
  <c r="U112497" i="1"/>
  <c r="U112496" i="1"/>
  <c r="U112495" i="1"/>
  <c r="U112494" i="1"/>
  <c r="U112493" i="1"/>
  <c r="U112492" i="1"/>
  <c r="U112491" i="1"/>
  <c r="U112490" i="1"/>
  <c r="U112489" i="1"/>
  <c r="U112488" i="1"/>
  <c r="U112487" i="1"/>
  <c r="U112486" i="1"/>
  <c r="U112485" i="1"/>
  <c r="U112484" i="1"/>
  <c r="U112483" i="1"/>
  <c r="U112482" i="1"/>
  <c r="U112481" i="1"/>
  <c r="U112480" i="1"/>
  <c r="U112479" i="1"/>
  <c r="U112478" i="1"/>
  <c r="U112477" i="1"/>
  <c r="U112476" i="1"/>
  <c r="U112475" i="1"/>
  <c r="U112474" i="1"/>
  <c r="U112473" i="1"/>
  <c r="U112472" i="1"/>
  <c r="U112471" i="1"/>
  <c r="U112470" i="1"/>
  <c r="U112469" i="1"/>
  <c r="U112468" i="1"/>
  <c r="U112467" i="1"/>
  <c r="U112466" i="1"/>
  <c r="U112465" i="1"/>
  <c r="U112464" i="1"/>
  <c r="U112463" i="1"/>
  <c r="U112462" i="1"/>
  <c r="U112461" i="1"/>
  <c r="U112460" i="1"/>
  <c r="U112459" i="1"/>
  <c r="U112458" i="1"/>
  <c r="U112457" i="1"/>
  <c r="U112456" i="1"/>
  <c r="U112455" i="1"/>
  <c r="U112454" i="1"/>
  <c r="U112453" i="1"/>
  <c r="U112452" i="1"/>
  <c r="U112451" i="1"/>
  <c r="U112450" i="1"/>
  <c r="U112449" i="1"/>
  <c r="U112448" i="1"/>
  <c r="U112447" i="1"/>
  <c r="U112446" i="1"/>
  <c r="U112445" i="1"/>
  <c r="U112444" i="1"/>
  <c r="U112443" i="1"/>
  <c r="U112442" i="1"/>
  <c r="U112441" i="1"/>
  <c r="U112440" i="1"/>
  <c r="U112439" i="1"/>
  <c r="U112438" i="1"/>
  <c r="U112437" i="1"/>
  <c r="U112436" i="1"/>
  <c r="U112435" i="1"/>
  <c r="U112434" i="1"/>
  <c r="U112433" i="1"/>
  <c r="U112432" i="1"/>
  <c r="U112431" i="1"/>
  <c r="U112430" i="1"/>
  <c r="U112429" i="1"/>
  <c r="U112428" i="1"/>
  <c r="U112427" i="1"/>
  <c r="U112426" i="1"/>
  <c r="U112425" i="1"/>
  <c r="U112424" i="1"/>
  <c r="U112423" i="1"/>
  <c r="U112422" i="1"/>
  <c r="U112421" i="1"/>
  <c r="U112420" i="1"/>
  <c r="U112419" i="1"/>
  <c r="U112418" i="1"/>
  <c r="U112417" i="1"/>
  <c r="U112416" i="1"/>
  <c r="U112415" i="1"/>
  <c r="U112414" i="1"/>
  <c r="U112413" i="1"/>
  <c r="U112412" i="1"/>
  <c r="U112411" i="1"/>
  <c r="U112410" i="1"/>
  <c r="U112409" i="1"/>
  <c r="U112408" i="1"/>
  <c r="U112407" i="1"/>
  <c r="U112406" i="1"/>
  <c r="U112405" i="1"/>
  <c r="U112404" i="1"/>
  <c r="U112403" i="1"/>
  <c r="U112402" i="1"/>
  <c r="U112401" i="1"/>
  <c r="U112400" i="1"/>
  <c r="U112399" i="1"/>
  <c r="U112398" i="1"/>
  <c r="U112397" i="1"/>
  <c r="U112396" i="1"/>
  <c r="U112395" i="1"/>
  <c r="U112394" i="1"/>
  <c r="U112393" i="1"/>
  <c r="U112392" i="1"/>
  <c r="U112391" i="1"/>
  <c r="U112390" i="1"/>
  <c r="U112389" i="1"/>
  <c r="U112388" i="1"/>
  <c r="U112387" i="1"/>
  <c r="U112386" i="1"/>
  <c r="U112385" i="1"/>
  <c r="U112384" i="1"/>
  <c r="U112383" i="1"/>
  <c r="U112382" i="1"/>
  <c r="U112381" i="1"/>
  <c r="U112380" i="1"/>
  <c r="U112379" i="1"/>
  <c r="U112378" i="1"/>
  <c r="U112377" i="1"/>
  <c r="U112376" i="1"/>
  <c r="U112375" i="1"/>
  <c r="U112374" i="1"/>
  <c r="U112373" i="1"/>
  <c r="U112372" i="1"/>
  <c r="U112371" i="1"/>
  <c r="U112370" i="1"/>
  <c r="U112369" i="1"/>
  <c r="U112368" i="1"/>
  <c r="U112367" i="1"/>
  <c r="U112366" i="1"/>
  <c r="U112365" i="1"/>
  <c r="U112364" i="1"/>
  <c r="U112363" i="1"/>
  <c r="U112362" i="1"/>
  <c r="U112361" i="1"/>
  <c r="U112360" i="1"/>
  <c r="U112359" i="1"/>
  <c r="U112358" i="1"/>
  <c r="U112357" i="1"/>
  <c r="U112356" i="1"/>
  <c r="U112355" i="1"/>
  <c r="U112354" i="1"/>
  <c r="U112353" i="1"/>
  <c r="U112352" i="1"/>
  <c r="U112351" i="1"/>
  <c r="U112350" i="1"/>
  <c r="U112349" i="1"/>
  <c r="U112348" i="1"/>
  <c r="U112347" i="1"/>
  <c r="U112346" i="1"/>
  <c r="U112345" i="1"/>
  <c r="U112344" i="1"/>
  <c r="U112343" i="1"/>
  <c r="U112342" i="1"/>
  <c r="U112341" i="1"/>
  <c r="U112340" i="1"/>
  <c r="U112339" i="1"/>
  <c r="U112338" i="1"/>
  <c r="U112337" i="1"/>
  <c r="U112336" i="1"/>
  <c r="U112335" i="1"/>
  <c r="U112334" i="1"/>
  <c r="U112333" i="1"/>
  <c r="U112332" i="1"/>
  <c r="U112331" i="1"/>
  <c r="U112330" i="1"/>
  <c r="U112329" i="1"/>
  <c r="U112328" i="1"/>
  <c r="U112327" i="1"/>
  <c r="U112326" i="1"/>
  <c r="U112325" i="1"/>
  <c r="U112324" i="1"/>
  <c r="U112323" i="1"/>
  <c r="U112322" i="1"/>
  <c r="U112321" i="1"/>
  <c r="U112320" i="1"/>
  <c r="U112319" i="1"/>
  <c r="U112318" i="1"/>
  <c r="U112317" i="1"/>
  <c r="U112316" i="1"/>
  <c r="U112315" i="1"/>
  <c r="U112314" i="1"/>
  <c r="U112313" i="1"/>
  <c r="U112312" i="1"/>
  <c r="U112311" i="1"/>
  <c r="U112310" i="1"/>
  <c r="U112309" i="1"/>
  <c r="U112308" i="1"/>
  <c r="U112307" i="1"/>
  <c r="U112306" i="1"/>
  <c r="U112305" i="1"/>
  <c r="U112304" i="1"/>
  <c r="U112303" i="1"/>
  <c r="U112302" i="1"/>
  <c r="U112301" i="1"/>
  <c r="U112300" i="1"/>
  <c r="U112299" i="1"/>
  <c r="U112298" i="1"/>
  <c r="U112297" i="1"/>
  <c r="U112296" i="1"/>
  <c r="U112295" i="1"/>
  <c r="U112294" i="1"/>
  <c r="U112293" i="1"/>
  <c r="U112292" i="1"/>
  <c r="U112291" i="1"/>
  <c r="U112290" i="1"/>
  <c r="U112289" i="1"/>
  <c r="U112288" i="1"/>
  <c r="U112287" i="1"/>
  <c r="U112286" i="1"/>
  <c r="U112285" i="1"/>
  <c r="U112284" i="1"/>
  <c r="U112283" i="1"/>
  <c r="U112282" i="1"/>
  <c r="U112281" i="1"/>
  <c r="U112280" i="1"/>
  <c r="U112279" i="1"/>
  <c r="U112278" i="1"/>
  <c r="U112277" i="1"/>
  <c r="U112276" i="1"/>
  <c r="U112275" i="1"/>
  <c r="U112274" i="1"/>
  <c r="U112273" i="1"/>
  <c r="U112272" i="1"/>
  <c r="U112271" i="1"/>
  <c r="U112270" i="1"/>
  <c r="U112269" i="1"/>
  <c r="U112268" i="1"/>
  <c r="U112267" i="1"/>
  <c r="U112266" i="1"/>
  <c r="U112265" i="1"/>
  <c r="U112264" i="1"/>
  <c r="U112263" i="1"/>
  <c r="U112262" i="1"/>
  <c r="U112261" i="1"/>
  <c r="U112260" i="1"/>
  <c r="U112259" i="1"/>
  <c r="U112258" i="1"/>
  <c r="U112257" i="1"/>
  <c r="U112256" i="1"/>
  <c r="U112255" i="1"/>
  <c r="U112254" i="1"/>
  <c r="U112253" i="1"/>
  <c r="U112252" i="1"/>
  <c r="U112251" i="1"/>
  <c r="U112250" i="1"/>
  <c r="U112249" i="1"/>
  <c r="U112248" i="1"/>
  <c r="U112247" i="1"/>
  <c r="U112246" i="1"/>
  <c r="U112245" i="1"/>
  <c r="U112244" i="1"/>
  <c r="U112243" i="1"/>
  <c r="U112242" i="1"/>
  <c r="U112241" i="1"/>
  <c r="U112240" i="1"/>
  <c r="U112239" i="1"/>
  <c r="U112238" i="1"/>
  <c r="U112237" i="1"/>
  <c r="U112236" i="1"/>
  <c r="U112235" i="1"/>
  <c r="U112234" i="1"/>
  <c r="U112233" i="1"/>
  <c r="U112232" i="1"/>
  <c r="U112231" i="1"/>
  <c r="U112230" i="1"/>
  <c r="U112229" i="1"/>
  <c r="U112228" i="1"/>
  <c r="U112227" i="1"/>
  <c r="U112226" i="1"/>
  <c r="U112225" i="1"/>
  <c r="U112224" i="1"/>
  <c r="U112223" i="1"/>
  <c r="U112222" i="1"/>
  <c r="U112221" i="1"/>
  <c r="U112220" i="1"/>
  <c r="U112219" i="1"/>
  <c r="U112218" i="1"/>
  <c r="U112217" i="1"/>
  <c r="U112216" i="1"/>
  <c r="U112215" i="1"/>
  <c r="U112214" i="1"/>
  <c r="U112213" i="1"/>
  <c r="U112212" i="1"/>
  <c r="U112211" i="1"/>
  <c r="U112210" i="1"/>
  <c r="U112209" i="1"/>
  <c r="U112208" i="1"/>
  <c r="U112207" i="1"/>
  <c r="U112206" i="1"/>
  <c r="U112205" i="1"/>
  <c r="U112204" i="1"/>
  <c r="U112203" i="1"/>
  <c r="U112202" i="1"/>
  <c r="U112201" i="1"/>
  <c r="U112200" i="1"/>
  <c r="U112199" i="1"/>
  <c r="U112198" i="1"/>
  <c r="U112197" i="1"/>
  <c r="U112196" i="1"/>
  <c r="U112195" i="1"/>
  <c r="U112194" i="1"/>
  <c r="U112193" i="1"/>
  <c r="U112192" i="1"/>
  <c r="U112191" i="1"/>
  <c r="U112190" i="1"/>
  <c r="U112189" i="1"/>
  <c r="U112188" i="1"/>
  <c r="U112187" i="1"/>
  <c r="U112186" i="1"/>
  <c r="U112185" i="1"/>
  <c r="U112184" i="1"/>
  <c r="U112183" i="1"/>
  <c r="U112182" i="1"/>
  <c r="U112181" i="1"/>
  <c r="U112180" i="1"/>
  <c r="U112179" i="1"/>
  <c r="U112178" i="1"/>
  <c r="U112177" i="1"/>
  <c r="U112176" i="1"/>
  <c r="U112175" i="1"/>
  <c r="U112174" i="1"/>
  <c r="U112173" i="1"/>
  <c r="U112172" i="1"/>
  <c r="U112171" i="1"/>
  <c r="U112170" i="1"/>
  <c r="U112169" i="1"/>
  <c r="U112168" i="1"/>
  <c r="U112167" i="1"/>
  <c r="U112166" i="1"/>
  <c r="U112165" i="1"/>
  <c r="U112164" i="1"/>
  <c r="U112163" i="1"/>
  <c r="U112162" i="1"/>
  <c r="U112161" i="1"/>
  <c r="U112160" i="1"/>
  <c r="U112159" i="1"/>
  <c r="U112158" i="1"/>
  <c r="U112157" i="1"/>
  <c r="U112156" i="1"/>
  <c r="U112155" i="1"/>
  <c r="U112154" i="1"/>
  <c r="U112153" i="1"/>
  <c r="U112152" i="1"/>
  <c r="U112151" i="1"/>
  <c r="U112150" i="1"/>
  <c r="U112149" i="1"/>
  <c r="U112148" i="1"/>
  <c r="U112147" i="1"/>
  <c r="U112146" i="1"/>
  <c r="U112145" i="1"/>
  <c r="U112144" i="1"/>
  <c r="U112143" i="1"/>
  <c r="U112142" i="1"/>
  <c r="U112141" i="1"/>
  <c r="U112140" i="1"/>
  <c r="U112139" i="1"/>
  <c r="U112138" i="1"/>
  <c r="U112137" i="1"/>
  <c r="U112136" i="1"/>
  <c r="U112135" i="1"/>
  <c r="U112134" i="1"/>
  <c r="U112133" i="1"/>
  <c r="U112132" i="1"/>
  <c r="U112131" i="1"/>
  <c r="U112130" i="1"/>
  <c r="U112129" i="1"/>
  <c r="U112128" i="1"/>
  <c r="U112127" i="1"/>
  <c r="U112126" i="1"/>
  <c r="U112125" i="1"/>
  <c r="U112124" i="1"/>
  <c r="U112123" i="1"/>
  <c r="U112122" i="1"/>
  <c r="U112121" i="1"/>
  <c r="U112120" i="1"/>
  <c r="U112119" i="1"/>
  <c r="U112118" i="1"/>
  <c r="U112117" i="1"/>
  <c r="U112116" i="1"/>
  <c r="U112115" i="1"/>
  <c r="U112114" i="1"/>
  <c r="U112113" i="1"/>
  <c r="U112112" i="1"/>
  <c r="U112111" i="1"/>
  <c r="U112110" i="1"/>
  <c r="U112109" i="1"/>
  <c r="U112108" i="1"/>
  <c r="U112107" i="1"/>
  <c r="U112106" i="1"/>
  <c r="U112105" i="1"/>
  <c r="U112104" i="1"/>
  <c r="U112103" i="1"/>
  <c r="U112102" i="1"/>
  <c r="U112101" i="1"/>
  <c r="U112100" i="1"/>
  <c r="U112099" i="1"/>
  <c r="U112098" i="1"/>
  <c r="U112097" i="1"/>
  <c r="U112096" i="1"/>
  <c r="U112095" i="1"/>
  <c r="U112094" i="1"/>
  <c r="U112093" i="1"/>
  <c r="U112092" i="1"/>
  <c r="U112091" i="1"/>
  <c r="U112090" i="1"/>
  <c r="U112089" i="1"/>
  <c r="U112088" i="1"/>
  <c r="U112087" i="1"/>
  <c r="U112086" i="1"/>
  <c r="U112085" i="1"/>
  <c r="U112084" i="1"/>
  <c r="U112083" i="1"/>
  <c r="U112082" i="1"/>
  <c r="U112081" i="1"/>
  <c r="U112080" i="1"/>
  <c r="U112079" i="1"/>
  <c r="U112078" i="1"/>
  <c r="U112077" i="1"/>
  <c r="U112076" i="1"/>
  <c r="U112075" i="1"/>
  <c r="U112074" i="1"/>
  <c r="U112073" i="1"/>
  <c r="U112072" i="1"/>
  <c r="U112071" i="1"/>
  <c r="U112070" i="1"/>
  <c r="U112069" i="1"/>
  <c r="U112068" i="1"/>
  <c r="U112067" i="1"/>
  <c r="U112066" i="1"/>
  <c r="U112065" i="1"/>
  <c r="U112064" i="1"/>
  <c r="U112063" i="1"/>
  <c r="U112062" i="1"/>
  <c r="U112061" i="1"/>
  <c r="U112060" i="1"/>
  <c r="U112059" i="1"/>
  <c r="U112058" i="1"/>
  <c r="U112057" i="1"/>
  <c r="U112056" i="1"/>
  <c r="U112055" i="1"/>
  <c r="U112054" i="1"/>
  <c r="U112053" i="1"/>
  <c r="U112052" i="1"/>
  <c r="U112051" i="1"/>
  <c r="U112050" i="1"/>
  <c r="U112049" i="1"/>
  <c r="U112048" i="1"/>
  <c r="U112047" i="1"/>
  <c r="U112046" i="1"/>
  <c r="U112045" i="1"/>
  <c r="U112044" i="1"/>
  <c r="U112043" i="1"/>
  <c r="U112042" i="1"/>
  <c r="U112041" i="1"/>
  <c r="U112040" i="1"/>
  <c r="U112039" i="1"/>
  <c r="U112038" i="1"/>
  <c r="U112037" i="1"/>
  <c r="U112036" i="1"/>
  <c r="U112035" i="1"/>
  <c r="U112034" i="1"/>
  <c r="U112033" i="1"/>
  <c r="U112032" i="1"/>
  <c r="U112031" i="1"/>
  <c r="U112030" i="1"/>
  <c r="U112029" i="1"/>
  <c r="U112028" i="1"/>
  <c r="U112027" i="1"/>
  <c r="U112026" i="1"/>
  <c r="U112025" i="1"/>
  <c r="U112024" i="1"/>
  <c r="U112023" i="1"/>
  <c r="U112022" i="1"/>
  <c r="U112021" i="1"/>
  <c r="U112020" i="1"/>
  <c r="U112019" i="1"/>
  <c r="U112018" i="1"/>
  <c r="U112017" i="1"/>
  <c r="U112016" i="1"/>
  <c r="U112015" i="1"/>
  <c r="U112014" i="1"/>
  <c r="U112013" i="1"/>
  <c r="U112012" i="1"/>
  <c r="U112011" i="1"/>
  <c r="U112010" i="1"/>
  <c r="U112009" i="1"/>
  <c r="U112008" i="1"/>
  <c r="U112007" i="1"/>
  <c r="U112006" i="1"/>
  <c r="U112005" i="1"/>
  <c r="U112004" i="1"/>
  <c r="U112003" i="1"/>
  <c r="U112002" i="1"/>
  <c r="U112001" i="1"/>
  <c r="U112000" i="1"/>
  <c r="U111999" i="1"/>
  <c r="U111998" i="1"/>
  <c r="U111997" i="1"/>
  <c r="U111996" i="1"/>
  <c r="U111995" i="1"/>
  <c r="U111994" i="1"/>
  <c r="U111993" i="1"/>
  <c r="U111992" i="1"/>
  <c r="U111991" i="1"/>
  <c r="U111990" i="1"/>
  <c r="U111989" i="1"/>
  <c r="U111988" i="1"/>
  <c r="U111987" i="1"/>
  <c r="U111986" i="1"/>
  <c r="U111985" i="1"/>
  <c r="U111984" i="1"/>
  <c r="U111983" i="1"/>
  <c r="U111982" i="1"/>
  <c r="U111981" i="1"/>
  <c r="U111980" i="1"/>
  <c r="U111979" i="1"/>
  <c r="U111978" i="1"/>
  <c r="U111977" i="1"/>
  <c r="U111976" i="1"/>
  <c r="U111975" i="1"/>
  <c r="U111974" i="1"/>
  <c r="U111973" i="1"/>
  <c r="U111972" i="1"/>
  <c r="U111971" i="1"/>
  <c r="U111970" i="1"/>
  <c r="U111969" i="1"/>
  <c r="U111968" i="1"/>
  <c r="U111967" i="1"/>
  <c r="U111966" i="1"/>
  <c r="U111965" i="1"/>
  <c r="U111964" i="1"/>
  <c r="U111963" i="1"/>
  <c r="U111962" i="1"/>
  <c r="U111961" i="1"/>
  <c r="U111960" i="1"/>
  <c r="U111959" i="1"/>
  <c r="U111958" i="1"/>
  <c r="U111957" i="1"/>
  <c r="U111956" i="1"/>
  <c r="U111955" i="1"/>
  <c r="U111954" i="1"/>
  <c r="U111953" i="1"/>
  <c r="U111952" i="1"/>
  <c r="U111951" i="1"/>
  <c r="U111950" i="1"/>
  <c r="U111949" i="1"/>
  <c r="U111948" i="1"/>
  <c r="U111947" i="1"/>
  <c r="U111946" i="1"/>
  <c r="U111945" i="1"/>
  <c r="U111944" i="1"/>
  <c r="U111943" i="1"/>
  <c r="U111942" i="1"/>
  <c r="U111941" i="1"/>
  <c r="U111940" i="1"/>
  <c r="U111939" i="1"/>
  <c r="U111938" i="1"/>
  <c r="U111937" i="1"/>
  <c r="U111936" i="1"/>
  <c r="U111935" i="1"/>
  <c r="U111934" i="1"/>
  <c r="U111933" i="1"/>
  <c r="U111932" i="1"/>
  <c r="U111931" i="1"/>
  <c r="U111930" i="1"/>
  <c r="U111929" i="1"/>
  <c r="U111928" i="1"/>
  <c r="U111927" i="1"/>
  <c r="U111926" i="1"/>
  <c r="U111925" i="1"/>
  <c r="U111924" i="1"/>
  <c r="U111923" i="1"/>
  <c r="U111922" i="1"/>
  <c r="U111921" i="1"/>
  <c r="U111920" i="1"/>
  <c r="U111919" i="1"/>
  <c r="U111918" i="1"/>
  <c r="U111917" i="1"/>
  <c r="U111916" i="1"/>
  <c r="U111915" i="1"/>
  <c r="U111914" i="1"/>
  <c r="U111913" i="1"/>
  <c r="U111912" i="1"/>
  <c r="U111911" i="1"/>
  <c r="U111910" i="1"/>
  <c r="U111909" i="1"/>
  <c r="U111908" i="1"/>
  <c r="U111907" i="1"/>
  <c r="U111906" i="1"/>
  <c r="U111905" i="1"/>
  <c r="U111904" i="1"/>
  <c r="U111903" i="1"/>
  <c r="U111902" i="1"/>
  <c r="U111901" i="1"/>
  <c r="U111900" i="1"/>
  <c r="U111899" i="1"/>
  <c r="U111898" i="1"/>
  <c r="U111897" i="1"/>
  <c r="U111896" i="1"/>
  <c r="U111895" i="1"/>
  <c r="U111894" i="1"/>
  <c r="U111893" i="1"/>
  <c r="U111892" i="1"/>
  <c r="U111891" i="1"/>
  <c r="U111890" i="1"/>
  <c r="U111889" i="1"/>
  <c r="U111888" i="1"/>
  <c r="U111887" i="1"/>
  <c r="U111886" i="1"/>
  <c r="U111885" i="1"/>
  <c r="U111884" i="1"/>
  <c r="U111883" i="1"/>
  <c r="U111882" i="1"/>
  <c r="U111881" i="1"/>
  <c r="U111880" i="1"/>
  <c r="U111879" i="1"/>
  <c r="U111878" i="1"/>
  <c r="U111877" i="1"/>
  <c r="U111876" i="1"/>
  <c r="U111875" i="1"/>
  <c r="U111874" i="1"/>
  <c r="U111873" i="1"/>
  <c r="U111872" i="1"/>
  <c r="U111871" i="1"/>
  <c r="U111870" i="1"/>
  <c r="U111869" i="1"/>
  <c r="U111868" i="1"/>
  <c r="U111867" i="1"/>
  <c r="U111866" i="1"/>
  <c r="U111865" i="1"/>
  <c r="U111864" i="1"/>
  <c r="U111863" i="1"/>
  <c r="U111862" i="1"/>
  <c r="U111861" i="1"/>
  <c r="U111860" i="1"/>
  <c r="U111859" i="1"/>
  <c r="U111858" i="1"/>
  <c r="U111857" i="1"/>
  <c r="U111856" i="1"/>
  <c r="U111855" i="1"/>
  <c r="U111854" i="1"/>
  <c r="U111853" i="1"/>
  <c r="U111852" i="1"/>
  <c r="U111851" i="1"/>
  <c r="U111850" i="1"/>
  <c r="U111849" i="1"/>
  <c r="U111848" i="1"/>
  <c r="U111847" i="1"/>
  <c r="U111846" i="1"/>
  <c r="U111845" i="1"/>
  <c r="U111844" i="1"/>
  <c r="U111843" i="1"/>
  <c r="U111842" i="1"/>
  <c r="U111841" i="1"/>
  <c r="U111840" i="1"/>
  <c r="U111839" i="1"/>
  <c r="U111838" i="1"/>
  <c r="U111837" i="1"/>
  <c r="U111836" i="1"/>
  <c r="U111835" i="1"/>
  <c r="U111834" i="1"/>
  <c r="U111833" i="1"/>
  <c r="U111832" i="1"/>
  <c r="U111831" i="1"/>
  <c r="U111830" i="1"/>
  <c r="U111829" i="1"/>
  <c r="U111828" i="1"/>
  <c r="U111827" i="1"/>
  <c r="U111826" i="1"/>
  <c r="U111825" i="1"/>
  <c r="U111824" i="1"/>
  <c r="U111823" i="1"/>
  <c r="U111822" i="1"/>
  <c r="U111821" i="1"/>
  <c r="U111820" i="1"/>
  <c r="U111819" i="1"/>
  <c r="U111818" i="1"/>
  <c r="U111817" i="1"/>
  <c r="U111816" i="1"/>
  <c r="U111815" i="1"/>
  <c r="U111814" i="1"/>
  <c r="U111813" i="1"/>
  <c r="U111812" i="1"/>
  <c r="U111811" i="1"/>
  <c r="U111810" i="1"/>
  <c r="U111809" i="1"/>
  <c r="U111808" i="1"/>
  <c r="U111807" i="1"/>
  <c r="U111806" i="1"/>
  <c r="U111805" i="1"/>
  <c r="U111804" i="1"/>
  <c r="U111803" i="1"/>
  <c r="U111802" i="1"/>
  <c r="U111801" i="1"/>
  <c r="U111800" i="1"/>
  <c r="U111799" i="1"/>
  <c r="U111798" i="1"/>
  <c r="U111797" i="1"/>
  <c r="U111796" i="1"/>
  <c r="U111795" i="1"/>
  <c r="U111794" i="1"/>
  <c r="U111793" i="1"/>
  <c r="U111792" i="1"/>
  <c r="U111791" i="1"/>
  <c r="U111790" i="1"/>
  <c r="U111789" i="1"/>
  <c r="U111788" i="1"/>
  <c r="U111787" i="1"/>
  <c r="U111786" i="1"/>
  <c r="U111785" i="1"/>
  <c r="U111784" i="1"/>
  <c r="U111783" i="1"/>
  <c r="U111782" i="1"/>
  <c r="U111781" i="1"/>
  <c r="U111780" i="1"/>
  <c r="U111779" i="1"/>
  <c r="U111778" i="1"/>
  <c r="U111777" i="1"/>
  <c r="U111776" i="1"/>
  <c r="U111775" i="1"/>
  <c r="U111774" i="1"/>
  <c r="U111773" i="1"/>
  <c r="U111772" i="1"/>
  <c r="U111771" i="1"/>
  <c r="U111770" i="1"/>
  <c r="U111769" i="1"/>
  <c r="U111768" i="1"/>
  <c r="U111767" i="1"/>
  <c r="U111766" i="1"/>
  <c r="U111765" i="1"/>
  <c r="U111764" i="1"/>
  <c r="U111763" i="1"/>
  <c r="U111762" i="1"/>
  <c r="U111761" i="1"/>
  <c r="U111760" i="1"/>
  <c r="U111759" i="1"/>
  <c r="U111758" i="1"/>
  <c r="U111757" i="1"/>
  <c r="U111756" i="1"/>
  <c r="U111755" i="1"/>
  <c r="U111754" i="1"/>
  <c r="U111753" i="1"/>
  <c r="U111752" i="1"/>
  <c r="U111751" i="1"/>
  <c r="U111750" i="1"/>
  <c r="U111749" i="1"/>
  <c r="U111748" i="1"/>
  <c r="U111747" i="1"/>
  <c r="U111746" i="1"/>
  <c r="U111745" i="1"/>
  <c r="U111744" i="1"/>
  <c r="U111743" i="1"/>
  <c r="U111742" i="1"/>
  <c r="U111741" i="1"/>
  <c r="U111740" i="1"/>
  <c r="U111739" i="1"/>
  <c r="U111738" i="1"/>
  <c r="U111737" i="1"/>
  <c r="U111736" i="1"/>
  <c r="U111735" i="1"/>
  <c r="U111734" i="1"/>
  <c r="U111733" i="1"/>
  <c r="U111732" i="1"/>
  <c r="U111731" i="1"/>
  <c r="U111730" i="1"/>
  <c r="U111729" i="1"/>
  <c r="U111728" i="1"/>
  <c r="U111727" i="1"/>
  <c r="U111726" i="1"/>
  <c r="U111725" i="1"/>
  <c r="U111724" i="1"/>
  <c r="U111723" i="1"/>
  <c r="U111722" i="1"/>
  <c r="U111721" i="1"/>
  <c r="U111720" i="1"/>
  <c r="U111719" i="1"/>
  <c r="U111718" i="1"/>
  <c r="U111717" i="1"/>
  <c r="U111716" i="1"/>
  <c r="U111715" i="1"/>
  <c r="U111714" i="1"/>
  <c r="U111713" i="1"/>
  <c r="U111712" i="1"/>
  <c r="U111711" i="1"/>
  <c r="U111710" i="1"/>
  <c r="U111709" i="1"/>
  <c r="U111708" i="1"/>
  <c r="U111707" i="1"/>
  <c r="U111706" i="1"/>
  <c r="U111705" i="1"/>
  <c r="U111704" i="1"/>
  <c r="U111703" i="1"/>
  <c r="U111702" i="1"/>
  <c r="U111701" i="1"/>
  <c r="U111700" i="1"/>
  <c r="U111699" i="1"/>
  <c r="U111698" i="1"/>
  <c r="U111697" i="1"/>
  <c r="U111696" i="1"/>
  <c r="U111695" i="1"/>
  <c r="U111694" i="1"/>
  <c r="U111693" i="1"/>
  <c r="U111692" i="1"/>
  <c r="U111691" i="1"/>
  <c r="U111690" i="1"/>
  <c r="U111689" i="1"/>
  <c r="U111688" i="1"/>
  <c r="U111687" i="1"/>
  <c r="U111686" i="1"/>
  <c r="U111685" i="1"/>
  <c r="U111684" i="1"/>
  <c r="U111683" i="1"/>
  <c r="U111682" i="1"/>
  <c r="U111681" i="1"/>
  <c r="U111680" i="1"/>
  <c r="U111679" i="1"/>
  <c r="U111678" i="1"/>
  <c r="U111677" i="1"/>
  <c r="U111676" i="1"/>
  <c r="U111675" i="1"/>
  <c r="U111674" i="1"/>
  <c r="U111673" i="1"/>
  <c r="U111672" i="1"/>
  <c r="U111671" i="1"/>
  <c r="U111670" i="1"/>
  <c r="U111669" i="1"/>
  <c r="U111668" i="1"/>
  <c r="U111667" i="1"/>
  <c r="U111666" i="1"/>
  <c r="U111665" i="1"/>
  <c r="U111664" i="1"/>
  <c r="U111663" i="1"/>
  <c r="U111662" i="1"/>
  <c r="U111661" i="1"/>
  <c r="U111660" i="1"/>
  <c r="U111659" i="1"/>
  <c r="U111658" i="1"/>
  <c r="U111657" i="1"/>
  <c r="U111656" i="1"/>
  <c r="U111655" i="1"/>
  <c r="U111654" i="1"/>
  <c r="U111653" i="1"/>
  <c r="U111652" i="1"/>
  <c r="U111651" i="1"/>
  <c r="U111650" i="1"/>
  <c r="U111649" i="1"/>
  <c r="U111648" i="1"/>
  <c r="U111647" i="1"/>
  <c r="U111646" i="1"/>
  <c r="U111645" i="1"/>
  <c r="U111644" i="1"/>
  <c r="U111643" i="1"/>
  <c r="U111642" i="1"/>
  <c r="U111641" i="1"/>
  <c r="U111640" i="1"/>
  <c r="U111639" i="1"/>
  <c r="U111638" i="1"/>
  <c r="U111637" i="1"/>
  <c r="U111636" i="1"/>
  <c r="U111635" i="1"/>
  <c r="U111634" i="1"/>
  <c r="U111633" i="1"/>
  <c r="U111632" i="1"/>
  <c r="U111631" i="1"/>
  <c r="U111630" i="1"/>
  <c r="U111629" i="1"/>
  <c r="U111628" i="1"/>
  <c r="U111627" i="1"/>
  <c r="U111626" i="1"/>
  <c r="U111625" i="1"/>
  <c r="U111624" i="1"/>
  <c r="U111623" i="1"/>
  <c r="U111622" i="1"/>
  <c r="U111621" i="1"/>
  <c r="U111620" i="1"/>
  <c r="U111619" i="1"/>
  <c r="U111618" i="1"/>
  <c r="U111617" i="1"/>
  <c r="U111616" i="1"/>
  <c r="U111615" i="1"/>
  <c r="U111614" i="1"/>
  <c r="U111613" i="1"/>
  <c r="U111612" i="1"/>
  <c r="U111611" i="1"/>
  <c r="U111610" i="1"/>
  <c r="U111609" i="1"/>
  <c r="U111608" i="1"/>
  <c r="U111607" i="1"/>
  <c r="U111606" i="1"/>
  <c r="U111605" i="1"/>
  <c r="U111604" i="1"/>
  <c r="U111603" i="1"/>
  <c r="U111602" i="1"/>
  <c r="U111601" i="1"/>
  <c r="U111600" i="1"/>
  <c r="U111599" i="1"/>
  <c r="U111598" i="1"/>
  <c r="U111597" i="1"/>
  <c r="U111596" i="1"/>
  <c r="U111595" i="1"/>
  <c r="U111594" i="1"/>
  <c r="U111593" i="1"/>
  <c r="U111592" i="1"/>
  <c r="U111591" i="1"/>
  <c r="U111590" i="1"/>
  <c r="U111589" i="1"/>
  <c r="U111588" i="1"/>
  <c r="U111587" i="1"/>
  <c r="U111586" i="1"/>
  <c r="U111585" i="1"/>
  <c r="U111584" i="1"/>
  <c r="U111583" i="1"/>
  <c r="U111582" i="1"/>
  <c r="U111581" i="1"/>
  <c r="U111580" i="1"/>
  <c r="U111579" i="1"/>
  <c r="U111578" i="1"/>
  <c r="U111577" i="1"/>
  <c r="U111576" i="1"/>
  <c r="U111575" i="1"/>
  <c r="U111574" i="1"/>
  <c r="U111573" i="1"/>
  <c r="U111572" i="1"/>
  <c r="U111571" i="1"/>
  <c r="U111570" i="1"/>
  <c r="U111569" i="1"/>
  <c r="U111568" i="1"/>
  <c r="U111567" i="1"/>
  <c r="U111566" i="1"/>
  <c r="U111565" i="1"/>
  <c r="U111564" i="1"/>
  <c r="U111563" i="1"/>
  <c r="U111562" i="1"/>
  <c r="U111561" i="1"/>
  <c r="U111560" i="1"/>
  <c r="U111559" i="1"/>
  <c r="U111558" i="1"/>
  <c r="U111557" i="1"/>
  <c r="U111556" i="1"/>
  <c r="U111555" i="1"/>
  <c r="U111554" i="1"/>
  <c r="U111553" i="1"/>
  <c r="U111552" i="1"/>
  <c r="U111551" i="1"/>
  <c r="U111550" i="1"/>
  <c r="U111549" i="1"/>
  <c r="U111548" i="1"/>
  <c r="U111547" i="1"/>
  <c r="U111546" i="1"/>
  <c r="U111545" i="1"/>
  <c r="U111544" i="1"/>
  <c r="U111543" i="1"/>
  <c r="U111542" i="1"/>
  <c r="U111541" i="1"/>
  <c r="U111540" i="1"/>
  <c r="U111539" i="1"/>
  <c r="U111538" i="1"/>
  <c r="U111537" i="1"/>
  <c r="U111536" i="1"/>
  <c r="U111535" i="1"/>
  <c r="U111534" i="1"/>
  <c r="U111533" i="1"/>
  <c r="U111532" i="1"/>
  <c r="U111531" i="1"/>
  <c r="U111530" i="1"/>
  <c r="U111529" i="1"/>
  <c r="U111528" i="1"/>
  <c r="U111527" i="1"/>
  <c r="U111526" i="1"/>
  <c r="U111525" i="1"/>
  <c r="U111524" i="1"/>
  <c r="U111523" i="1"/>
  <c r="U111522" i="1"/>
  <c r="U111521" i="1"/>
  <c r="U111520" i="1"/>
  <c r="U111519" i="1"/>
  <c r="U111518" i="1"/>
  <c r="U111517" i="1"/>
  <c r="U111516" i="1"/>
  <c r="U111515" i="1"/>
  <c r="U111514" i="1"/>
  <c r="U111513" i="1"/>
  <c r="U111512" i="1"/>
  <c r="U111511" i="1"/>
  <c r="U111510" i="1"/>
  <c r="U111509" i="1"/>
  <c r="U111508" i="1"/>
  <c r="U111507" i="1"/>
  <c r="U111506" i="1"/>
  <c r="U111505" i="1"/>
  <c r="U111504" i="1"/>
  <c r="U111503" i="1"/>
  <c r="U111502" i="1"/>
  <c r="U111501" i="1"/>
  <c r="U111500" i="1"/>
  <c r="U111499" i="1"/>
  <c r="U111498" i="1"/>
  <c r="U111497" i="1"/>
  <c r="U111496" i="1"/>
  <c r="U111495" i="1"/>
  <c r="U111494" i="1"/>
  <c r="U111493" i="1"/>
  <c r="U111492" i="1"/>
  <c r="U111491" i="1"/>
  <c r="U111490" i="1"/>
  <c r="U111489" i="1"/>
  <c r="U111488" i="1"/>
  <c r="U111487" i="1"/>
  <c r="U111486" i="1"/>
  <c r="U111485" i="1"/>
  <c r="U111484" i="1"/>
  <c r="U111483" i="1"/>
  <c r="U111482" i="1"/>
  <c r="U111481" i="1"/>
  <c r="U111480" i="1"/>
  <c r="U111479" i="1"/>
  <c r="U111478" i="1"/>
  <c r="U111477" i="1"/>
  <c r="U111476" i="1"/>
  <c r="U111475" i="1"/>
  <c r="U111474" i="1"/>
  <c r="U111473" i="1"/>
  <c r="U111472" i="1"/>
  <c r="U111471" i="1"/>
  <c r="U111470" i="1"/>
  <c r="U111469" i="1"/>
  <c r="U111468" i="1"/>
  <c r="U111467" i="1"/>
  <c r="U111466" i="1"/>
  <c r="U111465" i="1"/>
  <c r="U111464" i="1"/>
  <c r="U111463" i="1"/>
  <c r="U111462" i="1"/>
  <c r="U111461" i="1"/>
  <c r="U111460" i="1"/>
  <c r="U111459" i="1"/>
  <c r="U111458" i="1"/>
  <c r="U111457" i="1"/>
  <c r="U111456" i="1"/>
  <c r="U111455" i="1"/>
  <c r="U111454" i="1"/>
  <c r="U111453" i="1"/>
  <c r="U111452" i="1"/>
  <c r="U111451" i="1"/>
  <c r="U111450" i="1"/>
  <c r="U111449" i="1"/>
  <c r="U111448" i="1"/>
  <c r="U111447" i="1"/>
  <c r="U111446" i="1"/>
  <c r="U111445" i="1"/>
  <c r="U111444" i="1"/>
  <c r="U111443" i="1"/>
  <c r="U111442" i="1"/>
  <c r="U111441" i="1"/>
  <c r="U111440" i="1"/>
  <c r="U111439" i="1"/>
  <c r="U111438" i="1"/>
  <c r="U111437" i="1"/>
  <c r="U111436" i="1"/>
  <c r="U111435" i="1"/>
  <c r="U111434" i="1"/>
  <c r="U111433" i="1"/>
  <c r="U111432" i="1"/>
  <c r="U111431" i="1"/>
  <c r="U111430" i="1"/>
  <c r="U111429" i="1"/>
  <c r="U111428" i="1"/>
  <c r="U111427" i="1"/>
  <c r="U111426" i="1"/>
  <c r="U111425" i="1"/>
  <c r="U111424" i="1"/>
  <c r="U111423" i="1"/>
  <c r="U111422" i="1"/>
  <c r="U111421" i="1"/>
  <c r="U111420" i="1"/>
  <c r="U111419" i="1"/>
  <c r="U111418" i="1"/>
  <c r="U111417" i="1"/>
  <c r="U111416" i="1"/>
  <c r="U111415" i="1"/>
  <c r="U111414" i="1"/>
  <c r="U111413" i="1"/>
  <c r="U111412" i="1"/>
  <c r="U111411" i="1"/>
  <c r="U111410" i="1"/>
  <c r="U111409" i="1"/>
  <c r="U111408" i="1"/>
  <c r="U111407" i="1"/>
  <c r="U111406" i="1"/>
  <c r="U111405" i="1"/>
  <c r="U111404" i="1"/>
  <c r="U111403" i="1"/>
  <c r="U111402" i="1"/>
  <c r="U111401" i="1"/>
  <c r="U111400" i="1"/>
  <c r="U111399" i="1"/>
  <c r="U111398" i="1"/>
  <c r="U111397" i="1"/>
  <c r="U111396" i="1"/>
  <c r="U111395" i="1"/>
  <c r="U111394" i="1"/>
  <c r="U111393" i="1"/>
  <c r="U111392" i="1"/>
  <c r="U111391" i="1"/>
  <c r="U111390" i="1"/>
  <c r="U111389" i="1"/>
  <c r="U111388" i="1"/>
  <c r="U111387" i="1"/>
  <c r="U111386" i="1"/>
  <c r="U111385" i="1"/>
  <c r="U111384" i="1"/>
  <c r="U111383" i="1"/>
  <c r="U111382" i="1"/>
  <c r="U111381" i="1"/>
  <c r="U111380" i="1"/>
  <c r="U111379" i="1"/>
  <c r="U111378" i="1"/>
  <c r="U111377" i="1"/>
  <c r="U111376" i="1"/>
  <c r="U111375" i="1"/>
  <c r="U111374" i="1"/>
  <c r="U111373" i="1"/>
  <c r="U111372" i="1"/>
  <c r="U111371" i="1"/>
  <c r="U111370" i="1"/>
  <c r="U111369" i="1"/>
  <c r="U111368" i="1"/>
  <c r="U111367" i="1"/>
  <c r="U111366" i="1"/>
  <c r="U111365" i="1"/>
  <c r="U111364" i="1"/>
  <c r="U111363" i="1"/>
  <c r="U111362" i="1"/>
  <c r="U111361" i="1"/>
  <c r="U111360" i="1"/>
  <c r="U111359" i="1"/>
  <c r="U111358" i="1"/>
  <c r="U111357" i="1"/>
  <c r="U111356" i="1"/>
  <c r="U111355" i="1"/>
  <c r="U111354" i="1"/>
  <c r="U111353" i="1"/>
  <c r="U111352" i="1"/>
  <c r="U111351" i="1"/>
  <c r="U111350" i="1"/>
  <c r="U111349" i="1"/>
  <c r="U111348" i="1"/>
  <c r="U111347" i="1"/>
  <c r="U111346" i="1"/>
  <c r="U111345" i="1"/>
  <c r="U111344" i="1"/>
  <c r="U111343" i="1"/>
  <c r="U111342" i="1"/>
  <c r="U111341" i="1"/>
  <c r="U111340" i="1"/>
  <c r="U111339" i="1"/>
  <c r="U111338" i="1"/>
  <c r="U111337" i="1"/>
  <c r="U111336" i="1"/>
  <c r="U111335" i="1"/>
  <c r="U111334" i="1"/>
  <c r="U111333" i="1"/>
  <c r="U111332" i="1"/>
  <c r="U111331" i="1"/>
  <c r="U111330" i="1"/>
  <c r="U111329" i="1"/>
  <c r="U111328" i="1"/>
  <c r="U111327" i="1"/>
  <c r="U111326" i="1"/>
  <c r="U111325" i="1"/>
  <c r="U111324" i="1"/>
  <c r="U111323" i="1"/>
  <c r="U111322" i="1"/>
  <c r="U111321" i="1"/>
  <c r="U111320" i="1"/>
  <c r="U111319" i="1"/>
  <c r="U111318" i="1"/>
  <c r="U111317" i="1"/>
  <c r="U111316" i="1"/>
  <c r="U111315" i="1"/>
  <c r="U111314" i="1"/>
  <c r="U111313" i="1"/>
  <c r="U111312" i="1"/>
  <c r="U111311" i="1"/>
  <c r="U111310" i="1"/>
  <c r="U111309" i="1"/>
  <c r="U111308" i="1"/>
  <c r="U111307" i="1"/>
  <c r="U111306" i="1"/>
  <c r="U111305" i="1"/>
  <c r="U111304" i="1"/>
  <c r="U111303" i="1"/>
  <c r="U111302" i="1"/>
  <c r="U111301" i="1"/>
  <c r="U111300" i="1"/>
  <c r="U111299" i="1"/>
  <c r="U111298" i="1"/>
  <c r="U111297" i="1"/>
  <c r="U111296" i="1"/>
  <c r="U111295" i="1"/>
  <c r="U111294" i="1"/>
  <c r="U111293" i="1"/>
  <c r="U111292" i="1"/>
  <c r="U111291" i="1"/>
  <c r="U111290" i="1"/>
  <c r="U111289" i="1"/>
  <c r="U111288" i="1"/>
  <c r="U111287" i="1"/>
  <c r="U111286" i="1"/>
  <c r="U111285" i="1"/>
  <c r="U111284" i="1"/>
  <c r="U111283" i="1"/>
  <c r="U111282" i="1"/>
  <c r="U111281" i="1"/>
  <c r="U111280" i="1"/>
  <c r="U111279" i="1"/>
  <c r="U111278" i="1"/>
  <c r="U111277" i="1"/>
  <c r="U111276" i="1"/>
  <c r="U111275" i="1"/>
  <c r="U111274" i="1"/>
  <c r="U111273" i="1"/>
  <c r="U111272" i="1"/>
  <c r="U111271" i="1"/>
  <c r="U111270" i="1"/>
  <c r="U111269" i="1"/>
  <c r="U111268" i="1"/>
  <c r="U111267" i="1"/>
  <c r="U111266" i="1"/>
  <c r="U111265" i="1"/>
  <c r="U111264" i="1"/>
  <c r="U111263" i="1"/>
  <c r="U111262" i="1"/>
  <c r="U111261" i="1"/>
  <c r="U111260" i="1"/>
  <c r="U111259" i="1"/>
  <c r="U111258" i="1"/>
  <c r="U111257" i="1"/>
  <c r="U111256" i="1"/>
  <c r="U111255" i="1"/>
  <c r="U111254" i="1"/>
  <c r="U111253" i="1"/>
  <c r="U111252" i="1"/>
  <c r="U111251" i="1"/>
  <c r="U111250" i="1"/>
  <c r="U111249" i="1"/>
  <c r="U111248" i="1"/>
  <c r="U111247" i="1"/>
  <c r="U111246" i="1"/>
  <c r="U111245" i="1"/>
  <c r="U111244" i="1"/>
  <c r="U111243" i="1"/>
  <c r="U111242" i="1"/>
  <c r="U111241" i="1"/>
  <c r="U111240" i="1"/>
  <c r="U111239" i="1"/>
  <c r="U111238" i="1"/>
  <c r="U111237" i="1"/>
  <c r="U111236" i="1"/>
  <c r="U111235" i="1"/>
  <c r="U111234" i="1"/>
  <c r="U111233" i="1"/>
  <c r="U111232" i="1"/>
  <c r="U111231" i="1"/>
  <c r="U111230" i="1"/>
  <c r="U111229" i="1"/>
  <c r="U111228" i="1"/>
  <c r="U111227" i="1"/>
  <c r="U111226" i="1"/>
  <c r="U111225" i="1"/>
  <c r="U111224" i="1"/>
  <c r="U111223" i="1"/>
  <c r="U111222" i="1"/>
  <c r="U111221" i="1"/>
  <c r="U111220" i="1"/>
  <c r="U111219" i="1"/>
  <c r="U111218" i="1"/>
  <c r="U111217" i="1"/>
  <c r="U111216" i="1"/>
  <c r="U111215" i="1"/>
  <c r="U111214" i="1"/>
  <c r="U111213" i="1"/>
  <c r="U111212" i="1"/>
  <c r="U111211" i="1"/>
  <c r="U111210" i="1"/>
  <c r="U111209" i="1"/>
  <c r="U111208" i="1"/>
  <c r="U111207" i="1"/>
  <c r="U111206" i="1"/>
  <c r="U111205" i="1"/>
  <c r="U111204" i="1"/>
  <c r="U111203" i="1"/>
  <c r="U111202" i="1"/>
  <c r="U111201" i="1"/>
  <c r="U111200" i="1"/>
  <c r="U111199" i="1"/>
  <c r="U111198" i="1"/>
  <c r="U111197" i="1"/>
  <c r="U111196" i="1"/>
  <c r="U111195" i="1"/>
  <c r="U111194" i="1"/>
  <c r="U111193" i="1"/>
  <c r="U111192" i="1"/>
  <c r="U111191" i="1"/>
  <c r="U111190" i="1"/>
  <c r="U111189" i="1"/>
  <c r="U111188" i="1"/>
  <c r="U111187" i="1"/>
  <c r="U111186" i="1"/>
  <c r="U111185" i="1"/>
  <c r="U111184" i="1"/>
  <c r="U111183" i="1"/>
  <c r="U111182" i="1"/>
  <c r="U111181" i="1"/>
  <c r="U111180" i="1"/>
  <c r="U111179" i="1"/>
  <c r="U111178" i="1"/>
  <c r="U111177" i="1"/>
  <c r="U111176" i="1"/>
  <c r="U111175" i="1"/>
  <c r="U111174" i="1"/>
  <c r="U111173" i="1"/>
  <c r="U111172" i="1"/>
  <c r="U111171" i="1"/>
  <c r="U111170" i="1"/>
  <c r="U111169" i="1"/>
  <c r="U111168" i="1"/>
  <c r="U111167" i="1"/>
  <c r="U111166" i="1"/>
  <c r="U111165" i="1"/>
  <c r="U111164" i="1"/>
  <c r="U111163" i="1"/>
  <c r="U111162" i="1"/>
  <c r="U111161" i="1"/>
  <c r="U111160" i="1"/>
  <c r="U111159" i="1"/>
  <c r="U111158" i="1"/>
  <c r="U111157" i="1"/>
  <c r="U111156" i="1"/>
  <c r="U111155" i="1"/>
  <c r="U111154" i="1"/>
  <c r="U111153" i="1"/>
  <c r="U111152" i="1"/>
  <c r="U111151" i="1"/>
  <c r="U111150" i="1"/>
  <c r="U111149" i="1"/>
  <c r="U111148" i="1"/>
  <c r="U111147" i="1"/>
  <c r="U111146" i="1"/>
  <c r="U111145" i="1"/>
  <c r="U111144" i="1"/>
  <c r="U111143" i="1"/>
  <c r="U111142" i="1"/>
  <c r="U111141" i="1"/>
  <c r="U111140" i="1"/>
  <c r="U111139" i="1"/>
  <c r="U111138" i="1"/>
  <c r="U111137" i="1"/>
  <c r="U111136" i="1"/>
  <c r="U111135" i="1"/>
  <c r="U111134" i="1"/>
  <c r="U111133" i="1"/>
  <c r="U111132" i="1"/>
  <c r="U111131" i="1"/>
  <c r="U111130" i="1"/>
  <c r="U111129" i="1"/>
  <c r="U111128" i="1"/>
  <c r="U111127" i="1"/>
  <c r="U111126" i="1"/>
  <c r="U111125" i="1"/>
  <c r="U111124" i="1"/>
  <c r="U111123" i="1"/>
  <c r="U111122" i="1"/>
  <c r="U111121" i="1"/>
  <c r="U111120" i="1"/>
  <c r="U111119" i="1"/>
  <c r="U111118" i="1"/>
  <c r="U111117" i="1"/>
  <c r="U111116" i="1"/>
  <c r="U111115" i="1"/>
  <c r="U111114" i="1"/>
  <c r="U111113" i="1"/>
  <c r="U111112" i="1"/>
  <c r="U111111" i="1"/>
  <c r="U111110" i="1"/>
  <c r="U111109" i="1"/>
  <c r="U111108" i="1"/>
  <c r="U111107" i="1"/>
  <c r="U111106" i="1"/>
  <c r="U111105" i="1"/>
  <c r="U111104" i="1"/>
  <c r="U111103" i="1"/>
  <c r="U111102" i="1"/>
  <c r="U111101" i="1"/>
  <c r="U111100" i="1"/>
  <c r="U111099" i="1"/>
  <c r="U111098" i="1"/>
  <c r="U111097" i="1"/>
  <c r="U111096" i="1"/>
  <c r="U111095" i="1"/>
  <c r="U111094" i="1"/>
  <c r="U111093" i="1"/>
  <c r="U111092" i="1"/>
  <c r="U111091" i="1"/>
  <c r="U111090" i="1"/>
  <c r="U111089" i="1"/>
  <c r="U111088" i="1"/>
  <c r="U111087" i="1"/>
  <c r="U111086" i="1"/>
  <c r="U111085" i="1"/>
  <c r="U111084" i="1"/>
  <c r="U111083" i="1"/>
  <c r="U111082" i="1"/>
  <c r="U111081" i="1"/>
  <c r="U111080" i="1"/>
  <c r="U111079" i="1"/>
  <c r="U111078" i="1"/>
  <c r="U111077" i="1"/>
  <c r="U111076" i="1"/>
  <c r="U111075" i="1"/>
  <c r="U111074" i="1"/>
  <c r="U111073" i="1"/>
  <c r="U111072" i="1"/>
  <c r="U111071" i="1"/>
  <c r="U111070" i="1"/>
  <c r="U111069" i="1"/>
  <c r="U111068" i="1"/>
  <c r="U111067" i="1"/>
  <c r="U111066" i="1"/>
  <c r="U111065" i="1"/>
  <c r="U111064" i="1"/>
  <c r="U111063" i="1"/>
  <c r="U111062" i="1"/>
  <c r="U111061" i="1"/>
  <c r="U111060" i="1"/>
  <c r="U111059" i="1"/>
  <c r="U111058" i="1"/>
  <c r="U111057" i="1"/>
  <c r="U111056" i="1"/>
  <c r="U111055" i="1"/>
  <c r="U111054" i="1"/>
  <c r="U111053" i="1"/>
  <c r="U111052" i="1"/>
  <c r="U111051" i="1"/>
  <c r="U111050" i="1"/>
  <c r="U111049" i="1"/>
  <c r="U111048" i="1"/>
  <c r="U111047" i="1"/>
  <c r="U111046" i="1"/>
  <c r="U111045" i="1"/>
  <c r="U111044" i="1"/>
  <c r="U111043" i="1"/>
  <c r="U111042" i="1"/>
  <c r="U111041" i="1"/>
  <c r="U111040" i="1"/>
  <c r="U111039" i="1"/>
  <c r="U111038" i="1"/>
  <c r="U111037" i="1"/>
  <c r="U111036" i="1"/>
  <c r="U111035" i="1"/>
  <c r="U111034" i="1"/>
  <c r="U111033" i="1"/>
  <c r="U111032" i="1"/>
  <c r="U111031" i="1"/>
  <c r="U111030" i="1"/>
  <c r="U111029" i="1"/>
  <c r="U111028" i="1"/>
  <c r="U111027" i="1"/>
  <c r="U111026" i="1"/>
  <c r="U111025" i="1"/>
  <c r="U111024" i="1"/>
  <c r="U111023" i="1"/>
  <c r="U111022" i="1"/>
  <c r="U111021" i="1"/>
  <c r="U111020" i="1"/>
  <c r="U111019" i="1"/>
  <c r="U111018" i="1"/>
  <c r="U111017" i="1"/>
  <c r="U111016" i="1"/>
  <c r="U111015" i="1"/>
  <c r="U111014" i="1"/>
  <c r="U111013" i="1"/>
  <c r="U111012" i="1"/>
  <c r="U111011" i="1"/>
  <c r="U111010" i="1"/>
  <c r="U111009" i="1"/>
  <c r="U111008" i="1"/>
  <c r="U111007" i="1"/>
  <c r="U111006" i="1"/>
  <c r="U111005" i="1"/>
  <c r="U111004" i="1"/>
  <c r="U111003" i="1"/>
  <c r="U111002" i="1"/>
  <c r="U111001" i="1"/>
  <c r="U111000" i="1"/>
  <c r="U110999" i="1"/>
  <c r="U110998" i="1"/>
  <c r="U110997" i="1"/>
  <c r="U110996" i="1"/>
  <c r="U110995" i="1"/>
  <c r="U110994" i="1"/>
  <c r="U110993" i="1"/>
  <c r="U110992" i="1"/>
  <c r="U110991" i="1"/>
  <c r="U110990" i="1"/>
  <c r="U110989" i="1"/>
  <c r="U110988" i="1"/>
  <c r="U110987" i="1"/>
  <c r="U110986" i="1"/>
  <c r="U110985" i="1"/>
  <c r="U110984" i="1"/>
  <c r="U110983" i="1"/>
  <c r="U110982" i="1"/>
  <c r="U110981" i="1"/>
  <c r="U110980" i="1"/>
  <c r="U110979" i="1"/>
  <c r="U110978" i="1"/>
  <c r="U110977" i="1"/>
  <c r="U110976" i="1"/>
  <c r="U110975" i="1"/>
  <c r="U110974" i="1"/>
  <c r="U110973" i="1"/>
  <c r="U110972" i="1"/>
  <c r="U110971" i="1"/>
  <c r="U110970" i="1"/>
  <c r="U110969" i="1"/>
  <c r="U110968" i="1"/>
  <c r="U110967" i="1"/>
  <c r="U110966" i="1"/>
  <c r="U110965" i="1"/>
  <c r="U110964" i="1"/>
  <c r="U110963" i="1"/>
  <c r="U110962" i="1"/>
  <c r="U110961" i="1"/>
  <c r="U110960" i="1"/>
  <c r="U110959" i="1"/>
  <c r="U110958" i="1"/>
  <c r="U110957" i="1"/>
  <c r="U110956" i="1"/>
  <c r="U110955" i="1"/>
  <c r="U110954" i="1"/>
  <c r="U110953" i="1"/>
  <c r="U110952" i="1"/>
  <c r="U110951" i="1"/>
  <c r="U110950" i="1"/>
  <c r="U110949" i="1"/>
  <c r="U110948" i="1"/>
  <c r="U110947" i="1"/>
  <c r="U110946" i="1"/>
  <c r="U110945" i="1"/>
  <c r="U110944" i="1"/>
  <c r="U110943" i="1"/>
  <c r="U110942" i="1"/>
  <c r="U110941" i="1"/>
  <c r="U110940" i="1"/>
  <c r="U110939" i="1"/>
  <c r="U110938" i="1"/>
  <c r="U110937" i="1"/>
  <c r="U110936" i="1"/>
  <c r="U110935" i="1"/>
  <c r="U110934" i="1"/>
  <c r="U110933" i="1"/>
  <c r="U110932" i="1"/>
  <c r="U110931" i="1"/>
  <c r="U110930" i="1"/>
  <c r="U110929" i="1"/>
  <c r="U110928" i="1"/>
  <c r="U110927" i="1"/>
  <c r="U110926" i="1"/>
  <c r="U110925" i="1"/>
  <c r="U110924" i="1"/>
  <c r="U110923" i="1"/>
  <c r="U110922" i="1"/>
  <c r="U110921" i="1"/>
  <c r="U110920" i="1"/>
  <c r="U110919" i="1"/>
  <c r="U110918" i="1"/>
  <c r="U110917" i="1"/>
  <c r="U110916" i="1"/>
  <c r="U110915" i="1"/>
  <c r="U110914" i="1"/>
  <c r="U110913" i="1"/>
  <c r="U110912" i="1"/>
  <c r="U110911" i="1"/>
  <c r="U110910" i="1"/>
  <c r="U110909" i="1"/>
  <c r="U110908" i="1"/>
  <c r="U110907" i="1"/>
  <c r="U110906" i="1"/>
  <c r="U110905" i="1"/>
  <c r="U110904" i="1"/>
  <c r="U110903" i="1"/>
  <c r="U110902" i="1"/>
  <c r="U110901" i="1"/>
  <c r="U110900" i="1"/>
  <c r="U110899" i="1"/>
  <c r="U110898" i="1"/>
  <c r="U110897" i="1"/>
  <c r="U110896" i="1"/>
  <c r="U110895" i="1"/>
  <c r="U110894" i="1"/>
  <c r="U110893" i="1"/>
  <c r="U110892" i="1"/>
  <c r="U110891" i="1"/>
  <c r="U110890" i="1"/>
  <c r="U110889" i="1"/>
  <c r="U110888" i="1"/>
  <c r="U110887" i="1"/>
  <c r="U110886" i="1"/>
  <c r="U110885" i="1"/>
  <c r="U110884" i="1"/>
  <c r="U110883" i="1"/>
  <c r="U110882" i="1"/>
  <c r="U110881" i="1"/>
  <c r="U110880" i="1"/>
  <c r="U110879" i="1"/>
  <c r="U110878" i="1"/>
  <c r="U110877" i="1"/>
  <c r="U110876" i="1"/>
  <c r="U110875" i="1"/>
  <c r="U110874" i="1"/>
  <c r="U110873" i="1"/>
  <c r="U110872" i="1"/>
  <c r="U110871" i="1"/>
  <c r="U110870" i="1"/>
  <c r="U110869" i="1"/>
  <c r="U110868" i="1"/>
  <c r="U110867" i="1"/>
  <c r="U110866" i="1"/>
  <c r="U110865" i="1"/>
  <c r="U110864" i="1"/>
  <c r="U110863" i="1"/>
  <c r="U110862" i="1"/>
  <c r="U110861" i="1"/>
  <c r="U110860" i="1"/>
  <c r="U110859" i="1"/>
  <c r="U110858" i="1"/>
  <c r="U110857" i="1"/>
  <c r="U110856" i="1"/>
  <c r="U110855" i="1"/>
  <c r="U110854" i="1"/>
  <c r="U110853" i="1"/>
  <c r="U110852" i="1"/>
  <c r="U110851" i="1"/>
  <c r="U110850" i="1"/>
  <c r="U110849" i="1"/>
  <c r="U110848" i="1"/>
  <c r="U110847" i="1"/>
  <c r="U110846" i="1"/>
  <c r="U110845" i="1"/>
  <c r="U110844" i="1"/>
  <c r="U110843" i="1"/>
  <c r="U110842" i="1"/>
  <c r="U110841" i="1"/>
  <c r="U110840" i="1"/>
  <c r="U110839" i="1"/>
  <c r="U110838" i="1"/>
  <c r="U110837" i="1"/>
  <c r="U110836" i="1"/>
  <c r="U110835" i="1"/>
  <c r="U110834" i="1"/>
  <c r="U110833" i="1"/>
  <c r="U110832" i="1"/>
  <c r="U110831" i="1"/>
  <c r="U110830" i="1"/>
  <c r="U110829" i="1"/>
  <c r="U110828" i="1"/>
  <c r="U110827" i="1"/>
  <c r="U110826" i="1"/>
  <c r="U110825" i="1"/>
  <c r="U110824" i="1"/>
  <c r="U110823" i="1"/>
  <c r="U110822" i="1"/>
  <c r="U110821" i="1"/>
  <c r="U110820" i="1"/>
  <c r="U110819" i="1"/>
  <c r="U110818" i="1"/>
  <c r="U110817" i="1"/>
  <c r="U110816" i="1"/>
  <c r="U110815" i="1"/>
  <c r="U110814" i="1"/>
  <c r="U110813" i="1"/>
  <c r="U110812" i="1"/>
  <c r="U110811" i="1"/>
  <c r="U110810" i="1"/>
  <c r="U110809" i="1"/>
  <c r="U110808" i="1"/>
  <c r="U110807" i="1"/>
  <c r="U110806" i="1"/>
  <c r="U110805" i="1"/>
  <c r="U110804" i="1"/>
  <c r="U110803" i="1"/>
  <c r="U110802" i="1"/>
  <c r="U110801" i="1"/>
  <c r="U110800" i="1"/>
  <c r="U110799" i="1"/>
  <c r="U110798" i="1"/>
  <c r="U110797" i="1"/>
  <c r="U110796" i="1"/>
  <c r="U110795" i="1"/>
  <c r="U110794" i="1"/>
  <c r="U110793" i="1"/>
  <c r="U110792" i="1"/>
  <c r="U110791" i="1"/>
  <c r="U110790" i="1"/>
  <c r="U110789" i="1"/>
  <c r="U110788" i="1"/>
  <c r="U110787" i="1"/>
  <c r="U110786" i="1"/>
  <c r="U110785" i="1"/>
  <c r="U110784" i="1"/>
  <c r="U110783" i="1"/>
  <c r="U110782" i="1"/>
  <c r="U110781" i="1"/>
  <c r="U110780" i="1"/>
  <c r="U110779" i="1"/>
  <c r="U110778" i="1"/>
  <c r="U110777" i="1"/>
  <c r="U110776" i="1"/>
  <c r="U110775" i="1"/>
  <c r="U110774" i="1"/>
  <c r="U110773" i="1"/>
  <c r="U110772" i="1"/>
  <c r="U110771" i="1"/>
  <c r="U110770" i="1"/>
  <c r="U110769" i="1"/>
  <c r="U110768" i="1"/>
  <c r="U110767" i="1"/>
  <c r="U110766" i="1"/>
  <c r="U110765" i="1"/>
  <c r="U110764" i="1"/>
  <c r="U110763" i="1"/>
  <c r="U110762" i="1"/>
  <c r="U110761" i="1"/>
  <c r="U110760" i="1"/>
  <c r="U110759" i="1"/>
  <c r="U110758" i="1"/>
  <c r="U110757" i="1"/>
  <c r="U110756" i="1"/>
  <c r="U110755" i="1"/>
  <c r="U110754" i="1"/>
  <c r="U110753" i="1"/>
  <c r="U110752" i="1"/>
  <c r="U110751" i="1"/>
  <c r="U110750" i="1"/>
  <c r="U110749" i="1"/>
  <c r="U110748" i="1"/>
  <c r="U110747" i="1"/>
  <c r="U110746" i="1"/>
  <c r="U110745" i="1"/>
  <c r="U110744" i="1"/>
  <c r="U110743" i="1"/>
  <c r="U110742" i="1"/>
  <c r="U110741" i="1"/>
  <c r="U110740" i="1"/>
  <c r="U110739" i="1"/>
  <c r="U110738" i="1"/>
  <c r="U110737" i="1"/>
  <c r="U110736" i="1"/>
  <c r="U110735" i="1"/>
  <c r="U110734" i="1"/>
  <c r="U110733" i="1"/>
  <c r="U110732" i="1"/>
  <c r="U110731" i="1"/>
  <c r="U110730" i="1"/>
  <c r="U110729" i="1"/>
  <c r="U110728" i="1"/>
  <c r="U110727" i="1"/>
  <c r="U110726" i="1"/>
  <c r="U110725" i="1"/>
  <c r="U110724" i="1"/>
  <c r="U110723" i="1"/>
  <c r="U110722" i="1"/>
  <c r="U110721" i="1"/>
  <c r="U110720" i="1"/>
  <c r="U110719" i="1"/>
  <c r="U110718" i="1"/>
  <c r="U110717" i="1"/>
  <c r="U110716" i="1"/>
  <c r="U110715" i="1"/>
  <c r="U110714" i="1"/>
  <c r="U110713" i="1"/>
  <c r="U110712" i="1"/>
  <c r="U110711" i="1"/>
  <c r="U110710" i="1"/>
  <c r="U110709" i="1"/>
  <c r="U110708" i="1"/>
  <c r="U110707" i="1"/>
  <c r="U110706" i="1"/>
  <c r="U110705" i="1"/>
  <c r="U110704" i="1"/>
  <c r="U110703" i="1"/>
  <c r="U110702" i="1"/>
  <c r="U110701" i="1"/>
  <c r="U110700" i="1"/>
  <c r="U110699" i="1"/>
  <c r="U110698" i="1"/>
  <c r="U110697" i="1"/>
  <c r="U110696" i="1"/>
  <c r="U110695" i="1"/>
  <c r="U110694" i="1"/>
  <c r="U110693" i="1"/>
  <c r="U110692" i="1"/>
  <c r="U110691" i="1"/>
  <c r="U110690" i="1"/>
  <c r="U110689" i="1"/>
  <c r="U110688" i="1"/>
  <c r="U110687" i="1"/>
  <c r="U110686" i="1"/>
  <c r="U110685" i="1"/>
  <c r="U110684" i="1"/>
  <c r="U110683" i="1"/>
  <c r="U110682" i="1"/>
  <c r="U110681" i="1"/>
  <c r="U110680" i="1"/>
  <c r="U110679" i="1"/>
  <c r="U110678" i="1"/>
  <c r="U110677" i="1"/>
  <c r="U110676" i="1"/>
  <c r="U110675" i="1"/>
  <c r="U110674" i="1"/>
  <c r="U110673" i="1"/>
  <c r="U110672" i="1"/>
  <c r="U110671" i="1"/>
  <c r="U110670" i="1"/>
  <c r="U110669" i="1"/>
  <c r="U110668" i="1"/>
  <c r="U110667" i="1"/>
  <c r="U110666" i="1"/>
  <c r="U110665" i="1"/>
  <c r="U110664" i="1"/>
  <c r="U110663" i="1"/>
  <c r="U110662" i="1"/>
  <c r="U110661" i="1"/>
  <c r="U110660" i="1"/>
  <c r="U110659" i="1"/>
  <c r="U110658" i="1"/>
  <c r="U110657" i="1"/>
  <c r="U110656" i="1"/>
  <c r="U110655" i="1"/>
  <c r="U110654" i="1"/>
  <c r="U110653" i="1"/>
  <c r="U110652" i="1"/>
  <c r="U110651" i="1"/>
  <c r="U110650" i="1"/>
  <c r="U110649" i="1"/>
  <c r="U110648" i="1"/>
  <c r="U110647" i="1"/>
  <c r="U110646" i="1"/>
  <c r="U110645" i="1"/>
  <c r="U110644" i="1"/>
  <c r="U110643" i="1"/>
  <c r="U110642" i="1"/>
  <c r="U110641" i="1"/>
  <c r="U110640" i="1"/>
  <c r="U110639" i="1"/>
  <c r="U110638" i="1"/>
  <c r="U110637" i="1"/>
  <c r="U110636" i="1"/>
  <c r="U110635" i="1"/>
  <c r="U110634" i="1"/>
  <c r="U110633" i="1"/>
  <c r="U110632" i="1"/>
  <c r="U110631" i="1"/>
  <c r="U110630" i="1"/>
  <c r="U110629" i="1"/>
  <c r="U110628" i="1"/>
  <c r="U110627" i="1"/>
  <c r="U110626" i="1"/>
  <c r="U110625" i="1"/>
  <c r="U110624" i="1"/>
  <c r="U110623" i="1"/>
  <c r="U110622" i="1"/>
  <c r="U110621" i="1"/>
  <c r="U110620" i="1"/>
  <c r="U110619" i="1"/>
  <c r="U110618" i="1"/>
  <c r="U110617" i="1"/>
  <c r="U110616" i="1"/>
  <c r="U110615" i="1"/>
  <c r="U110614" i="1"/>
  <c r="U110613" i="1"/>
  <c r="U110612" i="1"/>
  <c r="U110611" i="1"/>
  <c r="U110610" i="1"/>
  <c r="U110609" i="1"/>
  <c r="U110608" i="1"/>
  <c r="U110607" i="1"/>
  <c r="U110606" i="1"/>
  <c r="U110605" i="1"/>
  <c r="U110604" i="1"/>
  <c r="U110603" i="1"/>
  <c r="U110602" i="1"/>
  <c r="U110601" i="1"/>
  <c r="U110600" i="1"/>
  <c r="U110599" i="1"/>
  <c r="U110598" i="1"/>
  <c r="U110597" i="1"/>
  <c r="U110596" i="1"/>
  <c r="U110595" i="1"/>
  <c r="U110594" i="1"/>
  <c r="U110593" i="1"/>
  <c r="U110592" i="1"/>
  <c r="U110591" i="1"/>
  <c r="U110590" i="1"/>
  <c r="U110589" i="1"/>
  <c r="U110588" i="1"/>
  <c r="U110587" i="1"/>
  <c r="U110586" i="1"/>
  <c r="U110585" i="1"/>
  <c r="U110584" i="1"/>
  <c r="U110583" i="1"/>
  <c r="U110582" i="1"/>
  <c r="U110581" i="1"/>
  <c r="U110580" i="1"/>
  <c r="U110579" i="1"/>
  <c r="U110578" i="1"/>
  <c r="U110577" i="1"/>
  <c r="U110576" i="1"/>
  <c r="U110575" i="1"/>
  <c r="U110574" i="1"/>
  <c r="U110573" i="1"/>
  <c r="U110572" i="1"/>
  <c r="U110571" i="1"/>
  <c r="U110570" i="1"/>
  <c r="U110569" i="1"/>
  <c r="U110568" i="1"/>
  <c r="U110567" i="1"/>
  <c r="U110566" i="1"/>
  <c r="U110565" i="1"/>
  <c r="U110564" i="1"/>
  <c r="U110563" i="1"/>
  <c r="U110562" i="1"/>
  <c r="U110561" i="1"/>
  <c r="U110560" i="1"/>
  <c r="U110559" i="1"/>
  <c r="U110558" i="1"/>
  <c r="U110557" i="1"/>
  <c r="U110556" i="1"/>
  <c r="U110555" i="1"/>
  <c r="U110554" i="1"/>
  <c r="U110553" i="1"/>
  <c r="U110552" i="1"/>
  <c r="U110551" i="1"/>
  <c r="U110550" i="1"/>
  <c r="U110549" i="1"/>
  <c r="U110548" i="1"/>
  <c r="U110547" i="1"/>
  <c r="U110546" i="1"/>
  <c r="U110545" i="1"/>
  <c r="U110544" i="1"/>
  <c r="U110543" i="1"/>
  <c r="U110542" i="1"/>
  <c r="U110541" i="1"/>
  <c r="U110540" i="1"/>
  <c r="U110539" i="1"/>
  <c r="U110538" i="1"/>
  <c r="U110537" i="1"/>
  <c r="U110536" i="1"/>
  <c r="U110535" i="1"/>
  <c r="U110534" i="1"/>
  <c r="U110533" i="1"/>
  <c r="U110532" i="1"/>
  <c r="U110531" i="1"/>
  <c r="U110530" i="1"/>
  <c r="U110529" i="1"/>
  <c r="U110528" i="1"/>
  <c r="U110527" i="1"/>
  <c r="U110526" i="1"/>
  <c r="U110525" i="1"/>
  <c r="U110524" i="1"/>
  <c r="U110523" i="1"/>
  <c r="U110522" i="1"/>
  <c r="U110521" i="1"/>
  <c r="U110520" i="1"/>
  <c r="U110519" i="1"/>
  <c r="U110518" i="1"/>
  <c r="U110517" i="1"/>
  <c r="U110516" i="1"/>
  <c r="U110515" i="1"/>
  <c r="U110514" i="1"/>
  <c r="U110513" i="1"/>
  <c r="U110512" i="1"/>
  <c r="U110511" i="1"/>
  <c r="U110510" i="1"/>
  <c r="U110509" i="1"/>
  <c r="U110508" i="1"/>
  <c r="U110507" i="1"/>
  <c r="U110506" i="1"/>
  <c r="U110505" i="1"/>
  <c r="U110504" i="1"/>
  <c r="U110503" i="1"/>
  <c r="U110502" i="1"/>
  <c r="U110501" i="1"/>
  <c r="U110500" i="1"/>
  <c r="U110499" i="1"/>
  <c r="U110498" i="1"/>
  <c r="U110497" i="1"/>
  <c r="U110496" i="1"/>
  <c r="U110495" i="1"/>
  <c r="U110494" i="1"/>
  <c r="U110493" i="1"/>
  <c r="U110492" i="1"/>
  <c r="U110491" i="1"/>
  <c r="U110490" i="1"/>
  <c r="U110489" i="1"/>
  <c r="U110488" i="1"/>
  <c r="U110487" i="1"/>
  <c r="U110486" i="1"/>
  <c r="U110485" i="1"/>
  <c r="U110484" i="1"/>
  <c r="U110483" i="1"/>
  <c r="U110482" i="1"/>
  <c r="U110481" i="1"/>
  <c r="U110480" i="1"/>
  <c r="U110479" i="1"/>
  <c r="U110478" i="1"/>
  <c r="U110477" i="1"/>
  <c r="U110476" i="1"/>
  <c r="U110475" i="1"/>
  <c r="U110474" i="1"/>
  <c r="U110473" i="1"/>
  <c r="U110472" i="1"/>
  <c r="U110471" i="1"/>
  <c r="U110470" i="1"/>
  <c r="U110469" i="1"/>
  <c r="U110468" i="1"/>
  <c r="U110467" i="1"/>
  <c r="U110466" i="1"/>
  <c r="U110465" i="1"/>
  <c r="U110464" i="1"/>
  <c r="U110463" i="1"/>
  <c r="U110462" i="1"/>
  <c r="U110461" i="1"/>
  <c r="U110460" i="1"/>
  <c r="U110459" i="1"/>
  <c r="U110458" i="1"/>
  <c r="U110457" i="1"/>
  <c r="U110456" i="1"/>
  <c r="U110455" i="1"/>
  <c r="U110454" i="1"/>
  <c r="U110453" i="1"/>
  <c r="U110452" i="1"/>
  <c r="U110451" i="1"/>
  <c r="U110450" i="1"/>
  <c r="U110449" i="1"/>
  <c r="U110448" i="1"/>
  <c r="U110447" i="1"/>
  <c r="U110446" i="1"/>
  <c r="U110445" i="1"/>
  <c r="U110444" i="1"/>
  <c r="U110443" i="1"/>
  <c r="U110442" i="1"/>
  <c r="U110441" i="1"/>
  <c r="U110440" i="1"/>
  <c r="U110439" i="1"/>
  <c r="U110438" i="1"/>
  <c r="U110437" i="1"/>
  <c r="U110436" i="1"/>
  <c r="U110435" i="1"/>
  <c r="U110434" i="1"/>
  <c r="U110433" i="1"/>
  <c r="U110432" i="1"/>
  <c r="U110431" i="1"/>
  <c r="U110430" i="1"/>
  <c r="U110429" i="1"/>
  <c r="U110428" i="1"/>
  <c r="U110427" i="1"/>
  <c r="U110426" i="1"/>
  <c r="U110425" i="1"/>
  <c r="U110424" i="1"/>
  <c r="U110423" i="1"/>
  <c r="U110422" i="1"/>
  <c r="U110421" i="1"/>
  <c r="U110420" i="1"/>
  <c r="U110419" i="1"/>
  <c r="U110418" i="1"/>
  <c r="U110417" i="1"/>
  <c r="U110416" i="1"/>
  <c r="U110415" i="1"/>
  <c r="U110414" i="1"/>
  <c r="U110413" i="1"/>
  <c r="U110412" i="1"/>
  <c r="U110411" i="1"/>
  <c r="U110410" i="1"/>
  <c r="U110409" i="1"/>
  <c r="U110408" i="1"/>
  <c r="U110407" i="1"/>
  <c r="U110406" i="1"/>
  <c r="U110405" i="1"/>
  <c r="U110404" i="1"/>
  <c r="U110403" i="1"/>
  <c r="U110402" i="1"/>
  <c r="U110401" i="1"/>
  <c r="U110400" i="1"/>
  <c r="U110399" i="1"/>
  <c r="U110398" i="1"/>
  <c r="U110397" i="1"/>
  <c r="U110396" i="1"/>
  <c r="U110395" i="1"/>
  <c r="U110394" i="1"/>
  <c r="U110393" i="1"/>
  <c r="U110392" i="1"/>
  <c r="U110391" i="1"/>
  <c r="U110390" i="1"/>
  <c r="U110389" i="1"/>
  <c r="U110388" i="1"/>
  <c r="U110387" i="1"/>
  <c r="U110386" i="1"/>
  <c r="U110385" i="1"/>
  <c r="U110384" i="1"/>
  <c r="U110383" i="1"/>
  <c r="U110382" i="1"/>
  <c r="U110381" i="1"/>
  <c r="U110380" i="1"/>
  <c r="U110379" i="1"/>
  <c r="U110378" i="1"/>
  <c r="U110377" i="1"/>
  <c r="U110376" i="1"/>
  <c r="U110375" i="1"/>
  <c r="U110374" i="1"/>
  <c r="U110373" i="1"/>
  <c r="U110372" i="1"/>
  <c r="U110371" i="1"/>
  <c r="U110370" i="1"/>
  <c r="U110369" i="1"/>
  <c r="U110368" i="1"/>
  <c r="U110367" i="1"/>
  <c r="U110366" i="1"/>
  <c r="U110365" i="1"/>
  <c r="U110364" i="1"/>
  <c r="U110363" i="1"/>
  <c r="U110362" i="1"/>
  <c r="U110361" i="1"/>
  <c r="U110360" i="1"/>
  <c r="U110359" i="1"/>
  <c r="U110358" i="1"/>
  <c r="U110357" i="1"/>
  <c r="U110356" i="1"/>
  <c r="U110355" i="1"/>
  <c r="U110354" i="1"/>
  <c r="U110353" i="1"/>
  <c r="U110352" i="1"/>
  <c r="U110351" i="1"/>
  <c r="U110350" i="1"/>
  <c r="U110349" i="1"/>
  <c r="U110348" i="1"/>
  <c r="U110347" i="1"/>
  <c r="U110346" i="1"/>
  <c r="U110345" i="1"/>
  <c r="U110344" i="1"/>
  <c r="U110343" i="1"/>
  <c r="U110342" i="1"/>
  <c r="U110341" i="1"/>
  <c r="U110340" i="1"/>
  <c r="U110339" i="1"/>
  <c r="U110338" i="1"/>
  <c r="U110337" i="1"/>
  <c r="U110336" i="1"/>
  <c r="U110335" i="1"/>
  <c r="U110334" i="1"/>
  <c r="U110333" i="1"/>
  <c r="U110332" i="1"/>
  <c r="U110331" i="1"/>
  <c r="U110330" i="1"/>
  <c r="U110329" i="1"/>
  <c r="U110328" i="1"/>
  <c r="U110327" i="1"/>
  <c r="U110326" i="1"/>
  <c r="U110325" i="1"/>
  <c r="U110324" i="1"/>
  <c r="U110323" i="1"/>
  <c r="U110322" i="1"/>
  <c r="U110321" i="1"/>
  <c r="U110320" i="1"/>
  <c r="U110319" i="1"/>
  <c r="U110318" i="1"/>
  <c r="U110317" i="1"/>
  <c r="U110316" i="1"/>
  <c r="U110315" i="1"/>
  <c r="U110314" i="1"/>
  <c r="U110313" i="1"/>
  <c r="U110312" i="1"/>
  <c r="U110311" i="1"/>
  <c r="U110310" i="1"/>
  <c r="U110309" i="1"/>
  <c r="U110308" i="1"/>
  <c r="U110307" i="1"/>
  <c r="U110306" i="1"/>
  <c r="U110305" i="1"/>
  <c r="U110304" i="1"/>
  <c r="U110303" i="1"/>
  <c r="U110302" i="1"/>
  <c r="U110301" i="1"/>
  <c r="U110300" i="1"/>
  <c r="U110299" i="1"/>
  <c r="U110298" i="1"/>
  <c r="U110297" i="1"/>
  <c r="U110296" i="1"/>
  <c r="U110295" i="1"/>
  <c r="U110294" i="1"/>
  <c r="U110293" i="1"/>
  <c r="U110292" i="1"/>
  <c r="U110291" i="1"/>
  <c r="U110290" i="1"/>
  <c r="U110289" i="1"/>
  <c r="U110288" i="1"/>
  <c r="U110287" i="1"/>
  <c r="U110286" i="1"/>
  <c r="U110285" i="1"/>
  <c r="U110284" i="1"/>
  <c r="U110283" i="1"/>
  <c r="U110282" i="1"/>
  <c r="U110281" i="1"/>
  <c r="U110280" i="1"/>
  <c r="U110279" i="1"/>
  <c r="U110278" i="1"/>
  <c r="U110277" i="1"/>
  <c r="U110276" i="1"/>
  <c r="U110275" i="1"/>
  <c r="U110274" i="1"/>
  <c r="U110273" i="1"/>
  <c r="U110272" i="1"/>
  <c r="U110271" i="1"/>
  <c r="U110270" i="1"/>
  <c r="U110269" i="1"/>
  <c r="U110268" i="1"/>
  <c r="U110267" i="1"/>
  <c r="U110266" i="1"/>
  <c r="U110265" i="1"/>
  <c r="U110264" i="1"/>
  <c r="U110263" i="1"/>
  <c r="U110262" i="1"/>
  <c r="U110261" i="1"/>
  <c r="U110260" i="1"/>
  <c r="U110259" i="1"/>
  <c r="U110258" i="1"/>
  <c r="U110257" i="1"/>
  <c r="U110256" i="1"/>
  <c r="U110255" i="1"/>
  <c r="U110254" i="1"/>
  <c r="U110253" i="1"/>
  <c r="U110252" i="1"/>
  <c r="U110251" i="1"/>
  <c r="U110250" i="1"/>
  <c r="U110249" i="1"/>
  <c r="U110248" i="1"/>
  <c r="U110247" i="1"/>
  <c r="U110246" i="1"/>
  <c r="U110245" i="1"/>
  <c r="U110244" i="1"/>
  <c r="U110243" i="1"/>
  <c r="U110242" i="1"/>
  <c r="U110241" i="1"/>
  <c r="U110240" i="1"/>
  <c r="U110239" i="1"/>
  <c r="U110238" i="1"/>
  <c r="U110237" i="1"/>
  <c r="U110236" i="1"/>
  <c r="U110235" i="1"/>
  <c r="U110234" i="1"/>
  <c r="U110233" i="1"/>
  <c r="U110232" i="1"/>
  <c r="U110231" i="1"/>
  <c r="U110230" i="1"/>
  <c r="U110229" i="1"/>
  <c r="U110228" i="1"/>
  <c r="U110227" i="1"/>
  <c r="U110226" i="1"/>
  <c r="U110225" i="1"/>
  <c r="U110224" i="1"/>
  <c r="U110223" i="1"/>
  <c r="U110222" i="1"/>
  <c r="U110221" i="1"/>
  <c r="U110220" i="1"/>
  <c r="U110219" i="1"/>
  <c r="U110218" i="1"/>
  <c r="U110217" i="1"/>
  <c r="U110216" i="1"/>
  <c r="U110215" i="1"/>
  <c r="U110214" i="1"/>
  <c r="U110213" i="1"/>
  <c r="U110212" i="1"/>
  <c r="U110211" i="1"/>
  <c r="U110210" i="1"/>
  <c r="U110209" i="1"/>
  <c r="U110208" i="1"/>
  <c r="U110207" i="1"/>
  <c r="U110206" i="1"/>
  <c r="U110205" i="1"/>
  <c r="U110204" i="1"/>
  <c r="U110203" i="1"/>
  <c r="U110202" i="1"/>
  <c r="U110201" i="1"/>
  <c r="U110200" i="1"/>
  <c r="U110199" i="1"/>
  <c r="U110198" i="1"/>
  <c r="U110197" i="1"/>
  <c r="U110196" i="1"/>
  <c r="U110195" i="1"/>
  <c r="U110194" i="1"/>
  <c r="U110193" i="1"/>
  <c r="U110192" i="1"/>
  <c r="U110191" i="1"/>
  <c r="U110190" i="1"/>
  <c r="U110189" i="1"/>
  <c r="U110188" i="1"/>
  <c r="U110187" i="1"/>
  <c r="U110186" i="1"/>
  <c r="U110185" i="1"/>
  <c r="U110184" i="1"/>
  <c r="U110183" i="1"/>
  <c r="U110182" i="1"/>
  <c r="U110181" i="1"/>
  <c r="U110180" i="1"/>
  <c r="U110179" i="1"/>
  <c r="U110178" i="1"/>
  <c r="U110177" i="1"/>
  <c r="U110176" i="1"/>
  <c r="U110175" i="1"/>
  <c r="U110174" i="1"/>
  <c r="U110173" i="1"/>
  <c r="U110172" i="1"/>
  <c r="U110171" i="1"/>
  <c r="U110170" i="1"/>
  <c r="U110169" i="1"/>
  <c r="U110168" i="1"/>
  <c r="U110167" i="1"/>
  <c r="U110166" i="1"/>
  <c r="U110165" i="1"/>
  <c r="U110164" i="1"/>
  <c r="U110163" i="1"/>
  <c r="U110162" i="1"/>
  <c r="U110161" i="1"/>
  <c r="U110160" i="1"/>
  <c r="U110159" i="1"/>
  <c r="U110158" i="1"/>
  <c r="U110157" i="1"/>
  <c r="U110156" i="1"/>
  <c r="U110155" i="1"/>
  <c r="U110154" i="1"/>
  <c r="U110153" i="1"/>
  <c r="U110152" i="1"/>
  <c r="U110151" i="1"/>
  <c r="U110150" i="1"/>
  <c r="U110149" i="1"/>
  <c r="U110148" i="1"/>
  <c r="U110147" i="1"/>
  <c r="U110146" i="1"/>
  <c r="U110145" i="1"/>
  <c r="U110144" i="1"/>
  <c r="U110143" i="1"/>
  <c r="U110142" i="1"/>
  <c r="U110141" i="1"/>
  <c r="U110140" i="1"/>
  <c r="U110139" i="1"/>
  <c r="U110138" i="1"/>
  <c r="U110137" i="1"/>
  <c r="U110136" i="1"/>
  <c r="U110135" i="1"/>
  <c r="U110134" i="1"/>
  <c r="U110133" i="1"/>
  <c r="U110132" i="1"/>
  <c r="U110131" i="1"/>
  <c r="U110130" i="1"/>
  <c r="U110129" i="1"/>
  <c r="U110128" i="1"/>
  <c r="U110127" i="1"/>
  <c r="U110126" i="1"/>
  <c r="U110125" i="1"/>
  <c r="U110124" i="1"/>
  <c r="U110123" i="1"/>
  <c r="U110122" i="1"/>
  <c r="U110121" i="1"/>
  <c r="U110120" i="1"/>
  <c r="U110119" i="1"/>
  <c r="U110118" i="1"/>
  <c r="U110117" i="1"/>
  <c r="U110116" i="1"/>
  <c r="U110115" i="1"/>
  <c r="U110114" i="1"/>
  <c r="U110113" i="1"/>
  <c r="U110112" i="1"/>
  <c r="U110111" i="1"/>
  <c r="U110110" i="1"/>
  <c r="U110109" i="1"/>
  <c r="U110108" i="1"/>
  <c r="U110107" i="1"/>
  <c r="U110106" i="1"/>
  <c r="U110105" i="1"/>
  <c r="U110104" i="1"/>
  <c r="U110103" i="1"/>
  <c r="U110102" i="1"/>
  <c r="U110101" i="1"/>
  <c r="U110100" i="1"/>
  <c r="U110099" i="1"/>
  <c r="U110098" i="1"/>
  <c r="U110097" i="1"/>
  <c r="U110096" i="1"/>
  <c r="U110095" i="1"/>
  <c r="U110094" i="1"/>
  <c r="U110093" i="1"/>
  <c r="U110092" i="1"/>
  <c r="U110091" i="1"/>
  <c r="U110090" i="1"/>
  <c r="U110089" i="1"/>
  <c r="U110088" i="1"/>
  <c r="U110087" i="1"/>
  <c r="U110086" i="1"/>
  <c r="U110085" i="1"/>
  <c r="U110084" i="1"/>
  <c r="U110083" i="1"/>
  <c r="U110082" i="1"/>
  <c r="U110081" i="1"/>
  <c r="U110080" i="1"/>
  <c r="U110079" i="1"/>
  <c r="U110078" i="1"/>
  <c r="U110077" i="1"/>
  <c r="U110076" i="1"/>
  <c r="U110075" i="1"/>
  <c r="U110074" i="1"/>
  <c r="U110073" i="1"/>
  <c r="U110072" i="1"/>
  <c r="U110071" i="1"/>
  <c r="U110070" i="1"/>
  <c r="U110069" i="1"/>
  <c r="U110068" i="1"/>
  <c r="U110067" i="1"/>
  <c r="U110066" i="1"/>
  <c r="U110065" i="1"/>
  <c r="U110064" i="1"/>
  <c r="U110063" i="1"/>
  <c r="U110062" i="1"/>
  <c r="U110061" i="1"/>
  <c r="U110060" i="1"/>
  <c r="U110059" i="1"/>
  <c r="U110058" i="1"/>
  <c r="U110057" i="1"/>
  <c r="U110056" i="1"/>
  <c r="U110055" i="1"/>
  <c r="U110054" i="1"/>
  <c r="U110053" i="1"/>
  <c r="U110052" i="1"/>
  <c r="U110051" i="1"/>
  <c r="U110050" i="1"/>
  <c r="U110049" i="1"/>
  <c r="U110048" i="1"/>
  <c r="U110047" i="1"/>
  <c r="U110046" i="1"/>
  <c r="U110045" i="1"/>
  <c r="U110044" i="1"/>
  <c r="U110043" i="1"/>
  <c r="U110042" i="1"/>
  <c r="U110041" i="1"/>
  <c r="U110040" i="1"/>
  <c r="U110039" i="1"/>
  <c r="U110038" i="1"/>
  <c r="U110037" i="1"/>
  <c r="U110036" i="1"/>
  <c r="U110035" i="1"/>
  <c r="U110034" i="1"/>
  <c r="U110033" i="1"/>
  <c r="U110032" i="1"/>
  <c r="U110031" i="1"/>
  <c r="U110030" i="1"/>
  <c r="U110029" i="1"/>
  <c r="U110028" i="1"/>
  <c r="U110027" i="1"/>
  <c r="U110026" i="1"/>
  <c r="U110025" i="1"/>
  <c r="U110024" i="1"/>
  <c r="U110023" i="1"/>
  <c r="U110022" i="1"/>
  <c r="U110021" i="1"/>
  <c r="U110020" i="1"/>
  <c r="U110019" i="1"/>
  <c r="U110018" i="1"/>
  <c r="U110017" i="1"/>
  <c r="U110016" i="1"/>
  <c r="U110015" i="1"/>
  <c r="U110014" i="1"/>
  <c r="U110013" i="1"/>
  <c r="U110012" i="1"/>
  <c r="U110011" i="1"/>
  <c r="U110010" i="1"/>
  <c r="U110009" i="1"/>
  <c r="U110008" i="1"/>
  <c r="U110007" i="1"/>
  <c r="U110006" i="1"/>
  <c r="U110005" i="1"/>
  <c r="U110004" i="1"/>
  <c r="U110003" i="1"/>
  <c r="U110002" i="1"/>
  <c r="U110001" i="1"/>
  <c r="U110000" i="1"/>
  <c r="U109999" i="1"/>
  <c r="U109998" i="1"/>
  <c r="U109997" i="1"/>
  <c r="U109996" i="1"/>
  <c r="U109995" i="1"/>
  <c r="U109994" i="1"/>
  <c r="U109993" i="1"/>
  <c r="U109992" i="1"/>
  <c r="U109991" i="1"/>
  <c r="U109990" i="1"/>
  <c r="U109989" i="1"/>
  <c r="U109988" i="1"/>
  <c r="U109987" i="1"/>
  <c r="U109986" i="1"/>
  <c r="U109985" i="1"/>
  <c r="U109984" i="1"/>
  <c r="U109983" i="1"/>
  <c r="U109982" i="1"/>
  <c r="U109981" i="1"/>
  <c r="U109980" i="1"/>
  <c r="U109979" i="1"/>
  <c r="U109978" i="1"/>
  <c r="U109977" i="1"/>
  <c r="U109976" i="1"/>
  <c r="U109975" i="1"/>
  <c r="U109974" i="1"/>
  <c r="U109973" i="1"/>
  <c r="U109972" i="1"/>
  <c r="U109971" i="1"/>
  <c r="U109970" i="1"/>
  <c r="U109969" i="1"/>
  <c r="U109968" i="1"/>
  <c r="U109967" i="1"/>
  <c r="U109966" i="1"/>
  <c r="U109965" i="1"/>
  <c r="U109964" i="1"/>
  <c r="U109963" i="1"/>
  <c r="U109962" i="1"/>
  <c r="U109961" i="1"/>
  <c r="U109960" i="1"/>
  <c r="U109959" i="1"/>
  <c r="U109958" i="1"/>
  <c r="U109957" i="1"/>
  <c r="U109956" i="1"/>
  <c r="U109955" i="1"/>
  <c r="U109954" i="1"/>
  <c r="U109953" i="1"/>
  <c r="U109952" i="1"/>
  <c r="U109951" i="1"/>
  <c r="U109950" i="1"/>
  <c r="U109949" i="1"/>
  <c r="U109948" i="1"/>
  <c r="U109947" i="1"/>
  <c r="U109946" i="1"/>
  <c r="U109945" i="1"/>
  <c r="U109944" i="1"/>
  <c r="U109943" i="1"/>
  <c r="U109942" i="1"/>
  <c r="U109941" i="1"/>
  <c r="U109940" i="1"/>
  <c r="U109939" i="1"/>
  <c r="U109938" i="1"/>
  <c r="U109937" i="1"/>
  <c r="U109936" i="1"/>
  <c r="U109935" i="1"/>
  <c r="U109934" i="1"/>
  <c r="U109933" i="1"/>
  <c r="U109932" i="1"/>
  <c r="U109931" i="1"/>
  <c r="U109930" i="1"/>
  <c r="U109929" i="1"/>
  <c r="U109928" i="1"/>
  <c r="U109927" i="1"/>
  <c r="U109926" i="1"/>
  <c r="U109925" i="1"/>
  <c r="U109924" i="1"/>
  <c r="U109923" i="1"/>
  <c r="U109922" i="1"/>
  <c r="U109921" i="1"/>
  <c r="U109920" i="1"/>
  <c r="U109919" i="1"/>
  <c r="U109918" i="1"/>
  <c r="U109917" i="1"/>
  <c r="U109916" i="1"/>
  <c r="U109915" i="1"/>
  <c r="U109914" i="1"/>
  <c r="U109913" i="1"/>
  <c r="U109912" i="1"/>
  <c r="U109911" i="1"/>
  <c r="U109910" i="1"/>
  <c r="U109909" i="1"/>
  <c r="U109908" i="1"/>
  <c r="U109907" i="1"/>
  <c r="U109906" i="1"/>
  <c r="U109905" i="1"/>
  <c r="U109904" i="1"/>
  <c r="U109903" i="1"/>
  <c r="U109902" i="1"/>
  <c r="U109901" i="1"/>
  <c r="U109900" i="1"/>
  <c r="U109899" i="1"/>
  <c r="U109898" i="1"/>
  <c r="U109897" i="1"/>
  <c r="U109896" i="1"/>
  <c r="U109895" i="1"/>
  <c r="U109894" i="1"/>
  <c r="U109893" i="1"/>
  <c r="U109892" i="1"/>
  <c r="U109891" i="1"/>
  <c r="U109890" i="1"/>
  <c r="U109889" i="1"/>
  <c r="U109888" i="1"/>
  <c r="U109887" i="1"/>
  <c r="U109886" i="1"/>
  <c r="U109885" i="1"/>
  <c r="U109884" i="1"/>
  <c r="U109883" i="1"/>
  <c r="U109882" i="1"/>
  <c r="U109881" i="1"/>
  <c r="U109880" i="1"/>
  <c r="U109879" i="1"/>
  <c r="U109878" i="1"/>
  <c r="U109877" i="1"/>
  <c r="U109876" i="1"/>
  <c r="U109875" i="1"/>
  <c r="U109874" i="1"/>
  <c r="U109873" i="1"/>
  <c r="U109872" i="1"/>
  <c r="U109871" i="1"/>
  <c r="U109870" i="1"/>
  <c r="U109869" i="1"/>
  <c r="U109868" i="1"/>
  <c r="U109867" i="1"/>
  <c r="U109866" i="1"/>
  <c r="U109865" i="1"/>
  <c r="U109864" i="1"/>
  <c r="U109863" i="1"/>
  <c r="U109862" i="1"/>
  <c r="U109861" i="1"/>
  <c r="U109860" i="1"/>
  <c r="U109859" i="1"/>
  <c r="U109858" i="1"/>
  <c r="U109857" i="1"/>
  <c r="U109856" i="1"/>
  <c r="U109855" i="1"/>
  <c r="U109854" i="1"/>
  <c r="U109853" i="1"/>
  <c r="U109852" i="1"/>
  <c r="U109851" i="1"/>
  <c r="U109850" i="1"/>
  <c r="U109849" i="1"/>
  <c r="U109848" i="1"/>
  <c r="U109847" i="1"/>
  <c r="U109846" i="1"/>
  <c r="U109845" i="1"/>
  <c r="U109844" i="1"/>
  <c r="U109843" i="1"/>
  <c r="U109842" i="1"/>
  <c r="U109841" i="1"/>
  <c r="U109840" i="1"/>
  <c r="U109839" i="1"/>
  <c r="U109838" i="1"/>
  <c r="U109837" i="1"/>
  <c r="U109836" i="1"/>
  <c r="U109835" i="1"/>
  <c r="U109834" i="1"/>
  <c r="U109833" i="1"/>
  <c r="U109832" i="1"/>
  <c r="U109831" i="1"/>
  <c r="U109830" i="1"/>
  <c r="U109829" i="1"/>
  <c r="U109828" i="1"/>
  <c r="U109827" i="1"/>
  <c r="U109826" i="1"/>
  <c r="U109825" i="1"/>
  <c r="U109824" i="1"/>
  <c r="U109823" i="1"/>
  <c r="U109822" i="1"/>
  <c r="U109821" i="1"/>
  <c r="U109820" i="1"/>
  <c r="U109819" i="1"/>
  <c r="U109818" i="1"/>
  <c r="U109817" i="1"/>
  <c r="U109816" i="1"/>
  <c r="U109815" i="1"/>
  <c r="U109814" i="1"/>
  <c r="U109813" i="1"/>
  <c r="U109812" i="1"/>
  <c r="U109811" i="1"/>
  <c r="U109810" i="1"/>
  <c r="U109809" i="1"/>
  <c r="U109808" i="1"/>
  <c r="U109807" i="1"/>
  <c r="U109806" i="1"/>
  <c r="U109805" i="1"/>
  <c r="U109804" i="1"/>
  <c r="U109803" i="1"/>
  <c r="U109802" i="1"/>
  <c r="U109801" i="1"/>
  <c r="U109800" i="1"/>
  <c r="U109799" i="1"/>
  <c r="U109798" i="1"/>
  <c r="U109797" i="1"/>
  <c r="U109796" i="1"/>
  <c r="U109795" i="1"/>
  <c r="U109794" i="1"/>
  <c r="U109793" i="1"/>
  <c r="U109792" i="1"/>
  <c r="U109791" i="1"/>
  <c r="U109790" i="1"/>
  <c r="U109789" i="1"/>
  <c r="U109788" i="1"/>
  <c r="U109787" i="1"/>
  <c r="U109786" i="1"/>
  <c r="U109785" i="1"/>
  <c r="U109784" i="1"/>
  <c r="U109783" i="1"/>
  <c r="U109782" i="1"/>
  <c r="U109781" i="1"/>
  <c r="U109780" i="1"/>
  <c r="U109779" i="1"/>
  <c r="U109778" i="1"/>
  <c r="U109777" i="1"/>
  <c r="U109776" i="1"/>
  <c r="U109775" i="1"/>
  <c r="U109774" i="1"/>
  <c r="U109773" i="1"/>
  <c r="U109772" i="1"/>
  <c r="U109771" i="1"/>
  <c r="U109770" i="1"/>
  <c r="U109769" i="1"/>
  <c r="U109768" i="1"/>
  <c r="U109767" i="1"/>
  <c r="U109766" i="1"/>
  <c r="U109765" i="1"/>
  <c r="U109764" i="1"/>
  <c r="U109763" i="1"/>
  <c r="U109762" i="1"/>
  <c r="U109761" i="1"/>
  <c r="U109760" i="1"/>
  <c r="U109759" i="1"/>
  <c r="U109758" i="1"/>
  <c r="U109757" i="1"/>
  <c r="U109756" i="1"/>
  <c r="U109755" i="1"/>
  <c r="U109754" i="1"/>
  <c r="U109753" i="1"/>
  <c r="U109752" i="1"/>
  <c r="U109751" i="1"/>
  <c r="U109750" i="1"/>
  <c r="U109749" i="1"/>
  <c r="U109748" i="1"/>
  <c r="U109747" i="1"/>
  <c r="U109746" i="1"/>
  <c r="U109745" i="1"/>
  <c r="U109744" i="1"/>
  <c r="U109743" i="1"/>
  <c r="U109742" i="1"/>
  <c r="U109741" i="1"/>
  <c r="U109740" i="1"/>
  <c r="U109739" i="1"/>
  <c r="U109738" i="1"/>
  <c r="U109737" i="1"/>
  <c r="U109736" i="1"/>
  <c r="U109735" i="1"/>
  <c r="U109734" i="1"/>
  <c r="U109733" i="1"/>
  <c r="U109732" i="1"/>
  <c r="U109731" i="1"/>
  <c r="U109730" i="1"/>
  <c r="U109729" i="1"/>
  <c r="U109728" i="1"/>
  <c r="U109727" i="1"/>
  <c r="U109726" i="1"/>
  <c r="U109725" i="1"/>
  <c r="U109724" i="1"/>
  <c r="U109723" i="1"/>
  <c r="U109722" i="1"/>
  <c r="U109721" i="1"/>
  <c r="U109720" i="1"/>
  <c r="U109719" i="1"/>
  <c r="U109718" i="1"/>
  <c r="U109717" i="1"/>
  <c r="U109716" i="1"/>
  <c r="U109715" i="1"/>
  <c r="U109714" i="1"/>
  <c r="U109713" i="1"/>
  <c r="U109712" i="1"/>
  <c r="U109711" i="1"/>
  <c r="U109710" i="1"/>
  <c r="U109709" i="1"/>
  <c r="U109708" i="1"/>
  <c r="U109707" i="1"/>
  <c r="U109706" i="1"/>
  <c r="U109705" i="1"/>
  <c r="U109704" i="1"/>
  <c r="U109703" i="1"/>
  <c r="U109702" i="1"/>
  <c r="U109701" i="1"/>
  <c r="U109700" i="1"/>
  <c r="U109699" i="1"/>
  <c r="U109698" i="1"/>
  <c r="U109697" i="1"/>
  <c r="U109696" i="1"/>
  <c r="U109695" i="1"/>
  <c r="U109694" i="1"/>
  <c r="U109693" i="1"/>
  <c r="U109692" i="1"/>
  <c r="U109691" i="1"/>
  <c r="U109690" i="1"/>
  <c r="U109689" i="1"/>
  <c r="U109688" i="1"/>
  <c r="U109687" i="1"/>
  <c r="U109686" i="1"/>
  <c r="U109685" i="1"/>
  <c r="U109684" i="1"/>
  <c r="U109683" i="1"/>
  <c r="U109682" i="1"/>
  <c r="U109681" i="1"/>
  <c r="U109680" i="1"/>
  <c r="U109679" i="1"/>
  <c r="U109678" i="1"/>
  <c r="U109677" i="1"/>
  <c r="U109676" i="1"/>
  <c r="U109675" i="1"/>
  <c r="U109674" i="1"/>
  <c r="U109673" i="1"/>
  <c r="U109672" i="1"/>
  <c r="U109671" i="1"/>
  <c r="U109670" i="1"/>
  <c r="U109669" i="1"/>
  <c r="U109668" i="1"/>
  <c r="U109667" i="1"/>
  <c r="U109666" i="1"/>
  <c r="U109665" i="1"/>
  <c r="U109664" i="1"/>
  <c r="U109663" i="1"/>
  <c r="U109662" i="1"/>
  <c r="U109661" i="1"/>
  <c r="U109660" i="1"/>
  <c r="U109659" i="1"/>
  <c r="U109658" i="1"/>
  <c r="U109657" i="1"/>
  <c r="U109656" i="1"/>
  <c r="U109655" i="1"/>
  <c r="U109654" i="1"/>
  <c r="U109653" i="1"/>
  <c r="U109652" i="1"/>
  <c r="U109651" i="1"/>
  <c r="U109650" i="1"/>
  <c r="U109649" i="1"/>
  <c r="U109648" i="1"/>
  <c r="U109647" i="1"/>
  <c r="U109646" i="1"/>
  <c r="U109645" i="1"/>
  <c r="U109644" i="1"/>
  <c r="U109643" i="1"/>
  <c r="U109642" i="1"/>
  <c r="U109641" i="1"/>
  <c r="U109640" i="1"/>
  <c r="U109639" i="1"/>
  <c r="U109638" i="1"/>
  <c r="U109637" i="1"/>
  <c r="U109636" i="1"/>
  <c r="U109635" i="1"/>
  <c r="U109634" i="1"/>
  <c r="U109633" i="1"/>
  <c r="U109632" i="1"/>
  <c r="U109631" i="1"/>
  <c r="U109630" i="1"/>
  <c r="U109629" i="1"/>
  <c r="U109628" i="1"/>
  <c r="U109627" i="1"/>
  <c r="U109626" i="1"/>
  <c r="U109625" i="1"/>
  <c r="U109624" i="1"/>
  <c r="U109623" i="1"/>
  <c r="U109622" i="1"/>
  <c r="U109621" i="1"/>
  <c r="U109620" i="1"/>
  <c r="U109619" i="1"/>
  <c r="U109618" i="1"/>
  <c r="U109617" i="1"/>
  <c r="U109616" i="1"/>
  <c r="U109615" i="1"/>
  <c r="U109614" i="1"/>
  <c r="U109613" i="1"/>
  <c r="U109612" i="1"/>
  <c r="U109611" i="1"/>
  <c r="U109610" i="1"/>
  <c r="U109609" i="1"/>
  <c r="U109608" i="1"/>
  <c r="U109607" i="1"/>
  <c r="U109606" i="1"/>
  <c r="U109605" i="1"/>
  <c r="U109604" i="1"/>
  <c r="U109603" i="1"/>
  <c r="U109602" i="1"/>
  <c r="U109601" i="1"/>
  <c r="U109600" i="1"/>
  <c r="U109599" i="1"/>
  <c r="U109598" i="1"/>
  <c r="U109597" i="1"/>
  <c r="U109596" i="1"/>
  <c r="U109595" i="1"/>
  <c r="U109594" i="1"/>
  <c r="U109593" i="1"/>
  <c r="U109592" i="1"/>
  <c r="U109591" i="1"/>
  <c r="U109590" i="1"/>
  <c r="U109589" i="1"/>
  <c r="U109588" i="1"/>
  <c r="U109587" i="1"/>
  <c r="U109586" i="1"/>
  <c r="U109585" i="1"/>
  <c r="U109584" i="1"/>
  <c r="U109583" i="1"/>
  <c r="U109582" i="1"/>
  <c r="U109581" i="1"/>
  <c r="U109580" i="1"/>
  <c r="U109579" i="1"/>
  <c r="U109578" i="1"/>
  <c r="U109577" i="1"/>
  <c r="U109576" i="1"/>
  <c r="U109575" i="1"/>
  <c r="U109574" i="1"/>
  <c r="U109573" i="1"/>
  <c r="U109572" i="1"/>
  <c r="U109571" i="1"/>
  <c r="U109570" i="1"/>
  <c r="U109569" i="1"/>
  <c r="U109568" i="1"/>
  <c r="U109567" i="1"/>
  <c r="U109566" i="1"/>
  <c r="U109565" i="1"/>
  <c r="U109564" i="1"/>
  <c r="U109563" i="1"/>
  <c r="U109562" i="1"/>
  <c r="U109561" i="1"/>
  <c r="U109560" i="1"/>
  <c r="U109559" i="1"/>
  <c r="U109558" i="1"/>
  <c r="U109557" i="1"/>
  <c r="U109556" i="1"/>
  <c r="U109555" i="1"/>
  <c r="U109554" i="1"/>
  <c r="U109553" i="1"/>
  <c r="U109552" i="1"/>
  <c r="U109551" i="1"/>
  <c r="U109550" i="1"/>
  <c r="U109549" i="1"/>
  <c r="U109548" i="1"/>
  <c r="U109547" i="1"/>
  <c r="U109546" i="1"/>
  <c r="U109545" i="1"/>
  <c r="U109544" i="1"/>
  <c r="U109543" i="1"/>
  <c r="U109542" i="1"/>
  <c r="U109541" i="1"/>
  <c r="U109540" i="1"/>
  <c r="U109539" i="1"/>
  <c r="U109538" i="1"/>
  <c r="U109537" i="1"/>
  <c r="U109536" i="1"/>
  <c r="U109535" i="1"/>
  <c r="U109534" i="1"/>
  <c r="U109533" i="1"/>
  <c r="U109532" i="1"/>
  <c r="U109531" i="1"/>
  <c r="U109530" i="1"/>
  <c r="U109529" i="1"/>
  <c r="U109528" i="1"/>
  <c r="U109527" i="1"/>
  <c r="U109526" i="1"/>
  <c r="U109525" i="1"/>
  <c r="U109524" i="1"/>
  <c r="U109523" i="1"/>
  <c r="U109522" i="1"/>
  <c r="U109521" i="1"/>
  <c r="U109520" i="1"/>
  <c r="U109519" i="1"/>
  <c r="U109518" i="1"/>
  <c r="U109517" i="1"/>
  <c r="U109516" i="1"/>
  <c r="U109515" i="1"/>
  <c r="U109514" i="1"/>
  <c r="U109513" i="1"/>
  <c r="U109512" i="1"/>
  <c r="U109511" i="1"/>
  <c r="U109510" i="1"/>
  <c r="U109509" i="1"/>
  <c r="U109508" i="1"/>
  <c r="U109507" i="1"/>
  <c r="U109506" i="1"/>
  <c r="U109505" i="1"/>
  <c r="U109504" i="1"/>
  <c r="U109503" i="1"/>
  <c r="U109502" i="1"/>
  <c r="U109501" i="1"/>
  <c r="U109500" i="1"/>
  <c r="U109499" i="1"/>
  <c r="U109498" i="1"/>
  <c r="U109497" i="1"/>
  <c r="U109496" i="1"/>
  <c r="U109495" i="1"/>
  <c r="U109494" i="1"/>
  <c r="U109493" i="1"/>
  <c r="U109492" i="1"/>
  <c r="U109491" i="1"/>
  <c r="U109490" i="1"/>
  <c r="U109489" i="1"/>
  <c r="U109488" i="1"/>
  <c r="U109487" i="1"/>
  <c r="U109486" i="1"/>
  <c r="U109485" i="1"/>
  <c r="U109484" i="1"/>
  <c r="U109483" i="1"/>
  <c r="U109482" i="1"/>
  <c r="U109481" i="1"/>
  <c r="U109480" i="1"/>
  <c r="U109479" i="1"/>
  <c r="U109478" i="1"/>
  <c r="U109477" i="1"/>
  <c r="U109476" i="1"/>
  <c r="U109475" i="1"/>
  <c r="U109474" i="1"/>
  <c r="U109473" i="1"/>
  <c r="U109472" i="1"/>
  <c r="U109471" i="1"/>
  <c r="U109470" i="1"/>
  <c r="U109469" i="1"/>
  <c r="U109468" i="1"/>
  <c r="U109467" i="1"/>
  <c r="U109466" i="1"/>
  <c r="U109465" i="1"/>
  <c r="U109464" i="1"/>
  <c r="U109463" i="1"/>
  <c r="U109462" i="1"/>
  <c r="U109461" i="1"/>
  <c r="U109460" i="1"/>
  <c r="U109459" i="1"/>
  <c r="U109458" i="1"/>
  <c r="U109457" i="1"/>
  <c r="U109456" i="1"/>
  <c r="U109455" i="1"/>
  <c r="U109454" i="1"/>
  <c r="U109453" i="1"/>
  <c r="U109452" i="1"/>
  <c r="U109451" i="1"/>
  <c r="U109450" i="1"/>
  <c r="U109449" i="1"/>
  <c r="U109448" i="1"/>
  <c r="U109447" i="1"/>
  <c r="U109446" i="1"/>
  <c r="U109445" i="1"/>
  <c r="U109444" i="1"/>
  <c r="U109443" i="1"/>
  <c r="U109442" i="1"/>
  <c r="U109441" i="1"/>
  <c r="U109440" i="1"/>
  <c r="U109439" i="1"/>
  <c r="U109438" i="1"/>
  <c r="U109437" i="1"/>
  <c r="U109436" i="1"/>
  <c r="U109435" i="1"/>
  <c r="U109434" i="1"/>
  <c r="U109433" i="1"/>
  <c r="U109432" i="1"/>
  <c r="U109431" i="1"/>
  <c r="U109430" i="1"/>
  <c r="U109429" i="1"/>
  <c r="U109428" i="1"/>
  <c r="U109427" i="1"/>
  <c r="U109426" i="1"/>
  <c r="U109425" i="1"/>
  <c r="U109424" i="1"/>
  <c r="U109423" i="1"/>
  <c r="U109422" i="1"/>
  <c r="U109421" i="1"/>
  <c r="U109420" i="1"/>
  <c r="U109419" i="1"/>
  <c r="U109418" i="1"/>
  <c r="U109417" i="1"/>
  <c r="U109416" i="1"/>
  <c r="U109415" i="1"/>
  <c r="U109414" i="1"/>
  <c r="U109413" i="1"/>
  <c r="U109412" i="1"/>
  <c r="U109411" i="1"/>
  <c r="U109410" i="1"/>
  <c r="U109409" i="1"/>
  <c r="U109408" i="1"/>
  <c r="U109407" i="1"/>
  <c r="U109406" i="1"/>
  <c r="U109405" i="1"/>
  <c r="U109404" i="1"/>
  <c r="U109403" i="1"/>
  <c r="U109402" i="1"/>
  <c r="U109401" i="1"/>
  <c r="U109400" i="1"/>
  <c r="U109399" i="1"/>
  <c r="U109398" i="1"/>
  <c r="U109397" i="1"/>
  <c r="U109396" i="1"/>
  <c r="U109395" i="1"/>
  <c r="U109394" i="1"/>
  <c r="U109393" i="1"/>
  <c r="U109392" i="1"/>
  <c r="U109391" i="1"/>
  <c r="U109390" i="1"/>
  <c r="U109389" i="1"/>
  <c r="U109388" i="1"/>
  <c r="U109387" i="1"/>
  <c r="U109386" i="1"/>
  <c r="U109385" i="1"/>
  <c r="U109384" i="1"/>
  <c r="U109383" i="1"/>
  <c r="U109382" i="1"/>
  <c r="U109381" i="1"/>
  <c r="U109380" i="1"/>
  <c r="U109379" i="1"/>
  <c r="U109378" i="1"/>
  <c r="U109377" i="1"/>
  <c r="U109376" i="1"/>
  <c r="U109375" i="1"/>
  <c r="U109374" i="1"/>
  <c r="U109373" i="1"/>
  <c r="U109372" i="1"/>
  <c r="U109371" i="1"/>
  <c r="U109370" i="1"/>
  <c r="U109369" i="1"/>
  <c r="U109368" i="1"/>
  <c r="U109367" i="1"/>
  <c r="U109366" i="1"/>
  <c r="U109365" i="1"/>
  <c r="U109364" i="1"/>
  <c r="U109363" i="1"/>
  <c r="U109362" i="1"/>
  <c r="U109361" i="1"/>
  <c r="U109360" i="1"/>
  <c r="U109359" i="1"/>
  <c r="U109358" i="1"/>
  <c r="U109357" i="1"/>
  <c r="U109356" i="1"/>
  <c r="U109355" i="1"/>
  <c r="U109354" i="1"/>
  <c r="U109353" i="1"/>
  <c r="U109352" i="1"/>
  <c r="U109351" i="1"/>
  <c r="U109350" i="1"/>
  <c r="U109349" i="1"/>
  <c r="U109348" i="1"/>
  <c r="U109347" i="1"/>
  <c r="U109346" i="1"/>
  <c r="U109345" i="1"/>
  <c r="U109344" i="1"/>
  <c r="U109343" i="1"/>
  <c r="U109342" i="1"/>
  <c r="U109341" i="1"/>
  <c r="U109340" i="1"/>
  <c r="U109339" i="1"/>
  <c r="U109338" i="1"/>
  <c r="U109337" i="1"/>
  <c r="U109336" i="1"/>
  <c r="U109335" i="1"/>
  <c r="U109334" i="1"/>
  <c r="U109333" i="1"/>
  <c r="U109332" i="1"/>
  <c r="U109331" i="1"/>
  <c r="U109330" i="1"/>
  <c r="U109329" i="1"/>
  <c r="U109328" i="1"/>
  <c r="U109327" i="1"/>
  <c r="U109326" i="1"/>
  <c r="U109325" i="1"/>
  <c r="U109324" i="1"/>
  <c r="U109323" i="1"/>
  <c r="U109322" i="1"/>
  <c r="U109321" i="1"/>
  <c r="U109320" i="1"/>
  <c r="U109319" i="1"/>
  <c r="U109318" i="1"/>
  <c r="U109317" i="1"/>
  <c r="U109316" i="1"/>
  <c r="U109315" i="1"/>
  <c r="U109314" i="1"/>
  <c r="U109313" i="1"/>
  <c r="U109312" i="1"/>
  <c r="U109311" i="1"/>
  <c r="U109310" i="1"/>
  <c r="U109309" i="1"/>
  <c r="U109308" i="1"/>
  <c r="U109307" i="1"/>
  <c r="U109306" i="1"/>
  <c r="U109305" i="1"/>
  <c r="U109304" i="1"/>
  <c r="U109303" i="1"/>
  <c r="U109302" i="1"/>
  <c r="U109301" i="1"/>
  <c r="U109300" i="1"/>
  <c r="U109299" i="1"/>
  <c r="U109298" i="1"/>
  <c r="U109297" i="1"/>
  <c r="U109296" i="1"/>
  <c r="U109295" i="1"/>
  <c r="U109294" i="1"/>
  <c r="U109293" i="1"/>
  <c r="U109292" i="1"/>
  <c r="U109291" i="1"/>
  <c r="U109290" i="1"/>
  <c r="U109289" i="1"/>
  <c r="U109288" i="1"/>
  <c r="U109287" i="1"/>
  <c r="U109286" i="1"/>
  <c r="U109285" i="1"/>
  <c r="U109284" i="1"/>
  <c r="U109283" i="1"/>
  <c r="U109282" i="1"/>
  <c r="U109281" i="1"/>
  <c r="U109280" i="1"/>
  <c r="U109279" i="1"/>
  <c r="U109278" i="1"/>
  <c r="U109277" i="1"/>
  <c r="U109276" i="1"/>
  <c r="U109275" i="1"/>
  <c r="U109274" i="1"/>
  <c r="U109273" i="1"/>
  <c r="U109272" i="1"/>
  <c r="U109271" i="1"/>
  <c r="U109270" i="1"/>
  <c r="U109269" i="1"/>
  <c r="U109268" i="1"/>
  <c r="U109267" i="1"/>
  <c r="U109266" i="1"/>
  <c r="U109265" i="1"/>
  <c r="U109264" i="1"/>
  <c r="U109263" i="1"/>
  <c r="U109262" i="1"/>
  <c r="U109261" i="1"/>
  <c r="U109260" i="1"/>
  <c r="U109259" i="1"/>
  <c r="U109258" i="1"/>
  <c r="U109257" i="1"/>
  <c r="U109256" i="1"/>
  <c r="U109255" i="1"/>
  <c r="U109254" i="1"/>
  <c r="U109253" i="1"/>
  <c r="U109252" i="1"/>
  <c r="U109251" i="1"/>
  <c r="U109250" i="1"/>
  <c r="U109249" i="1"/>
  <c r="U109248" i="1"/>
  <c r="U109247" i="1"/>
  <c r="U109246" i="1"/>
  <c r="U109245" i="1"/>
  <c r="U109244" i="1"/>
  <c r="U109243" i="1"/>
  <c r="U109242" i="1"/>
  <c r="U109241" i="1"/>
  <c r="U109240" i="1"/>
  <c r="U109239" i="1"/>
  <c r="U109238" i="1"/>
  <c r="U109237" i="1"/>
  <c r="U109236" i="1"/>
  <c r="U109235" i="1"/>
  <c r="U109234" i="1"/>
  <c r="U109233" i="1"/>
  <c r="U109232" i="1"/>
  <c r="U109231" i="1"/>
  <c r="U109230" i="1"/>
  <c r="U109229" i="1"/>
  <c r="U109228" i="1"/>
  <c r="U109227" i="1"/>
  <c r="U109226" i="1"/>
  <c r="U109225" i="1"/>
  <c r="U109224" i="1"/>
  <c r="U109223" i="1"/>
  <c r="U109222" i="1"/>
  <c r="U109221" i="1"/>
  <c r="U109220" i="1"/>
  <c r="U109219" i="1"/>
  <c r="U109218" i="1"/>
  <c r="U109217" i="1"/>
  <c r="U109216" i="1"/>
  <c r="U109215" i="1"/>
  <c r="U109214" i="1"/>
  <c r="U109213" i="1"/>
  <c r="U109212" i="1"/>
  <c r="U109211" i="1"/>
  <c r="U109210" i="1"/>
  <c r="U109209" i="1"/>
  <c r="U109208" i="1"/>
  <c r="U109207" i="1"/>
  <c r="U109206" i="1"/>
  <c r="U109205" i="1"/>
  <c r="U109204" i="1"/>
  <c r="U109203" i="1"/>
  <c r="U109202" i="1"/>
  <c r="U109201" i="1"/>
  <c r="U109200" i="1"/>
  <c r="U109199" i="1"/>
  <c r="U109198" i="1"/>
  <c r="U109197" i="1"/>
  <c r="U109196" i="1"/>
  <c r="U109195" i="1"/>
  <c r="U109194" i="1"/>
  <c r="U109193" i="1"/>
  <c r="U109192" i="1"/>
  <c r="U109191" i="1"/>
  <c r="U109190" i="1"/>
  <c r="U109189" i="1"/>
  <c r="U109188" i="1"/>
  <c r="U109187" i="1"/>
  <c r="U109186" i="1"/>
  <c r="U109185" i="1"/>
  <c r="U109184" i="1"/>
  <c r="U109183" i="1"/>
  <c r="U109182" i="1"/>
  <c r="U109181" i="1"/>
  <c r="U109180" i="1"/>
  <c r="U109179" i="1"/>
  <c r="U109178" i="1"/>
  <c r="U109177" i="1"/>
  <c r="U109176" i="1"/>
  <c r="U109175" i="1"/>
  <c r="U109174" i="1"/>
  <c r="U109173" i="1"/>
  <c r="U109172" i="1"/>
  <c r="U109171" i="1"/>
  <c r="U109170" i="1"/>
  <c r="U109169" i="1"/>
  <c r="U109168" i="1"/>
  <c r="U109167" i="1"/>
  <c r="U109166" i="1"/>
  <c r="U109165" i="1"/>
  <c r="U109164" i="1"/>
  <c r="U109163" i="1"/>
  <c r="U109162" i="1"/>
  <c r="U109161" i="1"/>
  <c r="U109160" i="1"/>
  <c r="U109159" i="1"/>
  <c r="U109158" i="1"/>
  <c r="U109157" i="1"/>
  <c r="U109156" i="1"/>
  <c r="U109155" i="1"/>
  <c r="U109154" i="1"/>
  <c r="U109153" i="1"/>
  <c r="U109152" i="1"/>
  <c r="U109151" i="1"/>
  <c r="U109150" i="1"/>
  <c r="U109149" i="1"/>
  <c r="U109148" i="1"/>
  <c r="U109147" i="1"/>
  <c r="U109146" i="1"/>
  <c r="U109145" i="1"/>
  <c r="U109144" i="1"/>
  <c r="U109143" i="1"/>
  <c r="U109142" i="1"/>
  <c r="U109141" i="1"/>
  <c r="U109140" i="1"/>
  <c r="U109139" i="1"/>
  <c r="U109138" i="1"/>
  <c r="U109137" i="1"/>
  <c r="U109136" i="1"/>
  <c r="U109135" i="1"/>
  <c r="U109134" i="1"/>
  <c r="U109133" i="1"/>
  <c r="U109132" i="1"/>
  <c r="U109131" i="1"/>
  <c r="U109130" i="1"/>
  <c r="U109129" i="1"/>
  <c r="U109128" i="1"/>
  <c r="U109127" i="1"/>
  <c r="U109126" i="1"/>
  <c r="U109125" i="1"/>
  <c r="U109124" i="1"/>
  <c r="U109123" i="1"/>
  <c r="U109122" i="1"/>
  <c r="U109121" i="1"/>
  <c r="U109120" i="1"/>
  <c r="U109119" i="1"/>
  <c r="U109118" i="1"/>
  <c r="U109117" i="1"/>
  <c r="U109116" i="1"/>
  <c r="U109115" i="1"/>
  <c r="U109114" i="1"/>
  <c r="U109113" i="1"/>
  <c r="U109112" i="1"/>
  <c r="U109111" i="1"/>
  <c r="U109110" i="1"/>
  <c r="U109109" i="1"/>
  <c r="U109108" i="1"/>
  <c r="U109107" i="1"/>
  <c r="U109106" i="1"/>
  <c r="U109105" i="1"/>
  <c r="U109104" i="1"/>
  <c r="U109103" i="1"/>
  <c r="U109102" i="1"/>
  <c r="U109101" i="1"/>
  <c r="U109100" i="1"/>
  <c r="U109099" i="1"/>
  <c r="U109098" i="1"/>
  <c r="U109097" i="1"/>
  <c r="U109096" i="1"/>
  <c r="U109095" i="1"/>
  <c r="U109094" i="1"/>
  <c r="U109093" i="1"/>
  <c r="U109092" i="1"/>
  <c r="U109091" i="1"/>
  <c r="U109090" i="1"/>
  <c r="U109089" i="1"/>
  <c r="U109088" i="1"/>
  <c r="U109087" i="1"/>
  <c r="U109086" i="1"/>
  <c r="U109085" i="1"/>
  <c r="U109084" i="1"/>
  <c r="U109083" i="1"/>
  <c r="U109082" i="1"/>
  <c r="U109081" i="1"/>
  <c r="U109080" i="1"/>
  <c r="U109079" i="1"/>
  <c r="U109078" i="1"/>
  <c r="U109077" i="1"/>
  <c r="U109076" i="1"/>
  <c r="U109075" i="1"/>
  <c r="U109074" i="1"/>
  <c r="U109073" i="1"/>
  <c r="U109072" i="1"/>
  <c r="U109071" i="1"/>
  <c r="U109070" i="1"/>
  <c r="U109069" i="1"/>
  <c r="U109068" i="1"/>
  <c r="U109067" i="1"/>
  <c r="U109066" i="1"/>
  <c r="U109065" i="1"/>
  <c r="U109064" i="1"/>
  <c r="U109063" i="1"/>
  <c r="U109062" i="1"/>
  <c r="U109061" i="1"/>
  <c r="U109060" i="1"/>
  <c r="U109059" i="1"/>
  <c r="U109058" i="1"/>
  <c r="U109057" i="1"/>
  <c r="U109056" i="1"/>
  <c r="U109055" i="1"/>
  <c r="U109054" i="1"/>
  <c r="U109053" i="1"/>
  <c r="U109052" i="1"/>
  <c r="U109051" i="1"/>
  <c r="U109050" i="1"/>
  <c r="U109049" i="1"/>
  <c r="U109048" i="1"/>
  <c r="U109047" i="1"/>
  <c r="U109046" i="1"/>
  <c r="U109045" i="1"/>
  <c r="U109044" i="1"/>
  <c r="U109043" i="1"/>
  <c r="U109042" i="1"/>
  <c r="U109041" i="1"/>
  <c r="U109040" i="1"/>
  <c r="U109039" i="1"/>
  <c r="U109038" i="1"/>
  <c r="U109037" i="1"/>
  <c r="U109036" i="1"/>
  <c r="U109035" i="1"/>
  <c r="U109034" i="1"/>
  <c r="U109033" i="1"/>
  <c r="U109032" i="1"/>
  <c r="U109031" i="1"/>
  <c r="U109030" i="1"/>
  <c r="U109029" i="1"/>
  <c r="U109028" i="1"/>
  <c r="U109027" i="1"/>
  <c r="U109026" i="1"/>
  <c r="U109025" i="1"/>
  <c r="U109024" i="1"/>
  <c r="U109023" i="1"/>
  <c r="U109022" i="1"/>
  <c r="U109021" i="1"/>
  <c r="U109020" i="1"/>
  <c r="U109019" i="1"/>
  <c r="U109018" i="1"/>
  <c r="U109017" i="1"/>
  <c r="U109016" i="1"/>
  <c r="U109015" i="1"/>
  <c r="U109014" i="1"/>
  <c r="U109013" i="1"/>
  <c r="U109012" i="1"/>
  <c r="U109011" i="1"/>
  <c r="U109010" i="1"/>
  <c r="U109009" i="1"/>
  <c r="U109008" i="1"/>
  <c r="U109007" i="1"/>
  <c r="U109006" i="1"/>
  <c r="U109005" i="1"/>
  <c r="U109004" i="1"/>
  <c r="U109003" i="1"/>
  <c r="U109002" i="1"/>
  <c r="U109001" i="1"/>
  <c r="U109000" i="1"/>
  <c r="U108999" i="1"/>
  <c r="U108998" i="1"/>
  <c r="U108997" i="1"/>
  <c r="U108996" i="1"/>
  <c r="U108995" i="1"/>
  <c r="U108994" i="1"/>
  <c r="U108993" i="1"/>
  <c r="U108992" i="1"/>
  <c r="U108991" i="1"/>
  <c r="U108990" i="1"/>
  <c r="U108989" i="1"/>
  <c r="U108988" i="1"/>
  <c r="U108987" i="1"/>
  <c r="U108986" i="1"/>
  <c r="U108985" i="1"/>
  <c r="U108984" i="1"/>
  <c r="U108983" i="1"/>
  <c r="U108982" i="1"/>
  <c r="U108981" i="1"/>
  <c r="U108980" i="1"/>
  <c r="U108979" i="1"/>
  <c r="U108978" i="1"/>
  <c r="U108977" i="1"/>
  <c r="U108976" i="1"/>
  <c r="U108975" i="1"/>
  <c r="U108974" i="1"/>
  <c r="U108973" i="1"/>
  <c r="U108972" i="1"/>
  <c r="U108971" i="1"/>
  <c r="U108970" i="1"/>
  <c r="U108969" i="1"/>
  <c r="U108968" i="1"/>
  <c r="U108967" i="1"/>
  <c r="U108966" i="1"/>
  <c r="U108965" i="1"/>
  <c r="U108964" i="1"/>
  <c r="U108963" i="1"/>
  <c r="U108962" i="1"/>
  <c r="U108961" i="1"/>
  <c r="U108960" i="1"/>
  <c r="U108959" i="1"/>
  <c r="U108958" i="1"/>
  <c r="U108957" i="1"/>
  <c r="U108956" i="1"/>
  <c r="U108955" i="1"/>
  <c r="U108954" i="1"/>
  <c r="U108953" i="1"/>
  <c r="U108952" i="1"/>
  <c r="U108951" i="1"/>
  <c r="U108950" i="1"/>
  <c r="U108949" i="1"/>
  <c r="U108948" i="1"/>
  <c r="U108947" i="1"/>
  <c r="U108946" i="1"/>
  <c r="U108945" i="1"/>
  <c r="U108944" i="1"/>
  <c r="U108943" i="1"/>
  <c r="U108942" i="1"/>
  <c r="U108941" i="1"/>
  <c r="U108940" i="1"/>
  <c r="U108939" i="1"/>
  <c r="U108938" i="1"/>
  <c r="U108937" i="1"/>
  <c r="U108936" i="1"/>
  <c r="U108935" i="1"/>
  <c r="U108934" i="1"/>
  <c r="U108933" i="1"/>
  <c r="U108932" i="1"/>
  <c r="U108931" i="1"/>
  <c r="U108930" i="1"/>
  <c r="U108929" i="1"/>
  <c r="U108928" i="1"/>
  <c r="U108927" i="1"/>
  <c r="U108926" i="1"/>
  <c r="U108925" i="1"/>
  <c r="U108924" i="1"/>
  <c r="U108923" i="1"/>
  <c r="U108922" i="1"/>
  <c r="U108921" i="1"/>
  <c r="U108920" i="1"/>
  <c r="U108919" i="1"/>
  <c r="U108918" i="1"/>
  <c r="U108917" i="1"/>
  <c r="U108916" i="1"/>
  <c r="U108915" i="1"/>
  <c r="U108914" i="1"/>
  <c r="U108913" i="1"/>
  <c r="U108912" i="1"/>
  <c r="U108911" i="1"/>
  <c r="U108910" i="1"/>
  <c r="U108909" i="1"/>
  <c r="U108908" i="1"/>
  <c r="U108907" i="1"/>
  <c r="U108906" i="1"/>
  <c r="U108905" i="1"/>
  <c r="U108904" i="1"/>
  <c r="U108903" i="1"/>
  <c r="U108902" i="1"/>
  <c r="U108901" i="1"/>
  <c r="U108900" i="1"/>
  <c r="U108899" i="1"/>
  <c r="U108898" i="1"/>
  <c r="U108897" i="1"/>
  <c r="U108896" i="1"/>
  <c r="U108895" i="1"/>
  <c r="U108894" i="1"/>
  <c r="U108893" i="1"/>
  <c r="U108892" i="1"/>
  <c r="U108891" i="1"/>
  <c r="U108890" i="1"/>
  <c r="U108889" i="1"/>
  <c r="U108888" i="1"/>
  <c r="U108887" i="1"/>
  <c r="U108886" i="1"/>
  <c r="U108885" i="1"/>
  <c r="U108884" i="1"/>
  <c r="U108883" i="1"/>
  <c r="U108882" i="1"/>
  <c r="U108881" i="1"/>
  <c r="U108880" i="1"/>
  <c r="U108879" i="1"/>
  <c r="U108878" i="1"/>
  <c r="U108877" i="1"/>
  <c r="U108876" i="1"/>
  <c r="U108875" i="1"/>
  <c r="U108874" i="1"/>
  <c r="U108873" i="1"/>
  <c r="U108872" i="1"/>
  <c r="U108871" i="1"/>
  <c r="U108870" i="1"/>
  <c r="U108869" i="1"/>
  <c r="U108868" i="1"/>
  <c r="U108867" i="1"/>
  <c r="U108866" i="1"/>
  <c r="U108865" i="1"/>
  <c r="U108864" i="1"/>
  <c r="U108863" i="1"/>
  <c r="U108862" i="1"/>
  <c r="U108861" i="1"/>
  <c r="U108860" i="1"/>
  <c r="U108859" i="1"/>
  <c r="U108858" i="1"/>
  <c r="U108857" i="1"/>
  <c r="U108856" i="1"/>
  <c r="U108855" i="1"/>
  <c r="U108854" i="1"/>
  <c r="U108853" i="1"/>
  <c r="U108852" i="1"/>
  <c r="U108851" i="1"/>
  <c r="U108850" i="1"/>
  <c r="U108849" i="1"/>
  <c r="U108848" i="1"/>
  <c r="U108847" i="1"/>
  <c r="U108846" i="1"/>
  <c r="U108845" i="1"/>
  <c r="U108844" i="1"/>
  <c r="U108843" i="1"/>
  <c r="U108842" i="1"/>
  <c r="U108841" i="1"/>
  <c r="U108840" i="1"/>
  <c r="U108839" i="1"/>
  <c r="U108838" i="1"/>
  <c r="U108837" i="1"/>
  <c r="U108836" i="1"/>
  <c r="U108835" i="1"/>
  <c r="U108834" i="1"/>
  <c r="U108833" i="1"/>
  <c r="U108832" i="1"/>
  <c r="U108831" i="1"/>
  <c r="U108830" i="1"/>
  <c r="U108829" i="1"/>
  <c r="U108828" i="1"/>
  <c r="U108827" i="1"/>
  <c r="U108826" i="1"/>
  <c r="U108825" i="1"/>
  <c r="U108824" i="1"/>
  <c r="U108823" i="1"/>
  <c r="U108822" i="1"/>
  <c r="U108821" i="1"/>
  <c r="U108820" i="1"/>
  <c r="U108819" i="1"/>
  <c r="U108818" i="1"/>
  <c r="U108817" i="1"/>
  <c r="U108816" i="1"/>
  <c r="U108815" i="1"/>
  <c r="U108814" i="1"/>
  <c r="U108813" i="1"/>
  <c r="U108812" i="1"/>
  <c r="U108811" i="1"/>
  <c r="U108810" i="1"/>
  <c r="U108809" i="1"/>
  <c r="U108808" i="1"/>
  <c r="U108807" i="1"/>
  <c r="U108806" i="1"/>
  <c r="U108805" i="1"/>
  <c r="U108804" i="1"/>
  <c r="U108803" i="1"/>
  <c r="U108802" i="1"/>
  <c r="U108801" i="1"/>
  <c r="U108800" i="1"/>
  <c r="U108799" i="1"/>
  <c r="U108798" i="1"/>
  <c r="U108797" i="1"/>
  <c r="U108796" i="1"/>
  <c r="U108795" i="1"/>
  <c r="U108794" i="1"/>
  <c r="U108793" i="1"/>
  <c r="U108792" i="1"/>
  <c r="U108791" i="1"/>
  <c r="U108790" i="1"/>
  <c r="U108789" i="1"/>
  <c r="U108788" i="1"/>
  <c r="U108787" i="1"/>
  <c r="U108786" i="1"/>
  <c r="U108785" i="1"/>
  <c r="U108784" i="1"/>
  <c r="U108783" i="1"/>
  <c r="U108782" i="1"/>
  <c r="U108781" i="1"/>
  <c r="U108780" i="1"/>
  <c r="U108779" i="1"/>
  <c r="U108778" i="1"/>
  <c r="U108777" i="1"/>
  <c r="U108776" i="1"/>
  <c r="U108775" i="1"/>
  <c r="U108774" i="1"/>
  <c r="U108773" i="1"/>
  <c r="U108772" i="1"/>
  <c r="U108771" i="1"/>
  <c r="U108770" i="1"/>
  <c r="U108769" i="1"/>
  <c r="U108768" i="1"/>
  <c r="U108767" i="1"/>
  <c r="U108766" i="1"/>
  <c r="U108765" i="1"/>
  <c r="U108764" i="1"/>
  <c r="U108763" i="1"/>
  <c r="U108762" i="1"/>
  <c r="U108761" i="1"/>
  <c r="U108760" i="1"/>
  <c r="U108759" i="1"/>
  <c r="U108758" i="1"/>
  <c r="U108757" i="1"/>
  <c r="U108756" i="1"/>
  <c r="U108755" i="1"/>
  <c r="U108754" i="1"/>
  <c r="U108753" i="1"/>
  <c r="U108752" i="1"/>
  <c r="U108751" i="1"/>
  <c r="U108750" i="1"/>
  <c r="U108749" i="1"/>
  <c r="U108748" i="1"/>
  <c r="U108747" i="1"/>
  <c r="U108746" i="1"/>
  <c r="U108745" i="1"/>
  <c r="U108744" i="1"/>
  <c r="U108743" i="1"/>
  <c r="U108742" i="1"/>
  <c r="U108741" i="1"/>
  <c r="U108740" i="1"/>
  <c r="U108739" i="1"/>
  <c r="U108738" i="1"/>
  <c r="U108737" i="1"/>
  <c r="U108736" i="1"/>
  <c r="U108735" i="1"/>
  <c r="U108734" i="1"/>
  <c r="U108733" i="1"/>
  <c r="U108732" i="1"/>
  <c r="U108731" i="1"/>
  <c r="U108730" i="1"/>
  <c r="U108729" i="1"/>
  <c r="U108728" i="1"/>
  <c r="U108727" i="1"/>
  <c r="U108726" i="1"/>
  <c r="U108725" i="1"/>
  <c r="U108724" i="1"/>
  <c r="U108723" i="1"/>
  <c r="U108722" i="1"/>
  <c r="U108721" i="1"/>
  <c r="U108720" i="1"/>
  <c r="U108719" i="1"/>
  <c r="U108718" i="1"/>
  <c r="U108717" i="1"/>
  <c r="U108716" i="1"/>
  <c r="U108715" i="1"/>
  <c r="U108714" i="1"/>
  <c r="U108713" i="1"/>
  <c r="U108712" i="1"/>
  <c r="U108711" i="1"/>
  <c r="U108710" i="1"/>
  <c r="U108709" i="1"/>
  <c r="U108708" i="1"/>
  <c r="U108707" i="1"/>
  <c r="U108706" i="1"/>
  <c r="U108705" i="1"/>
  <c r="U108704" i="1"/>
  <c r="U108703" i="1"/>
  <c r="U108702" i="1"/>
  <c r="U108701" i="1"/>
  <c r="U108700" i="1"/>
  <c r="U108699" i="1"/>
  <c r="U108698" i="1"/>
  <c r="U108697" i="1"/>
  <c r="U108696" i="1"/>
  <c r="U108695" i="1"/>
  <c r="U108694" i="1"/>
  <c r="U108693" i="1"/>
  <c r="U108692" i="1"/>
  <c r="U108691" i="1"/>
  <c r="U108690" i="1"/>
  <c r="U108689" i="1"/>
  <c r="U108688" i="1"/>
  <c r="U108687" i="1"/>
  <c r="U108686" i="1"/>
  <c r="U108685" i="1"/>
  <c r="U108684" i="1"/>
  <c r="U108683" i="1"/>
  <c r="U108682" i="1"/>
  <c r="U108681" i="1"/>
  <c r="U108680" i="1"/>
  <c r="U108679" i="1"/>
  <c r="U108678" i="1"/>
  <c r="U108677" i="1"/>
  <c r="U108676" i="1"/>
  <c r="U108675" i="1"/>
  <c r="U108674" i="1"/>
  <c r="U108673" i="1"/>
  <c r="U108672" i="1"/>
  <c r="U108671" i="1"/>
  <c r="U108670" i="1"/>
  <c r="U108669" i="1"/>
  <c r="U108668" i="1"/>
  <c r="U108667" i="1"/>
  <c r="U108666" i="1"/>
  <c r="U108665" i="1"/>
  <c r="U108664" i="1"/>
  <c r="U108663" i="1"/>
  <c r="U108662" i="1"/>
  <c r="U108661" i="1"/>
  <c r="U108660" i="1"/>
  <c r="U108659" i="1"/>
  <c r="U108658" i="1"/>
  <c r="U108657" i="1"/>
  <c r="U108656" i="1"/>
  <c r="U108655" i="1"/>
  <c r="U108654" i="1"/>
  <c r="U108653" i="1"/>
  <c r="U108652" i="1"/>
  <c r="U108651" i="1"/>
  <c r="U108650" i="1"/>
  <c r="U108649" i="1"/>
  <c r="U108648" i="1"/>
  <c r="U108647" i="1"/>
  <c r="U108646" i="1"/>
  <c r="U108645" i="1"/>
  <c r="U108644" i="1"/>
  <c r="U108643" i="1"/>
  <c r="U108642" i="1"/>
  <c r="U108641" i="1"/>
  <c r="U108640" i="1"/>
  <c r="U108639" i="1"/>
  <c r="U108638" i="1"/>
  <c r="U108637" i="1"/>
  <c r="U108636" i="1"/>
  <c r="U108635" i="1"/>
  <c r="U108634" i="1"/>
  <c r="U108633" i="1"/>
  <c r="U108632" i="1"/>
  <c r="U108631" i="1"/>
  <c r="U108630" i="1"/>
  <c r="U108629" i="1"/>
  <c r="U108628" i="1"/>
  <c r="U108627" i="1"/>
  <c r="U108626" i="1"/>
  <c r="U108625" i="1"/>
  <c r="U108624" i="1"/>
  <c r="U108623" i="1"/>
  <c r="U108622" i="1"/>
  <c r="U108621" i="1"/>
  <c r="U108620" i="1"/>
  <c r="U108619" i="1"/>
  <c r="U108618" i="1"/>
  <c r="U108617" i="1"/>
  <c r="U108616" i="1"/>
  <c r="U108615" i="1"/>
  <c r="U108614" i="1"/>
  <c r="U108613" i="1"/>
  <c r="U108612" i="1"/>
  <c r="U108611" i="1"/>
  <c r="U108610" i="1"/>
  <c r="U108609" i="1"/>
  <c r="U108608" i="1"/>
  <c r="U108607" i="1"/>
  <c r="U108606" i="1"/>
  <c r="U108605" i="1"/>
  <c r="U108604" i="1"/>
  <c r="U108603" i="1"/>
  <c r="U108602" i="1"/>
  <c r="U108601" i="1"/>
  <c r="U108600" i="1"/>
  <c r="U108599" i="1"/>
  <c r="U108598" i="1"/>
  <c r="U108597" i="1"/>
  <c r="U108596" i="1"/>
  <c r="U108595" i="1"/>
  <c r="U108594" i="1"/>
  <c r="U108593" i="1"/>
  <c r="U108592" i="1"/>
  <c r="U108591" i="1"/>
  <c r="U108590" i="1"/>
  <c r="U108589" i="1"/>
  <c r="U108588" i="1"/>
  <c r="U108587" i="1"/>
  <c r="U108586" i="1"/>
  <c r="U108585" i="1"/>
  <c r="U108584" i="1"/>
  <c r="U108583" i="1"/>
  <c r="U108582" i="1"/>
  <c r="U108581" i="1"/>
  <c r="U108580" i="1"/>
  <c r="U108579" i="1"/>
  <c r="U108578" i="1"/>
  <c r="U108577" i="1"/>
  <c r="U108576" i="1"/>
  <c r="U108575" i="1"/>
  <c r="U108574" i="1"/>
  <c r="U108573" i="1"/>
  <c r="U108572" i="1"/>
  <c r="U108571" i="1"/>
  <c r="U108570" i="1"/>
  <c r="U108569" i="1"/>
  <c r="U108568" i="1"/>
  <c r="U108567" i="1"/>
  <c r="U108566" i="1"/>
  <c r="U108565" i="1"/>
  <c r="U108564" i="1"/>
  <c r="U108563" i="1"/>
  <c r="U108562" i="1"/>
  <c r="U108561" i="1"/>
  <c r="U108560" i="1"/>
  <c r="U108559" i="1"/>
  <c r="U108558" i="1"/>
  <c r="U108557" i="1"/>
  <c r="U108556" i="1"/>
  <c r="U108555" i="1"/>
  <c r="U108554" i="1"/>
  <c r="U108553" i="1"/>
  <c r="U108552" i="1"/>
  <c r="U108551" i="1"/>
  <c r="U108550" i="1"/>
  <c r="U108549" i="1"/>
  <c r="U108548" i="1"/>
  <c r="U108547" i="1"/>
  <c r="U108546" i="1"/>
  <c r="U108545" i="1"/>
  <c r="U108544" i="1"/>
  <c r="U108543" i="1"/>
  <c r="U108542" i="1"/>
  <c r="U108541" i="1"/>
  <c r="U108540" i="1"/>
  <c r="U108539" i="1"/>
  <c r="U108538" i="1"/>
  <c r="U108537" i="1"/>
  <c r="U108536" i="1"/>
  <c r="U108535" i="1"/>
  <c r="U108534" i="1"/>
  <c r="U108533" i="1"/>
  <c r="U108532" i="1"/>
  <c r="U108531" i="1"/>
  <c r="U108530" i="1"/>
  <c r="U108529" i="1"/>
  <c r="U108528" i="1"/>
  <c r="U108527" i="1"/>
  <c r="U108526" i="1"/>
  <c r="U108525" i="1"/>
  <c r="U108524" i="1"/>
  <c r="U108523" i="1"/>
  <c r="U108522" i="1"/>
  <c r="U108521" i="1"/>
  <c r="U108520" i="1"/>
  <c r="U108519" i="1"/>
  <c r="U108518" i="1"/>
  <c r="U108517" i="1"/>
  <c r="U108516" i="1"/>
  <c r="U108515" i="1"/>
  <c r="U108514" i="1"/>
  <c r="U108513" i="1"/>
  <c r="U108512" i="1"/>
  <c r="U108511" i="1"/>
  <c r="U108510" i="1"/>
  <c r="U108509" i="1"/>
  <c r="U108508" i="1"/>
  <c r="U108507" i="1"/>
  <c r="U108506" i="1"/>
  <c r="U108505" i="1"/>
  <c r="U108504" i="1"/>
  <c r="U108503" i="1"/>
  <c r="U108502" i="1"/>
  <c r="U108501" i="1"/>
  <c r="U108500" i="1"/>
  <c r="U108499" i="1"/>
  <c r="U108498" i="1"/>
  <c r="U108497" i="1"/>
  <c r="U108496" i="1"/>
  <c r="U108495" i="1"/>
  <c r="U108494" i="1"/>
  <c r="U108493" i="1"/>
  <c r="U108492" i="1"/>
  <c r="U108491" i="1"/>
  <c r="U108490" i="1"/>
  <c r="U108489" i="1"/>
  <c r="U108488" i="1"/>
  <c r="U108487" i="1"/>
  <c r="U108486" i="1"/>
  <c r="U108485" i="1"/>
  <c r="U108484" i="1"/>
  <c r="U108483" i="1"/>
  <c r="U108482" i="1"/>
  <c r="U108481" i="1"/>
  <c r="U108480" i="1"/>
  <c r="U108479" i="1"/>
  <c r="U108478" i="1"/>
  <c r="U108477" i="1"/>
  <c r="U108476" i="1"/>
  <c r="U108475" i="1"/>
  <c r="U108474" i="1"/>
  <c r="U108473" i="1"/>
  <c r="U108472" i="1"/>
  <c r="U108471" i="1"/>
  <c r="U108470" i="1"/>
  <c r="U108469" i="1"/>
  <c r="U108468" i="1"/>
  <c r="U108467" i="1"/>
  <c r="U108466" i="1"/>
  <c r="U108465" i="1"/>
  <c r="U108464" i="1"/>
  <c r="U108463" i="1"/>
  <c r="U108462" i="1"/>
  <c r="U108461" i="1"/>
  <c r="U108460" i="1"/>
  <c r="U108459" i="1"/>
  <c r="U108458" i="1"/>
  <c r="U108457" i="1"/>
  <c r="U108456" i="1"/>
  <c r="U108455" i="1"/>
  <c r="U108454" i="1"/>
  <c r="U108453" i="1"/>
  <c r="U108452" i="1"/>
  <c r="U108451" i="1"/>
  <c r="U108450" i="1"/>
  <c r="U108449" i="1"/>
  <c r="U108448" i="1"/>
  <c r="U108447" i="1"/>
  <c r="U108446" i="1"/>
  <c r="U108445" i="1"/>
  <c r="U108444" i="1"/>
  <c r="U108443" i="1"/>
  <c r="U108442" i="1"/>
  <c r="U108441" i="1"/>
  <c r="U108440" i="1"/>
  <c r="U108439" i="1"/>
  <c r="U108438" i="1"/>
  <c r="U108437" i="1"/>
  <c r="U108436" i="1"/>
  <c r="U108435" i="1"/>
  <c r="U108434" i="1"/>
  <c r="U108433" i="1"/>
  <c r="U108432" i="1"/>
  <c r="U108431" i="1"/>
  <c r="U108430" i="1"/>
  <c r="U108429" i="1"/>
  <c r="U108428" i="1"/>
  <c r="U108427" i="1"/>
  <c r="U108426" i="1"/>
  <c r="U108425" i="1"/>
  <c r="U108424" i="1"/>
  <c r="U108423" i="1"/>
  <c r="U108422" i="1"/>
  <c r="U108421" i="1"/>
  <c r="U108420" i="1"/>
  <c r="U108419" i="1"/>
  <c r="U108418" i="1"/>
  <c r="U108417" i="1"/>
  <c r="U108416" i="1"/>
  <c r="U108415" i="1"/>
  <c r="U108414" i="1"/>
  <c r="U108413" i="1"/>
  <c r="U108412" i="1"/>
  <c r="U108411" i="1"/>
  <c r="U108410" i="1"/>
  <c r="U108409" i="1"/>
  <c r="U108408" i="1"/>
  <c r="U108407" i="1"/>
  <c r="U108406" i="1"/>
  <c r="U108405" i="1"/>
  <c r="U108404" i="1"/>
  <c r="U108403" i="1"/>
  <c r="U108402" i="1"/>
  <c r="U108401" i="1"/>
  <c r="U108400" i="1"/>
  <c r="U108399" i="1"/>
  <c r="U108398" i="1"/>
  <c r="U108397" i="1"/>
  <c r="U108396" i="1"/>
  <c r="U108395" i="1"/>
  <c r="U108394" i="1"/>
  <c r="U108393" i="1"/>
  <c r="U108392" i="1"/>
  <c r="U108391" i="1"/>
  <c r="U108390" i="1"/>
  <c r="U108389" i="1"/>
  <c r="U108388" i="1"/>
  <c r="U108387" i="1"/>
  <c r="U108386" i="1"/>
  <c r="U108385" i="1"/>
  <c r="U108384" i="1"/>
  <c r="U108383" i="1"/>
  <c r="U108382" i="1"/>
  <c r="U108381" i="1"/>
  <c r="U108380" i="1"/>
  <c r="U108379" i="1"/>
  <c r="U108378" i="1"/>
  <c r="U108377" i="1"/>
  <c r="U108376" i="1"/>
  <c r="U108375" i="1"/>
  <c r="U108374" i="1"/>
  <c r="U108373" i="1"/>
  <c r="U108372" i="1"/>
  <c r="U108371" i="1"/>
  <c r="U108370" i="1"/>
  <c r="U108369" i="1"/>
  <c r="U108368" i="1"/>
  <c r="U108367" i="1"/>
  <c r="U108366" i="1"/>
  <c r="U108365" i="1"/>
  <c r="U108364" i="1"/>
  <c r="U108363" i="1"/>
  <c r="U108362" i="1"/>
  <c r="U108361" i="1"/>
  <c r="U108360" i="1"/>
  <c r="U108359" i="1"/>
  <c r="U108358" i="1"/>
  <c r="U108357" i="1"/>
  <c r="U108356" i="1"/>
  <c r="U108355" i="1"/>
  <c r="U108354" i="1"/>
  <c r="U108353" i="1"/>
  <c r="U108352" i="1"/>
  <c r="U108351" i="1"/>
  <c r="U108350" i="1"/>
  <c r="U108349" i="1"/>
  <c r="U108348" i="1"/>
  <c r="U108347" i="1"/>
  <c r="U108346" i="1"/>
  <c r="U108345" i="1"/>
  <c r="U108344" i="1"/>
  <c r="U108343" i="1"/>
  <c r="U108342" i="1"/>
  <c r="U108341" i="1"/>
  <c r="U108340" i="1"/>
  <c r="U108339" i="1"/>
  <c r="U108338" i="1"/>
  <c r="U108337" i="1"/>
  <c r="U108336" i="1"/>
  <c r="U108335" i="1"/>
  <c r="U108334" i="1"/>
  <c r="U108333" i="1"/>
  <c r="U108332" i="1"/>
  <c r="U108331" i="1"/>
  <c r="U108330" i="1"/>
  <c r="U108329" i="1"/>
  <c r="U108328" i="1"/>
  <c r="U108327" i="1"/>
  <c r="U108326" i="1"/>
  <c r="U108325" i="1"/>
  <c r="U108324" i="1"/>
  <c r="U108323" i="1"/>
  <c r="U108322" i="1"/>
  <c r="U108321" i="1"/>
  <c r="U108320" i="1"/>
  <c r="U108319" i="1"/>
  <c r="U108318" i="1"/>
  <c r="U108317" i="1"/>
  <c r="U108316" i="1"/>
  <c r="U108315" i="1"/>
  <c r="U108314" i="1"/>
  <c r="U108313" i="1"/>
  <c r="U108312" i="1"/>
  <c r="U108311" i="1"/>
  <c r="U108310" i="1"/>
  <c r="U108309" i="1"/>
  <c r="U108308" i="1"/>
  <c r="U108307" i="1"/>
  <c r="U108306" i="1"/>
  <c r="U108305" i="1"/>
  <c r="U108304" i="1"/>
  <c r="U108303" i="1"/>
  <c r="U108302" i="1"/>
  <c r="U108301" i="1"/>
  <c r="U108300" i="1"/>
  <c r="U108299" i="1"/>
  <c r="U108298" i="1"/>
  <c r="U108297" i="1"/>
  <c r="U108296" i="1"/>
  <c r="U108295" i="1"/>
  <c r="U108294" i="1"/>
  <c r="U108293" i="1"/>
  <c r="U108292" i="1"/>
  <c r="U108291" i="1"/>
  <c r="U108290" i="1"/>
  <c r="U108289" i="1"/>
  <c r="U108288" i="1"/>
  <c r="U108287" i="1"/>
  <c r="U108286" i="1"/>
  <c r="U108285" i="1"/>
  <c r="U108284" i="1"/>
  <c r="U108283" i="1"/>
  <c r="U108282" i="1"/>
  <c r="U108281" i="1"/>
  <c r="U108280" i="1"/>
  <c r="U108279" i="1"/>
  <c r="U108278" i="1"/>
  <c r="U108277" i="1"/>
  <c r="U108276" i="1"/>
  <c r="U108275" i="1"/>
  <c r="U108274" i="1"/>
  <c r="U108273" i="1"/>
  <c r="U108272" i="1"/>
  <c r="U108271" i="1"/>
  <c r="U108270" i="1"/>
  <c r="U108269" i="1"/>
  <c r="U108268" i="1"/>
  <c r="U108267" i="1"/>
  <c r="U108266" i="1"/>
  <c r="U108265" i="1"/>
  <c r="U108264" i="1"/>
  <c r="U108263" i="1"/>
  <c r="U108262" i="1"/>
  <c r="U108261" i="1"/>
  <c r="U108260" i="1"/>
  <c r="U108259" i="1"/>
  <c r="U108258" i="1"/>
  <c r="U108257" i="1"/>
  <c r="U108256" i="1"/>
  <c r="U108255" i="1"/>
  <c r="U108254" i="1"/>
  <c r="U108253" i="1"/>
  <c r="U108252" i="1"/>
  <c r="U108251" i="1"/>
  <c r="U108250" i="1"/>
  <c r="U108249" i="1"/>
  <c r="U108248" i="1"/>
  <c r="U108247" i="1"/>
  <c r="U108246" i="1"/>
  <c r="U108245" i="1"/>
  <c r="U108244" i="1"/>
  <c r="U108243" i="1"/>
  <c r="U108242" i="1"/>
  <c r="U108241" i="1"/>
  <c r="U108240" i="1"/>
  <c r="U108239" i="1"/>
  <c r="U108238" i="1"/>
  <c r="U108237" i="1"/>
  <c r="U108236" i="1"/>
  <c r="U108235" i="1"/>
  <c r="U108234" i="1"/>
  <c r="U108233" i="1"/>
  <c r="U108232" i="1"/>
  <c r="U108231" i="1"/>
  <c r="U108230" i="1"/>
  <c r="U108229" i="1"/>
  <c r="U108228" i="1"/>
  <c r="U108227" i="1"/>
  <c r="U108226" i="1"/>
  <c r="U108225" i="1"/>
  <c r="U108224" i="1"/>
  <c r="U108223" i="1"/>
  <c r="U108222" i="1"/>
  <c r="U108221" i="1"/>
  <c r="U108220" i="1"/>
  <c r="U108219" i="1"/>
  <c r="U108218" i="1"/>
  <c r="U108217" i="1"/>
  <c r="U108216" i="1"/>
  <c r="U108215" i="1"/>
  <c r="U108214" i="1"/>
  <c r="U108213" i="1"/>
  <c r="U108212" i="1"/>
  <c r="U108211" i="1"/>
  <c r="U108210" i="1"/>
  <c r="U108209" i="1"/>
  <c r="U108208" i="1"/>
  <c r="U108207" i="1"/>
  <c r="U108206" i="1"/>
  <c r="U108205" i="1"/>
  <c r="U108204" i="1"/>
  <c r="U108203" i="1"/>
  <c r="U108202" i="1"/>
  <c r="U108201" i="1"/>
  <c r="U108200" i="1"/>
  <c r="U108199" i="1"/>
  <c r="U108198" i="1"/>
  <c r="U108197" i="1"/>
  <c r="U108196" i="1"/>
  <c r="U108195" i="1"/>
  <c r="U108194" i="1"/>
  <c r="U108193" i="1"/>
  <c r="U108192" i="1"/>
  <c r="U108191" i="1"/>
  <c r="U108190" i="1"/>
  <c r="U108189" i="1"/>
  <c r="U108188" i="1"/>
  <c r="U108187" i="1"/>
  <c r="U108186" i="1"/>
  <c r="U108185" i="1"/>
  <c r="U108184" i="1"/>
  <c r="U108183" i="1"/>
  <c r="U108182" i="1"/>
  <c r="U108181" i="1"/>
  <c r="U108180" i="1"/>
  <c r="U108179" i="1"/>
  <c r="U108178" i="1"/>
  <c r="U108177" i="1"/>
  <c r="U108176" i="1"/>
  <c r="U108175" i="1"/>
  <c r="U108174" i="1"/>
  <c r="U108173" i="1"/>
  <c r="U108172" i="1"/>
  <c r="U108171" i="1"/>
  <c r="U108170" i="1"/>
  <c r="U108169" i="1"/>
  <c r="U108168" i="1"/>
  <c r="U108167" i="1"/>
  <c r="U108166" i="1"/>
  <c r="U108165" i="1"/>
  <c r="U108164" i="1"/>
  <c r="U108163" i="1"/>
  <c r="U108162" i="1"/>
  <c r="U108161" i="1"/>
  <c r="U108160" i="1"/>
  <c r="U108159" i="1"/>
  <c r="U108158" i="1"/>
  <c r="U108157" i="1"/>
  <c r="U108156" i="1"/>
  <c r="U108155" i="1"/>
  <c r="U108154" i="1"/>
  <c r="U108153" i="1"/>
  <c r="U108152" i="1"/>
  <c r="U108151" i="1"/>
  <c r="U108150" i="1"/>
  <c r="U108149" i="1"/>
  <c r="U108148" i="1"/>
  <c r="U108147" i="1"/>
  <c r="U108146" i="1"/>
  <c r="U108145" i="1"/>
  <c r="U108144" i="1"/>
  <c r="U108143" i="1"/>
  <c r="U108142" i="1"/>
  <c r="U108141" i="1"/>
  <c r="U108140" i="1"/>
  <c r="U108139" i="1"/>
  <c r="U108138" i="1"/>
  <c r="U108137" i="1"/>
  <c r="U108136" i="1"/>
  <c r="U108135" i="1"/>
  <c r="U108134" i="1"/>
  <c r="U108133" i="1"/>
  <c r="U108132" i="1"/>
  <c r="U108131" i="1"/>
  <c r="U108130" i="1"/>
  <c r="U108129" i="1"/>
  <c r="U108128" i="1"/>
  <c r="U108127" i="1"/>
  <c r="U108126" i="1"/>
  <c r="U108125" i="1"/>
  <c r="U108124" i="1"/>
  <c r="U108123" i="1"/>
  <c r="U108122" i="1"/>
  <c r="U108121" i="1"/>
  <c r="U108120" i="1"/>
  <c r="U108119" i="1"/>
  <c r="U108118" i="1"/>
  <c r="U108117" i="1"/>
  <c r="U108116" i="1"/>
  <c r="U108115" i="1"/>
  <c r="U108114" i="1"/>
  <c r="U108113" i="1"/>
  <c r="U108112" i="1"/>
  <c r="U108111" i="1"/>
  <c r="U108110" i="1"/>
  <c r="U108109" i="1"/>
  <c r="U108108" i="1"/>
  <c r="U108107" i="1"/>
  <c r="U108106" i="1"/>
  <c r="U108105" i="1"/>
  <c r="U108104" i="1"/>
  <c r="U108103" i="1"/>
  <c r="U108102" i="1"/>
  <c r="U108101" i="1"/>
  <c r="U108100" i="1"/>
  <c r="U108099" i="1"/>
  <c r="U108098" i="1"/>
  <c r="U108097" i="1"/>
  <c r="U108096" i="1"/>
  <c r="U108095" i="1"/>
  <c r="U108094" i="1"/>
  <c r="U108093" i="1"/>
  <c r="U108092" i="1"/>
  <c r="U108091" i="1"/>
  <c r="U108090" i="1"/>
  <c r="U108089" i="1"/>
  <c r="U108088" i="1"/>
  <c r="U108087" i="1"/>
  <c r="U108086" i="1"/>
  <c r="U108085" i="1"/>
  <c r="U108084" i="1"/>
  <c r="U108083" i="1"/>
  <c r="U108082" i="1"/>
  <c r="U108081" i="1"/>
  <c r="U108080" i="1"/>
  <c r="U108079" i="1"/>
  <c r="U108078" i="1"/>
  <c r="U108077" i="1"/>
  <c r="U108076" i="1"/>
  <c r="U108075" i="1"/>
  <c r="U108074" i="1"/>
  <c r="U108073" i="1"/>
  <c r="U108072" i="1"/>
  <c r="U108071" i="1"/>
  <c r="U108070" i="1"/>
  <c r="U108069" i="1"/>
  <c r="U108068" i="1"/>
  <c r="U108067" i="1"/>
  <c r="U108066" i="1"/>
  <c r="U108065" i="1"/>
  <c r="U108064" i="1"/>
  <c r="U108063" i="1"/>
  <c r="U108062" i="1"/>
  <c r="U108061" i="1"/>
  <c r="U108060" i="1"/>
  <c r="U108059" i="1"/>
  <c r="U108058" i="1"/>
  <c r="U108057" i="1"/>
  <c r="U108056" i="1"/>
  <c r="U108055" i="1"/>
  <c r="U108054" i="1"/>
  <c r="U108053" i="1"/>
  <c r="U108052" i="1"/>
  <c r="U108051" i="1"/>
  <c r="U108050" i="1"/>
  <c r="U108049" i="1"/>
  <c r="U108048" i="1"/>
  <c r="U108047" i="1"/>
  <c r="U108046" i="1"/>
  <c r="U108045" i="1"/>
  <c r="U108044" i="1"/>
  <c r="U108043" i="1"/>
  <c r="U108042" i="1"/>
  <c r="U108041" i="1"/>
  <c r="U108040" i="1"/>
  <c r="U108039" i="1"/>
  <c r="U108038" i="1"/>
  <c r="U108037" i="1"/>
  <c r="U108036" i="1"/>
  <c r="U108035" i="1"/>
  <c r="U108034" i="1"/>
  <c r="U108033" i="1"/>
  <c r="U108032" i="1"/>
  <c r="U108031" i="1"/>
  <c r="U108030" i="1"/>
  <c r="U108029" i="1"/>
  <c r="U108028" i="1"/>
  <c r="U108027" i="1"/>
  <c r="U108026" i="1"/>
  <c r="U108025" i="1"/>
  <c r="U108024" i="1"/>
  <c r="U108023" i="1"/>
  <c r="U108022" i="1"/>
  <c r="U108021" i="1"/>
  <c r="U108020" i="1"/>
  <c r="U108019" i="1"/>
  <c r="U108018" i="1"/>
  <c r="U108017" i="1"/>
  <c r="U108016" i="1"/>
  <c r="U108015" i="1"/>
  <c r="U108014" i="1"/>
  <c r="U108013" i="1"/>
  <c r="U108012" i="1"/>
  <c r="U108011" i="1"/>
  <c r="U108010" i="1"/>
  <c r="U108009" i="1"/>
  <c r="U108008" i="1"/>
  <c r="U108007" i="1"/>
  <c r="U108006" i="1"/>
  <c r="U108005" i="1"/>
  <c r="U108004" i="1"/>
  <c r="U108003" i="1"/>
  <c r="U108002" i="1"/>
  <c r="U108001" i="1"/>
  <c r="U108000" i="1"/>
  <c r="U107999" i="1"/>
  <c r="U107998" i="1"/>
  <c r="U107997" i="1"/>
  <c r="U107996" i="1"/>
  <c r="U107995" i="1"/>
  <c r="U107994" i="1"/>
  <c r="U107993" i="1"/>
  <c r="U107992" i="1"/>
  <c r="U107991" i="1"/>
  <c r="U107990" i="1"/>
  <c r="U107989" i="1"/>
  <c r="U107988" i="1"/>
  <c r="U107987" i="1"/>
  <c r="U107986" i="1"/>
  <c r="U107985" i="1"/>
  <c r="U107984" i="1"/>
  <c r="U107983" i="1"/>
  <c r="U107982" i="1"/>
  <c r="U107981" i="1"/>
  <c r="U107980" i="1"/>
  <c r="U107979" i="1"/>
  <c r="U107978" i="1"/>
  <c r="U107977" i="1"/>
  <c r="U107976" i="1"/>
  <c r="U107975" i="1"/>
  <c r="U107974" i="1"/>
  <c r="U107973" i="1"/>
  <c r="U107972" i="1"/>
  <c r="U107971" i="1"/>
  <c r="U107970" i="1"/>
  <c r="U107969" i="1"/>
  <c r="U107968" i="1"/>
  <c r="U107967" i="1"/>
  <c r="U107966" i="1"/>
  <c r="U107965" i="1"/>
  <c r="U107964" i="1"/>
  <c r="U107963" i="1"/>
  <c r="U107962" i="1"/>
  <c r="U107961" i="1"/>
  <c r="U107960" i="1"/>
  <c r="U107959" i="1"/>
  <c r="U107958" i="1"/>
  <c r="U107957" i="1"/>
  <c r="U107956" i="1"/>
  <c r="U107955" i="1"/>
  <c r="U107954" i="1"/>
  <c r="U107953" i="1"/>
  <c r="U107952" i="1"/>
  <c r="U107951" i="1"/>
  <c r="U107950" i="1"/>
  <c r="U107949" i="1"/>
  <c r="U107948" i="1"/>
  <c r="U107947" i="1"/>
  <c r="U107946" i="1"/>
  <c r="U107945" i="1"/>
  <c r="U107944" i="1"/>
  <c r="U107943" i="1"/>
  <c r="U107942" i="1"/>
  <c r="U107941" i="1"/>
  <c r="U107940" i="1"/>
  <c r="U107939" i="1"/>
  <c r="U107938" i="1"/>
  <c r="U107937" i="1"/>
  <c r="U107936" i="1"/>
  <c r="U107935" i="1"/>
  <c r="U107934" i="1"/>
  <c r="U107933" i="1"/>
  <c r="U107932" i="1"/>
  <c r="U107931" i="1"/>
  <c r="U107930" i="1"/>
  <c r="U107929" i="1"/>
  <c r="U107928" i="1"/>
  <c r="U107927" i="1"/>
  <c r="U107926" i="1"/>
  <c r="U107925" i="1"/>
  <c r="U107924" i="1"/>
  <c r="U107923" i="1"/>
  <c r="U107922" i="1"/>
  <c r="U107921" i="1"/>
  <c r="U107920" i="1"/>
  <c r="U107919" i="1"/>
  <c r="U107918" i="1"/>
  <c r="U107917" i="1"/>
  <c r="U107916" i="1"/>
  <c r="U107915" i="1"/>
  <c r="U107914" i="1"/>
  <c r="U107913" i="1"/>
  <c r="U107912" i="1"/>
  <c r="U107911" i="1"/>
  <c r="U107910" i="1"/>
  <c r="U107909" i="1"/>
  <c r="U107908" i="1"/>
  <c r="U107907" i="1"/>
  <c r="U107906" i="1"/>
  <c r="U107905" i="1"/>
  <c r="U107904" i="1"/>
  <c r="U107903" i="1"/>
  <c r="U107902" i="1"/>
  <c r="U107901" i="1"/>
  <c r="U107900" i="1"/>
  <c r="U107899" i="1"/>
  <c r="U107898" i="1"/>
  <c r="U107897" i="1"/>
  <c r="U107896" i="1"/>
  <c r="U107895" i="1"/>
  <c r="U107894" i="1"/>
  <c r="U107893" i="1"/>
  <c r="U107892" i="1"/>
  <c r="U107891" i="1"/>
  <c r="U107890" i="1"/>
  <c r="U107889" i="1"/>
  <c r="U107888" i="1"/>
  <c r="U107887" i="1"/>
  <c r="U107886" i="1"/>
  <c r="U107885" i="1"/>
  <c r="U107884" i="1"/>
  <c r="U107883" i="1"/>
  <c r="U107882" i="1"/>
  <c r="U107881" i="1"/>
  <c r="U107880" i="1"/>
  <c r="U107879" i="1"/>
  <c r="U107878" i="1"/>
  <c r="U107877" i="1"/>
  <c r="U107876" i="1"/>
  <c r="U107875" i="1"/>
  <c r="U107874" i="1"/>
  <c r="U107873" i="1"/>
  <c r="U107872" i="1"/>
  <c r="U107871" i="1"/>
  <c r="U107870" i="1"/>
  <c r="U107869" i="1"/>
  <c r="U107868" i="1"/>
  <c r="U107867" i="1"/>
  <c r="U107866" i="1"/>
  <c r="U107865" i="1"/>
  <c r="U107864" i="1"/>
  <c r="U107863" i="1"/>
  <c r="U107862" i="1"/>
  <c r="U107861" i="1"/>
  <c r="U107860" i="1"/>
  <c r="U107859" i="1"/>
  <c r="U107858" i="1"/>
  <c r="U107857" i="1"/>
  <c r="U107856" i="1"/>
  <c r="U107855" i="1"/>
  <c r="U107854" i="1"/>
  <c r="U107853" i="1"/>
  <c r="U107852" i="1"/>
  <c r="U107851" i="1"/>
  <c r="U107850" i="1"/>
  <c r="U107849" i="1"/>
  <c r="U107848" i="1"/>
  <c r="U107847" i="1"/>
  <c r="U107846" i="1"/>
  <c r="U107845" i="1"/>
  <c r="U107844" i="1"/>
  <c r="U107843" i="1"/>
  <c r="U107842" i="1"/>
  <c r="U107841" i="1"/>
  <c r="U107840" i="1"/>
  <c r="U107839" i="1"/>
  <c r="U107838" i="1"/>
  <c r="U107837" i="1"/>
  <c r="U107836" i="1"/>
  <c r="U107835" i="1"/>
  <c r="U107834" i="1"/>
  <c r="U107833" i="1"/>
  <c r="U107832" i="1"/>
  <c r="U107831" i="1"/>
  <c r="U107830" i="1"/>
  <c r="U107829" i="1"/>
  <c r="U107828" i="1"/>
  <c r="U107827" i="1"/>
  <c r="U107826" i="1"/>
  <c r="U107825" i="1"/>
  <c r="U107824" i="1"/>
  <c r="U107823" i="1"/>
  <c r="U107822" i="1"/>
  <c r="U107821" i="1"/>
  <c r="U107820" i="1"/>
  <c r="U107819" i="1"/>
  <c r="U107818" i="1"/>
  <c r="U107817" i="1"/>
  <c r="U107816" i="1"/>
  <c r="U107815" i="1"/>
  <c r="U107814" i="1"/>
  <c r="U107813" i="1"/>
  <c r="U107812" i="1"/>
  <c r="U107811" i="1"/>
  <c r="U107810" i="1"/>
  <c r="U107809" i="1"/>
  <c r="U107808" i="1"/>
  <c r="U107807" i="1"/>
  <c r="U107806" i="1"/>
  <c r="U107805" i="1"/>
  <c r="U107804" i="1"/>
  <c r="U107803" i="1"/>
  <c r="U107802" i="1"/>
  <c r="U107801" i="1"/>
  <c r="U107800" i="1"/>
  <c r="U107799" i="1"/>
  <c r="U107798" i="1"/>
  <c r="U107797" i="1"/>
  <c r="U107796" i="1"/>
  <c r="U107795" i="1"/>
  <c r="U107794" i="1"/>
  <c r="U107793" i="1"/>
  <c r="U107792" i="1"/>
  <c r="U107791" i="1"/>
  <c r="U107790" i="1"/>
  <c r="U107789" i="1"/>
  <c r="U107788" i="1"/>
  <c r="U107787" i="1"/>
  <c r="U107786" i="1"/>
  <c r="U107785" i="1"/>
  <c r="U107784" i="1"/>
  <c r="U107783" i="1"/>
  <c r="U107782" i="1"/>
  <c r="U107781" i="1"/>
  <c r="U107780" i="1"/>
  <c r="U107779" i="1"/>
  <c r="U107778" i="1"/>
  <c r="U107777" i="1"/>
  <c r="U107776" i="1"/>
  <c r="U107775" i="1"/>
  <c r="U107774" i="1"/>
  <c r="U107773" i="1"/>
  <c r="U107772" i="1"/>
  <c r="U107771" i="1"/>
  <c r="U107770" i="1"/>
  <c r="U107769" i="1"/>
  <c r="U107768" i="1"/>
  <c r="U107767" i="1"/>
  <c r="U107766" i="1"/>
  <c r="U107765" i="1"/>
  <c r="U107764" i="1"/>
  <c r="U107763" i="1"/>
  <c r="U107762" i="1"/>
  <c r="U107761" i="1"/>
  <c r="U107760" i="1"/>
  <c r="U107759" i="1"/>
  <c r="U107758" i="1"/>
  <c r="U107757" i="1"/>
  <c r="U107756" i="1"/>
  <c r="U107755" i="1"/>
  <c r="U107754" i="1"/>
  <c r="U107753" i="1"/>
  <c r="U107752" i="1"/>
  <c r="U107751" i="1"/>
  <c r="U107750" i="1"/>
  <c r="U107749" i="1"/>
  <c r="U107748" i="1"/>
  <c r="U107747" i="1"/>
  <c r="U107746" i="1"/>
  <c r="U107745" i="1"/>
  <c r="U107744" i="1"/>
  <c r="U107743" i="1"/>
  <c r="U107742" i="1"/>
  <c r="U107741" i="1"/>
  <c r="U107740" i="1"/>
  <c r="U107739" i="1"/>
  <c r="U107738" i="1"/>
  <c r="U107737" i="1"/>
  <c r="U107736" i="1"/>
  <c r="U107735" i="1"/>
  <c r="U107734" i="1"/>
  <c r="U107733" i="1"/>
  <c r="U107732" i="1"/>
  <c r="U107731" i="1"/>
  <c r="U107730" i="1"/>
  <c r="U107729" i="1"/>
  <c r="U107728" i="1"/>
  <c r="U107727" i="1"/>
  <c r="U107726" i="1"/>
  <c r="U107725" i="1"/>
  <c r="U107724" i="1"/>
  <c r="U107723" i="1"/>
  <c r="U107722" i="1"/>
  <c r="U107721" i="1"/>
  <c r="U107720" i="1"/>
  <c r="U107719" i="1"/>
  <c r="U107718" i="1"/>
  <c r="U107717" i="1"/>
  <c r="U107716" i="1"/>
  <c r="U107715" i="1"/>
  <c r="U107714" i="1"/>
  <c r="U107713" i="1"/>
  <c r="U107712" i="1"/>
  <c r="U107711" i="1"/>
  <c r="U107710" i="1"/>
  <c r="U107709" i="1"/>
  <c r="U107708" i="1"/>
  <c r="U107707" i="1"/>
  <c r="U107706" i="1"/>
  <c r="U107705" i="1"/>
  <c r="U107704" i="1"/>
  <c r="U107703" i="1"/>
  <c r="U107702" i="1"/>
  <c r="U107701" i="1"/>
  <c r="U107700" i="1"/>
  <c r="U107699" i="1"/>
  <c r="U107698" i="1"/>
  <c r="U107697" i="1"/>
  <c r="U107696" i="1"/>
  <c r="U107695" i="1"/>
  <c r="U107694" i="1"/>
  <c r="U107693" i="1"/>
  <c r="U107692" i="1"/>
  <c r="U107691" i="1"/>
  <c r="U107690" i="1"/>
  <c r="U107689" i="1"/>
  <c r="U107688" i="1"/>
  <c r="U107687" i="1"/>
  <c r="U107686" i="1"/>
  <c r="U107685" i="1"/>
  <c r="U107684" i="1"/>
  <c r="U107683" i="1"/>
  <c r="U107682" i="1"/>
  <c r="U107681" i="1"/>
  <c r="U107680" i="1"/>
  <c r="U107679" i="1"/>
  <c r="U107678" i="1"/>
  <c r="U107677" i="1"/>
  <c r="U107676" i="1"/>
  <c r="U107675" i="1"/>
  <c r="U107674" i="1"/>
  <c r="U107673" i="1"/>
  <c r="U107672" i="1"/>
  <c r="U107671" i="1"/>
  <c r="U107670" i="1"/>
  <c r="U107669" i="1"/>
  <c r="U107668" i="1"/>
  <c r="U107667" i="1"/>
  <c r="U107666" i="1"/>
  <c r="U107665" i="1"/>
  <c r="U107664" i="1"/>
  <c r="U107663" i="1"/>
  <c r="U107662" i="1"/>
  <c r="U107661" i="1"/>
  <c r="U107660" i="1"/>
  <c r="U107659" i="1"/>
  <c r="U107658" i="1"/>
  <c r="U107657" i="1"/>
  <c r="U107656" i="1"/>
  <c r="U107655" i="1"/>
  <c r="U107654" i="1"/>
  <c r="U107653" i="1"/>
  <c r="U107652" i="1"/>
  <c r="U107651" i="1"/>
  <c r="U107650" i="1"/>
  <c r="U107649" i="1"/>
  <c r="U107648" i="1"/>
  <c r="U107647" i="1"/>
  <c r="U107646" i="1"/>
  <c r="U107645" i="1"/>
  <c r="U107644" i="1"/>
  <c r="U107643" i="1"/>
  <c r="U107642" i="1"/>
  <c r="U107641" i="1"/>
  <c r="U107640" i="1"/>
  <c r="U107639" i="1"/>
  <c r="U107638" i="1"/>
  <c r="U107637" i="1"/>
  <c r="U107636" i="1"/>
  <c r="U107635" i="1"/>
  <c r="U107634" i="1"/>
  <c r="U107633" i="1"/>
  <c r="U107632" i="1"/>
  <c r="U107631" i="1"/>
  <c r="U107630" i="1"/>
  <c r="U107629" i="1"/>
  <c r="U107628" i="1"/>
  <c r="U107627" i="1"/>
  <c r="U107626" i="1"/>
  <c r="U107625" i="1"/>
  <c r="U107624" i="1"/>
  <c r="U107623" i="1"/>
  <c r="U107622" i="1"/>
  <c r="U107621" i="1"/>
  <c r="U107620" i="1"/>
  <c r="U107619" i="1"/>
  <c r="U107618" i="1"/>
  <c r="U107617" i="1"/>
  <c r="U107616" i="1"/>
  <c r="U107615" i="1"/>
  <c r="U107614" i="1"/>
  <c r="U107613" i="1"/>
  <c r="U107612" i="1"/>
  <c r="U107611" i="1"/>
  <c r="U107610" i="1"/>
  <c r="U107609" i="1"/>
  <c r="U107608" i="1"/>
  <c r="U107607" i="1"/>
  <c r="U107606" i="1"/>
  <c r="U107605" i="1"/>
  <c r="U107604" i="1"/>
  <c r="U107603" i="1"/>
  <c r="U107602" i="1"/>
  <c r="U107601" i="1"/>
  <c r="U107600" i="1"/>
  <c r="U107599" i="1"/>
  <c r="U107598" i="1"/>
  <c r="U107597" i="1"/>
  <c r="U107596" i="1"/>
  <c r="U107595" i="1"/>
  <c r="U107594" i="1"/>
  <c r="U107593" i="1"/>
  <c r="U107592" i="1"/>
  <c r="U107591" i="1"/>
  <c r="U107590" i="1"/>
  <c r="U107589" i="1"/>
  <c r="U107588" i="1"/>
  <c r="U107587" i="1"/>
  <c r="U107586" i="1"/>
  <c r="U107585" i="1"/>
  <c r="U107584" i="1"/>
  <c r="U107583" i="1"/>
  <c r="U107582" i="1"/>
  <c r="U107581" i="1"/>
  <c r="U107580" i="1"/>
  <c r="U107579" i="1"/>
  <c r="U107578" i="1"/>
  <c r="U107577" i="1"/>
  <c r="U107576" i="1"/>
  <c r="U107575" i="1"/>
  <c r="U107574" i="1"/>
  <c r="U107573" i="1"/>
  <c r="U107572" i="1"/>
  <c r="U107571" i="1"/>
  <c r="U107570" i="1"/>
  <c r="U107569" i="1"/>
  <c r="U107568" i="1"/>
  <c r="U107567" i="1"/>
  <c r="U107566" i="1"/>
  <c r="U107565" i="1"/>
  <c r="U107564" i="1"/>
  <c r="U107563" i="1"/>
  <c r="U107562" i="1"/>
  <c r="U107561" i="1"/>
  <c r="U107560" i="1"/>
  <c r="U107559" i="1"/>
  <c r="U107558" i="1"/>
  <c r="U107557" i="1"/>
  <c r="U107556" i="1"/>
  <c r="U107555" i="1"/>
  <c r="U107554" i="1"/>
  <c r="U107553" i="1"/>
  <c r="U107552" i="1"/>
  <c r="U107551" i="1"/>
  <c r="U107550" i="1"/>
  <c r="U107549" i="1"/>
  <c r="U107548" i="1"/>
  <c r="U107547" i="1"/>
  <c r="U107546" i="1"/>
  <c r="U107545" i="1"/>
  <c r="U107544" i="1"/>
  <c r="U107543" i="1"/>
  <c r="U107542" i="1"/>
  <c r="U107541" i="1"/>
  <c r="U107540" i="1"/>
  <c r="U107539" i="1"/>
  <c r="U107538" i="1"/>
  <c r="U107537" i="1"/>
  <c r="U107536" i="1"/>
  <c r="U107535" i="1"/>
  <c r="U107534" i="1"/>
  <c r="U107533" i="1"/>
  <c r="U107532" i="1"/>
  <c r="U107531" i="1"/>
  <c r="U107530" i="1"/>
  <c r="U107529" i="1"/>
  <c r="U107528" i="1"/>
  <c r="U107527" i="1"/>
  <c r="U107526" i="1"/>
  <c r="U107525" i="1"/>
  <c r="U107524" i="1"/>
  <c r="U107523" i="1"/>
  <c r="U107522" i="1"/>
  <c r="U107521" i="1"/>
  <c r="U107520" i="1"/>
  <c r="U107519" i="1"/>
  <c r="U107518" i="1"/>
  <c r="U107517" i="1"/>
  <c r="U107516" i="1"/>
  <c r="U107515" i="1"/>
  <c r="U107514" i="1"/>
  <c r="U107513" i="1"/>
  <c r="U107512" i="1"/>
  <c r="U107511" i="1"/>
  <c r="U107510" i="1"/>
  <c r="U107509" i="1"/>
  <c r="U107508" i="1"/>
  <c r="U107507" i="1"/>
  <c r="U107506" i="1"/>
  <c r="U107505" i="1"/>
  <c r="U107504" i="1"/>
  <c r="U107503" i="1"/>
  <c r="U107502" i="1"/>
  <c r="U107501" i="1"/>
  <c r="U107500" i="1"/>
  <c r="U107499" i="1"/>
  <c r="U107498" i="1"/>
  <c r="U107497" i="1"/>
  <c r="U107496" i="1"/>
  <c r="U107495" i="1"/>
  <c r="U107494" i="1"/>
  <c r="U107493" i="1"/>
  <c r="U107492" i="1"/>
  <c r="U107491" i="1"/>
  <c r="U107490" i="1"/>
  <c r="U107489" i="1"/>
  <c r="U107488" i="1"/>
  <c r="U107487" i="1"/>
  <c r="U107486" i="1"/>
  <c r="U107485" i="1"/>
  <c r="U107484" i="1"/>
  <c r="U107483" i="1"/>
  <c r="U107482" i="1"/>
  <c r="U107481" i="1"/>
  <c r="U107480" i="1"/>
  <c r="U107479" i="1"/>
  <c r="U107478" i="1"/>
  <c r="U107477" i="1"/>
  <c r="U107476" i="1"/>
  <c r="U107475" i="1"/>
  <c r="U107474" i="1"/>
  <c r="U107473" i="1"/>
  <c r="U107472" i="1"/>
  <c r="U107471" i="1"/>
  <c r="U107470" i="1"/>
  <c r="U107469" i="1"/>
  <c r="U107468" i="1"/>
  <c r="U107467" i="1"/>
  <c r="U107466" i="1"/>
  <c r="U107465" i="1"/>
  <c r="U107464" i="1"/>
  <c r="U107463" i="1"/>
  <c r="U107462" i="1"/>
  <c r="U107461" i="1"/>
  <c r="U107460" i="1"/>
  <c r="U107459" i="1"/>
  <c r="U107458" i="1"/>
  <c r="U107457" i="1"/>
  <c r="U107456" i="1"/>
  <c r="U107455" i="1"/>
  <c r="U107454" i="1"/>
  <c r="U107453" i="1"/>
  <c r="U107452" i="1"/>
  <c r="U107451" i="1"/>
  <c r="U107450" i="1"/>
  <c r="U107449" i="1"/>
  <c r="U107448" i="1"/>
  <c r="U107447" i="1"/>
  <c r="U107446" i="1"/>
  <c r="U107445" i="1"/>
  <c r="U107444" i="1"/>
  <c r="U107443" i="1"/>
  <c r="U107442" i="1"/>
  <c r="U107441" i="1"/>
  <c r="U107440" i="1"/>
  <c r="U107439" i="1"/>
  <c r="U107438" i="1"/>
  <c r="U107437" i="1"/>
  <c r="U107436" i="1"/>
  <c r="U107435" i="1"/>
  <c r="U107434" i="1"/>
  <c r="U107433" i="1"/>
  <c r="U107432" i="1"/>
  <c r="U107431" i="1"/>
  <c r="U107430" i="1"/>
  <c r="U107429" i="1"/>
  <c r="U107428" i="1"/>
  <c r="U107427" i="1"/>
  <c r="U107426" i="1"/>
  <c r="U107425" i="1"/>
  <c r="U107424" i="1"/>
  <c r="U107423" i="1"/>
  <c r="U107422" i="1"/>
  <c r="U107421" i="1"/>
  <c r="U107420" i="1"/>
  <c r="U107419" i="1"/>
  <c r="U107418" i="1"/>
  <c r="U107417" i="1"/>
  <c r="U107416" i="1"/>
  <c r="U107415" i="1"/>
  <c r="U107414" i="1"/>
  <c r="U107413" i="1"/>
  <c r="U107412" i="1"/>
  <c r="U107411" i="1"/>
  <c r="U107410" i="1"/>
  <c r="U107409" i="1"/>
  <c r="U107408" i="1"/>
  <c r="U107407" i="1"/>
  <c r="U107406" i="1"/>
  <c r="U107405" i="1"/>
  <c r="U107404" i="1"/>
  <c r="U107403" i="1"/>
  <c r="U107402" i="1"/>
  <c r="U107401" i="1"/>
  <c r="U107400" i="1"/>
  <c r="U107399" i="1"/>
  <c r="U107398" i="1"/>
  <c r="U107397" i="1"/>
  <c r="U107396" i="1"/>
  <c r="U107395" i="1"/>
  <c r="U107394" i="1"/>
  <c r="U107393" i="1"/>
  <c r="U107392" i="1"/>
  <c r="U107391" i="1"/>
  <c r="U107390" i="1"/>
  <c r="U107389" i="1"/>
  <c r="U107388" i="1"/>
  <c r="U107387" i="1"/>
  <c r="U107386" i="1"/>
  <c r="U107385" i="1"/>
  <c r="U107384" i="1"/>
  <c r="U107383" i="1"/>
  <c r="U107382" i="1"/>
  <c r="U107381" i="1"/>
  <c r="U107380" i="1"/>
  <c r="U107379" i="1"/>
  <c r="U107378" i="1"/>
  <c r="U107377" i="1"/>
  <c r="U107376" i="1"/>
  <c r="U107375" i="1"/>
  <c r="U107374" i="1"/>
  <c r="U107373" i="1"/>
  <c r="U107372" i="1"/>
  <c r="U107371" i="1"/>
  <c r="U107370" i="1"/>
  <c r="U107369" i="1"/>
  <c r="U107368" i="1"/>
  <c r="U107367" i="1"/>
  <c r="U107366" i="1"/>
  <c r="U107365" i="1"/>
  <c r="U107364" i="1"/>
  <c r="U107363" i="1"/>
  <c r="U107362" i="1"/>
  <c r="U107361" i="1"/>
  <c r="U107360" i="1"/>
  <c r="U107359" i="1"/>
  <c r="U107358" i="1"/>
  <c r="U107357" i="1"/>
  <c r="U107356" i="1"/>
  <c r="U107355" i="1"/>
  <c r="U107354" i="1"/>
  <c r="U107353" i="1"/>
  <c r="U107352" i="1"/>
  <c r="U107351" i="1"/>
  <c r="U107350" i="1"/>
  <c r="U107349" i="1"/>
  <c r="U107348" i="1"/>
  <c r="U107347" i="1"/>
  <c r="U107346" i="1"/>
  <c r="U107345" i="1"/>
  <c r="U107344" i="1"/>
  <c r="U107343" i="1"/>
  <c r="U107342" i="1"/>
  <c r="U107341" i="1"/>
  <c r="U107340" i="1"/>
  <c r="U107339" i="1"/>
  <c r="U107338" i="1"/>
  <c r="U107337" i="1"/>
  <c r="U107336" i="1"/>
  <c r="U107335" i="1"/>
  <c r="U107334" i="1"/>
  <c r="U107333" i="1"/>
  <c r="U107332" i="1"/>
  <c r="U107331" i="1"/>
  <c r="U107330" i="1"/>
  <c r="U107329" i="1"/>
  <c r="U107328" i="1"/>
  <c r="U107327" i="1"/>
  <c r="U107326" i="1"/>
  <c r="U107325" i="1"/>
  <c r="U107324" i="1"/>
  <c r="U107323" i="1"/>
  <c r="U107322" i="1"/>
  <c r="U107321" i="1"/>
  <c r="U107320" i="1"/>
  <c r="U107319" i="1"/>
  <c r="U107318" i="1"/>
  <c r="U107317" i="1"/>
  <c r="U107316" i="1"/>
  <c r="U107315" i="1"/>
  <c r="U107314" i="1"/>
  <c r="U107313" i="1"/>
  <c r="U107312" i="1"/>
  <c r="U107311" i="1"/>
  <c r="U107310" i="1"/>
  <c r="U107309" i="1"/>
  <c r="U107308" i="1"/>
  <c r="U107307" i="1"/>
  <c r="U107306" i="1"/>
  <c r="U107305" i="1"/>
  <c r="U107304" i="1"/>
  <c r="U107303" i="1"/>
  <c r="U107302" i="1"/>
  <c r="U107301" i="1"/>
  <c r="U107300" i="1"/>
  <c r="U107299" i="1"/>
  <c r="U107298" i="1"/>
  <c r="U107297" i="1"/>
  <c r="U107296" i="1"/>
  <c r="U107295" i="1"/>
  <c r="U107294" i="1"/>
  <c r="U107293" i="1"/>
  <c r="U107292" i="1"/>
  <c r="U107291" i="1"/>
  <c r="U107290" i="1"/>
  <c r="U107289" i="1"/>
  <c r="U107288" i="1"/>
  <c r="U107287" i="1"/>
  <c r="U107286" i="1"/>
  <c r="U107285" i="1"/>
  <c r="U107284" i="1"/>
  <c r="U107283" i="1"/>
  <c r="U107282" i="1"/>
  <c r="U107281" i="1"/>
  <c r="U107280" i="1"/>
  <c r="U107279" i="1"/>
  <c r="U107278" i="1"/>
  <c r="U107277" i="1"/>
  <c r="U107276" i="1"/>
  <c r="U107275" i="1"/>
  <c r="U107274" i="1"/>
  <c r="U107273" i="1"/>
  <c r="U107272" i="1"/>
  <c r="U107271" i="1"/>
  <c r="U107270" i="1"/>
  <c r="U107269" i="1"/>
  <c r="U107268" i="1"/>
  <c r="U107267" i="1"/>
  <c r="U107266" i="1"/>
  <c r="U107265" i="1"/>
  <c r="U107264" i="1"/>
  <c r="U107263" i="1"/>
  <c r="U107262" i="1"/>
  <c r="U107261" i="1"/>
  <c r="U107260" i="1"/>
  <c r="U107259" i="1"/>
  <c r="U107258" i="1"/>
  <c r="U107257" i="1"/>
  <c r="U107256" i="1"/>
  <c r="U107255" i="1"/>
  <c r="U107254" i="1"/>
  <c r="U107253" i="1"/>
  <c r="U107252" i="1"/>
  <c r="U107251" i="1"/>
  <c r="U107250" i="1"/>
  <c r="U107249" i="1"/>
  <c r="U107248" i="1"/>
  <c r="U107247" i="1"/>
  <c r="U107246" i="1"/>
  <c r="U107245" i="1"/>
  <c r="U107244" i="1"/>
  <c r="U107243" i="1"/>
  <c r="U107242" i="1"/>
  <c r="U107241" i="1"/>
  <c r="U107240" i="1"/>
  <c r="U107239" i="1"/>
  <c r="U107238" i="1"/>
  <c r="U107237" i="1"/>
  <c r="U107236" i="1"/>
  <c r="U107235" i="1"/>
  <c r="U107234" i="1"/>
  <c r="U107233" i="1"/>
  <c r="U107232" i="1"/>
  <c r="U107231" i="1"/>
  <c r="U107230" i="1"/>
  <c r="U107229" i="1"/>
  <c r="U107228" i="1"/>
  <c r="U107227" i="1"/>
  <c r="U107226" i="1"/>
  <c r="U107225" i="1"/>
  <c r="U107224" i="1"/>
  <c r="U107223" i="1"/>
  <c r="U107222" i="1"/>
  <c r="U107221" i="1"/>
  <c r="U107220" i="1"/>
  <c r="U107219" i="1"/>
  <c r="U107218" i="1"/>
  <c r="U107217" i="1"/>
  <c r="U107216" i="1"/>
  <c r="U107215" i="1"/>
  <c r="U107214" i="1"/>
  <c r="U107213" i="1"/>
  <c r="U107212" i="1"/>
  <c r="U107211" i="1"/>
  <c r="U107210" i="1"/>
  <c r="U107209" i="1"/>
  <c r="U107208" i="1"/>
  <c r="U107207" i="1"/>
  <c r="U107206" i="1"/>
  <c r="U107205" i="1"/>
  <c r="U107204" i="1"/>
  <c r="U107203" i="1"/>
  <c r="U107202" i="1"/>
  <c r="U107201" i="1"/>
  <c r="U107200" i="1"/>
  <c r="U107199" i="1"/>
  <c r="U107198" i="1"/>
  <c r="U107197" i="1"/>
  <c r="U107196" i="1"/>
  <c r="U107195" i="1"/>
  <c r="U107194" i="1"/>
  <c r="U107193" i="1"/>
  <c r="U107192" i="1"/>
  <c r="U107191" i="1"/>
  <c r="U107190" i="1"/>
  <c r="U107189" i="1"/>
  <c r="U107188" i="1"/>
  <c r="U107187" i="1"/>
  <c r="U107186" i="1"/>
  <c r="U107185" i="1"/>
  <c r="U107184" i="1"/>
  <c r="U107183" i="1"/>
  <c r="U107182" i="1"/>
  <c r="U107181" i="1"/>
  <c r="U107180" i="1"/>
  <c r="U107179" i="1"/>
  <c r="U107178" i="1"/>
  <c r="U107177" i="1"/>
  <c r="U107176" i="1"/>
  <c r="U107175" i="1"/>
  <c r="U107174" i="1"/>
  <c r="U107173" i="1"/>
  <c r="U107172" i="1"/>
  <c r="U107171" i="1"/>
  <c r="U107170" i="1"/>
  <c r="U107169" i="1"/>
  <c r="U107168" i="1"/>
  <c r="U107167" i="1"/>
  <c r="U107166" i="1"/>
  <c r="U107165" i="1"/>
  <c r="U107164" i="1"/>
  <c r="U107163" i="1"/>
  <c r="U107162" i="1"/>
  <c r="U107161" i="1"/>
  <c r="U107160" i="1"/>
  <c r="U107159" i="1"/>
  <c r="U107158" i="1"/>
  <c r="U107157" i="1"/>
  <c r="U107156" i="1"/>
  <c r="U107155" i="1"/>
  <c r="U107154" i="1"/>
  <c r="U107153" i="1"/>
  <c r="U107152" i="1"/>
  <c r="U107151" i="1"/>
  <c r="U107150" i="1"/>
  <c r="U107149" i="1"/>
  <c r="U107148" i="1"/>
  <c r="U107147" i="1"/>
  <c r="U107146" i="1"/>
  <c r="U107145" i="1"/>
  <c r="U107144" i="1"/>
  <c r="U107143" i="1"/>
  <c r="U107142" i="1"/>
  <c r="U107141" i="1"/>
  <c r="U107140" i="1"/>
  <c r="U107139" i="1"/>
  <c r="U107138" i="1"/>
  <c r="U107137" i="1"/>
  <c r="U107136" i="1"/>
  <c r="U107135" i="1"/>
  <c r="U107134" i="1"/>
  <c r="U107133" i="1"/>
  <c r="U107132" i="1"/>
  <c r="U107131" i="1"/>
  <c r="U107130" i="1"/>
  <c r="U107129" i="1"/>
  <c r="U107128" i="1"/>
  <c r="U107127" i="1"/>
  <c r="U107126" i="1"/>
  <c r="U107125" i="1"/>
  <c r="U107124" i="1"/>
  <c r="U107123" i="1"/>
  <c r="U107122" i="1"/>
  <c r="U107121" i="1"/>
  <c r="U107120" i="1"/>
  <c r="U107119" i="1"/>
  <c r="U107118" i="1"/>
  <c r="U107117" i="1"/>
  <c r="U107116" i="1"/>
  <c r="U107115" i="1"/>
  <c r="U107114" i="1"/>
  <c r="U107113" i="1"/>
  <c r="U107112" i="1"/>
  <c r="U107111" i="1"/>
  <c r="U107110" i="1"/>
  <c r="U107109" i="1"/>
  <c r="U107108" i="1"/>
  <c r="U107107" i="1"/>
  <c r="U107106" i="1"/>
  <c r="U107105" i="1"/>
  <c r="U107104" i="1"/>
  <c r="U107103" i="1"/>
  <c r="U107102" i="1"/>
  <c r="U107101" i="1"/>
  <c r="U107100" i="1"/>
  <c r="U107099" i="1"/>
  <c r="U107098" i="1"/>
  <c r="U107097" i="1"/>
  <c r="U107096" i="1"/>
  <c r="U107095" i="1"/>
  <c r="U107094" i="1"/>
  <c r="U107093" i="1"/>
  <c r="U107092" i="1"/>
  <c r="U107091" i="1"/>
  <c r="U107090" i="1"/>
  <c r="U107089" i="1"/>
  <c r="U107088" i="1"/>
  <c r="U107087" i="1"/>
  <c r="U107086" i="1"/>
  <c r="U107085" i="1"/>
  <c r="U107084" i="1"/>
  <c r="U107083" i="1"/>
  <c r="U107082" i="1"/>
  <c r="U107081" i="1"/>
  <c r="U107080" i="1"/>
  <c r="U107079" i="1"/>
  <c r="U107078" i="1"/>
  <c r="U107077" i="1"/>
  <c r="U107076" i="1"/>
  <c r="U107075" i="1"/>
  <c r="U107074" i="1"/>
  <c r="U107073" i="1"/>
  <c r="U107072" i="1"/>
  <c r="U107071" i="1"/>
  <c r="U107070" i="1"/>
  <c r="U107069" i="1"/>
  <c r="U107068" i="1"/>
  <c r="U107067" i="1"/>
  <c r="U107066" i="1"/>
  <c r="U107065" i="1"/>
  <c r="U107064" i="1"/>
  <c r="U107063" i="1"/>
  <c r="U107062" i="1"/>
  <c r="U107061" i="1"/>
  <c r="U107060" i="1"/>
  <c r="U107059" i="1"/>
  <c r="U107058" i="1"/>
  <c r="U107057" i="1"/>
  <c r="U107056" i="1"/>
  <c r="U107055" i="1"/>
  <c r="U107054" i="1"/>
  <c r="U107053" i="1"/>
  <c r="U107052" i="1"/>
  <c r="U107051" i="1"/>
  <c r="U107050" i="1"/>
  <c r="U107049" i="1"/>
  <c r="U107048" i="1"/>
  <c r="U107047" i="1"/>
  <c r="U107046" i="1"/>
  <c r="U107045" i="1"/>
  <c r="U107044" i="1"/>
  <c r="U107043" i="1"/>
  <c r="U107042" i="1"/>
  <c r="U107041" i="1"/>
  <c r="U107040" i="1"/>
  <c r="U107039" i="1"/>
  <c r="U107038" i="1"/>
  <c r="U107037" i="1"/>
  <c r="U107036" i="1"/>
  <c r="U107035" i="1"/>
  <c r="U107034" i="1"/>
  <c r="U107033" i="1"/>
  <c r="U107032" i="1"/>
  <c r="U107031" i="1"/>
  <c r="U107030" i="1"/>
  <c r="U107029" i="1"/>
  <c r="U107028" i="1"/>
  <c r="U107027" i="1"/>
  <c r="U107026" i="1"/>
  <c r="U107025" i="1"/>
  <c r="U107024" i="1"/>
  <c r="U107023" i="1"/>
  <c r="U107022" i="1"/>
  <c r="U107021" i="1"/>
  <c r="U107020" i="1"/>
  <c r="U107019" i="1"/>
  <c r="U107018" i="1"/>
  <c r="U107017" i="1"/>
  <c r="U107016" i="1"/>
  <c r="U107015" i="1"/>
  <c r="U107014" i="1"/>
  <c r="U107013" i="1"/>
  <c r="U107012" i="1"/>
  <c r="U107011" i="1"/>
  <c r="U107010" i="1"/>
  <c r="U107009" i="1"/>
  <c r="U107008" i="1"/>
  <c r="U107007" i="1"/>
  <c r="U107006" i="1"/>
  <c r="U107005" i="1"/>
  <c r="U107004" i="1"/>
  <c r="U107003" i="1"/>
  <c r="U107002" i="1"/>
  <c r="U107001" i="1"/>
  <c r="U107000" i="1"/>
  <c r="U106999" i="1"/>
  <c r="U106998" i="1"/>
  <c r="U106997" i="1"/>
  <c r="U106996" i="1"/>
  <c r="U106995" i="1"/>
  <c r="U106994" i="1"/>
  <c r="U106993" i="1"/>
  <c r="U106992" i="1"/>
  <c r="U106991" i="1"/>
  <c r="U106990" i="1"/>
  <c r="U106989" i="1"/>
  <c r="U106988" i="1"/>
  <c r="U106987" i="1"/>
  <c r="U106986" i="1"/>
  <c r="U106985" i="1"/>
  <c r="U106984" i="1"/>
  <c r="U106983" i="1"/>
  <c r="U106982" i="1"/>
  <c r="U106981" i="1"/>
  <c r="U106980" i="1"/>
  <c r="U106979" i="1"/>
  <c r="U106978" i="1"/>
  <c r="U106977" i="1"/>
  <c r="U106976" i="1"/>
  <c r="U106975" i="1"/>
  <c r="U106974" i="1"/>
  <c r="U106973" i="1"/>
  <c r="U106972" i="1"/>
  <c r="U106971" i="1"/>
  <c r="U106970" i="1"/>
  <c r="U106969" i="1"/>
  <c r="U106968" i="1"/>
  <c r="U106967" i="1"/>
  <c r="U106966" i="1"/>
  <c r="U106965" i="1"/>
  <c r="U106964" i="1"/>
  <c r="U106963" i="1"/>
  <c r="U106962" i="1"/>
  <c r="U106961" i="1"/>
  <c r="U106960" i="1"/>
  <c r="U106959" i="1"/>
  <c r="U106958" i="1"/>
  <c r="U106957" i="1"/>
  <c r="U106956" i="1"/>
  <c r="U106955" i="1"/>
  <c r="U106954" i="1"/>
  <c r="U106953" i="1"/>
  <c r="U106952" i="1"/>
  <c r="U106951" i="1"/>
  <c r="U106950" i="1"/>
  <c r="U106949" i="1"/>
  <c r="U106948" i="1"/>
  <c r="U106947" i="1"/>
  <c r="U106946" i="1"/>
  <c r="U106945" i="1"/>
  <c r="U106944" i="1"/>
  <c r="U106943" i="1"/>
  <c r="U106942" i="1"/>
  <c r="U106941" i="1"/>
  <c r="U106940" i="1"/>
  <c r="U106939" i="1"/>
  <c r="U106938" i="1"/>
  <c r="U106937" i="1"/>
  <c r="U106936" i="1"/>
  <c r="U106935" i="1"/>
  <c r="U106934" i="1"/>
  <c r="U106933" i="1"/>
  <c r="U106932" i="1"/>
  <c r="U106931" i="1"/>
  <c r="U106930" i="1"/>
  <c r="U106929" i="1"/>
  <c r="U106928" i="1"/>
  <c r="U106927" i="1"/>
  <c r="U106926" i="1"/>
  <c r="U106925" i="1"/>
  <c r="U106924" i="1"/>
  <c r="U106923" i="1"/>
  <c r="U106922" i="1"/>
  <c r="U106921" i="1"/>
  <c r="U106920" i="1"/>
  <c r="U106919" i="1"/>
  <c r="U106918" i="1"/>
  <c r="U106917" i="1"/>
  <c r="U106916" i="1"/>
  <c r="U106915" i="1"/>
  <c r="U106914" i="1"/>
  <c r="U106913" i="1"/>
  <c r="U106912" i="1"/>
  <c r="U106911" i="1"/>
  <c r="U106910" i="1"/>
  <c r="U106909" i="1"/>
  <c r="U106908" i="1"/>
  <c r="U106907" i="1"/>
  <c r="U106906" i="1"/>
  <c r="U106905" i="1"/>
  <c r="U106904" i="1"/>
  <c r="U106903" i="1"/>
  <c r="U106902" i="1"/>
  <c r="U106901" i="1"/>
  <c r="U106900" i="1"/>
  <c r="U106899" i="1"/>
  <c r="U106898" i="1"/>
  <c r="U106897" i="1"/>
  <c r="U106896" i="1"/>
  <c r="U106895" i="1"/>
  <c r="U106894" i="1"/>
  <c r="U106893" i="1"/>
  <c r="U106892" i="1"/>
  <c r="U106891" i="1"/>
  <c r="U106890" i="1"/>
  <c r="U106889" i="1"/>
  <c r="U106888" i="1"/>
  <c r="U106887" i="1"/>
  <c r="U106886" i="1"/>
  <c r="U106885" i="1"/>
  <c r="U106884" i="1"/>
  <c r="U106883" i="1"/>
  <c r="U106882" i="1"/>
  <c r="U106881" i="1"/>
  <c r="U106880" i="1"/>
  <c r="U106879" i="1"/>
  <c r="U106878" i="1"/>
  <c r="U106877" i="1"/>
  <c r="U106876" i="1"/>
  <c r="U106875" i="1"/>
  <c r="U106874" i="1"/>
  <c r="U106873" i="1"/>
  <c r="U106872" i="1"/>
  <c r="U106871" i="1"/>
  <c r="U106870" i="1"/>
  <c r="U106869" i="1"/>
  <c r="U106868" i="1"/>
  <c r="U106867" i="1"/>
  <c r="U106866" i="1"/>
  <c r="U106865" i="1"/>
  <c r="U106864" i="1"/>
  <c r="U106863" i="1"/>
  <c r="U106862" i="1"/>
  <c r="U106861" i="1"/>
  <c r="U106860" i="1"/>
  <c r="U106859" i="1"/>
  <c r="U106858" i="1"/>
  <c r="U106857" i="1"/>
  <c r="U106856" i="1"/>
  <c r="U106855" i="1"/>
  <c r="U106854" i="1"/>
  <c r="U106853" i="1"/>
  <c r="U106852" i="1"/>
  <c r="U106851" i="1"/>
  <c r="U106850" i="1"/>
  <c r="U106849" i="1"/>
  <c r="U106848" i="1"/>
  <c r="U106847" i="1"/>
  <c r="U106846" i="1"/>
  <c r="U106845" i="1"/>
  <c r="U106844" i="1"/>
  <c r="U106843" i="1"/>
  <c r="U106842" i="1"/>
  <c r="U106841" i="1"/>
  <c r="U106840" i="1"/>
  <c r="U106839" i="1"/>
  <c r="U106838" i="1"/>
  <c r="U106837" i="1"/>
  <c r="U106836" i="1"/>
  <c r="U106835" i="1"/>
  <c r="U106834" i="1"/>
  <c r="U106833" i="1"/>
  <c r="U106832" i="1"/>
  <c r="U106831" i="1"/>
  <c r="U106830" i="1"/>
  <c r="U106829" i="1"/>
  <c r="U106828" i="1"/>
  <c r="U106827" i="1"/>
  <c r="U106826" i="1"/>
  <c r="U106825" i="1"/>
  <c r="U106824" i="1"/>
  <c r="U106823" i="1"/>
  <c r="U106822" i="1"/>
  <c r="U106821" i="1"/>
  <c r="U106820" i="1"/>
  <c r="U106819" i="1"/>
  <c r="U106818" i="1"/>
  <c r="U106817" i="1"/>
  <c r="U106816" i="1"/>
  <c r="U106815" i="1"/>
  <c r="U106814" i="1"/>
  <c r="U106813" i="1"/>
  <c r="U106812" i="1"/>
  <c r="U106811" i="1"/>
  <c r="U106810" i="1"/>
  <c r="U106809" i="1"/>
  <c r="U106808" i="1"/>
  <c r="U106807" i="1"/>
  <c r="U106806" i="1"/>
  <c r="U106805" i="1"/>
  <c r="U106804" i="1"/>
  <c r="U106803" i="1"/>
  <c r="U106802" i="1"/>
  <c r="U106801" i="1"/>
  <c r="U106800" i="1"/>
  <c r="U106799" i="1"/>
  <c r="U106798" i="1"/>
  <c r="U106797" i="1"/>
  <c r="U106796" i="1"/>
  <c r="U106795" i="1"/>
  <c r="U106794" i="1"/>
  <c r="U106793" i="1"/>
  <c r="U106792" i="1"/>
  <c r="U106791" i="1"/>
  <c r="U106790" i="1"/>
  <c r="U106789" i="1"/>
  <c r="U106788" i="1"/>
  <c r="U106787" i="1"/>
  <c r="U106786" i="1"/>
  <c r="U106785" i="1"/>
  <c r="U106784" i="1"/>
  <c r="U106783" i="1"/>
  <c r="U106782" i="1"/>
  <c r="U106781" i="1"/>
  <c r="U106780" i="1"/>
  <c r="U106779" i="1"/>
  <c r="U106778" i="1"/>
  <c r="U106777" i="1"/>
  <c r="U106776" i="1"/>
  <c r="U106775" i="1"/>
  <c r="U106774" i="1"/>
  <c r="U106773" i="1"/>
  <c r="U106772" i="1"/>
  <c r="U106771" i="1"/>
  <c r="U106770" i="1"/>
  <c r="U106769" i="1"/>
  <c r="U106768" i="1"/>
  <c r="U106767" i="1"/>
  <c r="U106766" i="1"/>
  <c r="U106765" i="1"/>
  <c r="U106764" i="1"/>
  <c r="U106763" i="1"/>
  <c r="U106762" i="1"/>
  <c r="U106761" i="1"/>
  <c r="U106760" i="1"/>
  <c r="U106759" i="1"/>
  <c r="U106758" i="1"/>
  <c r="U106757" i="1"/>
  <c r="U106756" i="1"/>
  <c r="U106755" i="1"/>
  <c r="U106754" i="1"/>
  <c r="U106753" i="1"/>
  <c r="U106752" i="1"/>
  <c r="U106751" i="1"/>
  <c r="U106750" i="1"/>
  <c r="U106749" i="1"/>
  <c r="U106748" i="1"/>
  <c r="U106747" i="1"/>
  <c r="U106746" i="1"/>
  <c r="U106745" i="1"/>
  <c r="U106744" i="1"/>
  <c r="U106743" i="1"/>
  <c r="U106742" i="1"/>
  <c r="U106741" i="1"/>
  <c r="U106740" i="1"/>
  <c r="U106739" i="1"/>
  <c r="U106738" i="1"/>
  <c r="U106737" i="1"/>
  <c r="U106736" i="1"/>
  <c r="U106735" i="1"/>
  <c r="U106734" i="1"/>
  <c r="U106733" i="1"/>
  <c r="U106732" i="1"/>
  <c r="U106731" i="1"/>
  <c r="U106730" i="1"/>
  <c r="U106729" i="1"/>
  <c r="U106728" i="1"/>
  <c r="U106727" i="1"/>
  <c r="U106726" i="1"/>
  <c r="U106725" i="1"/>
  <c r="U106724" i="1"/>
  <c r="U106723" i="1"/>
  <c r="U106722" i="1"/>
  <c r="U106721" i="1"/>
  <c r="U106720" i="1"/>
  <c r="U106719" i="1"/>
  <c r="U106718" i="1"/>
  <c r="U106717" i="1"/>
  <c r="U106716" i="1"/>
  <c r="U106715" i="1"/>
  <c r="U106714" i="1"/>
  <c r="U106713" i="1"/>
  <c r="U106712" i="1"/>
  <c r="U106711" i="1"/>
  <c r="U106710" i="1"/>
  <c r="U106709" i="1"/>
  <c r="U106708" i="1"/>
  <c r="U106707" i="1"/>
  <c r="U106706" i="1"/>
  <c r="U106705" i="1"/>
  <c r="U106704" i="1"/>
  <c r="U106703" i="1"/>
  <c r="U106702" i="1"/>
  <c r="U106701" i="1"/>
  <c r="U106700" i="1"/>
  <c r="U106699" i="1"/>
  <c r="U106698" i="1"/>
  <c r="U106697" i="1"/>
  <c r="U106696" i="1"/>
  <c r="U106695" i="1"/>
  <c r="U106694" i="1"/>
  <c r="U106693" i="1"/>
  <c r="U106692" i="1"/>
  <c r="U106691" i="1"/>
  <c r="U106690" i="1"/>
  <c r="U106689" i="1"/>
  <c r="U106688" i="1"/>
  <c r="U106687" i="1"/>
  <c r="U106686" i="1"/>
  <c r="U106685" i="1"/>
  <c r="U106684" i="1"/>
  <c r="U106683" i="1"/>
  <c r="U106682" i="1"/>
  <c r="U106681" i="1"/>
  <c r="U106680" i="1"/>
  <c r="U106679" i="1"/>
  <c r="U106678" i="1"/>
  <c r="U106677" i="1"/>
  <c r="U106676" i="1"/>
  <c r="U106675" i="1"/>
  <c r="U106674" i="1"/>
  <c r="U106673" i="1"/>
  <c r="U106672" i="1"/>
  <c r="U106671" i="1"/>
  <c r="U106670" i="1"/>
  <c r="U106669" i="1"/>
  <c r="U106668" i="1"/>
  <c r="U106667" i="1"/>
  <c r="U106666" i="1"/>
  <c r="U106665" i="1"/>
  <c r="U106664" i="1"/>
  <c r="U106663" i="1"/>
  <c r="U106662" i="1"/>
  <c r="U106661" i="1"/>
  <c r="U106660" i="1"/>
  <c r="U106659" i="1"/>
  <c r="U106658" i="1"/>
  <c r="U106657" i="1"/>
  <c r="U106656" i="1"/>
  <c r="U106655" i="1"/>
  <c r="U106654" i="1"/>
  <c r="U106653" i="1"/>
  <c r="U106652" i="1"/>
  <c r="U106651" i="1"/>
  <c r="U106650" i="1"/>
  <c r="U106649" i="1"/>
  <c r="U106648" i="1"/>
  <c r="U106647" i="1"/>
  <c r="U106646" i="1"/>
  <c r="U106645" i="1"/>
  <c r="U106644" i="1"/>
  <c r="U106643" i="1"/>
  <c r="U106642" i="1"/>
  <c r="U106641" i="1"/>
  <c r="U106640" i="1"/>
  <c r="U106639" i="1"/>
  <c r="U106638" i="1"/>
  <c r="U106637" i="1"/>
  <c r="U106636" i="1"/>
  <c r="U106635" i="1"/>
  <c r="U106634" i="1"/>
  <c r="U106633" i="1"/>
  <c r="U106632" i="1"/>
  <c r="U106631" i="1"/>
  <c r="U106630" i="1"/>
  <c r="U106629" i="1"/>
  <c r="U106628" i="1"/>
  <c r="U106627" i="1"/>
  <c r="U106626" i="1"/>
  <c r="U106625" i="1"/>
  <c r="U106624" i="1"/>
  <c r="U106623" i="1"/>
  <c r="U106622" i="1"/>
  <c r="U106621" i="1"/>
  <c r="U106620" i="1"/>
  <c r="U106619" i="1"/>
  <c r="U106618" i="1"/>
  <c r="U106617" i="1"/>
  <c r="U106616" i="1"/>
  <c r="U106615" i="1"/>
  <c r="U106614" i="1"/>
  <c r="U106613" i="1"/>
  <c r="U106612" i="1"/>
  <c r="U106611" i="1"/>
  <c r="U106610" i="1"/>
  <c r="U106609" i="1"/>
  <c r="U106608" i="1"/>
  <c r="U106607" i="1"/>
  <c r="U106606" i="1"/>
  <c r="U106605" i="1"/>
  <c r="U106604" i="1"/>
  <c r="U106603" i="1"/>
  <c r="U106602" i="1"/>
  <c r="U106601" i="1"/>
  <c r="U106600" i="1"/>
  <c r="U106599" i="1"/>
  <c r="U106598" i="1"/>
  <c r="U106597" i="1"/>
  <c r="U106596" i="1"/>
  <c r="U106595" i="1"/>
  <c r="U106594" i="1"/>
  <c r="U106593" i="1"/>
  <c r="U106592" i="1"/>
  <c r="U106591" i="1"/>
  <c r="U106590" i="1"/>
  <c r="U106589" i="1"/>
  <c r="U106588" i="1"/>
  <c r="U106587" i="1"/>
  <c r="U106586" i="1"/>
  <c r="U106585" i="1"/>
  <c r="U106584" i="1"/>
  <c r="U106583" i="1"/>
  <c r="U106582" i="1"/>
  <c r="U106581" i="1"/>
  <c r="U106580" i="1"/>
  <c r="U106579" i="1"/>
  <c r="U106578" i="1"/>
  <c r="U106577" i="1"/>
  <c r="U106576" i="1"/>
  <c r="U106575" i="1"/>
  <c r="U106574" i="1"/>
  <c r="U106573" i="1"/>
  <c r="U106572" i="1"/>
  <c r="U106571" i="1"/>
  <c r="U106570" i="1"/>
  <c r="U106569" i="1"/>
  <c r="U106568" i="1"/>
  <c r="U106567" i="1"/>
  <c r="U106566" i="1"/>
  <c r="U106565" i="1"/>
  <c r="U106564" i="1"/>
  <c r="U106563" i="1"/>
  <c r="U106562" i="1"/>
  <c r="U106561" i="1"/>
  <c r="U106560" i="1"/>
  <c r="U106559" i="1"/>
  <c r="U106558" i="1"/>
  <c r="U106557" i="1"/>
  <c r="U106556" i="1"/>
  <c r="U106555" i="1"/>
  <c r="U106554" i="1"/>
  <c r="U106553" i="1"/>
  <c r="U106552" i="1"/>
  <c r="U106551" i="1"/>
  <c r="U106550" i="1"/>
  <c r="U106549" i="1"/>
  <c r="U106548" i="1"/>
  <c r="U106547" i="1"/>
  <c r="U106546" i="1"/>
  <c r="U106545" i="1"/>
  <c r="U106544" i="1"/>
  <c r="U106543" i="1"/>
  <c r="U106542" i="1"/>
  <c r="U106541" i="1"/>
  <c r="U106540" i="1"/>
  <c r="U106539" i="1"/>
  <c r="U106538" i="1"/>
  <c r="U106537" i="1"/>
  <c r="U106536" i="1"/>
  <c r="U106535" i="1"/>
  <c r="U106534" i="1"/>
  <c r="U106533" i="1"/>
  <c r="U106532" i="1"/>
  <c r="U106531" i="1"/>
  <c r="U106530" i="1"/>
  <c r="U106529" i="1"/>
  <c r="U106528" i="1"/>
  <c r="U106527" i="1"/>
  <c r="U106526" i="1"/>
  <c r="U106525" i="1"/>
  <c r="U106524" i="1"/>
  <c r="U106523" i="1"/>
  <c r="U106522" i="1"/>
  <c r="U106521" i="1"/>
  <c r="U106520" i="1"/>
  <c r="U106519" i="1"/>
  <c r="U106518" i="1"/>
  <c r="U106517" i="1"/>
  <c r="U106516" i="1"/>
  <c r="U106515" i="1"/>
  <c r="U106514" i="1"/>
  <c r="U106513" i="1"/>
  <c r="U106512" i="1"/>
  <c r="U106511" i="1"/>
  <c r="U106510" i="1"/>
  <c r="U106509" i="1"/>
  <c r="U106508" i="1"/>
  <c r="U106507" i="1"/>
  <c r="U106506" i="1"/>
  <c r="U106505" i="1"/>
  <c r="U106504" i="1"/>
  <c r="U106503" i="1"/>
  <c r="U106502" i="1"/>
  <c r="U106501" i="1"/>
  <c r="U106500" i="1"/>
  <c r="U106499" i="1"/>
  <c r="U106498" i="1"/>
  <c r="U106497" i="1"/>
  <c r="U106496" i="1"/>
  <c r="U106495" i="1"/>
  <c r="U106494" i="1"/>
  <c r="U106493" i="1"/>
  <c r="U106492" i="1"/>
  <c r="U106491" i="1"/>
  <c r="U106490" i="1"/>
  <c r="U106489" i="1"/>
  <c r="U106488" i="1"/>
  <c r="U106487" i="1"/>
  <c r="U106486" i="1"/>
  <c r="U106485" i="1"/>
  <c r="U106484" i="1"/>
  <c r="U106483" i="1"/>
  <c r="U106482" i="1"/>
  <c r="U106481" i="1"/>
  <c r="U106480" i="1"/>
  <c r="U106479" i="1"/>
  <c r="U106478" i="1"/>
  <c r="U106477" i="1"/>
  <c r="U106476" i="1"/>
  <c r="U106475" i="1"/>
  <c r="U106474" i="1"/>
  <c r="U106473" i="1"/>
  <c r="U106472" i="1"/>
  <c r="U106471" i="1"/>
  <c r="U106470" i="1"/>
  <c r="U106469" i="1"/>
  <c r="U106468" i="1"/>
  <c r="U106467" i="1"/>
  <c r="U106466" i="1"/>
  <c r="U106465" i="1"/>
  <c r="U106464" i="1"/>
  <c r="U106463" i="1"/>
  <c r="U106462" i="1"/>
  <c r="U106461" i="1"/>
  <c r="U106460" i="1"/>
  <c r="U106459" i="1"/>
  <c r="U106458" i="1"/>
  <c r="U106457" i="1"/>
  <c r="U106456" i="1"/>
  <c r="U106455" i="1"/>
  <c r="U106454" i="1"/>
  <c r="U106453" i="1"/>
  <c r="U106452" i="1"/>
  <c r="U106451" i="1"/>
  <c r="U106450" i="1"/>
  <c r="U106449" i="1"/>
  <c r="U106448" i="1"/>
  <c r="U106447" i="1"/>
  <c r="U106446" i="1"/>
  <c r="U106445" i="1"/>
  <c r="U106444" i="1"/>
  <c r="U106443" i="1"/>
  <c r="U106442" i="1"/>
  <c r="U106441" i="1"/>
  <c r="U106440" i="1"/>
  <c r="U106439" i="1"/>
  <c r="U106438" i="1"/>
  <c r="U106437" i="1"/>
  <c r="U106436" i="1"/>
  <c r="U106435" i="1"/>
  <c r="U106434" i="1"/>
  <c r="U106433" i="1"/>
  <c r="U106432" i="1"/>
  <c r="U106431" i="1"/>
  <c r="U106430" i="1"/>
  <c r="U106429" i="1"/>
  <c r="U106428" i="1"/>
  <c r="U106427" i="1"/>
  <c r="U106426" i="1"/>
  <c r="U106425" i="1"/>
  <c r="U106424" i="1"/>
  <c r="U106423" i="1"/>
  <c r="U106422" i="1"/>
  <c r="U106421" i="1"/>
  <c r="U106420" i="1"/>
  <c r="U106419" i="1"/>
  <c r="U106418" i="1"/>
  <c r="U106417" i="1"/>
  <c r="U106416" i="1"/>
  <c r="U106415" i="1"/>
  <c r="U106414" i="1"/>
  <c r="U106413" i="1"/>
  <c r="U106412" i="1"/>
  <c r="U106411" i="1"/>
  <c r="U106410" i="1"/>
  <c r="U106409" i="1"/>
  <c r="U106408" i="1"/>
  <c r="U106407" i="1"/>
  <c r="U106406" i="1"/>
  <c r="U106405" i="1"/>
  <c r="U106404" i="1"/>
  <c r="U106403" i="1"/>
  <c r="U106402" i="1"/>
  <c r="U106401" i="1"/>
  <c r="U106400" i="1"/>
  <c r="U106399" i="1"/>
  <c r="U106398" i="1"/>
  <c r="U106397" i="1"/>
  <c r="U106396" i="1"/>
  <c r="U106395" i="1"/>
  <c r="U106394" i="1"/>
  <c r="U106393" i="1"/>
  <c r="U106392" i="1"/>
  <c r="U106391" i="1"/>
  <c r="U106390" i="1"/>
  <c r="U106389" i="1"/>
  <c r="U106388" i="1"/>
  <c r="U106387" i="1"/>
  <c r="U106386" i="1"/>
  <c r="U106385" i="1"/>
  <c r="U106384" i="1"/>
  <c r="U106383" i="1"/>
  <c r="U106382" i="1"/>
  <c r="U106381" i="1"/>
  <c r="U106380" i="1"/>
  <c r="U106379" i="1"/>
  <c r="U106378" i="1"/>
  <c r="U106377" i="1"/>
  <c r="U106376" i="1"/>
  <c r="U106375" i="1"/>
  <c r="U106374" i="1"/>
  <c r="U106373" i="1"/>
  <c r="U106372" i="1"/>
  <c r="U106371" i="1"/>
  <c r="U106370" i="1"/>
  <c r="U106369" i="1"/>
  <c r="U106368" i="1"/>
  <c r="U106367" i="1"/>
  <c r="U106366" i="1"/>
  <c r="U106365" i="1"/>
  <c r="U106364" i="1"/>
  <c r="U106363" i="1"/>
  <c r="U106362" i="1"/>
  <c r="U106361" i="1"/>
  <c r="U106360" i="1"/>
  <c r="U106359" i="1"/>
  <c r="U106358" i="1"/>
  <c r="U106357" i="1"/>
  <c r="U106356" i="1"/>
  <c r="U106355" i="1"/>
  <c r="U106354" i="1"/>
  <c r="U106353" i="1"/>
  <c r="U106352" i="1"/>
  <c r="U106351" i="1"/>
  <c r="U106350" i="1"/>
  <c r="U106349" i="1"/>
  <c r="U106348" i="1"/>
  <c r="U106347" i="1"/>
  <c r="U106346" i="1"/>
  <c r="U106345" i="1"/>
  <c r="U106344" i="1"/>
  <c r="U106343" i="1"/>
  <c r="U106342" i="1"/>
  <c r="U106341" i="1"/>
  <c r="U106340" i="1"/>
  <c r="U106339" i="1"/>
  <c r="U106338" i="1"/>
  <c r="U106337" i="1"/>
  <c r="U106336" i="1"/>
  <c r="U106335" i="1"/>
  <c r="U106334" i="1"/>
  <c r="U106333" i="1"/>
  <c r="U106332" i="1"/>
  <c r="U106331" i="1"/>
  <c r="U106330" i="1"/>
  <c r="U106329" i="1"/>
  <c r="U106328" i="1"/>
  <c r="U106327" i="1"/>
  <c r="U106326" i="1"/>
  <c r="U106325" i="1"/>
  <c r="U106324" i="1"/>
  <c r="U106323" i="1"/>
  <c r="U106322" i="1"/>
  <c r="U106321" i="1"/>
  <c r="U106320" i="1"/>
  <c r="U106319" i="1"/>
  <c r="U106318" i="1"/>
  <c r="U106317" i="1"/>
  <c r="U106316" i="1"/>
  <c r="U106315" i="1"/>
  <c r="U106314" i="1"/>
  <c r="U106313" i="1"/>
  <c r="U106312" i="1"/>
  <c r="U106311" i="1"/>
  <c r="U106310" i="1"/>
  <c r="U106309" i="1"/>
  <c r="U106308" i="1"/>
  <c r="U106307" i="1"/>
  <c r="U106306" i="1"/>
  <c r="U106305" i="1"/>
  <c r="U106304" i="1"/>
  <c r="U106303" i="1"/>
  <c r="U106302" i="1"/>
  <c r="U106301" i="1"/>
  <c r="U106300" i="1"/>
  <c r="U106299" i="1"/>
  <c r="U106298" i="1"/>
  <c r="U106297" i="1"/>
  <c r="U106296" i="1"/>
  <c r="U106295" i="1"/>
  <c r="U106294" i="1"/>
  <c r="U106293" i="1"/>
  <c r="U106292" i="1"/>
  <c r="U106291" i="1"/>
  <c r="U106290" i="1"/>
  <c r="U106289" i="1"/>
  <c r="U106288" i="1"/>
  <c r="U106287" i="1"/>
  <c r="U106286" i="1"/>
  <c r="U106285" i="1"/>
  <c r="U106284" i="1"/>
  <c r="U106283" i="1"/>
  <c r="U106282" i="1"/>
  <c r="U106281" i="1"/>
  <c r="U106280" i="1"/>
  <c r="U106279" i="1"/>
  <c r="U106278" i="1"/>
  <c r="U106277" i="1"/>
  <c r="U106276" i="1"/>
  <c r="U106275" i="1"/>
  <c r="U106274" i="1"/>
  <c r="U106273" i="1"/>
  <c r="U106272" i="1"/>
  <c r="U106271" i="1"/>
  <c r="U106270" i="1"/>
  <c r="U106269" i="1"/>
  <c r="U106268" i="1"/>
  <c r="U106267" i="1"/>
  <c r="U106266" i="1"/>
  <c r="U106265" i="1"/>
  <c r="U106264" i="1"/>
  <c r="U106263" i="1"/>
  <c r="U106262" i="1"/>
  <c r="U106261" i="1"/>
  <c r="U106260" i="1"/>
  <c r="U106259" i="1"/>
  <c r="U106258" i="1"/>
  <c r="U106257" i="1"/>
  <c r="U106256" i="1"/>
  <c r="U106255" i="1"/>
  <c r="U106254" i="1"/>
  <c r="U106253" i="1"/>
  <c r="U106252" i="1"/>
  <c r="U106251" i="1"/>
  <c r="U106250" i="1"/>
  <c r="U106249" i="1"/>
  <c r="U106248" i="1"/>
  <c r="U106247" i="1"/>
  <c r="U106246" i="1"/>
  <c r="U106245" i="1"/>
  <c r="U106244" i="1"/>
  <c r="U106243" i="1"/>
  <c r="U106242" i="1"/>
  <c r="U106241" i="1"/>
  <c r="U106240" i="1"/>
  <c r="U106239" i="1"/>
  <c r="U106238" i="1"/>
  <c r="U106237" i="1"/>
  <c r="U106236" i="1"/>
  <c r="U106235" i="1"/>
  <c r="U106234" i="1"/>
  <c r="U106233" i="1"/>
  <c r="U106232" i="1"/>
  <c r="U106231" i="1"/>
  <c r="U106230" i="1"/>
  <c r="U106229" i="1"/>
  <c r="U106228" i="1"/>
  <c r="U106227" i="1"/>
  <c r="U106226" i="1"/>
  <c r="U106225" i="1"/>
  <c r="U106224" i="1"/>
  <c r="U106223" i="1"/>
  <c r="U106222" i="1"/>
  <c r="U106221" i="1"/>
  <c r="U106220" i="1"/>
  <c r="U106219" i="1"/>
  <c r="U106218" i="1"/>
  <c r="U106217" i="1"/>
  <c r="U106216" i="1"/>
  <c r="U106215" i="1"/>
  <c r="U106214" i="1"/>
  <c r="U106213" i="1"/>
  <c r="U106212" i="1"/>
  <c r="U106211" i="1"/>
  <c r="U106210" i="1"/>
  <c r="U106209" i="1"/>
  <c r="U106208" i="1"/>
  <c r="U106207" i="1"/>
  <c r="U106206" i="1"/>
  <c r="U106205" i="1"/>
  <c r="U106204" i="1"/>
  <c r="U106203" i="1"/>
  <c r="U106202" i="1"/>
  <c r="U106201" i="1"/>
  <c r="U106200" i="1"/>
  <c r="U106199" i="1"/>
  <c r="U106198" i="1"/>
  <c r="U106197" i="1"/>
  <c r="U106196" i="1"/>
  <c r="U106195" i="1"/>
  <c r="U106194" i="1"/>
  <c r="U106193" i="1"/>
  <c r="U106192" i="1"/>
  <c r="U106191" i="1"/>
  <c r="U106190" i="1"/>
  <c r="U106189" i="1"/>
  <c r="U106188" i="1"/>
  <c r="U106187" i="1"/>
  <c r="U106186" i="1"/>
  <c r="U106185" i="1"/>
  <c r="U106184" i="1"/>
  <c r="U106183" i="1"/>
  <c r="U106182" i="1"/>
  <c r="U106181" i="1"/>
  <c r="U106180" i="1"/>
  <c r="U106179" i="1"/>
  <c r="U106178" i="1"/>
  <c r="U106177" i="1"/>
  <c r="U106176" i="1"/>
  <c r="U106175" i="1"/>
  <c r="U106174" i="1"/>
  <c r="U106173" i="1"/>
  <c r="U106172" i="1"/>
  <c r="U106171" i="1"/>
  <c r="U106170" i="1"/>
  <c r="U106169" i="1"/>
  <c r="U106168" i="1"/>
  <c r="U106167" i="1"/>
  <c r="U106166" i="1"/>
  <c r="U106165" i="1"/>
  <c r="U106164" i="1"/>
  <c r="U106163" i="1"/>
  <c r="U106162" i="1"/>
  <c r="U106161" i="1"/>
  <c r="U106160" i="1"/>
  <c r="U106159" i="1"/>
  <c r="U106158" i="1"/>
  <c r="U106157" i="1"/>
  <c r="U106156" i="1"/>
  <c r="U106155" i="1"/>
  <c r="U106154" i="1"/>
  <c r="U106153" i="1"/>
  <c r="U106152" i="1"/>
  <c r="U106151" i="1"/>
  <c r="U106150" i="1"/>
  <c r="U106149" i="1"/>
  <c r="U106148" i="1"/>
  <c r="U106147" i="1"/>
  <c r="U106146" i="1"/>
  <c r="U106145" i="1"/>
  <c r="U106144" i="1"/>
  <c r="U106143" i="1"/>
  <c r="U106142" i="1"/>
  <c r="U106141" i="1"/>
  <c r="U106140" i="1"/>
  <c r="U106139" i="1"/>
  <c r="U106138" i="1"/>
  <c r="U106137" i="1"/>
  <c r="U106136" i="1"/>
  <c r="U106135" i="1"/>
  <c r="U106134" i="1"/>
  <c r="U106133" i="1"/>
  <c r="U106132" i="1"/>
  <c r="U106131" i="1"/>
  <c r="U106130" i="1"/>
  <c r="U106129" i="1"/>
  <c r="U106128" i="1"/>
  <c r="U106127" i="1"/>
  <c r="U106126" i="1"/>
  <c r="U106125" i="1"/>
  <c r="U106124" i="1"/>
  <c r="U106123" i="1"/>
  <c r="U106122" i="1"/>
  <c r="U106121" i="1"/>
  <c r="U106120" i="1"/>
  <c r="U106119" i="1"/>
  <c r="U106118" i="1"/>
  <c r="U106117" i="1"/>
  <c r="U106116" i="1"/>
  <c r="U106115" i="1"/>
  <c r="U106114" i="1"/>
  <c r="U106113" i="1"/>
  <c r="U106112" i="1"/>
  <c r="U106111" i="1"/>
  <c r="U106110" i="1"/>
  <c r="U106109" i="1"/>
  <c r="U106108" i="1"/>
  <c r="U106107" i="1"/>
  <c r="U106106" i="1"/>
  <c r="U106105" i="1"/>
  <c r="U106104" i="1"/>
  <c r="U106103" i="1"/>
  <c r="U106102" i="1"/>
  <c r="U106101" i="1"/>
  <c r="U106100" i="1"/>
  <c r="U106099" i="1"/>
  <c r="U106098" i="1"/>
  <c r="U106097" i="1"/>
  <c r="U106096" i="1"/>
  <c r="U106095" i="1"/>
  <c r="U106094" i="1"/>
  <c r="U106093" i="1"/>
  <c r="U106092" i="1"/>
  <c r="U106091" i="1"/>
  <c r="U106090" i="1"/>
  <c r="U106089" i="1"/>
  <c r="U106088" i="1"/>
  <c r="U106087" i="1"/>
  <c r="U106086" i="1"/>
  <c r="U106085" i="1"/>
  <c r="U106084" i="1"/>
  <c r="U106083" i="1"/>
  <c r="U106082" i="1"/>
  <c r="U106081" i="1"/>
  <c r="U106080" i="1"/>
  <c r="U106079" i="1"/>
  <c r="U106078" i="1"/>
  <c r="U106077" i="1"/>
  <c r="U106076" i="1"/>
  <c r="U106075" i="1"/>
  <c r="U106074" i="1"/>
  <c r="U106073" i="1"/>
  <c r="U106072" i="1"/>
  <c r="U106071" i="1"/>
  <c r="U106070" i="1"/>
  <c r="U106069" i="1"/>
  <c r="U106068" i="1"/>
  <c r="U106067" i="1"/>
  <c r="U106066" i="1"/>
  <c r="U106065" i="1"/>
  <c r="U106064" i="1"/>
  <c r="U106063" i="1"/>
  <c r="U106062" i="1"/>
  <c r="U106061" i="1"/>
  <c r="U106060" i="1"/>
  <c r="U106059" i="1"/>
  <c r="U106058" i="1"/>
  <c r="U106057" i="1"/>
  <c r="U106056" i="1"/>
  <c r="U106055" i="1"/>
  <c r="U106054" i="1"/>
  <c r="U106053" i="1"/>
  <c r="U106052" i="1"/>
  <c r="U106051" i="1"/>
  <c r="U106050" i="1"/>
  <c r="U106049" i="1"/>
  <c r="U106048" i="1"/>
  <c r="U106047" i="1"/>
  <c r="U106046" i="1"/>
  <c r="U106045" i="1"/>
  <c r="U106044" i="1"/>
  <c r="U106043" i="1"/>
  <c r="U106042" i="1"/>
  <c r="U106041" i="1"/>
  <c r="U106040" i="1"/>
  <c r="U106039" i="1"/>
  <c r="U106038" i="1"/>
  <c r="U106037" i="1"/>
  <c r="U106036" i="1"/>
  <c r="U106035" i="1"/>
  <c r="U106034" i="1"/>
  <c r="U106033" i="1"/>
  <c r="U106032" i="1"/>
  <c r="U106031" i="1"/>
  <c r="U106030" i="1"/>
  <c r="U106029" i="1"/>
  <c r="U106028" i="1"/>
  <c r="U106027" i="1"/>
  <c r="U106026" i="1"/>
  <c r="U106025" i="1"/>
  <c r="U106024" i="1"/>
  <c r="U106023" i="1"/>
  <c r="U106022" i="1"/>
  <c r="U106021" i="1"/>
  <c r="U106020" i="1"/>
  <c r="U106019" i="1"/>
  <c r="U106018" i="1"/>
  <c r="U106017" i="1"/>
  <c r="U106016" i="1"/>
  <c r="U106015" i="1"/>
  <c r="U106014" i="1"/>
  <c r="U106013" i="1"/>
  <c r="U106012" i="1"/>
  <c r="U106011" i="1"/>
  <c r="U106010" i="1"/>
  <c r="U106009" i="1"/>
  <c r="U106008" i="1"/>
  <c r="U106007" i="1"/>
  <c r="U106006" i="1"/>
  <c r="U106005" i="1"/>
  <c r="U106004" i="1"/>
  <c r="U106003" i="1"/>
  <c r="U106002" i="1"/>
  <c r="U106001" i="1"/>
  <c r="U106000" i="1"/>
  <c r="U105999" i="1"/>
  <c r="U105998" i="1"/>
  <c r="U105997" i="1"/>
  <c r="U105996" i="1"/>
  <c r="U105995" i="1"/>
  <c r="U105994" i="1"/>
  <c r="U105993" i="1"/>
  <c r="U105992" i="1"/>
  <c r="U105991" i="1"/>
  <c r="U105990" i="1"/>
  <c r="U105989" i="1"/>
  <c r="U105988" i="1"/>
  <c r="U105987" i="1"/>
  <c r="U105986" i="1"/>
  <c r="U105985" i="1"/>
  <c r="U105984" i="1"/>
  <c r="U105983" i="1"/>
  <c r="U105982" i="1"/>
  <c r="U105981" i="1"/>
  <c r="U105980" i="1"/>
  <c r="U105979" i="1"/>
  <c r="U105978" i="1"/>
  <c r="U105977" i="1"/>
  <c r="U105976" i="1"/>
  <c r="U105975" i="1"/>
  <c r="U105974" i="1"/>
  <c r="U105973" i="1"/>
  <c r="U105972" i="1"/>
  <c r="U105971" i="1"/>
  <c r="U105970" i="1"/>
  <c r="U105969" i="1"/>
  <c r="U105968" i="1"/>
  <c r="U105967" i="1"/>
  <c r="U105966" i="1"/>
  <c r="U105965" i="1"/>
  <c r="U105964" i="1"/>
  <c r="U105963" i="1"/>
  <c r="U105962" i="1"/>
  <c r="U105961" i="1"/>
  <c r="U105960" i="1"/>
  <c r="U105959" i="1"/>
  <c r="U105958" i="1"/>
  <c r="U105957" i="1"/>
  <c r="U105956" i="1"/>
  <c r="U105955" i="1"/>
  <c r="U105954" i="1"/>
  <c r="U105953" i="1"/>
  <c r="U105952" i="1"/>
  <c r="U105951" i="1"/>
  <c r="U105950" i="1"/>
  <c r="U105949" i="1"/>
  <c r="U105948" i="1"/>
  <c r="U105947" i="1"/>
  <c r="U105946" i="1"/>
  <c r="U105945" i="1"/>
  <c r="U105944" i="1"/>
  <c r="U105943" i="1"/>
  <c r="U105942" i="1"/>
  <c r="U105941" i="1"/>
  <c r="U105940" i="1"/>
  <c r="U105939" i="1"/>
  <c r="U105938" i="1"/>
  <c r="U105937" i="1"/>
  <c r="U105936" i="1"/>
  <c r="U105935" i="1"/>
  <c r="U105934" i="1"/>
  <c r="U105933" i="1"/>
  <c r="U105932" i="1"/>
  <c r="U105931" i="1"/>
  <c r="U105930" i="1"/>
  <c r="U105929" i="1"/>
  <c r="U105928" i="1"/>
  <c r="U105927" i="1"/>
  <c r="U105926" i="1"/>
  <c r="U105925" i="1"/>
  <c r="U105924" i="1"/>
  <c r="U105923" i="1"/>
  <c r="U105922" i="1"/>
  <c r="U105921" i="1"/>
  <c r="U105920" i="1"/>
  <c r="U105919" i="1"/>
  <c r="U105918" i="1"/>
  <c r="U105917" i="1"/>
  <c r="U105916" i="1"/>
  <c r="U105915" i="1"/>
  <c r="U105914" i="1"/>
  <c r="U105913" i="1"/>
  <c r="U105912" i="1"/>
  <c r="U105911" i="1"/>
  <c r="U105910" i="1"/>
  <c r="U105909" i="1"/>
  <c r="U105908" i="1"/>
  <c r="U105907" i="1"/>
  <c r="U105906" i="1"/>
  <c r="U105905" i="1"/>
  <c r="U105904" i="1"/>
  <c r="U105903" i="1"/>
  <c r="U105902" i="1"/>
  <c r="U105901" i="1"/>
  <c r="U105900" i="1"/>
  <c r="U105899" i="1"/>
  <c r="U105898" i="1"/>
  <c r="U105897" i="1"/>
  <c r="U105896" i="1"/>
  <c r="U105895" i="1"/>
  <c r="U105894" i="1"/>
  <c r="U105893" i="1"/>
  <c r="U105892" i="1"/>
  <c r="U105891" i="1"/>
  <c r="U105890" i="1"/>
  <c r="U105889" i="1"/>
  <c r="U105888" i="1"/>
  <c r="U105887" i="1"/>
  <c r="U105886" i="1"/>
  <c r="U105885" i="1"/>
  <c r="U105884" i="1"/>
  <c r="U105883" i="1"/>
  <c r="U105882" i="1"/>
  <c r="U105881" i="1"/>
  <c r="U105880" i="1"/>
  <c r="U105879" i="1"/>
  <c r="U105878" i="1"/>
  <c r="U105877" i="1"/>
  <c r="U105876" i="1"/>
  <c r="U105875" i="1"/>
  <c r="U105874" i="1"/>
  <c r="U105873" i="1"/>
  <c r="U105872" i="1"/>
  <c r="U105871" i="1"/>
  <c r="U105870" i="1"/>
  <c r="U105869" i="1"/>
  <c r="U105868" i="1"/>
  <c r="U105867" i="1"/>
  <c r="U105866" i="1"/>
  <c r="U105865" i="1"/>
  <c r="U105864" i="1"/>
  <c r="U105863" i="1"/>
  <c r="U105862" i="1"/>
  <c r="U105861" i="1"/>
  <c r="U105860" i="1"/>
  <c r="U105859" i="1"/>
  <c r="U105858" i="1"/>
  <c r="U105857" i="1"/>
  <c r="U105856" i="1"/>
  <c r="U105855" i="1"/>
  <c r="U105854" i="1"/>
  <c r="U105853" i="1"/>
  <c r="U105852" i="1"/>
  <c r="U105851" i="1"/>
  <c r="U105850" i="1"/>
  <c r="U105849" i="1"/>
  <c r="U105848" i="1"/>
  <c r="U105847" i="1"/>
  <c r="U105846" i="1"/>
  <c r="U105845" i="1"/>
  <c r="U105844" i="1"/>
  <c r="U105843" i="1"/>
  <c r="U105842" i="1"/>
  <c r="U105841" i="1"/>
  <c r="U105840" i="1"/>
  <c r="U105839" i="1"/>
  <c r="U105838" i="1"/>
  <c r="U105837" i="1"/>
  <c r="U105836" i="1"/>
  <c r="U105835" i="1"/>
  <c r="U105834" i="1"/>
  <c r="U105833" i="1"/>
  <c r="U105832" i="1"/>
  <c r="U105831" i="1"/>
  <c r="U105830" i="1"/>
  <c r="U105829" i="1"/>
  <c r="U105828" i="1"/>
  <c r="U105827" i="1"/>
  <c r="U105826" i="1"/>
  <c r="U105825" i="1"/>
  <c r="U105824" i="1"/>
  <c r="U105823" i="1"/>
  <c r="U105822" i="1"/>
  <c r="U105821" i="1"/>
  <c r="U105820" i="1"/>
  <c r="U105819" i="1"/>
  <c r="U105818" i="1"/>
  <c r="U105817" i="1"/>
  <c r="U105816" i="1"/>
  <c r="U105815" i="1"/>
  <c r="U105814" i="1"/>
  <c r="U105813" i="1"/>
  <c r="U105812" i="1"/>
  <c r="U105811" i="1"/>
  <c r="U105810" i="1"/>
  <c r="U105809" i="1"/>
  <c r="U105808" i="1"/>
  <c r="U105807" i="1"/>
  <c r="U105806" i="1"/>
  <c r="U105805" i="1"/>
  <c r="U105804" i="1"/>
  <c r="U105803" i="1"/>
  <c r="U105802" i="1"/>
  <c r="U105801" i="1"/>
  <c r="U105800" i="1"/>
  <c r="U105799" i="1"/>
  <c r="U105798" i="1"/>
  <c r="U105797" i="1"/>
  <c r="U105796" i="1"/>
  <c r="U105795" i="1"/>
  <c r="U105794" i="1"/>
  <c r="U105793" i="1"/>
  <c r="U105792" i="1"/>
  <c r="U105791" i="1"/>
  <c r="U105790" i="1"/>
  <c r="U105789" i="1"/>
  <c r="U105788" i="1"/>
  <c r="U105787" i="1"/>
  <c r="U105786" i="1"/>
  <c r="U105785" i="1"/>
  <c r="U105784" i="1"/>
  <c r="U105783" i="1"/>
  <c r="U105782" i="1"/>
  <c r="U105781" i="1"/>
  <c r="U105780" i="1"/>
  <c r="U105779" i="1"/>
  <c r="U105778" i="1"/>
  <c r="U105777" i="1"/>
  <c r="U105776" i="1"/>
  <c r="U105775" i="1"/>
  <c r="U105774" i="1"/>
  <c r="U105773" i="1"/>
  <c r="U105772" i="1"/>
  <c r="U105771" i="1"/>
  <c r="U105770" i="1"/>
  <c r="U105769" i="1"/>
  <c r="U105768" i="1"/>
  <c r="U105767" i="1"/>
  <c r="U105766" i="1"/>
  <c r="U105765" i="1"/>
  <c r="U105764" i="1"/>
  <c r="U105763" i="1"/>
  <c r="U105762" i="1"/>
  <c r="U105761" i="1"/>
  <c r="U105760" i="1"/>
  <c r="U105759" i="1"/>
  <c r="U105758" i="1"/>
  <c r="U105757" i="1"/>
  <c r="U105756" i="1"/>
  <c r="U105755" i="1"/>
  <c r="U105754" i="1"/>
  <c r="U105753" i="1"/>
  <c r="U105752" i="1"/>
  <c r="U105751" i="1"/>
  <c r="U105750" i="1"/>
  <c r="U105749" i="1"/>
  <c r="U105748" i="1"/>
  <c r="U105747" i="1"/>
  <c r="U105746" i="1"/>
  <c r="U105745" i="1"/>
  <c r="U105744" i="1"/>
  <c r="U105743" i="1"/>
  <c r="U105742" i="1"/>
  <c r="U105741" i="1"/>
  <c r="U105740" i="1"/>
  <c r="U105739" i="1"/>
  <c r="U105738" i="1"/>
  <c r="U105737" i="1"/>
  <c r="U105736" i="1"/>
  <c r="U105735" i="1"/>
  <c r="U105734" i="1"/>
  <c r="U105733" i="1"/>
  <c r="U105732" i="1"/>
  <c r="U105731" i="1"/>
  <c r="U105730" i="1"/>
  <c r="U105729" i="1"/>
  <c r="U105728" i="1"/>
  <c r="U105727" i="1"/>
  <c r="U105726" i="1"/>
  <c r="U105725" i="1"/>
  <c r="U105724" i="1"/>
  <c r="U105723" i="1"/>
  <c r="U105722" i="1"/>
  <c r="U105721" i="1"/>
  <c r="U105720" i="1"/>
  <c r="U105719" i="1"/>
  <c r="U105718" i="1"/>
  <c r="U105717" i="1"/>
  <c r="U105716" i="1"/>
  <c r="U105715" i="1"/>
  <c r="U105714" i="1"/>
  <c r="U105713" i="1"/>
  <c r="U105712" i="1"/>
  <c r="U105711" i="1"/>
  <c r="U105710" i="1"/>
  <c r="U105709" i="1"/>
  <c r="U105708" i="1"/>
  <c r="U105707" i="1"/>
  <c r="U105706" i="1"/>
  <c r="U105705" i="1"/>
  <c r="U105704" i="1"/>
  <c r="U105703" i="1"/>
  <c r="U105702" i="1"/>
  <c r="U105701" i="1"/>
  <c r="U105700" i="1"/>
  <c r="U105699" i="1"/>
  <c r="U105698" i="1"/>
  <c r="U105697" i="1"/>
  <c r="U105696" i="1"/>
  <c r="U105695" i="1"/>
  <c r="U105694" i="1"/>
  <c r="U105693" i="1"/>
  <c r="U105692" i="1"/>
  <c r="U105691" i="1"/>
  <c r="U105690" i="1"/>
  <c r="U105689" i="1"/>
  <c r="U105688" i="1"/>
  <c r="U105687" i="1"/>
  <c r="U105686" i="1"/>
  <c r="U105685" i="1"/>
  <c r="U105684" i="1"/>
  <c r="U105683" i="1"/>
  <c r="U105682" i="1"/>
  <c r="U105681" i="1"/>
  <c r="U105680" i="1"/>
  <c r="U105679" i="1"/>
  <c r="U105678" i="1"/>
  <c r="U105677" i="1"/>
  <c r="U105676" i="1"/>
  <c r="U105675" i="1"/>
  <c r="U105674" i="1"/>
  <c r="U105673" i="1"/>
  <c r="U105672" i="1"/>
  <c r="U105671" i="1"/>
  <c r="U105670" i="1"/>
  <c r="U105669" i="1"/>
  <c r="U105668" i="1"/>
  <c r="U105667" i="1"/>
  <c r="U105666" i="1"/>
  <c r="U105665" i="1"/>
  <c r="U105664" i="1"/>
  <c r="U105663" i="1"/>
  <c r="U105662" i="1"/>
  <c r="U105661" i="1"/>
  <c r="U105660" i="1"/>
  <c r="U105659" i="1"/>
  <c r="U105658" i="1"/>
  <c r="U105657" i="1"/>
  <c r="U105656" i="1"/>
  <c r="U105655" i="1"/>
  <c r="U105654" i="1"/>
  <c r="U105653" i="1"/>
  <c r="U105652" i="1"/>
  <c r="U105651" i="1"/>
  <c r="U105650" i="1"/>
  <c r="U105649" i="1"/>
  <c r="U105648" i="1"/>
  <c r="U105647" i="1"/>
  <c r="U105646" i="1"/>
  <c r="U105645" i="1"/>
  <c r="U105644" i="1"/>
  <c r="U105643" i="1"/>
  <c r="U105642" i="1"/>
  <c r="U105641" i="1"/>
  <c r="U105640" i="1"/>
  <c r="U105639" i="1"/>
  <c r="U105638" i="1"/>
  <c r="U105637" i="1"/>
  <c r="U105636" i="1"/>
  <c r="U105635" i="1"/>
  <c r="U105634" i="1"/>
  <c r="U105633" i="1"/>
  <c r="U105632" i="1"/>
  <c r="U105631" i="1"/>
  <c r="U105630" i="1"/>
  <c r="U105629" i="1"/>
  <c r="U105628" i="1"/>
  <c r="U105627" i="1"/>
  <c r="U105626" i="1"/>
  <c r="U105625" i="1"/>
  <c r="U105624" i="1"/>
  <c r="U105623" i="1"/>
  <c r="U105622" i="1"/>
  <c r="U105621" i="1"/>
  <c r="U105620" i="1"/>
  <c r="U105619" i="1"/>
  <c r="U105618" i="1"/>
  <c r="U105617" i="1"/>
  <c r="U105616" i="1"/>
  <c r="U105615" i="1"/>
  <c r="U105614" i="1"/>
  <c r="U105613" i="1"/>
  <c r="U105612" i="1"/>
  <c r="U105611" i="1"/>
  <c r="U105610" i="1"/>
  <c r="U105609" i="1"/>
  <c r="U105608" i="1"/>
  <c r="U105607" i="1"/>
  <c r="U105606" i="1"/>
  <c r="U105605" i="1"/>
  <c r="U105604" i="1"/>
  <c r="U105603" i="1"/>
  <c r="U105602" i="1"/>
  <c r="U105601" i="1"/>
  <c r="U105600" i="1"/>
  <c r="U105599" i="1"/>
  <c r="U105598" i="1"/>
  <c r="U105597" i="1"/>
  <c r="U105596" i="1"/>
  <c r="U105595" i="1"/>
  <c r="U105594" i="1"/>
  <c r="U105593" i="1"/>
  <c r="U105592" i="1"/>
  <c r="U105591" i="1"/>
  <c r="U105590" i="1"/>
  <c r="U105589" i="1"/>
  <c r="U105588" i="1"/>
  <c r="U105587" i="1"/>
  <c r="U105586" i="1"/>
  <c r="U105585" i="1"/>
  <c r="U105584" i="1"/>
  <c r="U105583" i="1"/>
  <c r="U105582" i="1"/>
  <c r="U105581" i="1"/>
  <c r="U105580" i="1"/>
  <c r="U105579" i="1"/>
  <c r="U105578" i="1"/>
  <c r="U105577" i="1"/>
  <c r="U105576" i="1"/>
  <c r="U105575" i="1"/>
  <c r="U105574" i="1"/>
  <c r="U105573" i="1"/>
  <c r="U105572" i="1"/>
  <c r="U105571" i="1"/>
  <c r="U105570" i="1"/>
  <c r="U105569" i="1"/>
  <c r="U105568" i="1"/>
  <c r="U105567" i="1"/>
  <c r="U105566" i="1"/>
  <c r="U105565" i="1"/>
  <c r="U105564" i="1"/>
  <c r="U105563" i="1"/>
  <c r="U105562" i="1"/>
  <c r="U105561" i="1"/>
  <c r="U105560" i="1"/>
  <c r="U105559" i="1"/>
  <c r="U105558" i="1"/>
  <c r="U105557" i="1"/>
  <c r="U105556" i="1"/>
  <c r="U105555" i="1"/>
  <c r="U105554" i="1"/>
  <c r="U105553" i="1"/>
  <c r="U105552" i="1"/>
  <c r="U105551" i="1"/>
  <c r="U105550" i="1"/>
  <c r="U105549" i="1"/>
  <c r="U105548" i="1"/>
  <c r="U105547" i="1"/>
  <c r="U105546" i="1"/>
  <c r="U105545" i="1"/>
  <c r="U105544" i="1"/>
  <c r="U105543" i="1"/>
  <c r="U105542" i="1"/>
  <c r="U105541" i="1"/>
  <c r="U105540" i="1"/>
  <c r="U105539" i="1"/>
  <c r="U105538" i="1"/>
  <c r="U105537" i="1"/>
  <c r="U105536" i="1"/>
  <c r="U105535" i="1"/>
  <c r="U105534" i="1"/>
  <c r="U105533" i="1"/>
  <c r="U105532" i="1"/>
  <c r="U105531" i="1"/>
  <c r="U105530" i="1"/>
  <c r="U105529" i="1"/>
  <c r="U105528" i="1"/>
  <c r="U105527" i="1"/>
  <c r="U105526" i="1"/>
  <c r="U105525" i="1"/>
  <c r="U105524" i="1"/>
  <c r="U105523" i="1"/>
  <c r="U105522" i="1"/>
  <c r="U105521" i="1"/>
  <c r="U105520" i="1"/>
  <c r="U105519" i="1"/>
  <c r="U105518" i="1"/>
  <c r="U105517" i="1"/>
  <c r="U105516" i="1"/>
  <c r="U105515" i="1"/>
  <c r="U105514" i="1"/>
  <c r="U105513" i="1"/>
  <c r="U105512" i="1"/>
  <c r="U105511" i="1"/>
  <c r="U105510" i="1"/>
  <c r="U105509" i="1"/>
  <c r="U105508" i="1"/>
  <c r="U105507" i="1"/>
  <c r="U105506" i="1"/>
  <c r="U105505" i="1"/>
  <c r="U105504" i="1"/>
  <c r="U105503" i="1"/>
  <c r="U105502" i="1"/>
  <c r="U105501" i="1"/>
  <c r="U105500" i="1"/>
  <c r="U105499" i="1"/>
  <c r="U105498" i="1"/>
  <c r="U105497" i="1"/>
  <c r="U105496" i="1"/>
  <c r="U105495" i="1"/>
  <c r="U105494" i="1"/>
  <c r="U105493" i="1"/>
  <c r="U105492" i="1"/>
  <c r="U105491" i="1"/>
  <c r="U105490" i="1"/>
  <c r="U105489" i="1"/>
  <c r="U105488" i="1"/>
  <c r="U105487" i="1"/>
  <c r="U105486" i="1"/>
  <c r="U105485" i="1"/>
  <c r="U105484" i="1"/>
  <c r="U105483" i="1"/>
  <c r="U105482" i="1"/>
  <c r="U105481" i="1"/>
  <c r="U105480" i="1"/>
  <c r="U105479" i="1"/>
  <c r="U105478" i="1"/>
  <c r="U105477" i="1"/>
  <c r="U105476" i="1"/>
  <c r="U105475" i="1"/>
  <c r="U105474" i="1"/>
  <c r="U105473" i="1"/>
  <c r="U105472" i="1"/>
  <c r="U105471" i="1"/>
  <c r="U105470" i="1"/>
  <c r="U105469" i="1"/>
  <c r="U105468" i="1"/>
  <c r="U105467" i="1"/>
  <c r="U105466" i="1"/>
  <c r="U105465" i="1"/>
  <c r="U105464" i="1"/>
  <c r="U105463" i="1"/>
  <c r="U105462" i="1"/>
  <c r="U105461" i="1"/>
  <c r="U105460" i="1"/>
  <c r="U105459" i="1"/>
  <c r="U105458" i="1"/>
  <c r="U105457" i="1"/>
  <c r="U105456" i="1"/>
  <c r="U105455" i="1"/>
  <c r="U105454" i="1"/>
  <c r="U105453" i="1"/>
  <c r="U105452" i="1"/>
  <c r="U105451" i="1"/>
  <c r="U105450" i="1"/>
  <c r="U105449" i="1"/>
  <c r="U105448" i="1"/>
  <c r="U105447" i="1"/>
  <c r="U105446" i="1"/>
  <c r="U105445" i="1"/>
  <c r="U105444" i="1"/>
  <c r="U105443" i="1"/>
  <c r="U105442" i="1"/>
  <c r="U105441" i="1"/>
  <c r="U105440" i="1"/>
  <c r="U105439" i="1"/>
  <c r="U105438" i="1"/>
  <c r="U105437" i="1"/>
  <c r="U105436" i="1"/>
  <c r="U105435" i="1"/>
  <c r="U105434" i="1"/>
  <c r="U105433" i="1"/>
  <c r="U105432" i="1"/>
  <c r="U105431" i="1"/>
  <c r="U105430" i="1"/>
  <c r="U105429" i="1"/>
  <c r="U105428" i="1"/>
  <c r="U105427" i="1"/>
  <c r="U105426" i="1"/>
  <c r="U105425" i="1"/>
  <c r="U105424" i="1"/>
  <c r="U105423" i="1"/>
  <c r="U105422" i="1"/>
  <c r="U105421" i="1"/>
  <c r="U105420" i="1"/>
  <c r="U105419" i="1"/>
  <c r="U105418" i="1"/>
  <c r="U105417" i="1"/>
  <c r="U105416" i="1"/>
  <c r="U105415" i="1"/>
  <c r="U105414" i="1"/>
  <c r="U105413" i="1"/>
  <c r="U105412" i="1"/>
  <c r="U105411" i="1"/>
  <c r="U105410" i="1"/>
  <c r="U105409" i="1"/>
  <c r="U105408" i="1"/>
  <c r="U105407" i="1"/>
  <c r="U105406" i="1"/>
  <c r="U105405" i="1"/>
  <c r="U105404" i="1"/>
  <c r="U105403" i="1"/>
  <c r="U105402" i="1"/>
  <c r="U105401" i="1"/>
  <c r="U105400" i="1"/>
  <c r="U105399" i="1"/>
  <c r="U105398" i="1"/>
  <c r="U105397" i="1"/>
  <c r="U105396" i="1"/>
  <c r="U105395" i="1"/>
  <c r="U105394" i="1"/>
  <c r="U105393" i="1"/>
  <c r="U105392" i="1"/>
  <c r="U105391" i="1"/>
  <c r="U105390" i="1"/>
  <c r="U105389" i="1"/>
  <c r="U105388" i="1"/>
  <c r="U105387" i="1"/>
  <c r="U105386" i="1"/>
  <c r="U105385" i="1"/>
  <c r="U105384" i="1"/>
  <c r="U105383" i="1"/>
  <c r="U105382" i="1"/>
  <c r="U105381" i="1"/>
  <c r="U105380" i="1"/>
  <c r="U105379" i="1"/>
  <c r="U105378" i="1"/>
  <c r="U105377" i="1"/>
  <c r="U105376" i="1"/>
  <c r="U105375" i="1"/>
  <c r="U105374" i="1"/>
  <c r="U105373" i="1"/>
  <c r="U105372" i="1"/>
  <c r="U105371" i="1"/>
  <c r="U105370" i="1"/>
  <c r="U105369" i="1"/>
  <c r="U105368" i="1"/>
  <c r="U105367" i="1"/>
  <c r="U105366" i="1"/>
  <c r="U105365" i="1"/>
  <c r="U105364" i="1"/>
  <c r="U105363" i="1"/>
  <c r="U105362" i="1"/>
  <c r="U105361" i="1"/>
  <c r="U105360" i="1"/>
  <c r="U105359" i="1"/>
  <c r="U105358" i="1"/>
  <c r="U105357" i="1"/>
  <c r="U105356" i="1"/>
  <c r="U105355" i="1"/>
  <c r="U105354" i="1"/>
  <c r="U105353" i="1"/>
  <c r="U105352" i="1"/>
  <c r="U105351" i="1"/>
  <c r="U105350" i="1"/>
  <c r="U105349" i="1"/>
  <c r="U105348" i="1"/>
  <c r="U105347" i="1"/>
  <c r="U105346" i="1"/>
  <c r="U105345" i="1"/>
  <c r="U105344" i="1"/>
  <c r="U105343" i="1"/>
  <c r="U105342" i="1"/>
  <c r="U105341" i="1"/>
  <c r="U105340" i="1"/>
  <c r="U105339" i="1"/>
  <c r="U105338" i="1"/>
  <c r="U105337" i="1"/>
  <c r="U105336" i="1"/>
  <c r="U105335" i="1"/>
  <c r="U105334" i="1"/>
  <c r="U105333" i="1"/>
  <c r="U105332" i="1"/>
  <c r="U105331" i="1"/>
  <c r="U105330" i="1"/>
  <c r="U105329" i="1"/>
  <c r="U105328" i="1"/>
  <c r="U105327" i="1"/>
  <c r="U105326" i="1"/>
  <c r="U105325" i="1"/>
  <c r="U105324" i="1"/>
  <c r="U105323" i="1"/>
  <c r="U105322" i="1"/>
  <c r="U105321" i="1"/>
  <c r="U105320" i="1"/>
  <c r="U105319" i="1"/>
  <c r="U105318" i="1"/>
  <c r="U105317" i="1"/>
  <c r="U105316" i="1"/>
  <c r="U105315" i="1"/>
  <c r="U105314" i="1"/>
  <c r="U105313" i="1"/>
  <c r="U105312" i="1"/>
  <c r="U105311" i="1"/>
  <c r="U105310" i="1"/>
  <c r="U105309" i="1"/>
  <c r="U105308" i="1"/>
  <c r="U105307" i="1"/>
  <c r="U105306" i="1"/>
  <c r="U105305" i="1"/>
  <c r="U105304" i="1"/>
  <c r="U105303" i="1"/>
  <c r="U105302" i="1"/>
  <c r="U105301" i="1"/>
  <c r="U105300" i="1"/>
  <c r="U105299" i="1"/>
  <c r="U105298" i="1"/>
  <c r="U105297" i="1"/>
  <c r="U105296" i="1"/>
  <c r="U105295" i="1"/>
  <c r="U105294" i="1"/>
  <c r="U105293" i="1"/>
  <c r="U105292" i="1"/>
  <c r="U105291" i="1"/>
  <c r="U105290" i="1"/>
  <c r="U105289" i="1"/>
  <c r="U105288" i="1"/>
  <c r="U105287" i="1"/>
  <c r="U105286" i="1"/>
  <c r="U105285" i="1"/>
  <c r="U105284" i="1"/>
  <c r="U105283" i="1"/>
  <c r="U105282" i="1"/>
  <c r="U105281" i="1"/>
  <c r="U105280" i="1"/>
  <c r="U105279" i="1"/>
  <c r="U105278" i="1"/>
  <c r="U105277" i="1"/>
  <c r="U105276" i="1"/>
  <c r="U105275" i="1"/>
  <c r="U105274" i="1"/>
  <c r="U105273" i="1"/>
  <c r="U105272" i="1"/>
  <c r="U105271" i="1"/>
  <c r="U105270" i="1"/>
  <c r="U105269" i="1"/>
  <c r="U105268" i="1"/>
  <c r="U105267" i="1"/>
  <c r="U105266" i="1"/>
  <c r="U105265" i="1"/>
  <c r="U105264" i="1"/>
  <c r="U105263" i="1"/>
  <c r="U105262" i="1"/>
  <c r="U105261" i="1"/>
  <c r="U105260" i="1"/>
  <c r="U105259" i="1"/>
  <c r="U105258" i="1"/>
  <c r="U105257" i="1"/>
  <c r="U105256" i="1"/>
  <c r="U105255" i="1"/>
  <c r="U105254" i="1"/>
  <c r="U105253" i="1"/>
  <c r="U105252" i="1"/>
  <c r="U105251" i="1"/>
  <c r="U105250" i="1"/>
  <c r="U105249" i="1"/>
  <c r="U105248" i="1"/>
  <c r="U105247" i="1"/>
  <c r="U105246" i="1"/>
  <c r="U105245" i="1"/>
  <c r="U105244" i="1"/>
  <c r="U105243" i="1"/>
  <c r="U105242" i="1"/>
  <c r="U105241" i="1"/>
  <c r="U105240" i="1"/>
  <c r="U105239" i="1"/>
  <c r="U105238" i="1"/>
  <c r="U105237" i="1"/>
  <c r="U105236" i="1"/>
  <c r="U105235" i="1"/>
  <c r="U105234" i="1"/>
  <c r="U105233" i="1"/>
  <c r="U105232" i="1"/>
  <c r="U105231" i="1"/>
  <c r="U105230" i="1"/>
  <c r="U105229" i="1"/>
  <c r="U105228" i="1"/>
  <c r="U105227" i="1"/>
  <c r="U105226" i="1"/>
  <c r="U105225" i="1"/>
  <c r="U105224" i="1"/>
  <c r="U105223" i="1"/>
  <c r="U105222" i="1"/>
  <c r="U105221" i="1"/>
  <c r="U105220" i="1"/>
  <c r="U105219" i="1"/>
  <c r="U105218" i="1"/>
  <c r="U105217" i="1"/>
  <c r="U105216" i="1"/>
  <c r="U105215" i="1"/>
  <c r="U105214" i="1"/>
  <c r="U105213" i="1"/>
  <c r="U105212" i="1"/>
  <c r="U105211" i="1"/>
  <c r="U105210" i="1"/>
  <c r="U105209" i="1"/>
  <c r="U105208" i="1"/>
  <c r="U105207" i="1"/>
  <c r="U105206" i="1"/>
  <c r="U105205" i="1"/>
  <c r="U105204" i="1"/>
  <c r="U105203" i="1"/>
  <c r="U105202" i="1"/>
  <c r="U105201" i="1"/>
  <c r="U105200" i="1"/>
  <c r="U105199" i="1"/>
  <c r="U105198" i="1"/>
  <c r="U105197" i="1"/>
  <c r="U105196" i="1"/>
  <c r="U105195" i="1"/>
  <c r="U105194" i="1"/>
  <c r="U105193" i="1"/>
  <c r="U105192" i="1"/>
  <c r="U105191" i="1"/>
  <c r="U105190" i="1"/>
  <c r="U105189" i="1"/>
  <c r="U105188" i="1"/>
  <c r="U105187" i="1"/>
  <c r="U105186" i="1"/>
  <c r="U105185" i="1"/>
  <c r="U105184" i="1"/>
  <c r="U105183" i="1"/>
  <c r="U105182" i="1"/>
  <c r="U105181" i="1"/>
  <c r="U105180" i="1"/>
  <c r="U105179" i="1"/>
  <c r="U105178" i="1"/>
  <c r="U105177" i="1"/>
  <c r="U105176" i="1"/>
  <c r="U105175" i="1"/>
  <c r="U105174" i="1"/>
  <c r="U105173" i="1"/>
  <c r="U105172" i="1"/>
  <c r="U105171" i="1"/>
  <c r="U105170" i="1"/>
  <c r="U105169" i="1"/>
  <c r="U105168" i="1"/>
  <c r="U105167" i="1"/>
  <c r="U105166" i="1"/>
  <c r="U105165" i="1"/>
  <c r="U105164" i="1"/>
  <c r="U105163" i="1"/>
  <c r="U105162" i="1"/>
  <c r="U105161" i="1"/>
  <c r="U105160" i="1"/>
  <c r="U105159" i="1"/>
  <c r="U105158" i="1"/>
  <c r="U105157" i="1"/>
  <c r="U105156" i="1"/>
  <c r="U105155" i="1"/>
  <c r="U105154" i="1"/>
  <c r="U105153" i="1"/>
  <c r="U105152" i="1"/>
  <c r="U105151" i="1"/>
  <c r="U105150" i="1"/>
  <c r="U105149" i="1"/>
  <c r="U105148" i="1"/>
  <c r="U105147" i="1"/>
  <c r="U105146" i="1"/>
  <c r="U105145" i="1"/>
  <c r="U105144" i="1"/>
  <c r="U105143" i="1"/>
  <c r="U105142" i="1"/>
  <c r="U105141" i="1"/>
  <c r="U105140" i="1"/>
  <c r="U105139" i="1"/>
  <c r="U105138" i="1"/>
  <c r="U105137" i="1"/>
  <c r="U105136" i="1"/>
  <c r="U105135" i="1"/>
  <c r="U105134" i="1"/>
  <c r="U105133" i="1"/>
  <c r="U105132" i="1"/>
  <c r="U105131" i="1"/>
  <c r="U105130" i="1"/>
  <c r="U105129" i="1"/>
  <c r="U105128" i="1"/>
  <c r="U105127" i="1"/>
  <c r="U105126" i="1"/>
  <c r="U105125" i="1"/>
  <c r="U105124" i="1"/>
  <c r="U105123" i="1"/>
  <c r="U105122" i="1"/>
  <c r="U105121" i="1"/>
  <c r="U105120" i="1"/>
  <c r="U105119" i="1"/>
  <c r="U105118" i="1"/>
  <c r="U105117" i="1"/>
  <c r="U105116" i="1"/>
  <c r="U105115" i="1"/>
  <c r="U105114" i="1"/>
  <c r="U105113" i="1"/>
  <c r="U105112" i="1"/>
  <c r="U105111" i="1"/>
  <c r="U105110" i="1"/>
  <c r="U105109" i="1"/>
  <c r="U105108" i="1"/>
  <c r="U105107" i="1"/>
  <c r="U105106" i="1"/>
  <c r="U105105" i="1"/>
  <c r="U105104" i="1"/>
  <c r="U105103" i="1"/>
  <c r="U105102" i="1"/>
  <c r="U105101" i="1"/>
  <c r="U105100" i="1"/>
  <c r="U105099" i="1"/>
  <c r="U105098" i="1"/>
  <c r="U105097" i="1"/>
  <c r="U105096" i="1"/>
  <c r="U105095" i="1"/>
  <c r="U105094" i="1"/>
  <c r="U105093" i="1"/>
  <c r="U105092" i="1"/>
  <c r="U105091" i="1"/>
  <c r="U105090" i="1"/>
  <c r="U105089" i="1"/>
  <c r="U105088" i="1"/>
  <c r="U105087" i="1"/>
  <c r="U105086" i="1"/>
  <c r="U105085" i="1"/>
  <c r="U105084" i="1"/>
  <c r="U105083" i="1"/>
  <c r="U105082" i="1"/>
  <c r="U105081" i="1"/>
  <c r="U105080" i="1"/>
  <c r="U105079" i="1"/>
  <c r="U105078" i="1"/>
  <c r="U105077" i="1"/>
  <c r="U105076" i="1"/>
  <c r="U105075" i="1"/>
  <c r="U105074" i="1"/>
  <c r="U105073" i="1"/>
  <c r="U105072" i="1"/>
  <c r="U105071" i="1"/>
  <c r="U105070" i="1"/>
  <c r="U105069" i="1"/>
  <c r="U105068" i="1"/>
  <c r="U105067" i="1"/>
  <c r="U105066" i="1"/>
  <c r="U105065" i="1"/>
  <c r="U105064" i="1"/>
  <c r="U105063" i="1"/>
  <c r="U105062" i="1"/>
  <c r="U105061" i="1"/>
  <c r="U105060" i="1"/>
  <c r="U105059" i="1"/>
  <c r="U105058" i="1"/>
  <c r="U105057" i="1"/>
  <c r="U105056" i="1"/>
  <c r="U105055" i="1"/>
  <c r="U105054" i="1"/>
  <c r="U105053" i="1"/>
  <c r="U105052" i="1"/>
  <c r="U105051" i="1"/>
  <c r="U105050" i="1"/>
  <c r="U105049" i="1"/>
  <c r="U105048" i="1"/>
  <c r="U105047" i="1"/>
  <c r="U105046" i="1"/>
  <c r="U105045" i="1"/>
  <c r="U105044" i="1"/>
  <c r="U105043" i="1"/>
  <c r="U105042" i="1"/>
  <c r="U105041" i="1"/>
  <c r="U105040" i="1"/>
  <c r="U105039" i="1"/>
  <c r="U105038" i="1"/>
  <c r="U105037" i="1"/>
  <c r="U105036" i="1"/>
  <c r="U105035" i="1"/>
  <c r="U105034" i="1"/>
  <c r="U105033" i="1"/>
  <c r="U105032" i="1"/>
  <c r="U105031" i="1"/>
  <c r="U105030" i="1"/>
  <c r="U105029" i="1"/>
  <c r="U105028" i="1"/>
  <c r="U105027" i="1"/>
  <c r="U105026" i="1"/>
  <c r="U105025" i="1"/>
  <c r="U105024" i="1"/>
  <c r="U105023" i="1"/>
  <c r="U105022" i="1"/>
  <c r="U105021" i="1"/>
  <c r="U105020" i="1"/>
  <c r="U105019" i="1"/>
  <c r="U105018" i="1"/>
  <c r="U105017" i="1"/>
  <c r="U105016" i="1"/>
  <c r="U105015" i="1"/>
  <c r="U105014" i="1"/>
  <c r="U105013" i="1"/>
  <c r="U105012" i="1"/>
  <c r="U105011" i="1"/>
  <c r="U105010" i="1"/>
  <c r="U105009" i="1"/>
  <c r="U105008" i="1"/>
  <c r="U105007" i="1"/>
  <c r="U105006" i="1"/>
  <c r="U105005" i="1"/>
  <c r="U105004" i="1"/>
  <c r="U105003" i="1"/>
  <c r="U105002" i="1"/>
  <c r="U105001" i="1"/>
  <c r="U105000" i="1"/>
  <c r="U104999" i="1"/>
  <c r="U104998" i="1"/>
  <c r="U104997" i="1"/>
  <c r="U104996" i="1"/>
  <c r="U104995" i="1"/>
  <c r="U104994" i="1"/>
  <c r="U104993" i="1"/>
  <c r="U104992" i="1"/>
  <c r="U104991" i="1"/>
  <c r="U104990" i="1"/>
  <c r="U104989" i="1"/>
  <c r="U104988" i="1"/>
  <c r="U104987" i="1"/>
  <c r="U104986" i="1"/>
  <c r="U104985" i="1"/>
  <c r="U104984" i="1"/>
  <c r="U104983" i="1"/>
  <c r="U104982" i="1"/>
  <c r="U104981" i="1"/>
  <c r="U104980" i="1"/>
  <c r="U104979" i="1"/>
  <c r="U104978" i="1"/>
  <c r="U104977" i="1"/>
  <c r="U104976" i="1"/>
  <c r="U104975" i="1"/>
  <c r="U104974" i="1"/>
  <c r="U104973" i="1"/>
  <c r="U104972" i="1"/>
  <c r="U104971" i="1"/>
  <c r="U104970" i="1"/>
  <c r="U104969" i="1"/>
  <c r="U104968" i="1"/>
  <c r="U104967" i="1"/>
  <c r="U104966" i="1"/>
  <c r="U104965" i="1"/>
  <c r="U104964" i="1"/>
  <c r="U104963" i="1"/>
  <c r="U104962" i="1"/>
  <c r="U104961" i="1"/>
  <c r="U104960" i="1"/>
  <c r="U104959" i="1"/>
  <c r="U104958" i="1"/>
  <c r="U104957" i="1"/>
  <c r="U104956" i="1"/>
  <c r="U104955" i="1"/>
  <c r="U104954" i="1"/>
  <c r="U104953" i="1"/>
  <c r="U104952" i="1"/>
  <c r="U104951" i="1"/>
  <c r="U104950" i="1"/>
  <c r="U104949" i="1"/>
  <c r="U104948" i="1"/>
  <c r="U104947" i="1"/>
  <c r="U104946" i="1"/>
  <c r="U104945" i="1"/>
  <c r="U104944" i="1"/>
  <c r="U104943" i="1"/>
  <c r="U104942" i="1"/>
  <c r="U104941" i="1"/>
  <c r="U104940" i="1"/>
  <c r="U104939" i="1"/>
  <c r="U104938" i="1"/>
  <c r="U104937" i="1"/>
  <c r="U104936" i="1"/>
  <c r="U104935" i="1"/>
  <c r="U104934" i="1"/>
  <c r="U104933" i="1"/>
  <c r="U104932" i="1"/>
  <c r="U104931" i="1"/>
  <c r="U104930" i="1"/>
  <c r="U104929" i="1"/>
  <c r="U104928" i="1"/>
  <c r="U104927" i="1"/>
  <c r="U104926" i="1"/>
  <c r="U104925" i="1"/>
  <c r="U104924" i="1"/>
  <c r="U104923" i="1"/>
  <c r="U104922" i="1"/>
  <c r="U104921" i="1"/>
  <c r="U104920" i="1"/>
  <c r="U104919" i="1"/>
  <c r="U104918" i="1"/>
  <c r="U104917" i="1"/>
  <c r="U104916" i="1"/>
  <c r="U104915" i="1"/>
  <c r="U104914" i="1"/>
  <c r="U104913" i="1"/>
  <c r="U104912" i="1"/>
  <c r="U104911" i="1"/>
  <c r="U104910" i="1"/>
  <c r="U104909" i="1"/>
  <c r="U104908" i="1"/>
  <c r="U104907" i="1"/>
  <c r="U104906" i="1"/>
  <c r="U104905" i="1"/>
  <c r="U104904" i="1"/>
  <c r="U104903" i="1"/>
  <c r="U104902" i="1"/>
  <c r="U104901" i="1"/>
  <c r="U104900" i="1"/>
  <c r="U104899" i="1"/>
  <c r="U104898" i="1"/>
  <c r="U104897" i="1"/>
  <c r="U104896" i="1"/>
  <c r="U104895" i="1"/>
  <c r="U104894" i="1"/>
  <c r="U104893" i="1"/>
  <c r="U104892" i="1"/>
  <c r="U104891" i="1"/>
  <c r="U104890" i="1"/>
  <c r="U104889" i="1"/>
  <c r="U104888" i="1"/>
  <c r="U104887" i="1"/>
  <c r="U104886" i="1"/>
  <c r="U104885" i="1"/>
  <c r="U104884" i="1"/>
  <c r="U104883" i="1"/>
  <c r="U104882" i="1"/>
  <c r="U104881" i="1"/>
  <c r="U104880" i="1"/>
  <c r="U104879" i="1"/>
  <c r="U104878" i="1"/>
  <c r="U104877" i="1"/>
  <c r="U104876" i="1"/>
  <c r="U104875" i="1"/>
  <c r="U104874" i="1"/>
  <c r="U104873" i="1"/>
  <c r="U104872" i="1"/>
  <c r="U104871" i="1"/>
  <c r="U104870" i="1"/>
  <c r="U104869" i="1"/>
  <c r="U104868" i="1"/>
  <c r="U104867" i="1"/>
  <c r="U104866" i="1"/>
  <c r="U104865" i="1"/>
  <c r="U104864" i="1"/>
  <c r="U104863" i="1"/>
  <c r="U104862" i="1"/>
  <c r="U104861" i="1"/>
  <c r="U104860" i="1"/>
  <c r="U104859" i="1"/>
  <c r="U104858" i="1"/>
  <c r="U104857" i="1"/>
  <c r="U104856" i="1"/>
  <c r="U104855" i="1"/>
  <c r="U104854" i="1"/>
  <c r="U104853" i="1"/>
  <c r="U104852" i="1"/>
  <c r="U104851" i="1"/>
  <c r="U104850" i="1"/>
  <c r="U104849" i="1"/>
  <c r="U104848" i="1"/>
  <c r="U104847" i="1"/>
  <c r="U104846" i="1"/>
  <c r="U104845" i="1"/>
  <c r="U104844" i="1"/>
  <c r="U104843" i="1"/>
  <c r="U104842" i="1"/>
  <c r="U104841" i="1"/>
  <c r="U104840" i="1"/>
  <c r="U104839" i="1"/>
  <c r="U104838" i="1"/>
  <c r="U104837" i="1"/>
  <c r="U104836" i="1"/>
  <c r="U104835" i="1"/>
  <c r="U104834" i="1"/>
  <c r="U104833" i="1"/>
  <c r="U104832" i="1"/>
  <c r="U104831" i="1"/>
  <c r="U104830" i="1"/>
  <c r="U104829" i="1"/>
  <c r="U104828" i="1"/>
  <c r="U104827" i="1"/>
  <c r="U104826" i="1"/>
  <c r="U104825" i="1"/>
  <c r="U104824" i="1"/>
  <c r="U104823" i="1"/>
  <c r="U104822" i="1"/>
  <c r="U104821" i="1"/>
  <c r="U104820" i="1"/>
  <c r="U104819" i="1"/>
  <c r="U104818" i="1"/>
  <c r="U104817" i="1"/>
  <c r="U104816" i="1"/>
  <c r="U104815" i="1"/>
  <c r="U104814" i="1"/>
  <c r="U104813" i="1"/>
  <c r="U104812" i="1"/>
  <c r="U104811" i="1"/>
  <c r="U104810" i="1"/>
  <c r="U104809" i="1"/>
  <c r="U104808" i="1"/>
  <c r="U104807" i="1"/>
  <c r="U104806" i="1"/>
  <c r="U104805" i="1"/>
  <c r="U104804" i="1"/>
  <c r="U104803" i="1"/>
  <c r="U104802" i="1"/>
  <c r="U104801" i="1"/>
  <c r="U104800" i="1"/>
  <c r="U104799" i="1"/>
  <c r="U104798" i="1"/>
  <c r="U104797" i="1"/>
  <c r="U104796" i="1"/>
  <c r="U104795" i="1"/>
  <c r="U104794" i="1"/>
  <c r="U104793" i="1"/>
  <c r="U104792" i="1"/>
  <c r="U104791" i="1"/>
  <c r="U104790" i="1"/>
  <c r="U104789" i="1"/>
  <c r="U104788" i="1"/>
  <c r="U104787" i="1"/>
  <c r="U104786" i="1"/>
  <c r="U104785" i="1"/>
  <c r="U104784" i="1"/>
  <c r="U104783" i="1"/>
  <c r="U104782" i="1"/>
  <c r="U104781" i="1"/>
  <c r="U104780" i="1"/>
  <c r="U104779" i="1"/>
  <c r="U104778" i="1"/>
  <c r="U104777" i="1"/>
  <c r="U104776" i="1"/>
  <c r="U104775" i="1"/>
  <c r="U104774" i="1"/>
  <c r="U104773" i="1"/>
  <c r="U104772" i="1"/>
  <c r="U104771" i="1"/>
  <c r="U104770" i="1"/>
  <c r="U104769" i="1"/>
  <c r="U104768" i="1"/>
  <c r="U104767" i="1"/>
  <c r="U104766" i="1"/>
  <c r="U104765" i="1"/>
  <c r="U104764" i="1"/>
  <c r="U104763" i="1"/>
  <c r="U104762" i="1"/>
  <c r="U104761" i="1"/>
  <c r="U104760" i="1"/>
  <c r="U104759" i="1"/>
  <c r="U104758" i="1"/>
  <c r="U104757" i="1"/>
  <c r="U104756" i="1"/>
  <c r="U104755" i="1"/>
  <c r="U104754" i="1"/>
  <c r="U104753" i="1"/>
  <c r="U104752" i="1"/>
  <c r="U104751" i="1"/>
  <c r="U104750" i="1"/>
  <c r="U104749" i="1"/>
  <c r="U104748" i="1"/>
  <c r="U104747" i="1"/>
  <c r="U104746" i="1"/>
  <c r="U104745" i="1"/>
  <c r="U104744" i="1"/>
  <c r="U104743" i="1"/>
  <c r="U104742" i="1"/>
  <c r="U104741" i="1"/>
  <c r="U104740" i="1"/>
  <c r="U104739" i="1"/>
  <c r="U104738" i="1"/>
  <c r="U104737" i="1"/>
  <c r="U104736" i="1"/>
  <c r="U104735" i="1"/>
  <c r="U104734" i="1"/>
  <c r="U104733" i="1"/>
  <c r="U104732" i="1"/>
  <c r="U104731" i="1"/>
  <c r="U104730" i="1"/>
  <c r="U104729" i="1"/>
  <c r="U104728" i="1"/>
  <c r="U104727" i="1"/>
  <c r="U104726" i="1"/>
  <c r="U104725" i="1"/>
  <c r="U104724" i="1"/>
  <c r="U104723" i="1"/>
  <c r="U104722" i="1"/>
  <c r="U104721" i="1"/>
  <c r="U104720" i="1"/>
  <c r="U104719" i="1"/>
  <c r="U104718" i="1"/>
  <c r="U104717" i="1"/>
  <c r="U104716" i="1"/>
  <c r="U104715" i="1"/>
  <c r="U104714" i="1"/>
  <c r="U104713" i="1"/>
  <c r="U104712" i="1"/>
  <c r="U104711" i="1"/>
  <c r="U104710" i="1"/>
  <c r="U104709" i="1"/>
  <c r="U104708" i="1"/>
  <c r="U104707" i="1"/>
  <c r="U104706" i="1"/>
  <c r="U104705" i="1"/>
  <c r="U104704" i="1"/>
  <c r="U104703" i="1"/>
  <c r="U104702" i="1"/>
  <c r="U104701" i="1"/>
  <c r="U104700" i="1"/>
  <c r="U104699" i="1"/>
  <c r="U104698" i="1"/>
  <c r="U104697" i="1"/>
  <c r="U104696" i="1"/>
  <c r="U104695" i="1"/>
  <c r="U104694" i="1"/>
  <c r="U104693" i="1"/>
  <c r="U104692" i="1"/>
  <c r="U104691" i="1"/>
  <c r="U104690" i="1"/>
  <c r="U104689" i="1"/>
  <c r="U104688" i="1"/>
  <c r="U104687" i="1"/>
  <c r="U104686" i="1"/>
  <c r="U104685" i="1"/>
  <c r="U104684" i="1"/>
  <c r="U104683" i="1"/>
  <c r="U104682" i="1"/>
  <c r="U104681" i="1"/>
  <c r="U104680" i="1"/>
  <c r="U104679" i="1"/>
  <c r="U104678" i="1"/>
  <c r="U104677" i="1"/>
  <c r="U104676" i="1"/>
  <c r="U104675" i="1"/>
  <c r="U104674" i="1"/>
  <c r="U104673" i="1"/>
  <c r="U104672" i="1"/>
  <c r="U104671" i="1"/>
  <c r="U104670" i="1"/>
  <c r="U104669" i="1"/>
  <c r="U104668" i="1"/>
  <c r="U104667" i="1"/>
  <c r="U104666" i="1"/>
  <c r="U104665" i="1"/>
  <c r="U104664" i="1"/>
  <c r="U104663" i="1"/>
  <c r="U104662" i="1"/>
  <c r="U104661" i="1"/>
  <c r="U104660" i="1"/>
  <c r="U104659" i="1"/>
  <c r="U104658" i="1"/>
  <c r="U104657" i="1"/>
  <c r="U104656" i="1"/>
  <c r="U104655" i="1"/>
  <c r="U104654" i="1"/>
  <c r="U104653" i="1"/>
  <c r="U104652" i="1"/>
  <c r="U104651" i="1"/>
  <c r="U104650" i="1"/>
  <c r="U104649" i="1"/>
  <c r="U104648" i="1"/>
  <c r="U104647" i="1"/>
  <c r="U104646" i="1"/>
  <c r="U104645" i="1"/>
  <c r="U104644" i="1"/>
  <c r="U104643" i="1"/>
  <c r="U104642" i="1"/>
  <c r="U104641" i="1"/>
  <c r="U104640" i="1"/>
  <c r="U104639" i="1"/>
  <c r="U104638" i="1"/>
  <c r="U104637" i="1"/>
  <c r="U104636" i="1"/>
  <c r="U104635" i="1"/>
  <c r="U104634" i="1"/>
  <c r="U104633" i="1"/>
  <c r="U104632" i="1"/>
  <c r="U104631" i="1"/>
  <c r="U104630" i="1"/>
  <c r="U104629" i="1"/>
  <c r="U104628" i="1"/>
  <c r="U104627" i="1"/>
  <c r="U104626" i="1"/>
  <c r="U104625" i="1"/>
  <c r="U104624" i="1"/>
  <c r="U104623" i="1"/>
  <c r="U104622" i="1"/>
  <c r="U104621" i="1"/>
  <c r="U104620" i="1"/>
  <c r="U104619" i="1"/>
  <c r="U104618" i="1"/>
  <c r="U104617" i="1"/>
  <c r="U104616" i="1"/>
  <c r="U104615" i="1"/>
  <c r="U104614" i="1"/>
  <c r="U104613" i="1"/>
  <c r="U104612" i="1"/>
  <c r="U104611" i="1"/>
  <c r="U104610" i="1"/>
  <c r="U104609" i="1"/>
  <c r="U104608" i="1"/>
  <c r="U104607" i="1"/>
  <c r="U104606" i="1"/>
  <c r="U104605" i="1"/>
  <c r="U104604" i="1"/>
  <c r="U104603" i="1"/>
  <c r="U104602" i="1"/>
  <c r="U104601" i="1"/>
  <c r="U104600" i="1"/>
  <c r="U104599" i="1"/>
  <c r="U104598" i="1"/>
  <c r="U104597" i="1"/>
  <c r="U104596" i="1"/>
  <c r="U104595" i="1"/>
  <c r="U104594" i="1"/>
  <c r="U104593" i="1"/>
  <c r="U104592" i="1"/>
  <c r="U104591" i="1"/>
  <c r="U104590" i="1"/>
  <c r="U104589" i="1"/>
  <c r="U104588" i="1"/>
  <c r="U104587" i="1"/>
  <c r="U104586" i="1"/>
  <c r="U104585" i="1"/>
  <c r="U104584" i="1"/>
  <c r="U104583" i="1"/>
  <c r="U104582" i="1"/>
  <c r="U104581" i="1"/>
  <c r="U104580" i="1"/>
  <c r="U104579" i="1"/>
  <c r="U104578" i="1"/>
  <c r="U104577" i="1"/>
  <c r="U104576" i="1"/>
  <c r="U104575" i="1"/>
  <c r="U104574" i="1"/>
  <c r="U104573" i="1"/>
  <c r="U104572" i="1"/>
  <c r="U104571" i="1"/>
  <c r="U104570" i="1"/>
  <c r="U104569" i="1"/>
  <c r="U104568" i="1"/>
  <c r="U104567" i="1"/>
  <c r="U104566" i="1"/>
  <c r="U104565" i="1"/>
  <c r="U104564" i="1"/>
  <c r="U104563" i="1"/>
  <c r="U104562" i="1"/>
  <c r="U104561" i="1"/>
  <c r="U104560" i="1"/>
  <c r="U104559" i="1"/>
  <c r="U104558" i="1"/>
  <c r="U104557" i="1"/>
  <c r="U104556" i="1"/>
  <c r="U104555" i="1"/>
  <c r="U104554" i="1"/>
  <c r="U104553" i="1"/>
  <c r="U104552" i="1"/>
  <c r="U104551" i="1"/>
  <c r="U104550" i="1"/>
  <c r="U104549" i="1"/>
  <c r="U104548" i="1"/>
  <c r="U104547" i="1"/>
  <c r="U104546" i="1"/>
  <c r="U104545" i="1"/>
  <c r="U104544" i="1"/>
  <c r="U104543" i="1"/>
  <c r="U104542" i="1"/>
  <c r="U104541" i="1"/>
  <c r="U104540" i="1"/>
  <c r="U104539" i="1"/>
  <c r="U104538" i="1"/>
  <c r="U104537" i="1"/>
  <c r="U104536" i="1"/>
  <c r="U104535" i="1"/>
  <c r="U104534" i="1"/>
  <c r="U104533" i="1"/>
  <c r="U104532" i="1"/>
  <c r="U104531" i="1"/>
  <c r="U104530" i="1"/>
  <c r="U104529" i="1"/>
  <c r="U104528" i="1"/>
  <c r="U104527" i="1"/>
  <c r="U104526" i="1"/>
  <c r="U104525" i="1"/>
  <c r="U104524" i="1"/>
  <c r="U104523" i="1"/>
  <c r="U104522" i="1"/>
  <c r="U104521" i="1"/>
  <c r="U104520" i="1"/>
  <c r="U104519" i="1"/>
  <c r="U104518" i="1"/>
  <c r="U104517" i="1"/>
  <c r="U104516" i="1"/>
  <c r="U104515" i="1"/>
  <c r="U104514" i="1"/>
  <c r="U104513" i="1"/>
  <c r="U104512" i="1"/>
  <c r="U104511" i="1"/>
  <c r="U104510" i="1"/>
  <c r="U104509" i="1"/>
  <c r="U104508" i="1"/>
  <c r="U104507" i="1"/>
  <c r="U104506" i="1"/>
  <c r="U104505" i="1"/>
  <c r="U104504" i="1"/>
  <c r="U104503" i="1"/>
  <c r="U104502" i="1"/>
  <c r="U104501" i="1"/>
  <c r="U104500" i="1"/>
  <c r="U104499" i="1"/>
  <c r="U104498" i="1"/>
  <c r="U104497" i="1"/>
  <c r="U104496" i="1"/>
  <c r="U104495" i="1"/>
  <c r="U104494" i="1"/>
  <c r="U104493" i="1"/>
  <c r="U104492" i="1"/>
  <c r="U104491" i="1"/>
  <c r="U104490" i="1"/>
  <c r="U104489" i="1"/>
  <c r="U104488" i="1"/>
  <c r="U104487" i="1"/>
  <c r="U104486" i="1"/>
  <c r="U104485" i="1"/>
  <c r="U104484" i="1"/>
  <c r="U104483" i="1"/>
  <c r="U104482" i="1"/>
  <c r="U104481" i="1"/>
  <c r="U104480" i="1"/>
  <c r="U104479" i="1"/>
  <c r="U104478" i="1"/>
  <c r="U104477" i="1"/>
  <c r="U104476" i="1"/>
  <c r="U104475" i="1"/>
  <c r="U104474" i="1"/>
  <c r="U104473" i="1"/>
  <c r="U104472" i="1"/>
  <c r="U104471" i="1"/>
  <c r="U104470" i="1"/>
  <c r="U104469" i="1"/>
  <c r="U104468" i="1"/>
  <c r="U104467" i="1"/>
  <c r="U104466" i="1"/>
  <c r="U104465" i="1"/>
  <c r="U104464" i="1"/>
  <c r="U104463" i="1"/>
  <c r="U104462" i="1"/>
  <c r="U104461" i="1"/>
  <c r="U104460" i="1"/>
  <c r="U104459" i="1"/>
  <c r="U104458" i="1"/>
  <c r="U104457" i="1"/>
  <c r="U104456" i="1"/>
  <c r="U104455" i="1"/>
  <c r="U104454" i="1"/>
  <c r="U104453" i="1"/>
  <c r="U104452" i="1"/>
  <c r="U104451" i="1"/>
  <c r="U104450" i="1"/>
  <c r="U104449" i="1"/>
  <c r="U104448" i="1"/>
  <c r="U104447" i="1"/>
  <c r="U104446" i="1"/>
  <c r="U104445" i="1"/>
  <c r="U104444" i="1"/>
  <c r="U104443" i="1"/>
  <c r="U104442" i="1"/>
  <c r="U104441" i="1"/>
  <c r="U104440" i="1"/>
  <c r="U104439" i="1"/>
  <c r="U104438" i="1"/>
  <c r="U104437" i="1"/>
  <c r="U104436" i="1"/>
  <c r="U104435" i="1"/>
  <c r="U104434" i="1"/>
  <c r="U104433" i="1"/>
  <c r="U104432" i="1"/>
  <c r="U104431" i="1"/>
  <c r="U104430" i="1"/>
  <c r="U104429" i="1"/>
  <c r="U104428" i="1"/>
  <c r="U104427" i="1"/>
  <c r="U104426" i="1"/>
  <c r="U104425" i="1"/>
  <c r="U104424" i="1"/>
  <c r="U104423" i="1"/>
  <c r="U104422" i="1"/>
  <c r="U104421" i="1"/>
  <c r="U104420" i="1"/>
  <c r="U104419" i="1"/>
  <c r="U104418" i="1"/>
  <c r="U104417" i="1"/>
  <c r="U104416" i="1"/>
  <c r="U104415" i="1"/>
  <c r="U104414" i="1"/>
  <c r="U104413" i="1"/>
  <c r="U104412" i="1"/>
  <c r="U104411" i="1"/>
  <c r="U104410" i="1"/>
  <c r="U104409" i="1"/>
  <c r="U104408" i="1"/>
  <c r="U104407" i="1"/>
  <c r="U104406" i="1"/>
  <c r="U104405" i="1"/>
  <c r="U104404" i="1"/>
  <c r="U104403" i="1"/>
  <c r="U104402" i="1"/>
  <c r="U104401" i="1"/>
  <c r="U104400" i="1"/>
  <c r="U104399" i="1"/>
  <c r="U104398" i="1"/>
  <c r="U104397" i="1"/>
  <c r="U104396" i="1"/>
  <c r="U104395" i="1"/>
  <c r="U104394" i="1"/>
  <c r="U104393" i="1"/>
  <c r="U104392" i="1"/>
  <c r="U104391" i="1"/>
  <c r="U104390" i="1"/>
  <c r="U104389" i="1"/>
  <c r="U104388" i="1"/>
  <c r="U104387" i="1"/>
  <c r="U104386" i="1"/>
  <c r="U104385" i="1"/>
  <c r="U104384" i="1"/>
  <c r="U104383" i="1"/>
  <c r="U104382" i="1"/>
  <c r="U104381" i="1"/>
  <c r="U104380" i="1"/>
  <c r="U104379" i="1"/>
  <c r="U104378" i="1"/>
  <c r="U104377" i="1"/>
  <c r="U104376" i="1"/>
  <c r="U104375" i="1"/>
  <c r="U104374" i="1"/>
  <c r="U104373" i="1"/>
  <c r="U104372" i="1"/>
  <c r="U104371" i="1"/>
  <c r="U104370" i="1"/>
  <c r="U104369" i="1"/>
  <c r="U104368" i="1"/>
  <c r="U104367" i="1"/>
  <c r="U104366" i="1"/>
  <c r="U104365" i="1"/>
  <c r="U104364" i="1"/>
  <c r="U104363" i="1"/>
  <c r="U104362" i="1"/>
  <c r="U104361" i="1"/>
  <c r="U104360" i="1"/>
  <c r="U104359" i="1"/>
  <c r="U104358" i="1"/>
  <c r="U104357" i="1"/>
  <c r="U104356" i="1"/>
  <c r="U104355" i="1"/>
  <c r="U104354" i="1"/>
  <c r="U104353" i="1"/>
  <c r="U104352" i="1"/>
  <c r="U104351" i="1"/>
  <c r="U104350" i="1"/>
  <c r="U104349" i="1"/>
  <c r="U104348" i="1"/>
  <c r="U104347" i="1"/>
  <c r="U104346" i="1"/>
  <c r="U104345" i="1"/>
  <c r="U104344" i="1"/>
  <c r="U104343" i="1"/>
  <c r="U104342" i="1"/>
  <c r="U104341" i="1"/>
  <c r="U104340" i="1"/>
  <c r="U104339" i="1"/>
  <c r="U104338" i="1"/>
  <c r="U104337" i="1"/>
  <c r="U104336" i="1"/>
  <c r="U104335" i="1"/>
  <c r="U104334" i="1"/>
  <c r="U104333" i="1"/>
  <c r="U104332" i="1"/>
  <c r="U104331" i="1"/>
  <c r="U104330" i="1"/>
  <c r="U104329" i="1"/>
  <c r="U104328" i="1"/>
  <c r="U104327" i="1"/>
  <c r="U104326" i="1"/>
  <c r="U104325" i="1"/>
  <c r="U104324" i="1"/>
  <c r="U104323" i="1"/>
  <c r="U104322" i="1"/>
  <c r="U104321" i="1"/>
  <c r="U104320" i="1"/>
  <c r="U104319" i="1"/>
  <c r="U104318" i="1"/>
  <c r="U104317" i="1"/>
  <c r="U104316" i="1"/>
  <c r="U104315" i="1"/>
  <c r="U104314" i="1"/>
  <c r="U104313" i="1"/>
  <c r="U104312" i="1"/>
  <c r="U104311" i="1"/>
  <c r="U104310" i="1"/>
  <c r="U104309" i="1"/>
  <c r="U104308" i="1"/>
  <c r="U104307" i="1"/>
  <c r="U104306" i="1"/>
  <c r="U104305" i="1"/>
  <c r="U104304" i="1"/>
  <c r="U104303" i="1"/>
  <c r="U104302" i="1"/>
  <c r="U104301" i="1"/>
  <c r="U104300" i="1"/>
  <c r="U104299" i="1"/>
  <c r="U104298" i="1"/>
  <c r="U104297" i="1"/>
  <c r="U104296" i="1"/>
  <c r="U104295" i="1"/>
  <c r="U104294" i="1"/>
  <c r="U104293" i="1"/>
  <c r="U104292" i="1"/>
  <c r="U104291" i="1"/>
  <c r="U104290" i="1"/>
  <c r="U104289" i="1"/>
  <c r="U104288" i="1"/>
  <c r="U104287" i="1"/>
  <c r="U104286" i="1"/>
  <c r="U104285" i="1"/>
  <c r="U104284" i="1"/>
  <c r="U104283" i="1"/>
  <c r="U104282" i="1"/>
  <c r="U104281" i="1"/>
  <c r="U104280" i="1"/>
  <c r="U104279" i="1"/>
  <c r="U104278" i="1"/>
  <c r="U104277" i="1"/>
  <c r="U104276" i="1"/>
  <c r="U104275" i="1"/>
  <c r="U104274" i="1"/>
  <c r="U104273" i="1"/>
  <c r="U104272" i="1"/>
  <c r="U104271" i="1"/>
  <c r="U104270" i="1"/>
  <c r="U104269" i="1"/>
  <c r="U104268" i="1"/>
  <c r="U104267" i="1"/>
  <c r="U104266" i="1"/>
  <c r="U104265" i="1"/>
  <c r="U104264" i="1"/>
  <c r="U104263" i="1"/>
  <c r="U104262" i="1"/>
  <c r="U104261" i="1"/>
  <c r="U104260" i="1"/>
  <c r="U104259" i="1"/>
  <c r="U104258" i="1"/>
  <c r="U104257" i="1"/>
  <c r="U104256" i="1"/>
  <c r="U104255" i="1"/>
  <c r="U104254" i="1"/>
  <c r="U104253" i="1"/>
  <c r="U104252" i="1"/>
  <c r="U104251" i="1"/>
  <c r="U104250" i="1"/>
  <c r="U104249" i="1"/>
  <c r="U104248" i="1"/>
  <c r="U104247" i="1"/>
  <c r="U104246" i="1"/>
  <c r="U104245" i="1"/>
  <c r="U104244" i="1"/>
  <c r="U104243" i="1"/>
  <c r="U104242" i="1"/>
  <c r="U104241" i="1"/>
  <c r="U104240" i="1"/>
  <c r="U104239" i="1"/>
  <c r="U104238" i="1"/>
  <c r="U104237" i="1"/>
  <c r="U104236" i="1"/>
  <c r="U104235" i="1"/>
  <c r="U104234" i="1"/>
  <c r="U104233" i="1"/>
  <c r="U104232" i="1"/>
  <c r="U104231" i="1"/>
  <c r="U104230" i="1"/>
  <c r="U104229" i="1"/>
  <c r="U104228" i="1"/>
  <c r="U104227" i="1"/>
  <c r="U104226" i="1"/>
  <c r="U104225" i="1"/>
  <c r="U104224" i="1"/>
  <c r="U104223" i="1"/>
  <c r="U104222" i="1"/>
  <c r="U104221" i="1"/>
  <c r="U104220" i="1"/>
  <c r="U104219" i="1"/>
  <c r="U104218" i="1"/>
  <c r="U104217" i="1"/>
  <c r="U104216" i="1"/>
  <c r="U104215" i="1"/>
  <c r="U104214" i="1"/>
  <c r="U104213" i="1"/>
  <c r="U104212" i="1"/>
  <c r="U104211" i="1"/>
  <c r="U104210" i="1"/>
  <c r="U104209" i="1"/>
  <c r="U104208" i="1"/>
  <c r="U104207" i="1"/>
  <c r="U104206" i="1"/>
  <c r="U104205" i="1"/>
  <c r="U104204" i="1"/>
  <c r="U104203" i="1"/>
  <c r="U104202" i="1"/>
  <c r="U104201" i="1"/>
  <c r="U104200" i="1"/>
  <c r="U104199" i="1"/>
  <c r="U104198" i="1"/>
  <c r="U104197" i="1"/>
  <c r="U104196" i="1"/>
  <c r="U104195" i="1"/>
  <c r="U104194" i="1"/>
  <c r="U104193" i="1"/>
  <c r="U104192" i="1"/>
  <c r="U104191" i="1"/>
  <c r="U104190" i="1"/>
  <c r="U104189" i="1"/>
  <c r="U104188" i="1"/>
  <c r="U104187" i="1"/>
  <c r="U104186" i="1"/>
  <c r="U104185" i="1"/>
  <c r="U104184" i="1"/>
  <c r="U104183" i="1"/>
  <c r="U104182" i="1"/>
  <c r="U104181" i="1"/>
  <c r="U104180" i="1"/>
  <c r="U104179" i="1"/>
  <c r="U104178" i="1"/>
  <c r="U104177" i="1"/>
  <c r="U104176" i="1"/>
  <c r="U104175" i="1"/>
  <c r="U104174" i="1"/>
  <c r="U104173" i="1"/>
  <c r="U104172" i="1"/>
  <c r="U104171" i="1"/>
  <c r="U104170" i="1"/>
  <c r="U104169" i="1"/>
  <c r="U104168" i="1"/>
  <c r="U104167" i="1"/>
  <c r="U104166" i="1"/>
  <c r="U104165" i="1"/>
  <c r="U104164" i="1"/>
  <c r="U104163" i="1"/>
  <c r="U104162" i="1"/>
  <c r="U104161" i="1"/>
  <c r="U104160" i="1"/>
  <c r="U104159" i="1"/>
  <c r="U104158" i="1"/>
  <c r="U104157" i="1"/>
  <c r="U104156" i="1"/>
  <c r="U104155" i="1"/>
  <c r="U104154" i="1"/>
  <c r="U104153" i="1"/>
  <c r="U104152" i="1"/>
  <c r="U104151" i="1"/>
  <c r="U104150" i="1"/>
  <c r="U104149" i="1"/>
  <c r="U104148" i="1"/>
  <c r="U104147" i="1"/>
  <c r="U104146" i="1"/>
  <c r="U104145" i="1"/>
  <c r="U104144" i="1"/>
  <c r="U104143" i="1"/>
  <c r="U104142" i="1"/>
  <c r="U104141" i="1"/>
  <c r="U104140" i="1"/>
  <c r="U104139" i="1"/>
  <c r="U104138" i="1"/>
  <c r="U104137" i="1"/>
  <c r="U104136" i="1"/>
  <c r="U104135" i="1"/>
  <c r="U104134" i="1"/>
  <c r="U104133" i="1"/>
  <c r="U104132" i="1"/>
  <c r="U104131" i="1"/>
  <c r="U104130" i="1"/>
  <c r="U104129" i="1"/>
  <c r="U104128" i="1"/>
  <c r="U104127" i="1"/>
  <c r="U104126" i="1"/>
  <c r="U104125" i="1"/>
  <c r="U104124" i="1"/>
  <c r="U104123" i="1"/>
  <c r="U104122" i="1"/>
  <c r="U104121" i="1"/>
  <c r="U104120" i="1"/>
  <c r="U104119" i="1"/>
  <c r="U104118" i="1"/>
  <c r="U104117" i="1"/>
  <c r="U104116" i="1"/>
  <c r="U104115" i="1"/>
  <c r="U104114" i="1"/>
  <c r="U104113" i="1"/>
  <c r="U104112" i="1"/>
  <c r="U104111" i="1"/>
  <c r="U104110" i="1"/>
  <c r="U104109" i="1"/>
  <c r="U104108" i="1"/>
  <c r="U104107" i="1"/>
  <c r="U104106" i="1"/>
  <c r="U104105" i="1"/>
  <c r="U104104" i="1"/>
  <c r="U104103" i="1"/>
  <c r="U104102" i="1"/>
  <c r="U104101" i="1"/>
  <c r="U104100" i="1"/>
  <c r="U104099" i="1"/>
  <c r="U104098" i="1"/>
  <c r="U104097" i="1"/>
  <c r="U104096" i="1"/>
  <c r="U104095" i="1"/>
  <c r="U104094" i="1"/>
  <c r="U104093" i="1"/>
  <c r="U104092" i="1"/>
  <c r="U104091" i="1"/>
  <c r="U104090" i="1"/>
  <c r="U104089" i="1"/>
  <c r="U104088" i="1"/>
  <c r="U104087" i="1"/>
  <c r="U104086" i="1"/>
  <c r="U104085" i="1"/>
  <c r="U104084" i="1"/>
  <c r="U104083" i="1"/>
  <c r="U104082" i="1"/>
  <c r="U104081" i="1"/>
  <c r="U104080" i="1"/>
  <c r="U104079" i="1"/>
  <c r="U104078" i="1"/>
  <c r="U104077" i="1"/>
  <c r="U104076" i="1"/>
  <c r="U104075" i="1"/>
  <c r="U104074" i="1"/>
  <c r="U104073" i="1"/>
  <c r="U104072" i="1"/>
  <c r="U104071" i="1"/>
  <c r="U104070" i="1"/>
  <c r="U104069" i="1"/>
  <c r="U104068" i="1"/>
  <c r="U104067" i="1"/>
  <c r="U104066" i="1"/>
  <c r="U104065" i="1"/>
  <c r="U104064" i="1"/>
  <c r="U104063" i="1"/>
  <c r="U104062" i="1"/>
  <c r="U104061" i="1"/>
  <c r="U104060" i="1"/>
  <c r="U104059" i="1"/>
  <c r="U104058" i="1"/>
  <c r="U104057" i="1"/>
  <c r="U104056" i="1"/>
  <c r="U104055" i="1"/>
  <c r="U104054" i="1"/>
  <c r="U104053" i="1"/>
  <c r="U104052" i="1"/>
  <c r="U104051" i="1"/>
  <c r="U104050" i="1"/>
  <c r="U104049" i="1"/>
  <c r="U104048" i="1"/>
  <c r="U104047" i="1"/>
  <c r="U104046" i="1"/>
  <c r="U104045" i="1"/>
  <c r="U104044" i="1"/>
  <c r="U104043" i="1"/>
  <c r="U104042" i="1"/>
  <c r="U104041" i="1"/>
  <c r="U104040" i="1"/>
  <c r="U104039" i="1"/>
  <c r="U104038" i="1"/>
  <c r="U104037" i="1"/>
  <c r="U104036" i="1"/>
  <c r="U104035" i="1"/>
  <c r="U104034" i="1"/>
  <c r="U104033" i="1"/>
  <c r="U104032" i="1"/>
  <c r="U104031" i="1"/>
  <c r="U104030" i="1"/>
  <c r="U104029" i="1"/>
  <c r="U104028" i="1"/>
  <c r="U104027" i="1"/>
  <c r="U104026" i="1"/>
  <c r="U104025" i="1"/>
  <c r="U104024" i="1"/>
  <c r="U104023" i="1"/>
  <c r="U104022" i="1"/>
  <c r="U104021" i="1"/>
  <c r="U104020" i="1"/>
  <c r="U104019" i="1"/>
  <c r="U104018" i="1"/>
  <c r="U104017" i="1"/>
  <c r="U104016" i="1"/>
  <c r="U104015" i="1"/>
  <c r="U104014" i="1"/>
  <c r="U104013" i="1"/>
  <c r="U104012" i="1"/>
  <c r="U104011" i="1"/>
  <c r="U104010" i="1"/>
  <c r="U104009" i="1"/>
  <c r="U104008" i="1"/>
  <c r="U104007" i="1"/>
  <c r="U104006" i="1"/>
  <c r="U104005" i="1"/>
  <c r="U104004" i="1"/>
  <c r="U104003" i="1"/>
  <c r="U104002" i="1"/>
  <c r="U104001" i="1"/>
  <c r="U104000" i="1"/>
  <c r="U103999" i="1"/>
  <c r="U103998" i="1"/>
  <c r="U103997" i="1"/>
  <c r="U103996" i="1"/>
  <c r="U103995" i="1"/>
  <c r="U103994" i="1"/>
  <c r="U103993" i="1"/>
  <c r="U103992" i="1"/>
  <c r="U103991" i="1"/>
  <c r="U103990" i="1"/>
  <c r="U103989" i="1"/>
  <c r="U103988" i="1"/>
  <c r="U103987" i="1"/>
  <c r="U103986" i="1"/>
  <c r="U103985" i="1"/>
  <c r="U103984" i="1"/>
  <c r="U103983" i="1"/>
  <c r="U103982" i="1"/>
  <c r="U103981" i="1"/>
  <c r="U103980" i="1"/>
  <c r="U103979" i="1"/>
  <c r="U103978" i="1"/>
  <c r="U103977" i="1"/>
  <c r="U103976" i="1"/>
  <c r="U103975" i="1"/>
  <c r="U103974" i="1"/>
  <c r="U103973" i="1"/>
  <c r="U103972" i="1"/>
  <c r="U103971" i="1"/>
  <c r="U103970" i="1"/>
  <c r="U103969" i="1"/>
  <c r="U103968" i="1"/>
  <c r="U103967" i="1"/>
  <c r="U103966" i="1"/>
  <c r="U103965" i="1"/>
  <c r="U103964" i="1"/>
  <c r="U103963" i="1"/>
  <c r="U103962" i="1"/>
  <c r="U103961" i="1"/>
  <c r="U103960" i="1"/>
  <c r="U103959" i="1"/>
  <c r="U103958" i="1"/>
  <c r="U103957" i="1"/>
  <c r="U103956" i="1"/>
  <c r="U103955" i="1"/>
  <c r="U103954" i="1"/>
  <c r="U103953" i="1"/>
  <c r="U103952" i="1"/>
  <c r="U103951" i="1"/>
  <c r="U103950" i="1"/>
  <c r="U103949" i="1"/>
  <c r="U103948" i="1"/>
  <c r="U103947" i="1"/>
  <c r="U103946" i="1"/>
  <c r="U103945" i="1"/>
  <c r="U103944" i="1"/>
  <c r="U103943" i="1"/>
  <c r="U103942" i="1"/>
  <c r="U103941" i="1"/>
  <c r="U103940" i="1"/>
  <c r="U103939" i="1"/>
  <c r="U103938" i="1"/>
  <c r="U103937" i="1"/>
  <c r="U103936" i="1"/>
  <c r="U103935" i="1"/>
  <c r="U103934" i="1"/>
  <c r="U103933" i="1"/>
  <c r="U103932" i="1"/>
  <c r="U103931" i="1"/>
  <c r="U103930" i="1"/>
  <c r="U103929" i="1"/>
  <c r="U103928" i="1"/>
  <c r="U103927" i="1"/>
  <c r="U103926" i="1"/>
  <c r="U103925" i="1"/>
  <c r="U103924" i="1"/>
  <c r="U103923" i="1"/>
  <c r="U103922" i="1"/>
  <c r="U103921" i="1"/>
  <c r="U103920" i="1"/>
  <c r="U103919" i="1"/>
  <c r="U103918" i="1"/>
  <c r="U103917" i="1"/>
  <c r="U103916" i="1"/>
  <c r="U103915" i="1"/>
  <c r="U103914" i="1"/>
  <c r="U103913" i="1"/>
  <c r="U103912" i="1"/>
  <c r="U103911" i="1"/>
  <c r="U103910" i="1"/>
  <c r="U103909" i="1"/>
  <c r="U103908" i="1"/>
  <c r="U103907" i="1"/>
  <c r="U103906" i="1"/>
  <c r="U103905" i="1"/>
  <c r="U103904" i="1"/>
  <c r="U103903" i="1"/>
  <c r="U103902" i="1"/>
  <c r="U103901" i="1"/>
  <c r="U103900" i="1"/>
  <c r="U103899" i="1"/>
  <c r="U103898" i="1"/>
  <c r="U103897" i="1"/>
  <c r="U103896" i="1"/>
  <c r="U103895" i="1"/>
  <c r="U103894" i="1"/>
  <c r="U103893" i="1"/>
  <c r="U103892" i="1"/>
  <c r="U103891" i="1"/>
  <c r="U103890" i="1"/>
  <c r="U103889" i="1"/>
  <c r="U103888" i="1"/>
  <c r="U103887" i="1"/>
  <c r="U103886" i="1"/>
  <c r="U103885" i="1"/>
  <c r="U103884" i="1"/>
  <c r="U103883" i="1"/>
  <c r="U103882" i="1"/>
  <c r="U103881" i="1"/>
  <c r="U103880" i="1"/>
  <c r="U103879" i="1"/>
  <c r="U103878" i="1"/>
  <c r="U103877" i="1"/>
  <c r="U103876" i="1"/>
  <c r="U103875" i="1"/>
  <c r="U103874" i="1"/>
  <c r="U103873" i="1"/>
  <c r="U103872" i="1"/>
  <c r="U103871" i="1"/>
  <c r="U103870" i="1"/>
  <c r="U103869" i="1"/>
  <c r="U103868" i="1"/>
  <c r="U103867" i="1"/>
  <c r="U103866" i="1"/>
  <c r="U103865" i="1"/>
  <c r="U103864" i="1"/>
  <c r="U103863" i="1"/>
  <c r="U103862" i="1"/>
  <c r="U103861" i="1"/>
  <c r="U103860" i="1"/>
  <c r="U103859" i="1"/>
  <c r="U103858" i="1"/>
  <c r="U103857" i="1"/>
  <c r="U103856" i="1"/>
  <c r="U103855" i="1"/>
  <c r="U103854" i="1"/>
  <c r="U103853" i="1"/>
  <c r="U103852" i="1"/>
  <c r="U103851" i="1"/>
  <c r="U103850" i="1"/>
  <c r="U103849" i="1"/>
  <c r="U103848" i="1"/>
  <c r="U103847" i="1"/>
  <c r="U103846" i="1"/>
  <c r="U103845" i="1"/>
  <c r="U103844" i="1"/>
  <c r="U103843" i="1"/>
  <c r="U103842" i="1"/>
  <c r="U103841" i="1"/>
  <c r="U103840" i="1"/>
  <c r="U103839" i="1"/>
  <c r="U103838" i="1"/>
  <c r="U103837" i="1"/>
  <c r="U103836" i="1"/>
  <c r="U103835" i="1"/>
  <c r="U103834" i="1"/>
  <c r="U103833" i="1"/>
  <c r="U103832" i="1"/>
  <c r="U103831" i="1"/>
  <c r="U103830" i="1"/>
  <c r="U103829" i="1"/>
  <c r="U103828" i="1"/>
  <c r="U103827" i="1"/>
  <c r="U103826" i="1"/>
  <c r="U103825" i="1"/>
  <c r="U103824" i="1"/>
  <c r="U103823" i="1"/>
  <c r="U103822" i="1"/>
  <c r="U103821" i="1"/>
  <c r="U103820" i="1"/>
  <c r="U103819" i="1"/>
  <c r="U103818" i="1"/>
  <c r="U103817" i="1"/>
  <c r="U103816" i="1"/>
  <c r="U103815" i="1"/>
  <c r="U103814" i="1"/>
  <c r="U103813" i="1"/>
  <c r="U103812" i="1"/>
  <c r="U103811" i="1"/>
  <c r="U103810" i="1"/>
  <c r="U103809" i="1"/>
  <c r="U103808" i="1"/>
  <c r="U103807" i="1"/>
  <c r="U103806" i="1"/>
  <c r="U103805" i="1"/>
  <c r="U103804" i="1"/>
  <c r="U103803" i="1"/>
  <c r="U103802" i="1"/>
  <c r="U103801" i="1"/>
  <c r="U103800" i="1"/>
  <c r="U103799" i="1"/>
  <c r="U103798" i="1"/>
  <c r="U103797" i="1"/>
  <c r="U103796" i="1"/>
  <c r="U103795" i="1"/>
  <c r="U103794" i="1"/>
  <c r="U103793" i="1"/>
  <c r="U103792" i="1"/>
  <c r="U103791" i="1"/>
  <c r="U103790" i="1"/>
  <c r="U103789" i="1"/>
  <c r="U103788" i="1"/>
  <c r="U103787" i="1"/>
  <c r="U103786" i="1"/>
  <c r="U103785" i="1"/>
  <c r="U103784" i="1"/>
  <c r="U103783" i="1"/>
  <c r="U103782" i="1"/>
  <c r="U103781" i="1"/>
  <c r="U103780" i="1"/>
  <c r="U103779" i="1"/>
  <c r="U103778" i="1"/>
  <c r="U103777" i="1"/>
  <c r="U103776" i="1"/>
  <c r="U103775" i="1"/>
  <c r="U103774" i="1"/>
  <c r="U103773" i="1"/>
  <c r="U103772" i="1"/>
  <c r="U103771" i="1"/>
  <c r="U103770" i="1"/>
  <c r="U103769" i="1"/>
  <c r="U103768" i="1"/>
  <c r="U103767" i="1"/>
  <c r="U103766" i="1"/>
  <c r="U103765" i="1"/>
  <c r="U103764" i="1"/>
  <c r="U103763" i="1"/>
  <c r="U103762" i="1"/>
  <c r="U103761" i="1"/>
  <c r="U103760" i="1"/>
  <c r="U103759" i="1"/>
  <c r="U103758" i="1"/>
  <c r="U103757" i="1"/>
  <c r="U103756" i="1"/>
  <c r="U103755" i="1"/>
  <c r="U103754" i="1"/>
  <c r="U103753" i="1"/>
  <c r="U103752" i="1"/>
  <c r="U103751" i="1"/>
  <c r="U103750" i="1"/>
  <c r="U103749" i="1"/>
  <c r="U103748" i="1"/>
  <c r="U103747" i="1"/>
  <c r="U103746" i="1"/>
  <c r="U103745" i="1"/>
  <c r="U103744" i="1"/>
  <c r="U103743" i="1"/>
  <c r="U103742" i="1"/>
  <c r="U103741" i="1"/>
  <c r="U103740" i="1"/>
  <c r="U103739" i="1"/>
  <c r="U103738" i="1"/>
  <c r="U103737" i="1"/>
  <c r="U103736" i="1"/>
  <c r="U103735" i="1"/>
  <c r="U103734" i="1"/>
  <c r="U103733" i="1"/>
  <c r="U103732" i="1"/>
  <c r="U103731" i="1"/>
  <c r="U103730" i="1"/>
  <c r="U103729" i="1"/>
  <c r="U103728" i="1"/>
  <c r="U103727" i="1"/>
  <c r="U103726" i="1"/>
  <c r="U103725" i="1"/>
  <c r="U103724" i="1"/>
  <c r="U103723" i="1"/>
  <c r="U103722" i="1"/>
  <c r="U103721" i="1"/>
  <c r="U103720" i="1"/>
  <c r="U103719" i="1"/>
  <c r="U103718" i="1"/>
  <c r="U103717" i="1"/>
  <c r="U103716" i="1"/>
  <c r="U103715" i="1"/>
  <c r="U103714" i="1"/>
  <c r="U103713" i="1"/>
  <c r="U103712" i="1"/>
  <c r="U103711" i="1"/>
  <c r="U103710" i="1"/>
  <c r="U103709" i="1"/>
  <c r="U103708" i="1"/>
  <c r="U103707" i="1"/>
  <c r="U103706" i="1"/>
  <c r="U103705" i="1"/>
  <c r="U103704" i="1"/>
  <c r="U103703" i="1"/>
  <c r="U103702" i="1"/>
  <c r="U103701" i="1"/>
  <c r="U103700" i="1"/>
  <c r="U103699" i="1"/>
  <c r="U103698" i="1"/>
  <c r="U103697" i="1"/>
  <c r="U103696" i="1"/>
  <c r="U103695" i="1"/>
  <c r="U103694" i="1"/>
  <c r="U103693" i="1"/>
  <c r="U103692" i="1"/>
  <c r="U103691" i="1"/>
  <c r="U103690" i="1"/>
  <c r="U103689" i="1"/>
  <c r="U103688" i="1"/>
  <c r="U103687" i="1"/>
  <c r="U103686" i="1"/>
  <c r="U103685" i="1"/>
  <c r="U103684" i="1"/>
  <c r="U103683" i="1"/>
  <c r="U103682" i="1"/>
  <c r="U103681" i="1"/>
  <c r="U103680" i="1"/>
  <c r="U103679" i="1"/>
  <c r="U103678" i="1"/>
  <c r="U103677" i="1"/>
  <c r="U103676" i="1"/>
  <c r="U103675" i="1"/>
  <c r="U103674" i="1"/>
  <c r="U103673" i="1"/>
  <c r="U103672" i="1"/>
  <c r="U103671" i="1"/>
  <c r="U103670" i="1"/>
  <c r="U103669" i="1"/>
  <c r="U103668" i="1"/>
  <c r="U103667" i="1"/>
  <c r="U103666" i="1"/>
  <c r="U103665" i="1"/>
  <c r="U103664" i="1"/>
  <c r="U103663" i="1"/>
  <c r="U103662" i="1"/>
  <c r="U103661" i="1"/>
  <c r="U103660" i="1"/>
  <c r="U103659" i="1"/>
  <c r="U103658" i="1"/>
  <c r="U103657" i="1"/>
  <c r="U103656" i="1"/>
  <c r="U103655" i="1"/>
  <c r="U103654" i="1"/>
  <c r="U103653" i="1"/>
  <c r="U103652" i="1"/>
  <c r="U103651" i="1"/>
  <c r="U103650" i="1"/>
  <c r="U103649" i="1"/>
  <c r="U103648" i="1"/>
  <c r="U103647" i="1"/>
  <c r="U103646" i="1"/>
  <c r="U103645" i="1"/>
  <c r="U103644" i="1"/>
  <c r="U103643" i="1"/>
  <c r="U103642" i="1"/>
  <c r="U103641" i="1"/>
  <c r="U103640" i="1"/>
  <c r="U103639" i="1"/>
  <c r="U103638" i="1"/>
  <c r="U103637" i="1"/>
  <c r="U103636" i="1"/>
  <c r="U103635" i="1"/>
  <c r="U103634" i="1"/>
  <c r="U103633" i="1"/>
  <c r="U103632" i="1"/>
  <c r="U103631" i="1"/>
  <c r="U103630" i="1"/>
  <c r="U103629" i="1"/>
  <c r="U103628" i="1"/>
  <c r="U103627" i="1"/>
  <c r="U103626" i="1"/>
  <c r="U103625" i="1"/>
  <c r="U103624" i="1"/>
  <c r="U103623" i="1"/>
  <c r="U103622" i="1"/>
  <c r="U103621" i="1"/>
  <c r="U103620" i="1"/>
  <c r="U103619" i="1"/>
  <c r="U103618" i="1"/>
  <c r="U103617" i="1"/>
  <c r="U103616" i="1"/>
  <c r="U103615" i="1"/>
  <c r="U103614" i="1"/>
  <c r="U103613" i="1"/>
  <c r="U103612" i="1"/>
  <c r="U103611" i="1"/>
  <c r="U103610" i="1"/>
  <c r="U103609" i="1"/>
  <c r="U103608" i="1"/>
  <c r="U103607" i="1"/>
  <c r="U103606" i="1"/>
  <c r="U103605" i="1"/>
  <c r="U103604" i="1"/>
  <c r="U103603" i="1"/>
  <c r="U103602" i="1"/>
  <c r="U103601" i="1"/>
  <c r="U103600" i="1"/>
  <c r="U103599" i="1"/>
  <c r="U103598" i="1"/>
  <c r="U103597" i="1"/>
  <c r="U103596" i="1"/>
  <c r="U103595" i="1"/>
  <c r="U103594" i="1"/>
  <c r="U103593" i="1"/>
  <c r="U103592" i="1"/>
  <c r="U103591" i="1"/>
  <c r="U103590" i="1"/>
  <c r="U103589" i="1"/>
  <c r="U103588" i="1"/>
  <c r="U103587" i="1"/>
  <c r="U103586" i="1"/>
  <c r="U103585" i="1"/>
  <c r="U103584" i="1"/>
  <c r="U103583" i="1"/>
  <c r="U103582" i="1"/>
  <c r="U103581" i="1"/>
  <c r="U103580" i="1"/>
  <c r="U103579" i="1"/>
  <c r="U103578" i="1"/>
  <c r="U103577" i="1"/>
  <c r="U103576" i="1"/>
  <c r="U103575" i="1"/>
  <c r="U103574" i="1"/>
  <c r="U103573" i="1"/>
  <c r="U103572" i="1"/>
  <c r="U103571" i="1"/>
  <c r="U103570" i="1"/>
  <c r="U103569" i="1"/>
  <c r="U103568" i="1"/>
  <c r="U103567" i="1"/>
  <c r="U103566" i="1"/>
  <c r="U103565" i="1"/>
  <c r="U103564" i="1"/>
  <c r="U103563" i="1"/>
  <c r="U103562" i="1"/>
  <c r="U103561" i="1"/>
  <c r="U103560" i="1"/>
  <c r="U103559" i="1"/>
  <c r="U103558" i="1"/>
  <c r="U103557" i="1"/>
  <c r="U103556" i="1"/>
  <c r="U103555" i="1"/>
  <c r="U103554" i="1"/>
  <c r="U103553" i="1"/>
  <c r="U103552" i="1"/>
  <c r="U103551" i="1"/>
  <c r="U103550" i="1"/>
  <c r="U103549" i="1"/>
  <c r="U103548" i="1"/>
  <c r="U103547" i="1"/>
  <c r="U103546" i="1"/>
  <c r="U103545" i="1"/>
  <c r="U103544" i="1"/>
  <c r="U103543" i="1"/>
  <c r="U103542" i="1"/>
  <c r="U103541" i="1"/>
  <c r="U103540" i="1"/>
  <c r="U103539" i="1"/>
  <c r="U103538" i="1"/>
  <c r="U103537" i="1"/>
  <c r="U103536" i="1"/>
  <c r="U103535" i="1"/>
  <c r="U103534" i="1"/>
  <c r="U103533" i="1"/>
  <c r="U103532" i="1"/>
  <c r="U103531" i="1"/>
  <c r="U103530" i="1"/>
  <c r="U103529" i="1"/>
  <c r="U103528" i="1"/>
  <c r="U103527" i="1"/>
  <c r="U103526" i="1"/>
  <c r="U103525" i="1"/>
  <c r="U103524" i="1"/>
  <c r="U103523" i="1"/>
  <c r="U103522" i="1"/>
  <c r="U103521" i="1"/>
  <c r="U103520" i="1"/>
  <c r="U103519" i="1"/>
  <c r="U103518" i="1"/>
  <c r="U103517" i="1"/>
  <c r="U103516" i="1"/>
  <c r="U103515" i="1"/>
  <c r="U103514" i="1"/>
  <c r="U103513" i="1"/>
  <c r="U103512" i="1"/>
  <c r="U103511" i="1"/>
  <c r="U103510" i="1"/>
  <c r="U103509" i="1"/>
  <c r="U103508" i="1"/>
  <c r="U103507" i="1"/>
  <c r="U103506" i="1"/>
  <c r="U103505" i="1"/>
  <c r="U103504" i="1"/>
  <c r="U103503" i="1"/>
  <c r="U103502" i="1"/>
  <c r="U103501" i="1"/>
  <c r="U103500" i="1"/>
  <c r="U103499" i="1"/>
  <c r="U103498" i="1"/>
  <c r="U103497" i="1"/>
  <c r="U103496" i="1"/>
  <c r="U103495" i="1"/>
  <c r="U103494" i="1"/>
  <c r="U103493" i="1"/>
  <c r="U103492" i="1"/>
  <c r="U103491" i="1"/>
  <c r="U103490" i="1"/>
  <c r="U103489" i="1"/>
  <c r="U103488" i="1"/>
  <c r="U103487" i="1"/>
  <c r="U103486" i="1"/>
  <c r="U103485" i="1"/>
  <c r="U103484" i="1"/>
  <c r="U103483" i="1"/>
  <c r="U103482" i="1"/>
  <c r="U103481" i="1"/>
  <c r="U103480" i="1"/>
  <c r="U103479" i="1"/>
  <c r="U103478" i="1"/>
  <c r="U103477" i="1"/>
  <c r="U103476" i="1"/>
  <c r="U103475" i="1"/>
  <c r="U103474" i="1"/>
  <c r="U103473" i="1"/>
  <c r="U103472" i="1"/>
  <c r="U103471" i="1"/>
  <c r="U103470" i="1"/>
  <c r="U103469" i="1"/>
  <c r="U103468" i="1"/>
  <c r="U103467" i="1"/>
  <c r="U103466" i="1"/>
  <c r="U103465" i="1"/>
  <c r="U103464" i="1"/>
  <c r="U103463" i="1"/>
  <c r="U103462" i="1"/>
  <c r="U103461" i="1"/>
  <c r="U103460" i="1"/>
  <c r="U103459" i="1"/>
  <c r="U103458" i="1"/>
  <c r="U103457" i="1"/>
  <c r="U103456" i="1"/>
  <c r="U103455" i="1"/>
  <c r="U103454" i="1"/>
  <c r="U103453" i="1"/>
  <c r="U103452" i="1"/>
  <c r="U103451" i="1"/>
  <c r="U103450" i="1"/>
  <c r="U103449" i="1"/>
  <c r="U103448" i="1"/>
  <c r="U103447" i="1"/>
  <c r="U103446" i="1"/>
  <c r="U103445" i="1"/>
  <c r="U103444" i="1"/>
  <c r="U103443" i="1"/>
  <c r="U103442" i="1"/>
  <c r="U103441" i="1"/>
  <c r="U103440" i="1"/>
  <c r="U103439" i="1"/>
  <c r="U103438" i="1"/>
  <c r="U103437" i="1"/>
  <c r="U103436" i="1"/>
  <c r="U103435" i="1"/>
  <c r="U103434" i="1"/>
  <c r="U103433" i="1"/>
  <c r="U103432" i="1"/>
  <c r="U103431" i="1"/>
  <c r="U103430" i="1"/>
  <c r="U103429" i="1"/>
  <c r="U103428" i="1"/>
  <c r="U103427" i="1"/>
  <c r="U103426" i="1"/>
  <c r="U103425" i="1"/>
  <c r="U103424" i="1"/>
  <c r="U103423" i="1"/>
  <c r="U103422" i="1"/>
  <c r="U103421" i="1"/>
  <c r="U103420" i="1"/>
  <c r="U103419" i="1"/>
  <c r="U103418" i="1"/>
  <c r="U103417" i="1"/>
  <c r="U103416" i="1"/>
  <c r="U103415" i="1"/>
  <c r="U103414" i="1"/>
  <c r="U103413" i="1"/>
  <c r="U103412" i="1"/>
  <c r="U103411" i="1"/>
  <c r="U103410" i="1"/>
  <c r="U103409" i="1"/>
  <c r="U103408" i="1"/>
  <c r="U103407" i="1"/>
  <c r="U103406" i="1"/>
  <c r="U103405" i="1"/>
  <c r="U103404" i="1"/>
  <c r="U103403" i="1"/>
  <c r="U103402" i="1"/>
  <c r="U103401" i="1"/>
  <c r="U103400" i="1"/>
  <c r="U103399" i="1"/>
  <c r="U103398" i="1"/>
  <c r="U103397" i="1"/>
  <c r="U103396" i="1"/>
  <c r="U103395" i="1"/>
  <c r="U103394" i="1"/>
  <c r="U103393" i="1"/>
  <c r="U103392" i="1"/>
  <c r="U103391" i="1"/>
  <c r="U103390" i="1"/>
  <c r="U103389" i="1"/>
  <c r="U103388" i="1"/>
  <c r="U103387" i="1"/>
  <c r="U103386" i="1"/>
  <c r="U103385" i="1"/>
  <c r="U103384" i="1"/>
  <c r="U103383" i="1"/>
  <c r="U103382" i="1"/>
  <c r="U103381" i="1"/>
  <c r="U103380" i="1"/>
  <c r="U103379" i="1"/>
  <c r="U103378" i="1"/>
  <c r="U103377" i="1"/>
  <c r="U103376" i="1"/>
  <c r="U103375" i="1"/>
  <c r="U103374" i="1"/>
  <c r="U103373" i="1"/>
  <c r="U103372" i="1"/>
  <c r="U103371" i="1"/>
  <c r="U103370" i="1"/>
  <c r="U103369" i="1"/>
  <c r="U103368" i="1"/>
  <c r="U103367" i="1"/>
  <c r="U103366" i="1"/>
  <c r="U103365" i="1"/>
  <c r="U103364" i="1"/>
  <c r="U103363" i="1"/>
  <c r="U103362" i="1"/>
  <c r="U103361" i="1"/>
  <c r="U103360" i="1"/>
  <c r="U103359" i="1"/>
  <c r="U103358" i="1"/>
  <c r="U103357" i="1"/>
  <c r="U103356" i="1"/>
  <c r="U103355" i="1"/>
  <c r="U103354" i="1"/>
  <c r="U103353" i="1"/>
  <c r="U103352" i="1"/>
  <c r="U103351" i="1"/>
  <c r="U103350" i="1"/>
  <c r="U103349" i="1"/>
  <c r="U103348" i="1"/>
  <c r="U103347" i="1"/>
  <c r="U103346" i="1"/>
  <c r="U103345" i="1"/>
  <c r="U103344" i="1"/>
  <c r="U103343" i="1"/>
  <c r="U103342" i="1"/>
  <c r="U103341" i="1"/>
  <c r="U103340" i="1"/>
  <c r="U103339" i="1"/>
  <c r="U103338" i="1"/>
  <c r="U103337" i="1"/>
  <c r="U103336" i="1"/>
  <c r="U103335" i="1"/>
  <c r="U103334" i="1"/>
  <c r="U103333" i="1"/>
  <c r="U103332" i="1"/>
  <c r="U103331" i="1"/>
  <c r="U103330" i="1"/>
  <c r="U103329" i="1"/>
  <c r="U103328" i="1"/>
  <c r="U103327" i="1"/>
  <c r="U103326" i="1"/>
  <c r="U103325" i="1"/>
  <c r="U103324" i="1"/>
  <c r="U103323" i="1"/>
  <c r="U103322" i="1"/>
  <c r="U103321" i="1"/>
  <c r="U103320" i="1"/>
  <c r="U103319" i="1"/>
  <c r="U103318" i="1"/>
  <c r="U103317" i="1"/>
  <c r="U103316" i="1"/>
  <c r="U103315" i="1"/>
  <c r="U103314" i="1"/>
  <c r="U103313" i="1"/>
  <c r="U103312" i="1"/>
  <c r="U103311" i="1"/>
  <c r="U103310" i="1"/>
  <c r="U103309" i="1"/>
  <c r="U103308" i="1"/>
  <c r="U103307" i="1"/>
  <c r="U103306" i="1"/>
  <c r="U103305" i="1"/>
  <c r="U103304" i="1"/>
  <c r="U103303" i="1"/>
  <c r="U103302" i="1"/>
  <c r="U103301" i="1"/>
  <c r="U103300" i="1"/>
  <c r="U103299" i="1"/>
  <c r="U103298" i="1"/>
  <c r="U103297" i="1"/>
  <c r="U103296" i="1"/>
  <c r="U103295" i="1"/>
  <c r="U103294" i="1"/>
  <c r="U103293" i="1"/>
  <c r="U103292" i="1"/>
  <c r="U103291" i="1"/>
  <c r="U103290" i="1"/>
  <c r="U103289" i="1"/>
  <c r="U103288" i="1"/>
  <c r="U103287" i="1"/>
  <c r="U103286" i="1"/>
  <c r="U103285" i="1"/>
  <c r="U103284" i="1"/>
  <c r="U103283" i="1"/>
  <c r="U103282" i="1"/>
  <c r="U103281" i="1"/>
  <c r="U103280" i="1"/>
  <c r="U103279" i="1"/>
  <c r="U103278" i="1"/>
  <c r="U103277" i="1"/>
  <c r="U103276" i="1"/>
  <c r="U103275" i="1"/>
  <c r="U103274" i="1"/>
  <c r="U103273" i="1"/>
  <c r="U103272" i="1"/>
  <c r="U103271" i="1"/>
  <c r="U103270" i="1"/>
  <c r="U103269" i="1"/>
  <c r="U103268" i="1"/>
  <c r="U103267" i="1"/>
  <c r="U103266" i="1"/>
  <c r="U103265" i="1"/>
  <c r="U103264" i="1"/>
  <c r="U103263" i="1"/>
  <c r="U103262" i="1"/>
  <c r="U103261" i="1"/>
  <c r="U103260" i="1"/>
  <c r="U103259" i="1"/>
  <c r="U103258" i="1"/>
  <c r="U103257" i="1"/>
  <c r="U103256" i="1"/>
  <c r="U103255" i="1"/>
  <c r="U103254" i="1"/>
  <c r="U103253" i="1"/>
  <c r="U103252" i="1"/>
  <c r="U103251" i="1"/>
  <c r="U103250" i="1"/>
  <c r="U103249" i="1"/>
  <c r="U103248" i="1"/>
  <c r="U103247" i="1"/>
  <c r="U103246" i="1"/>
  <c r="U103245" i="1"/>
  <c r="U103244" i="1"/>
  <c r="U103243" i="1"/>
  <c r="U103242" i="1"/>
  <c r="U103241" i="1"/>
  <c r="U103240" i="1"/>
  <c r="U103239" i="1"/>
  <c r="U103238" i="1"/>
  <c r="U103237" i="1"/>
  <c r="U103236" i="1"/>
  <c r="U103235" i="1"/>
  <c r="U103234" i="1"/>
  <c r="U103233" i="1"/>
  <c r="U103232" i="1"/>
  <c r="U103231" i="1"/>
  <c r="U103230" i="1"/>
  <c r="U103229" i="1"/>
  <c r="U103228" i="1"/>
  <c r="U103227" i="1"/>
  <c r="U103226" i="1"/>
  <c r="U103225" i="1"/>
  <c r="U103224" i="1"/>
  <c r="U103223" i="1"/>
  <c r="U103222" i="1"/>
  <c r="U103221" i="1"/>
  <c r="U103220" i="1"/>
  <c r="U103219" i="1"/>
  <c r="U103218" i="1"/>
  <c r="U103217" i="1"/>
  <c r="U103216" i="1"/>
  <c r="U103215" i="1"/>
  <c r="U103214" i="1"/>
  <c r="U103213" i="1"/>
  <c r="U103212" i="1"/>
  <c r="U103211" i="1"/>
  <c r="U103210" i="1"/>
  <c r="U103209" i="1"/>
  <c r="U103208" i="1"/>
  <c r="U103207" i="1"/>
  <c r="U103206" i="1"/>
  <c r="U103205" i="1"/>
  <c r="U103204" i="1"/>
  <c r="U103203" i="1"/>
  <c r="U103202" i="1"/>
  <c r="U103201" i="1"/>
  <c r="U103200" i="1"/>
  <c r="U103199" i="1"/>
  <c r="U103198" i="1"/>
  <c r="U103197" i="1"/>
  <c r="U103196" i="1"/>
  <c r="U103195" i="1"/>
  <c r="U103194" i="1"/>
  <c r="U103193" i="1"/>
  <c r="U103192" i="1"/>
  <c r="U103191" i="1"/>
  <c r="U103190" i="1"/>
  <c r="U103189" i="1"/>
  <c r="U103188" i="1"/>
  <c r="U103187" i="1"/>
  <c r="U103186" i="1"/>
  <c r="U103185" i="1"/>
  <c r="U103184" i="1"/>
  <c r="U103183" i="1"/>
  <c r="U103182" i="1"/>
  <c r="U103181" i="1"/>
  <c r="U103180" i="1"/>
  <c r="U103179" i="1"/>
  <c r="U103178" i="1"/>
  <c r="U103177" i="1"/>
  <c r="U103176" i="1"/>
  <c r="U103175" i="1"/>
  <c r="U103174" i="1"/>
  <c r="U103173" i="1"/>
  <c r="U103172" i="1"/>
  <c r="U103171" i="1"/>
  <c r="U103170" i="1"/>
  <c r="U103169" i="1"/>
  <c r="U103168" i="1"/>
  <c r="U103167" i="1"/>
  <c r="U103166" i="1"/>
  <c r="U103165" i="1"/>
  <c r="U103164" i="1"/>
  <c r="U103163" i="1"/>
  <c r="U103162" i="1"/>
  <c r="U103161" i="1"/>
  <c r="U103160" i="1"/>
  <c r="U103159" i="1"/>
  <c r="U103158" i="1"/>
  <c r="U103157" i="1"/>
  <c r="U103156" i="1"/>
  <c r="U103155" i="1"/>
  <c r="U103154" i="1"/>
  <c r="U103153" i="1"/>
  <c r="U103152" i="1"/>
  <c r="U103151" i="1"/>
  <c r="U103150" i="1"/>
  <c r="U103149" i="1"/>
  <c r="U103148" i="1"/>
  <c r="U103147" i="1"/>
  <c r="U103146" i="1"/>
  <c r="U103145" i="1"/>
  <c r="U103144" i="1"/>
  <c r="U103143" i="1"/>
  <c r="U103142" i="1"/>
  <c r="U103141" i="1"/>
  <c r="U103140" i="1"/>
  <c r="U103139" i="1"/>
  <c r="U103138" i="1"/>
  <c r="U103137" i="1"/>
  <c r="U103136" i="1"/>
  <c r="U103135" i="1"/>
  <c r="U103134" i="1"/>
  <c r="U103133" i="1"/>
  <c r="U103132" i="1"/>
  <c r="U103131" i="1"/>
  <c r="U103130" i="1"/>
  <c r="U103129" i="1"/>
  <c r="U103128" i="1"/>
  <c r="U103127" i="1"/>
  <c r="U103126" i="1"/>
  <c r="U103125" i="1"/>
  <c r="U103124" i="1"/>
  <c r="U103123" i="1"/>
  <c r="U103122" i="1"/>
  <c r="U103121" i="1"/>
  <c r="U103120" i="1"/>
  <c r="U103119" i="1"/>
  <c r="U103118" i="1"/>
  <c r="U103117" i="1"/>
  <c r="U103116" i="1"/>
  <c r="U103115" i="1"/>
  <c r="U103114" i="1"/>
  <c r="U103113" i="1"/>
  <c r="U103112" i="1"/>
  <c r="U103111" i="1"/>
  <c r="U103110" i="1"/>
  <c r="U103109" i="1"/>
  <c r="U103108" i="1"/>
  <c r="U103107" i="1"/>
  <c r="U103106" i="1"/>
  <c r="U103105" i="1"/>
  <c r="U103104" i="1"/>
  <c r="U103103" i="1"/>
  <c r="U103102" i="1"/>
  <c r="U103101" i="1"/>
  <c r="U103100" i="1"/>
  <c r="U103099" i="1"/>
  <c r="U103098" i="1"/>
  <c r="U103097" i="1"/>
  <c r="U103096" i="1"/>
  <c r="U103095" i="1"/>
  <c r="U103094" i="1"/>
  <c r="U103093" i="1"/>
  <c r="U103092" i="1"/>
  <c r="U103091" i="1"/>
  <c r="U103090" i="1"/>
  <c r="U103089" i="1"/>
  <c r="U103088" i="1"/>
  <c r="U103087" i="1"/>
  <c r="U103086" i="1"/>
  <c r="U103085" i="1"/>
  <c r="U103084" i="1"/>
  <c r="U103083" i="1"/>
  <c r="U103082" i="1"/>
  <c r="U103081" i="1"/>
  <c r="U103080" i="1"/>
  <c r="U103079" i="1"/>
  <c r="U103078" i="1"/>
  <c r="U103077" i="1"/>
  <c r="U103076" i="1"/>
  <c r="U103075" i="1"/>
  <c r="U103074" i="1"/>
  <c r="U103073" i="1"/>
  <c r="U103072" i="1"/>
  <c r="U103071" i="1"/>
  <c r="U103070" i="1"/>
  <c r="U103069" i="1"/>
  <c r="U103068" i="1"/>
  <c r="U103067" i="1"/>
  <c r="U103066" i="1"/>
  <c r="U103065" i="1"/>
  <c r="U103064" i="1"/>
  <c r="U103063" i="1"/>
  <c r="U103062" i="1"/>
  <c r="U103061" i="1"/>
  <c r="U103060" i="1"/>
  <c r="U103059" i="1"/>
  <c r="U103058" i="1"/>
  <c r="U103057" i="1"/>
  <c r="U103056" i="1"/>
  <c r="U103055" i="1"/>
  <c r="U103054" i="1"/>
  <c r="U103053" i="1"/>
  <c r="U103052" i="1"/>
  <c r="U103051" i="1"/>
  <c r="U103050" i="1"/>
  <c r="U103049" i="1"/>
  <c r="U103048" i="1"/>
  <c r="U103047" i="1"/>
  <c r="U103046" i="1"/>
  <c r="U103045" i="1"/>
  <c r="U103044" i="1"/>
  <c r="U103043" i="1"/>
  <c r="U103042" i="1"/>
  <c r="U103041" i="1"/>
  <c r="U103040" i="1"/>
  <c r="U103039" i="1"/>
  <c r="U103038" i="1"/>
  <c r="U103037" i="1"/>
  <c r="U103036" i="1"/>
  <c r="U103035" i="1"/>
  <c r="U103034" i="1"/>
  <c r="U103033" i="1"/>
  <c r="U103032" i="1"/>
  <c r="U103031" i="1"/>
  <c r="U103030" i="1"/>
  <c r="U103029" i="1"/>
  <c r="U103028" i="1"/>
  <c r="U103027" i="1"/>
  <c r="U103026" i="1"/>
  <c r="U103025" i="1"/>
  <c r="U103024" i="1"/>
  <c r="U103023" i="1"/>
  <c r="U103022" i="1"/>
  <c r="U103021" i="1"/>
  <c r="U103020" i="1"/>
  <c r="U103019" i="1"/>
  <c r="U103018" i="1"/>
  <c r="U103017" i="1"/>
  <c r="U103016" i="1"/>
  <c r="U103015" i="1"/>
  <c r="U103014" i="1"/>
  <c r="U103013" i="1"/>
  <c r="U103012" i="1"/>
  <c r="U103011" i="1"/>
  <c r="U103010" i="1"/>
  <c r="U103009" i="1"/>
  <c r="U103008" i="1"/>
  <c r="U103007" i="1"/>
  <c r="U103006" i="1"/>
  <c r="U103005" i="1"/>
  <c r="U103004" i="1"/>
  <c r="U103003" i="1"/>
  <c r="U103002" i="1"/>
  <c r="U103001" i="1"/>
  <c r="U103000" i="1"/>
  <c r="U102999" i="1"/>
  <c r="U102998" i="1"/>
  <c r="U102997" i="1"/>
  <c r="U102996" i="1"/>
  <c r="U102995" i="1"/>
  <c r="U102994" i="1"/>
  <c r="U102993" i="1"/>
  <c r="U102992" i="1"/>
  <c r="U102991" i="1"/>
  <c r="U102990" i="1"/>
  <c r="U102989" i="1"/>
  <c r="U102988" i="1"/>
  <c r="U102987" i="1"/>
  <c r="U102986" i="1"/>
  <c r="U102985" i="1"/>
  <c r="U102984" i="1"/>
  <c r="U102983" i="1"/>
  <c r="U102982" i="1"/>
  <c r="U102981" i="1"/>
  <c r="U102980" i="1"/>
  <c r="U102979" i="1"/>
  <c r="U102978" i="1"/>
  <c r="U102977" i="1"/>
  <c r="U102976" i="1"/>
  <c r="U102975" i="1"/>
  <c r="U102974" i="1"/>
  <c r="U102973" i="1"/>
  <c r="U102972" i="1"/>
  <c r="U102971" i="1"/>
  <c r="U102970" i="1"/>
  <c r="U102969" i="1"/>
  <c r="U102968" i="1"/>
  <c r="U102967" i="1"/>
  <c r="U102966" i="1"/>
  <c r="U102965" i="1"/>
  <c r="U102964" i="1"/>
  <c r="U102963" i="1"/>
  <c r="U102962" i="1"/>
  <c r="U102961" i="1"/>
  <c r="U102960" i="1"/>
  <c r="U102959" i="1"/>
  <c r="U102958" i="1"/>
  <c r="U102957" i="1"/>
  <c r="U102956" i="1"/>
  <c r="U102955" i="1"/>
  <c r="U102954" i="1"/>
  <c r="U102953" i="1"/>
  <c r="U102952" i="1"/>
  <c r="U102951" i="1"/>
  <c r="U102950" i="1"/>
  <c r="U102949" i="1"/>
  <c r="U102948" i="1"/>
  <c r="U102947" i="1"/>
  <c r="U102946" i="1"/>
  <c r="U102945" i="1"/>
  <c r="U102944" i="1"/>
  <c r="U102943" i="1"/>
  <c r="U102942" i="1"/>
  <c r="U102941" i="1"/>
  <c r="U102940" i="1"/>
  <c r="U102939" i="1"/>
  <c r="U102938" i="1"/>
  <c r="U102937" i="1"/>
  <c r="U102936" i="1"/>
  <c r="U102935" i="1"/>
  <c r="U102934" i="1"/>
  <c r="U102933" i="1"/>
  <c r="U102932" i="1"/>
  <c r="U102931" i="1"/>
  <c r="U102930" i="1"/>
  <c r="U102929" i="1"/>
  <c r="U102928" i="1"/>
  <c r="U102927" i="1"/>
  <c r="U102926" i="1"/>
  <c r="U102925" i="1"/>
  <c r="U102924" i="1"/>
  <c r="U102923" i="1"/>
  <c r="U102922" i="1"/>
  <c r="U102921" i="1"/>
  <c r="U102920" i="1"/>
  <c r="U102919" i="1"/>
  <c r="U102918" i="1"/>
  <c r="U102917" i="1"/>
  <c r="U102916" i="1"/>
  <c r="U102915" i="1"/>
  <c r="U102914" i="1"/>
  <c r="U102913" i="1"/>
  <c r="U102912" i="1"/>
  <c r="U102911" i="1"/>
  <c r="U102910" i="1"/>
  <c r="U102909" i="1"/>
  <c r="U102908" i="1"/>
  <c r="U102907" i="1"/>
  <c r="U102906" i="1"/>
  <c r="U102905" i="1"/>
  <c r="U102904" i="1"/>
  <c r="U102903" i="1"/>
  <c r="U102902" i="1"/>
  <c r="U102901" i="1"/>
  <c r="U102900" i="1"/>
  <c r="U102899" i="1"/>
  <c r="U102898" i="1"/>
  <c r="U102897" i="1"/>
  <c r="U102896" i="1"/>
  <c r="U102895" i="1"/>
  <c r="U102894" i="1"/>
  <c r="U102893" i="1"/>
  <c r="U102892" i="1"/>
  <c r="U102891" i="1"/>
  <c r="U102890" i="1"/>
  <c r="U102889" i="1"/>
  <c r="U102888" i="1"/>
  <c r="U102887" i="1"/>
  <c r="U102886" i="1"/>
  <c r="U102885" i="1"/>
  <c r="U102884" i="1"/>
  <c r="U102883" i="1"/>
  <c r="U102882" i="1"/>
  <c r="U102881" i="1"/>
  <c r="U102880" i="1"/>
  <c r="U102879" i="1"/>
  <c r="U102878" i="1"/>
  <c r="U102877" i="1"/>
  <c r="U102876" i="1"/>
  <c r="U102875" i="1"/>
  <c r="U102874" i="1"/>
  <c r="U102873" i="1"/>
  <c r="U102872" i="1"/>
  <c r="U102871" i="1"/>
  <c r="U102870" i="1"/>
  <c r="U102869" i="1"/>
  <c r="U102868" i="1"/>
  <c r="U102867" i="1"/>
  <c r="U102866" i="1"/>
  <c r="U102865" i="1"/>
  <c r="U102864" i="1"/>
  <c r="U102863" i="1"/>
  <c r="U102862" i="1"/>
  <c r="U102861" i="1"/>
  <c r="U102860" i="1"/>
  <c r="U102859" i="1"/>
  <c r="U102858" i="1"/>
  <c r="U102857" i="1"/>
  <c r="U102856" i="1"/>
  <c r="U102855" i="1"/>
  <c r="U102854" i="1"/>
  <c r="U102853" i="1"/>
  <c r="U102852" i="1"/>
  <c r="U102851" i="1"/>
  <c r="U102850" i="1"/>
  <c r="U102849" i="1"/>
  <c r="U102848" i="1"/>
  <c r="U102847" i="1"/>
  <c r="U102846" i="1"/>
  <c r="U102845" i="1"/>
  <c r="U102844" i="1"/>
  <c r="U102843" i="1"/>
  <c r="U102842" i="1"/>
  <c r="U102841" i="1"/>
  <c r="U102840" i="1"/>
  <c r="U102839" i="1"/>
  <c r="U102838" i="1"/>
  <c r="U102837" i="1"/>
  <c r="U102836" i="1"/>
  <c r="U102835" i="1"/>
  <c r="U102834" i="1"/>
  <c r="U102833" i="1"/>
  <c r="U102832" i="1"/>
  <c r="U102831" i="1"/>
  <c r="U102830" i="1"/>
  <c r="U102829" i="1"/>
  <c r="U102828" i="1"/>
  <c r="U102827" i="1"/>
  <c r="U102826" i="1"/>
  <c r="U102825" i="1"/>
  <c r="U102824" i="1"/>
  <c r="U102823" i="1"/>
  <c r="U102822" i="1"/>
  <c r="U102821" i="1"/>
  <c r="U102820" i="1"/>
  <c r="U102819" i="1"/>
  <c r="U102818" i="1"/>
  <c r="U102817" i="1"/>
  <c r="U102816" i="1"/>
  <c r="U102815" i="1"/>
  <c r="U102814" i="1"/>
  <c r="U102813" i="1"/>
  <c r="U102812" i="1"/>
  <c r="U102811" i="1"/>
  <c r="U102810" i="1"/>
  <c r="U102809" i="1"/>
  <c r="U102808" i="1"/>
  <c r="U102807" i="1"/>
  <c r="U102806" i="1"/>
  <c r="U102805" i="1"/>
  <c r="U102804" i="1"/>
  <c r="U102803" i="1"/>
  <c r="U102802" i="1"/>
  <c r="U102801" i="1"/>
  <c r="U102800" i="1"/>
  <c r="U102799" i="1"/>
  <c r="U102798" i="1"/>
  <c r="U102797" i="1"/>
  <c r="U102796" i="1"/>
  <c r="U102795" i="1"/>
  <c r="U102794" i="1"/>
  <c r="U102793" i="1"/>
  <c r="U102792" i="1"/>
  <c r="U102791" i="1"/>
  <c r="U102790" i="1"/>
  <c r="U102789" i="1"/>
  <c r="U102788" i="1"/>
  <c r="U102787" i="1"/>
  <c r="U102786" i="1"/>
  <c r="U102785" i="1"/>
  <c r="U102784" i="1"/>
  <c r="U102783" i="1"/>
  <c r="U102782" i="1"/>
  <c r="U102781" i="1"/>
  <c r="U102780" i="1"/>
  <c r="U102779" i="1"/>
  <c r="U102778" i="1"/>
  <c r="U102777" i="1"/>
  <c r="U102776" i="1"/>
  <c r="U102775" i="1"/>
  <c r="U102774" i="1"/>
  <c r="U102773" i="1"/>
  <c r="U102772" i="1"/>
  <c r="U102771" i="1"/>
  <c r="U102770" i="1"/>
  <c r="U102769" i="1"/>
  <c r="U102768" i="1"/>
  <c r="U102767" i="1"/>
  <c r="U102766" i="1"/>
  <c r="U102765" i="1"/>
  <c r="U102764" i="1"/>
  <c r="U102763" i="1"/>
  <c r="U102762" i="1"/>
  <c r="U102761" i="1"/>
  <c r="U102760" i="1"/>
  <c r="U102759" i="1"/>
  <c r="U102758" i="1"/>
  <c r="U102757" i="1"/>
  <c r="U102756" i="1"/>
  <c r="U102755" i="1"/>
  <c r="U102754" i="1"/>
  <c r="U102753" i="1"/>
  <c r="U102752" i="1"/>
  <c r="U102751" i="1"/>
  <c r="U102750" i="1"/>
  <c r="U102749" i="1"/>
  <c r="U102748" i="1"/>
  <c r="U102747" i="1"/>
  <c r="U102746" i="1"/>
  <c r="U102745" i="1"/>
  <c r="U102744" i="1"/>
  <c r="U102743" i="1"/>
  <c r="U102742" i="1"/>
  <c r="U102741" i="1"/>
  <c r="U102740" i="1"/>
  <c r="U102739" i="1"/>
  <c r="U102738" i="1"/>
  <c r="U102737" i="1"/>
  <c r="U102736" i="1"/>
  <c r="U102735" i="1"/>
  <c r="U102734" i="1"/>
  <c r="U102733" i="1"/>
  <c r="U102732" i="1"/>
  <c r="U102731" i="1"/>
  <c r="U102730" i="1"/>
  <c r="U102729" i="1"/>
  <c r="U102728" i="1"/>
  <c r="U102727" i="1"/>
  <c r="U102726" i="1"/>
  <c r="U102725" i="1"/>
  <c r="U102724" i="1"/>
  <c r="U102723" i="1"/>
  <c r="U102722" i="1"/>
  <c r="U102721" i="1"/>
  <c r="U102720" i="1"/>
  <c r="U102719" i="1"/>
  <c r="U102718" i="1"/>
  <c r="U102717" i="1"/>
  <c r="U102716" i="1"/>
  <c r="U102715" i="1"/>
  <c r="U102714" i="1"/>
  <c r="U102713" i="1"/>
  <c r="U102712" i="1"/>
  <c r="U102711" i="1"/>
  <c r="U102710" i="1"/>
  <c r="U102709" i="1"/>
  <c r="U102708" i="1"/>
  <c r="U102707" i="1"/>
  <c r="U102706" i="1"/>
  <c r="U102705" i="1"/>
  <c r="U102704" i="1"/>
  <c r="U102703" i="1"/>
  <c r="U102702" i="1"/>
  <c r="U102701" i="1"/>
  <c r="U102700" i="1"/>
  <c r="U102699" i="1"/>
  <c r="U102698" i="1"/>
  <c r="U102697" i="1"/>
  <c r="U102696" i="1"/>
  <c r="U102695" i="1"/>
  <c r="U102694" i="1"/>
  <c r="U102693" i="1"/>
  <c r="U102692" i="1"/>
  <c r="U102691" i="1"/>
  <c r="U102690" i="1"/>
  <c r="U102689" i="1"/>
  <c r="U102688" i="1"/>
  <c r="U102687" i="1"/>
  <c r="U102686" i="1"/>
  <c r="U102685" i="1"/>
  <c r="U102684" i="1"/>
  <c r="U102683" i="1"/>
  <c r="U102682" i="1"/>
  <c r="U102681" i="1"/>
  <c r="U102680" i="1"/>
  <c r="U102679" i="1"/>
  <c r="U102678" i="1"/>
  <c r="U102677" i="1"/>
  <c r="U102676" i="1"/>
  <c r="U102675" i="1"/>
  <c r="U102674" i="1"/>
  <c r="U102673" i="1"/>
  <c r="U102672" i="1"/>
  <c r="U102671" i="1"/>
  <c r="U102670" i="1"/>
  <c r="U102669" i="1"/>
  <c r="U102668" i="1"/>
  <c r="U102667" i="1"/>
  <c r="U102666" i="1"/>
  <c r="U102665" i="1"/>
  <c r="U102664" i="1"/>
  <c r="U102663" i="1"/>
  <c r="U102662" i="1"/>
  <c r="U102661" i="1"/>
  <c r="U102660" i="1"/>
  <c r="U102659" i="1"/>
  <c r="U102658" i="1"/>
  <c r="U102657" i="1"/>
  <c r="U102656" i="1"/>
  <c r="U102655" i="1"/>
  <c r="U102654" i="1"/>
  <c r="U102653" i="1"/>
  <c r="U102652" i="1"/>
  <c r="U102651" i="1"/>
  <c r="U102650" i="1"/>
  <c r="U102649" i="1"/>
  <c r="U102648" i="1"/>
  <c r="U102647" i="1"/>
  <c r="U102646" i="1"/>
  <c r="U102645" i="1"/>
  <c r="U102644" i="1"/>
  <c r="U102643" i="1"/>
  <c r="U102642" i="1"/>
  <c r="U102641" i="1"/>
  <c r="U102640" i="1"/>
  <c r="U102639" i="1"/>
  <c r="U102638" i="1"/>
  <c r="U102637" i="1"/>
  <c r="U102636" i="1"/>
  <c r="U102635" i="1"/>
  <c r="U102634" i="1"/>
  <c r="U102633" i="1"/>
  <c r="U102632" i="1"/>
  <c r="U102631" i="1"/>
  <c r="U102630" i="1"/>
  <c r="U102629" i="1"/>
  <c r="U102628" i="1"/>
  <c r="U102627" i="1"/>
  <c r="U102626" i="1"/>
  <c r="U102625" i="1"/>
  <c r="U102624" i="1"/>
  <c r="U102623" i="1"/>
  <c r="U102622" i="1"/>
  <c r="U102621" i="1"/>
  <c r="U102620" i="1"/>
  <c r="U102619" i="1"/>
  <c r="U102618" i="1"/>
  <c r="U102617" i="1"/>
  <c r="U102616" i="1"/>
  <c r="U102615" i="1"/>
  <c r="U102614" i="1"/>
  <c r="U102613" i="1"/>
  <c r="U102612" i="1"/>
  <c r="U102611" i="1"/>
  <c r="U102610" i="1"/>
  <c r="U102609" i="1"/>
  <c r="U102608" i="1"/>
  <c r="U102607" i="1"/>
  <c r="U102606" i="1"/>
  <c r="U102605" i="1"/>
  <c r="U102604" i="1"/>
  <c r="U102603" i="1"/>
  <c r="U102602" i="1"/>
  <c r="U102601" i="1"/>
  <c r="U102600" i="1"/>
  <c r="U102599" i="1"/>
  <c r="U102598" i="1"/>
  <c r="U102597" i="1"/>
  <c r="U102596" i="1"/>
  <c r="U102595" i="1"/>
  <c r="U102594" i="1"/>
  <c r="U102593" i="1"/>
  <c r="U102592" i="1"/>
  <c r="U102591" i="1"/>
  <c r="U102590" i="1"/>
  <c r="U102589" i="1"/>
  <c r="U102588" i="1"/>
  <c r="U102587" i="1"/>
  <c r="U102586" i="1"/>
  <c r="U102585" i="1"/>
  <c r="U102584" i="1"/>
  <c r="U102583" i="1"/>
  <c r="U102582" i="1"/>
  <c r="U102581" i="1"/>
  <c r="U102580" i="1"/>
  <c r="U102579" i="1"/>
  <c r="U102578" i="1"/>
  <c r="U102577" i="1"/>
  <c r="U102576" i="1"/>
  <c r="U102575" i="1"/>
  <c r="U102574" i="1"/>
  <c r="U102573" i="1"/>
  <c r="U102572" i="1"/>
  <c r="U102571" i="1"/>
  <c r="U102570" i="1"/>
  <c r="U102569" i="1"/>
  <c r="U102568" i="1"/>
  <c r="U102567" i="1"/>
  <c r="U102566" i="1"/>
  <c r="U102565" i="1"/>
  <c r="U102564" i="1"/>
  <c r="U102563" i="1"/>
  <c r="U102562" i="1"/>
  <c r="U102561" i="1"/>
  <c r="U102560" i="1"/>
  <c r="U102559" i="1"/>
  <c r="U102558" i="1"/>
  <c r="U102557" i="1"/>
  <c r="U102556" i="1"/>
  <c r="U102555" i="1"/>
  <c r="U102554" i="1"/>
  <c r="U102553" i="1"/>
  <c r="U102552" i="1"/>
  <c r="U102551" i="1"/>
  <c r="U102550" i="1"/>
  <c r="U102549" i="1"/>
  <c r="U102548" i="1"/>
  <c r="U102547" i="1"/>
  <c r="U102546" i="1"/>
  <c r="U102545" i="1"/>
  <c r="U102544" i="1"/>
  <c r="U102543" i="1"/>
  <c r="U102542" i="1"/>
  <c r="U102541" i="1"/>
  <c r="U102540" i="1"/>
  <c r="U102539" i="1"/>
  <c r="U102538" i="1"/>
  <c r="U102537" i="1"/>
  <c r="U102536" i="1"/>
  <c r="U102535" i="1"/>
  <c r="U102534" i="1"/>
  <c r="U102533" i="1"/>
  <c r="U102532" i="1"/>
  <c r="U102531" i="1"/>
  <c r="U102530" i="1"/>
  <c r="U102529" i="1"/>
  <c r="U102528" i="1"/>
  <c r="U102527" i="1"/>
  <c r="U102526" i="1"/>
  <c r="U102525" i="1"/>
  <c r="U102524" i="1"/>
  <c r="U102523" i="1"/>
  <c r="U102522" i="1"/>
  <c r="U102521" i="1"/>
  <c r="U102520" i="1"/>
  <c r="U102519" i="1"/>
  <c r="U102518" i="1"/>
  <c r="U102517" i="1"/>
  <c r="U102516" i="1"/>
  <c r="U102515" i="1"/>
  <c r="U102514" i="1"/>
  <c r="U102513" i="1"/>
  <c r="U102512" i="1"/>
  <c r="U102511" i="1"/>
  <c r="U102510" i="1"/>
  <c r="U102509" i="1"/>
  <c r="U102508" i="1"/>
  <c r="U102507" i="1"/>
  <c r="U102506" i="1"/>
  <c r="U102505" i="1"/>
  <c r="U102504" i="1"/>
  <c r="U102503" i="1"/>
  <c r="U102502" i="1"/>
  <c r="U102501" i="1"/>
  <c r="U102500" i="1"/>
  <c r="U102499" i="1"/>
  <c r="U102498" i="1"/>
  <c r="U102497" i="1"/>
  <c r="U102496" i="1"/>
  <c r="U102495" i="1"/>
  <c r="U102494" i="1"/>
  <c r="U102493" i="1"/>
  <c r="U102492" i="1"/>
  <c r="U102491" i="1"/>
  <c r="U102490" i="1"/>
  <c r="U102489" i="1"/>
  <c r="U102488" i="1"/>
  <c r="U102487" i="1"/>
  <c r="U102486" i="1"/>
  <c r="U102485" i="1"/>
  <c r="U102484" i="1"/>
  <c r="U102483" i="1"/>
  <c r="U102482" i="1"/>
  <c r="U102481" i="1"/>
  <c r="U102480" i="1"/>
  <c r="U102479" i="1"/>
  <c r="U102478" i="1"/>
  <c r="U102477" i="1"/>
  <c r="U102476" i="1"/>
  <c r="U102475" i="1"/>
  <c r="U102474" i="1"/>
  <c r="U102473" i="1"/>
  <c r="U102472" i="1"/>
  <c r="U102471" i="1"/>
  <c r="U102470" i="1"/>
  <c r="U102469" i="1"/>
  <c r="U102468" i="1"/>
  <c r="U102467" i="1"/>
  <c r="U102466" i="1"/>
  <c r="U102465" i="1"/>
  <c r="U102464" i="1"/>
  <c r="U102463" i="1"/>
  <c r="U102462" i="1"/>
  <c r="U102461" i="1"/>
  <c r="U102460" i="1"/>
  <c r="U102459" i="1"/>
  <c r="U102458" i="1"/>
  <c r="U102457" i="1"/>
  <c r="U102456" i="1"/>
  <c r="U102455" i="1"/>
  <c r="U102454" i="1"/>
  <c r="U102453" i="1"/>
  <c r="U102452" i="1"/>
  <c r="U102451" i="1"/>
  <c r="U102450" i="1"/>
  <c r="U102449" i="1"/>
  <c r="U102448" i="1"/>
  <c r="U102447" i="1"/>
  <c r="U102446" i="1"/>
  <c r="U102445" i="1"/>
  <c r="U102444" i="1"/>
  <c r="U102443" i="1"/>
  <c r="U102442" i="1"/>
  <c r="U102441" i="1"/>
  <c r="U102440" i="1"/>
  <c r="U102439" i="1"/>
  <c r="U102438" i="1"/>
  <c r="U102437" i="1"/>
  <c r="U102436" i="1"/>
  <c r="U102435" i="1"/>
  <c r="U102434" i="1"/>
  <c r="U102433" i="1"/>
  <c r="U102432" i="1"/>
  <c r="U102431" i="1"/>
  <c r="U102430" i="1"/>
  <c r="U102429" i="1"/>
  <c r="U102428" i="1"/>
  <c r="U102427" i="1"/>
  <c r="U102426" i="1"/>
  <c r="U102425" i="1"/>
  <c r="U102424" i="1"/>
  <c r="U102423" i="1"/>
  <c r="U102422" i="1"/>
  <c r="U102421" i="1"/>
  <c r="U102420" i="1"/>
  <c r="U102419" i="1"/>
  <c r="U102418" i="1"/>
  <c r="U102417" i="1"/>
  <c r="U102416" i="1"/>
  <c r="U102415" i="1"/>
  <c r="U102414" i="1"/>
  <c r="U102413" i="1"/>
  <c r="U102412" i="1"/>
  <c r="U102411" i="1"/>
  <c r="U102410" i="1"/>
  <c r="U102409" i="1"/>
  <c r="U102408" i="1"/>
  <c r="U102407" i="1"/>
  <c r="U102406" i="1"/>
  <c r="U102405" i="1"/>
  <c r="U102404" i="1"/>
  <c r="U102403" i="1"/>
  <c r="U102402" i="1"/>
  <c r="U102401" i="1"/>
  <c r="U102400" i="1"/>
  <c r="U102399" i="1"/>
  <c r="U102398" i="1"/>
  <c r="U102397" i="1"/>
  <c r="U102396" i="1"/>
  <c r="U102395" i="1"/>
  <c r="U102394" i="1"/>
  <c r="U102393" i="1"/>
  <c r="U102392" i="1"/>
  <c r="U102391" i="1"/>
  <c r="U102390" i="1"/>
  <c r="U102389" i="1"/>
  <c r="U102388" i="1"/>
  <c r="U102387" i="1"/>
  <c r="U102386" i="1"/>
  <c r="U102385" i="1"/>
  <c r="U102384" i="1"/>
  <c r="U102383" i="1"/>
  <c r="U102382" i="1"/>
  <c r="U102381" i="1"/>
  <c r="U102380" i="1"/>
  <c r="U102379" i="1"/>
  <c r="U102378" i="1"/>
  <c r="U102377" i="1"/>
  <c r="U102376" i="1"/>
  <c r="U102375" i="1"/>
  <c r="U102374" i="1"/>
  <c r="U102373" i="1"/>
  <c r="U102372" i="1"/>
  <c r="U102371" i="1"/>
  <c r="U102370" i="1"/>
  <c r="U102369" i="1"/>
  <c r="U102368" i="1"/>
  <c r="U102367" i="1"/>
  <c r="U102366" i="1"/>
  <c r="U102365" i="1"/>
  <c r="U102364" i="1"/>
  <c r="U102363" i="1"/>
  <c r="U102362" i="1"/>
  <c r="U102361" i="1"/>
  <c r="U102360" i="1"/>
  <c r="U102359" i="1"/>
  <c r="U102358" i="1"/>
  <c r="U102357" i="1"/>
  <c r="U102356" i="1"/>
  <c r="U102355" i="1"/>
  <c r="U102354" i="1"/>
  <c r="U102353" i="1"/>
  <c r="U102352" i="1"/>
  <c r="U102351" i="1"/>
  <c r="U102350" i="1"/>
  <c r="U102349" i="1"/>
  <c r="U102348" i="1"/>
  <c r="U102347" i="1"/>
  <c r="U102346" i="1"/>
  <c r="U102345" i="1"/>
  <c r="U102344" i="1"/>
  <c r="U102343" i="1"/>
  <c r="U102342" i="1"/>
  <c r="U102341" i="1"/>
  <c r="U102340" i="1"/>
  <c r="U102339" i="1"/>
  <c r="U102338" i="1"/>
  <c r="U102337" i="1"/>
  <c r="U102336" i="1"/>
  <c r="U102335" i="1"/>
  <c r="U102334" i="1"/>
  <c r="U102333" i="1"/>
  <c r="U102332" i="1"/>
  <c r="U102331" i="1"/>
  <c r="U102330" i="1"/>
  <c r="U102329" i="1"/>
  <c r="U102328" i="1"/>
  <c r="U102327" i="1"/>
  <c r="U102326" i="1"/>
  <c r="U102325" i="1"/>
  <c r="U102324" i="1"/>
  <c r="U102323" i="1"/>
  <c r="U102322" i="1"/>
  <c r="U102321" i="1"/>
  <c r="U102320" i="1"/>
  <c r="U102319" i="1"/>
  <c r="U102318" i="1"/>
  <c r="U102317" i="1"/>
  <c r="U102316" i="1"/>
  <c r="U102315" i="1"/>
  <c r="U102314" i="1"/>
  <c r="U102313" i="1"/>
  <c r="U102312" i="1"/>
  <c r="U102311" i="1"/>
  <c r="U102310" i="1"/>
  <c r="U102309" i="1"/>
  <c r="U102308" i="1"/>
  <c r="U102307" i="1"/>
  <c r="U102306" i="1"/>
  <c r="U102305" i="1"/>
  <c r="U102304" i="1"/>
  <c r="U102303" i="1"/>
  <c r="U102302" i="1"/>
  <c r="U102301" i="1"/>
  <c r="U102300" i="1"/>
  <c r="U102299" i="1"/>
  <c r="U102298" i="1"/>
  <c r="U102297" i="1"/>
  <c r="U102296" i="1"/>
  <c r="U102295" i="1"/>
  <c r="U102294" i="1"/>
  <c r="U102293" i="1"/>
  <c r="U102292" i="1"/>
  <c r="U102291" i="1"/>
  <c r="U102290" i="1"/>
  <c r="U102289" i="1"/>
  <c r="U102288" i="1"/>
  <c r="U102287" i="1"/>
  <c r="U102286" i="1"/>
  <c r="U102285" i="1"/>
  <c r="U102284" i="1"/>
  <c r="U102283" i="1"/>
  <c r="U102282" i="1"/>
  <c r="U102281" i="1"/>
  <c r="U102280" i="1"/>
  <c r="U102279" i="1"/>
  <c r="U102278" i="1"/>
  <c r="U102277" i="1"/>
  <c r="U102276" i="1"/>
  <c r="U102275" i="1"/>
  <c r="U102274" i="1"/>
  <c r="U102273" i="1"/>
  <c r="U102272" i="1"/>
  <c r="U102271" i="1"/>
  <c r="U102270" i="1"/>
  <c r="U102269" i="1"/>
  <c r="U102268" i="1"/>
  <c r="U102267" i="1"/>
  <c r="U102266" i="1"/>
  <c r="U102265" i="1"/>
  <c r="U102264" i="1"/>
  <c r="U102263" i="1"/>
  <c r="U102262" i="1"/>
  <c r="U102261" i="1"/>
  <c r="U102260" i="1"/>
  <c r="U102259" i="1"/>
  <c r="U102258" i="1"/>
  <c r="U102257" i="1"/>
  <c r="U102256" i="1"/>
  <c r="U102255" i="1"/>
  <c r="U102254" i="1"/>
  <c r="U102253" i="1"/>
  <c r="U102252" i="1"/>
  <c r="U102251" i="1"/>
  <c r="U102250" i="1"/>
  <c r="U102249" i="1"/>
  <c r="U102248" i="1"/>
  <c r="U102247" i="1"/>
  <c r="U102246" i="1"/>
  <c r="U102245" i="1"/>
  <c r="U102244" i="1"/>
  <c r="U102243" i="1"/>
  <c r="U102242" i="1"/>
  <c r="U102241" i="1"/>
  <c r="U102240" i="1"/>
  <c r="U102239" i="1"/>
  <c r="U102238" i="1"/>
  <c r="U102237" i="1"/>
  <c r="U102236" i="1"/>
  <c r="U102235" i="1"/>
  <c r="U102234" i="1"/>
  <c r="U102233" i="1"/>
  <c r="U102232" i="1"/>
  <c r="U102231" i="1"/>
  <c r="U102230" i="1"/>
  <c r="U102229" i="1"/>
  <c r="U102228" i="1"/>
  <c r="U102227" i="1"/>
  <c r="U102226" i="1"/>
  <c r="U102225" i="1"/>
  <c r="U102224" i="1"/>
  <c r="U102223" i="1"/>
  <c r="U102222" i="1"/>
  <c r="U102221" i="1"/>
  <c r="U102220" i="1"/>
  <c r="U102219" i="1"/>
  <c r="U102218" i="1"/>
  <c r="U102217" i="1"/>
  <c r="U102216" i="1"/>
  <c r="U102215" i="1"/>
  <c r="U102214" i="1"/>
  <c r="U102213" i="1"/>
  <c r="U102212" i="1"/>
  <c r="U102211" i="1"/>
  <c r="U102210" i="1"/>
  <c r="U102209" i="1"/>
  <c r="U102208" i="1"/>
  <c r="U102207" i="1"/>
  <c r="U102206" i="1"/>
  <c r="U102205" i="1"/>
  <c r="U102204" i="1"/>
  <c r="U102203" i="1"/>
  <c r="U102202" i="1"/>
  <c r="U102201" i="1"/>
  <c r="U102200" i="1"/>
  <c r="U102199" i="1"/>
  <c r="U102198" i="1"/>
  <c r="U102197" i="1"/>
  <c r="U102196" i="1"/>
  <c r="U102195" i="1"/>
  <c r="U102194" i="1"/>
  <c r="U102193" i="1"/>
  <c r="U102192" i="1"/>
  <c r="U102191" i="1"/>
  <c r="U102190" i="1"/>
  <c r="U102189" i="1"/>
  <c r="U102188" i="1"/>
  <c r="U102187" i="1"/>
  <c r="U102186" i="1"/>
  <c r="U102185" i="1"/>
  <c r="U102184" i="1"/>
  <c r="U102183" i="1"/>
  <c r="U102182" i="1"/>
  <c r="U102181" i="1"/>
  <c r="U102180" i="1"/>
  <c r="U102179" i="1"/>
  <c r="U102178" i="1"/>
  <c r="U102177" i="1"/>
  <c r="U102176" i="1"/>
  <c r="U102175" i="1"/>
  <c r="U102174" i="1"/>
  <c r="U102173" i="1"/>
  <c r="U102172" i="1"/>
  <c r="U102171" i="1"/>
  <c r="U102170" i="1"/>
  <c r="U102169" i="1"/>
  <c r="U102168" i="1"/>
  <c r="U102167" i="1"/>
  <c r="U102166" i="1"/>
  <c r="U102165" i="1"/>
  <c r="U102164" i="1"/>
  <c r="U102163" i="1"/>
  <c r="U102162" i="1"/>
  <c r="U102161" i="1"/>
  <c r="U102160" i="1"/>
  <c r="U102159" i="1"/>
  <c r="U102158" i="1"/>
  <c r="U102157" i="1"/>
  <c r="U102156" i="1"/>
  <c r="U102155" i="1"/>
  <c r="U102154" i="1"/>
  <c r="U102153" i="1"/>
  <c r="U102152" i="1"/>
  <c r="U102151" i="1"/>
  <c r="U102150" i="1"/>
  <c r="U102149" i="1"/>
  <c r="U102148" i="1"/>
  <c r="U102147" i="1"/>
  <c r="U102146" i="1"/>
  <c r="U102145" i="1"/>
  <c r="U102144" i="1"/>
  <c r="U102143" i="1"/>
  <c r="U102142" i="1"/>
  <c r="U102141" i="1"/>
  <c r="U102140" i="1"/>
  <c r="U102139" i="1"/>
  <c r="U102138" i="1"/>
  <c r="U102137" i="1"/>
  <c r="U102136" i="1"/>
  <c r="U102135" i="1"/>
  <c r="U102134" i="1"/>
  <c r="U102133" i="1"/>
  <c r="U102132" i="1"/>
  <c r="U102131" i="1"/>
  <c r="U102130" i="1"/>
  <c r="U102129" i="1"/>
  <c r="U102128" i="1"/>
  <c r="U102127" i="1"/>
  <c r="U102126" i="1"/>
  <c r="U102125" i="1"/>
  <c r="U102124" i="1"/>
  <c r="U102123" i="1"/>
  <c r="U102122" i="1"/>
  <c r="U102121" i="1"/>
  <c r="U102120" i="1"/>
  <c r="U102119" i="1"/>
  <c r="U102118" i="1"/>
  <c r="U102117" i="1"/>
  <c r="U102116" i="1"/>
  <c r="U102115" i="1"/>
  <c r="U102114" i="1"/>
  <c r="U102113" i="1"/>
  <c r="U102112" i="1"/>
  <c r="U102111" i="1"/>
  <c r="U102110" i="1"/>
  <c r="U102109" i="1"/>
  <c r="U102108" i="1"/>
  <c r="U102107" i="1"/>
  <c r="U102106" i="1"/>
  <c r="U102105" i="1"/>
  <c r="U102104" i="1"/>
  <c r="U102103" i="1"/>
  <c r="U102102" i="1"/>
  <c r="U102101" i="1"/>
  <c r="U102100" i="1"/>
  <c r="U102099" i="1"/>
  <c r="U102098" i="1"/>
  <c r="U102097" i="1"/>
  <c r="U102096" i="1"/>
  <c r="U102095" i="1"/>
  <c r="U102094" i="1"/>
  <c r="U102093" i="1"/>
  <c r="U102092" i="1"/>
  <c r="U102091" i="1"/>
  <c r="U102090" i="1"/>
  <c r="U102089" i="1"/>
  <c r="U102088" i="1"/>
  <c r="U102087" i="1"/>
  <c r="U102086" i="1"/>
  <c r="U102085" i="1"/>
  <c r="U102084" i="1"/>
  <c r="U102083" i="1"/>
  <c r="U102082" i="1"/>
  <c r="U102081" i="1"/>
  <c r="U102080" i="1"/>
  <c r="U102079" i="1"/>
  <c r="U102078" i="1"/>
  <c r="U102077" i="1"/>
  <c r="U102076" i="1"/>
  <c r="U102075" i="1"/>
  <c r="U102074" i="1"/>
  <c r="U102073" i="1"/>
  <c r="U102072" i="1"/>
  <c r="U102071" i="1"/>
  <c r="U102070" i="1"/>
  <c r="U102069" i="1"/>
  <c r="U102068" i="1"/>
  <c r="U102067" i="1"/>
  <c r="U102066" i="1"/>
  <c r="U102065" i="1"/>
  <c r="U102064" i="1"/>
  <c r="U102063" i="1"/>
  <c r="U102062" i="1"/>
  <c r="U102061" i="1"/>
  <c r="U102060" i="1"/>
  <c r="U102059" i="1"/>
  <c r="U102058" i="1"/>
  <c r="U102057" i="1"/>
  <c r="U102056" i="1"/>
  <c r="U102055" i="1"/>
  <c r="U102054" i="1"/>
  <c r="U102053" i="1"/>
  <c r="U102052" i="1"/>
  <c r="U102051" i="1"/>
  <c r="U102050" i="1"/>
  <c r="U102049" i="1"/>
  <c r="U102048" i="1"/>
  <c r="U102047" i="1"/>
  <c r="U102046" i="1"/>
  <c r="U102045" i="1"/>
  <c r="U102044" i="1"/>
  <c r="U102043" i="1"/>
  <c r="U102042" i="1"/>
  <c r="U102041" i="1"/>
  <c r="U102040" i="1"/>
  <c r="U102039" i="1"/>
  <c r="U102038" i="1"/>
  <c r="U102037" i="1"/>
  <c r="U102036" i="1"/>
  <c r="U102035" i="1"/>
  <c r="U102034" i="1"/>
  <c r="U102033" i="1"/>
  <c r="U102032" i="1"/>
  <c r="U102031" i="1"/>
  <c r="U102030" i="1"/>
  <c r="U102029" i="1"/>
  <c r="U102028" i="1"/>
  <c r="U102027" i="1"/>
  <c r="U102026" i="1"/>
  <c r="U102025" i="1"/>
  <c r="U102024" i="1"/>
  <c r="U102023" i="1"/>
  <c r="U102022" i="1"/>
  <c r="U102021" i="1"/>
  <c r="U102020" i="1"/>
  <c r="U102019" i="1"/>
  <c r="U102018" i="1"/>
  <c r="U102017" i="1"/>
  <c r="U102016" i="1"/>
  <c r="U102015" i="1"/>
  <c r="U102014" i="1"/>
  <c r="U102013" i="1"/>
  <c r="U102012" i="1"/>
  <c r="U102011" i="1"/>
  <c r="U102010" i="1"/>
  <c r="U102009" i="1"/>
  <c r="U102008" i="1"/>
  <c r="U102007" i="1"/>
  <c r="U102006" i="1"/>
  <c r="U102005" i="1"/>
  <c r="U102004" i="1"/>
  <c r="U102003" i="1"/>
  <c r="U102002" i="1"/>
  <c r="U102001" i="1"/>
  <c r="U102000" i="1"/>
  <c r="U101999" i="1"/>
  <c r="U101998" i="1"/>
  <c r="U101997" i="1"/>
  <c r="U101996" i="1"/>
  <c r="U101995" i="1"/>
  <c r="U101994" i="1"/>
  <c r="U101993" i="1"/>
  <c r="U101992" i="1"/>
  <c r="U101991" i="1"/>
  <c r="U101990" i="1"/>
  <c r="U101989" i="1"/>
  <c r="U101988" i="1"/>
  <c r="U101987" i="1"/>
  <c r="U101986" i="1"/>
  <c r="U101985" i="1"/>
  <c r="U101984" i="1"/>
  <c r="U101983" i="1"/>
  <c r="U101982" i="1"/>
  <c r="U101981" i="1"/>
  <c r="U101980" i="1"/>
  <c r="U101979" i="1"/>
  <c r="U101978" i="1"/>
  <c r="U101977" i="1"/>
  <c r="U101976" i="1"/>
  <c r="U101975" i="1"/>
  <c r="U101974" i="1"/>
  <c r="U101973" i="1"/>
  <c r="U101972" i="1"/>
  <c r="U101971" i="1"/>
  <c r="U101970" i="1"/>
  <c r="U101969" i="1"/>
  <c r="U101968" i="1"/>
  <c r="U101967" i="1"/>
  <c r="U101966" i="1"/>
  <c r="U101965" i="1"/>
  <c r="U101964" i="1"/>
  <c r="U101963" i="1"/>
  <c r="U101962" i="1"/>
  <c r="U101961" i="1"/>
  <c r="U101960" i="1"/>
  <c r="U101959" i="1"/>
  <c r="U101958" i="1"/>
  <c r="U101957" i="1"/>
  <c r="U101956" i="1"/>
  <c r="U101955" i="1"/>
  <c r="U101954" i="1"/>
  <c r="U101953" i="1"/>
  <c r="U101952" i="1"/>
  <c r="U101951" i="1"/>
  <c r="U101950" i="1"/>
  <c r="U101949" i="1"/>
  <c r="U101948" i="1"/>
  <c r="U101947" i="1"/>
  <c r="U101946" i="1"/>
  <c r="U101945" i="1"/>
  <c r="U101944" i="1"/>
  <c r="U101943" i="1"/>
  <c r="U101942" i="1"/>
  <c r="U101941" i="1"/>
  <c r="U101940" i="1"/>
  <c r="U101939" i="1"/>
  <c r="U101938" i="1"/>
  <c r="U101937" i="1"/>
  <c r="U101936" i="1"/>
  <c r="U101935" i="1"/>
  <c r="U101934" i="1"/>
  <c r="U101933" i="1"/>
  <c r="U101932" i="1"/>
  <c r="U101931" i="1"/>
  <c r="U101930" i="1"/>
  <c r="U101929" i="1"/>
  <c r="U101928" i="1"/>
  <c r="U101927" i="1"/>
  <c r="U101926" i="1"/>
  <c r="U101925" i="1"/>
  <c r="U101924" i="1"/>
  <c r="U101923" i="1"/>
  <c r="U101922" i="1"/>
  <c r="U101921" i="1"/>
  <c r="U101920" i="1"/>
  <c r="U101919" i="1"/>
  <c r="U101918" i="1"/>
  <c r="U101917" i="1"/>
  <c r="U101916" i="1"/>
  <c r="U101915" i="1"/>
  <c r="U101914" i="1"/>
  <c r="U101913" i="1"/>
  <c r="U101912" i="1"/>
  <c r="U101911" i="1"/>
  <c r="U101910" i="1"/>
  <c r="U101909" i="1"/>
  <c r="U101908" i="1"/>
  <c r="U101907" i="1"/>
  <c r="U101906" i="1"/>
  <c r="U101905" i="1"/>
  <c r="U101904" i="1"/>
  <c r="U101903" i="1"/>
  <c r="U101902" i="1"/>
  <c r="U101901" i="1"/>
  <c r="U101900" i="1"/>
  <c r="U101899" i="1"/>
  <c r="U101898" i="1"/>
  <c r="U101897" i="1"/>
  <c r="U101896" i="1"/>
  <c r="U101895" i="1"/>
  <c r="U101894" i="1"/>
  <c r="U101893" i="1"/>
  <c r="U101892" i="1"/>
  <c r="U101891" i="1"/>
  <c r="U101890" i="1"/>
  <c r="U101889" i="1"/>
  <c r="U101888" i="1"/>
  <c r="U101887" i="1"/>
  <c r="U101886" i="1"/>
  <c r="U101885" i="1"/>
  <c r="U101884" i="1"/>
  <c r="U101883" i="1"/>
  <c r="U101882" i="1"/>
  <c r="U101881" i="1"/>
  <c r="U101880" i="1"/>
  <c r="U101879" i="1"/>
  <c r="U101878" i="1"/>
  <c r="U101877" i="1"/>
  <c r="U101876" i="1"/>
  <c r="U101875" i="1"/>
  <c r="U101874" i="1"/>
  <c r="U101873" i="1"/>
  <c r="U101872" i="1"/>
  <c r="U101871" i="1"/>
  <c r="U101870" i="1"/>
  <c r="U101869" i="1"/>
  <c r="U101868" i="1"/>
  <c r="U101867" i="1"/>
  <c r="U101866" i="1"/>
  <c r="U101865" i="1"/>
  <c r="U101864" i="1"/>
  <c r="U101863" i="1"/>
  <c r="U101862" i="1"/>
  <c r="U101861" i="1"/>
  <c r="U101860" i="1"/>
  <c r="U101859" i="1"/>
  <c r="U101858" i="1"/>
  <c r="U101857" i="1"/>
  <c r="U101856" i="1"/>
  <c r="U101855" i="1"/>
  <c r="U101854" i="1"/>
  <c r="U101853" i="1"/>
  <c r="U101852" i="1"/>
  <c r="U101851" i="1"/>
  <c r="U101850" i="1"/>
  <c r="U101849" i="1"/>
  <c r="U101848" i="1"/>
  <c r="U101847" i="1"/>
  <c r="U101846" i="1"/>
  <c r="U101845" i="1"/>
  <c r="U101844" i="1"/>
  <c r="U101843" i="1"/>
  <c r="U101842" i="1"/>
  <c r="U101841" i="1"/>
  <c r="U101840" i="1"/>
  <c r="U101839" i="1"/>
  <c r="U101838" i="1"/>
  <c r="U101837" i="1"/>
  <c r="U101836" i="1"/>
  <c r="U101835" i="1"/>
  <c r="U101834" i="1"/>
  <c r="U101833" i="1"/>
  <c r="U101832" i="1"/>
  <c r="U101831" i="1"/>
  <c r="U101830" i="1"/>
  <c r="U101829" i="1"/>
  <c r="U101828" i="1"/>
  <c r="U101827" i="1"/>
  <c r="U101826" i="1"/>
  <c r="U101825" i="1"/>
  <c r="U101824" i="1"/>
  <c r="U101823" i="1"/>
  <c r="U101822" i="1"/>
  <c r="U101821" i="1"/>
  <c r="U101820" i="1"/>
  <c r="U101819" i="1"/>
  <c r="U101818" i="1"/>
  <c r="U101817" i="1"/>
  <c r="U101816" i="1"/>
  <c r="U101815" i="1"/>
  <c r="U101814" i="1"/>
  <c r="U101813" i="1"/>
  <c r="U101812" i="1"/>
  <c r="U101811" i="1"/>
  <c r="U101810" i="1"/>
  <c r="U101809" i="1"/>
  <c r="U101808" i="1"/>
  <c r="U101807" i="1"/>
  <c r="U101806" i="1"/>
  <c r="U101805" i="1"/>
  <c r="U101804" i="1"/>
  <c r="U101803" i="1"/>
  <c r="U101802" i="1"/>
  <c r="U101801" i="1"/>
  <c r="U101800" i="1"/>
  <c r="U101799" i="1"/>
  <c r="U101798" i="1"/>
  <c r="U101797" i="1"/>
  <c r="U101796" i="1"/>
  <c r="U101795" i="1"/>
  <c r="U101794" i="1"/>
  <c r="U101793" i="1"/>
  <c r="U101792" i="1"/>
  <c r="U101791" i="1"/>
  <c r="U101790" i="1"/>
  <c r="U101789" i="1"/>
  <c r="U101788" i="1"/>
  <c r="U101787" i="1"/>
  <c r="U101786" i="1"/>
  <c r="U101785" i="1"/>
  <c r="U101784" i="1"/>
  <c r="U101783" i="1"/>
  <c r="U101782" i="1"/>
  <c r="U101781" i="1"/>
  <c r="U101780" i="1"/>
  <c r="U101779" i="1"/>
  <c r="U101778" i="1"/>
  <c r="U101777" i="1"/>
  <c r="U101776" i="1"/>
  <c r="U101775" i="1"/>
  <c r="U101774" i="1"/>
  <c r="U101773" i="1"/>
  <c r="U101772" i="1"/>
  <c r="U101771" i="1"/>
  <c r="U101770" i="1"/>
  <c r="U101769" i="1"/>
  <c r="U101768" i="1"/>
  <c r="U101767" i="1"/>
  <c r="U101766" i="1"/>
  <c r="U101765" i="1"/>
  <c r="U101764" i="1"/>
  <c r="U101763" i="1"/>
  <c r="U101762" i="1"/>
  <c r="U101761" i="1"/>
  <c r="U101760" i="1"/>
  <c r="U101759" i="1"/>
  <c r="U101758" i="1"/>
  <c r="U101757" i="1"/>
  <c r="U101756" i="1"/>
  <c r="U101755" i="1"/>
  <c r="U101754" i="1"/>
  <c r="U101753" i="1"/>
  <c r="U101752" i="1"/>
  <c r="U101751" i="1"/>
  <c r="U101750" i="1"/>
  <c r="U101749" i="1"/>
  <c r="U101748" i="1"/>
  <c r="U101747" i="1"/>
  <c r="U101746" i="1"/>
  <c r="U101745" i="1"/>
  <c r="U101744" i="1"/>
  <c r="U101743" i="1"/>
  <c r="U101742" i="1"/>
  <c r="U101741" i="1"/>
  <c r="U101740" i="1"/>
  <c r="U101739" i="1"/>
  <c r="U101738" i="1"/>
  <c r="U101737" i="1"/>
  <c r="U101736" i="1"/>
  <c r="U101735" i="1"/>
  <c r="U101734" i="1"/>
  <c r="U101733" i="1"/>
  <c r="U101732" i="1"/>
  <c r="U101731" i="1"/>
  <c r="U101730" i="1"/>
  <c r="U101729" i="1"/>
  <c r="U101728" i="1"/>
  <c r="U101727" i="1"/>
  <c r="U101726" i="1"/>
  <c r="U101725" i="1"/>
  <c r="U101724" i="1"/>
  <c r="U101723" i="1"/>
  <c r="U101722" i="1"/>
  <c r="U101721" i="1"/>
  <c r="U101720" i="1"/>
  <c r="U101719" i="1"/>
  <c r="U101718" i="1"/>
  <c r="U101717" i="1"/>
  <c r="U101716" i="1"/>
  <c r="U101715" i="1"/>
  <c r="U101714" i="1"/>
  <c r="U101713" i="1"/>
  <c r="U101712" i="1"/>
  <c r="U101711" i="1"/>
  <c r="U101710" i="1"/>
  <c r="U101709" i="1"/>
  <c r="U101708" i="1"/>
  <c r="U101707" i="1"/>
  <c r="U101706" i="1"/>
  <c r="U101705" i="1"/>
  <c r="U101704" i="1"/>
  <c r="U101703" i="1"/>
  <c r="U101702" i="1"/>
  <c r="U101701" i="1"/>
  <c r="U101700" i="1"/>
  <c r="U101699" i="1"/>
  <c r="U101698" i="1"/>
  <c r="U101697" i="1"/>
  <c r="U101696" i="1"/>
  <c r="U101695" i="1"/>
  <c r="U101694" i="1"/>
  <c r="U101693" i="1"/>
  <c r="U101692" i="1"/>
  <c r="U101691" i="1"/>
  <c r="U101690" i="1"/>
  <c r="U101689" i="1"/>
  <c r="U101688" i="1"/>
  <c r="U101687" i="1"/>
  <c r="U101686" i="1"/>
  <c r="U101685" i="1"/>
  <c r="U101684" i="1"/>
  <c r="U101683" i="1"/>
  <c r="U101682" i="1"/>
  <c r="U101681" i="1"/>
  <c r="U101680" i="1"/>
  <c r="U101679" i="1"/>
  <c r="U101678" i="1"/>
  <c r="U101677" i="1"/>
  <c r="U101676" i="1"/>
  <c r="U101675" i="1"/>
  <c r="U101674" i="1"/>
  <c r="U101673" i="1"/>
  <c r="U101672" i="1"/>
  <c r="U101671" i="1"/>
  <c r="U101670" i="1"/>
  <c r="U101669" i="1"/>
  <c r="U101668" i="1"/>
  <c r="U101667" i="1"/>
  <c r="U101666" i="1"/>
  <c r="U101665" i="1"/>
  <c r="U101664" i="1"/>
  <c r="U101663" i="1"/>
  <c r="U101662" i="1"/>
  <c r="U101661" i="1"/>
  <c r="U101660" i="1"/>
  <c r="U101659" i="1"/>
  <c r="U101658" i="1"/>
  <c r="U101657" i="1"/>
  <c r="U101656" i="1"/>
  <c r="U101655" i="1"/>
  <c r="U101654" i="1"/>
  <c r="U101653" i="1"/>
  <c r="U101652" i="1"/>
  <c r="U101651" i="1"/>
  <c r="U101650" i="1"/>
  <c r="U101649" i="1"/>
  <c r="U101648" i="1"/>
  <c r="U101647" i="1"/>
  <c r="U101646" i="1"/>
  <c r="U101645" i="1"/>
  <c r="U101644" i="1"/>
  <c r="U101643" i="1"/>
  <c r="U101642" i="1"/>
  <c r="U101641" i="1"/>
  <c r="U101640" i="1"/>
  <c r="U101639" i="1"/>
  <c r="U101638" i="1"/>
  <c r="U101637" i="1"/>
  <c r="U101636" i="1"/>
  <c r="U101635" i="1"/>
  <c r="U101634" i="1"/>
  <c r="U101633" i="1"/>
  <c r="U101632" i="1"/>
  <c r="U101631" i="1"/>
  <c r="U101630" i="1"/>
  <c r="U101629" i="1"/>
  <c r="U101628" i="1"/>
  <c r="U101627" i="1"/>
  <c r="U101626" i="1"/>
  <c r="U101625" i="1"/>
  <c r="U101624" i="1"/>
  <c r="U101623" i="1"/>
  <c r="U101622" i="1"/>
  <c r="U101621" i="1"/>
  <c r="U101620" i="1"/>
  <c r="U101619" i="1"/>
  <c r="U101618" i="1"/>
  <c r="U101617" i="1"/>
  <c r="U101616" i="1"/>
  <c r="U101615" i="1"/>
  <c r="U101614" i="1"/>
  <c r="U101613" i="1"/>
  <c r="U101612" i="1"/>
  <c r="U101611" i="1"/>
  <c r="U101610" i="1"/>
  <c r="U101609" i="1"/>
  <c r="U101608" i="1"/>
  <c r="U101607" i="1"/>
  <c r="U101606" i="1"/>
  <c r="U101605" i="1"/>
  <c r="U101604" i="1"/>
  <c r="U101603" i="1"/>
  <c r="U101602" i="1"/>
  <c r="U101601" i="1"/>
  <c r="U101600" i="1"/>
  <c r="U101599" i="1"/>
  <c r="U101598" i="1"/>
  <c r="U101597" i="1"/>
  <c r="U101596" i="1"/>
  <c r="U101595" i="1"/>
  <c r="U101594" i="1"/>
  <c r="U101593" i="1"/>
  <c r="U101592" i="1"/>
  <c r="U101591" i="1"/>
  <c r="U101590" i="1"/>
  <c r="U101589" i="1"/>
  <c r="U101588" i="1"/>
  <c r="U101587" i="1"/>
  <c r="U101586" i="1"/>
  <c r="U101585" i="1"/>
  <c r="U101584" i="1"/>
  <c r="U101583" i="1"/>
  <c r="U101582" i="1"/>
  <c r="U101581" i="1"/>
  <c r="U101580" i="1"/>
  <c r="U101579" i="1"/>
  <c r="U101578" i="1"/>
  <c r="U101577" i="1"/>
  <c r="U101576" i="1"/>
  <c r="U101575" i="1"/>
  <c r="U101574" i="1"/>
  <c r="U101573" i="1"/>
  <c r="U101572" i="1"/>
  <c r="U101571" i="1"/>
  <c r="U101570" i="1"/>
  <c r="U101569" i="1"/>
  <c r="U101568" i="1"/>
  <c r="U101567" i="1"/>
  <c r="U101566" i="1"/>
  <c r="U101565" i="1"/>
  <c r="U101564" i="1"/>
  <c r="U101563" i="1"/>
  <c r="U101562" i="1"/>
  <c r="U101561" i="1"/>
  <c r="U101560" i="1"/>
  <c r="U101559" i="1"/>
  <c r="U101558" i="1"/>
  <c r="U101557" i="1"/>
  <c r="U101556" i="1"/>
  <c r="U101555" i="1"/>
  <c r="U101554" i="1"/>
  <c r="U101553" i="1"/>
  <c r="U101552" i="1"/>
  <c r="U101551" i="1"/>
  <c r="U101550" i="1"/>
  <c r="U101549" i="1"/>
  <c r="U101548" i="1"/>
  <c r="U101547" i="1"/>
  <c r="U101546" i="1"/>
  <c r="U101545" i="1"/>
  <c r="U101544" i="1"/>
  <c r="U101543" i="1"/>
  <c r="U101542" i="1"/>
  <c r="U101541" i="1"/>
  <c r="U101540" i="1"/>
  <c r="U101539" i="1"/>
  <c r="U101538" i="1"/>
  <c r="U101537" i="1"/>
  <c r="U101536" i="1"/>
  <c r="U101535" i="1"/>
  <c r="U101534" i="1"/>
  <c r="U101533" i="1"/>
  <c r="U101532" i="1"/>
  <c r="U101531" i="1"/>
  <c r="U101530" i="1"/>
  <c r="U101529" i="1"/>
  <c r="U101528" i="1"/>
  <c r="U101527" i="1"/>
  <c r="U101526" i="1"/>
  <c r="U101525" i="1"/>
  <c r="U101524" i="1"/>
  <c r="U101523" i="1"/>
  <c r="U101522" i="1"/>
  <c r="U101521" i="1"/>
  <c r="U101520" i="1"/>
  <c r="U101519" i="1"/>
  <c r="U101518" i="1"/>
  <c r="U101517" i="1"/>
  <c r="U101516" i="1"/>
  <c r="U101515" i="1"/>
  <c r="U101514" i="1"/>
  <c r="U101513" i="1"/>
  <c r="U101512" i="1"/>
  <c r="U101511" i="1"/>
  <c r="U101510" i="1"/>
  <c r="U101509" i="1"/>
  <c r="U101508" i="1"/>
  <c r="U101507" i="1"/>
  <c r="U101506" i="1"/>
  <c r="U101505" i="1"/>
  <c r="U101504" i="1"/>
  <c r="U101503" i="1"/>
  <c r="U101502" i="1"/>
  <c r="U101501" i="1"/>
  <c r="U101500" i="1"/>
  <c r="U101499" i="1"/>
  <c r="U101498" i="1"/>
  <c r="U101497" i="1"/>
  <c r="U101496" i="1"/>
  <c r="U101495" i="1"/>
  <c r="U101494" i="1"/>
  <c r="U101493" i="1"/>
  <c r="U101492" i="1"/>
  <c r="U101491" i="1"/>
  <c r="U101490" i="1"/>
  <c r="U101489" i="1"/>
  <c r="U101488" i="1"/>
  <c r="U101487" i="1"/>
  <c r="U101486" i="1"/>
  <c r="U101485" i="1"/>
  <c r="U101484" i="1"/>
  <c r="U101483" i="1"/>
  <c r="U101482" i="1"/>
  <c r="U101481" i="1"/>
  <c r="U101480" i="1"/>
  <c r="U101479" i="1"/>
  <c r="U101478" i="1"/>
  <c r="U101477" i="1"/>
  <c r="U101476" i="1"/>
  <c r="U101475" i="1"/>
  <c r="U101474" i="1"/>
  <c r="U101473" i="1"/>
  <c r="U101472" i="1"/>
  <c r="U101471" i="1"/>
  <c r="U101470" i="1"/>
  <c r="U101469" i="1"/>
  <c r="U101468" i="1"/>
  <c r="U101467" i="1"/>
  <c r="U101466" i="1"/>
  <c r="U101465" i="1"/>
  <c r="U101464" i="1"/>
  <c r="U101463" i="1"/>
  <c r="U101462" i="1"/>
  <c r="U101461" i="1"/>
  <c r="U101460" i="1"/>
  <c r="U101459" i="1"/>
  <c r="U101458" i="1"/>
  <c r="U101457" i="1"/>
  <c r="U101456" i="1"/>
  <c r="U101455" i="1"/>
  <c r="U101454" i="1"/>
  <c r="U101453" i="1"/>
  <c r="U101452" i="1"/>
  <c r="U101451" i="1"/>
  <c r="U101450" i="1"/>
  <c r="U101449" i="1"/>
  <c r="U101448" i="1"/>
  <c r="U101447" i="1"/>
  <c r="U101446" i="1"/>
  <c r="U101445" i="1"/>
  <c r="U101444" i="1"/>
  <c r="U101443" i="1"/>
  <c r="U101442" i="1"/>
  <c r="U101441" i="1"/>
  <c r="U101440" i="1"/>
  <c r="U101439" i="1"/>
  <c r="U101438" i="1"/>
  <c r="U101437" i="1"/>
  <c r="U101436" i="1"/>
  <c r="U101435" i="1"/>
  <c r="U101434" i="1"/>
  <c r="U101433" i="1"/>
  <c r="U101432" i="1"/>
  <c r="U101431" i="1"/>
  <c r="U101430" i="1"/>
  <c r="U101429" i="1"/>
  <c r="U101428" i="1"/>
  <c r="U101427" i="1"/>
  <c r="U101426" i="1"/>
  <c r="U101425" i="1"/>
  <c r="U101424" i="1"/>
  <c r="U101423" i="1"/>
  <c r="U101422" i="1"/>
  <c r="U101421" i="1"/>
  <c r="U101420" i="1"/>
  <c r="U101419" i="1"/>
  <c r="U101418" i="1"/>
  <c r="U101417" i="1"/>
  <c r="U101416" i="1"/>
  <c r="U101415" i="1"/>
  <c r="U101414" i="1"/>
  <c r="U101413" i="1"/>
  <c r="U101412" i="1"/>
  <c r="U101411" i="1"/>
  <c r="U101410" i="1"/>
  <c r="U101409" i="1"/>
  <c r="U101408" i="1"/>
  <c r="U101407" i="1"/>
  <c r="U101406" i="1"/>
  <c r="U101405" i="1"/>
  <c r="U101404" i="1"/>
  <c r="U101403" i="1"/>
  <c r="U101402" i="1"/>
  <c r="U101401" i="1"/>
  <c r="U101400" i="1"/>
  <c r="U101399" i="1"/>
  <c r="U101398" i="1"/>
  <c r="U101397" i="1"/>
  <c r="U101396" i="1"/>
  <c r="U101395" i="1"/>
  <c r="U101394" i="1"/>
  <c r="U101393" i="1"/>
  <c r="U101392" i="1"/>
  <c r="U101391" i="1"/>
  <c r="U101390" i="1"/>
  <c r="U101389" i="1"/>
  <c r="U101388" i="1"/>
  <c r="U101387" i="1"/>
  <c r="U101386" i="1"/>
  <c r="U101385" i="1"/>
  <c r="U101384" i="1"/>
  <c r="U101383" i="1"/>
  <c r="U101382" i="1"/>
  <c r="U101381" i="1"/>
  <c r="U101380" i="1"/>
  <c r="U101379" i="1"/>
  <c r="U101378" i="1"/>
  <c r="U101377" i="1"/>
  <c r="U101376" i="1"/>
  <c r="U101375" i="1"/>
  <c r="U101374" i="1"/>
  <c r="U101373" i="1"/>
  <c r="U101372" i="1"/>
  <c r="U101371" i="1"/>
  <c r="U101370" i="1"/>
  <c r="U101369" i="1"/>
  <c r="U101368" i="1"/>
  <c r="U101367" i="1"/>
  <c r="U101366" i="1"/>
  <c r="U101365" i="1"/>
  <c r="U101364" i="1"/>
  <c r="U101363" i="1"/>
  <c r="U101362" i="1"/>
  <c r="U101361" i="1"/>
  <c r="U101360" i="1"/>
  <c r="U101359" i="1"/>
  <c r="U101358" i="1"/>
  <c r="U101357" i="1"/>
  <c r="U101356" i="1"/>
  <c r="U101355" i="1"/>
  <c r="U101354" i="1"/>
  <c r="U101353" i="1"/>
  <c r="U101352" i="1"/>
  <c r="U101351" i="1"/>
  <c r="U101350" i="1"/>
  <c r="U101349" i="1"/>
  <c r="U101348" i="1"/>
  <c r="U101347" i="1"/>
  <c r="U101346" i="1"/>
  <c r="U101345" i="1"/>
  <c r="U101344" i="1"/>
  <c r="U101343" i="1"/>
  <c r="U101342" i="1"/>
  <c r="U101341" i="1"/>
  <c r="U101340" i="1"/>
  <c r="U101339" i="1"/>
  <c r="U101338" i="1"/>
  <c r="U101337" i="1"/>
  <c r="U101336" i="1"/>
  <c r="U101335" i="1"/>
  <c r="U101334" i="1"/>
  <c r="U101333" i="1"/>
  <c r="U101332" i="1"/>
  <c r="U101331" i="1"/>
  <c r="U101330" i="1"/>
  <c r="U101329" i="1"/>
  <c r="U101328" i="1"/>
  <c r="U101327" i="1"/>
  <c r="U101326" i="1"/>
  <c r="U101325" i="1"/>
  <c r="U101324" i="1"/>
  <c r="U101323" i="1"/>
  <c r="U101322" i="1"/>
  <c r="U101321" i="1"/>
  <c r="U101320" i="1"/>
  <c r="U101319" i="1"/>
  <c r="U101318" i="1"/>
  <c r="U101317" i="1"/>
  <c r="U101316" i="1"/>
  <c r="U101315" i="1"/>
  <c r="U101314" i="1"/>
  <c r="U101313" i="1"/>
  <c r="U101312" i="1"/>
  <c r="U101311" i="1"/>
  <c r="U101310" i="1"/>
  <c r="U101309" i="1"/>
  <c r="U101308" i="1"/>
  <c r="U101307" i="1"/>
  <c r="U101306" i="1"/>
  <c r="U101305" i="1"/>
  <c r="U101304" i="1"/>
  <c r="U101303" i="1"/>
  <c r="U101302" i="1"/>
  <c r="U101301" i="1"/>
  <c r="U101300" i="1"/>
  <c r="U101299" i="1"/>
  <c r="U101298" i="1"/>
  <c r="U101297" i="1"/>
  <c r="U101296" i="1"/>
  <c r="U101295" i="1"/>
  <c r="U101294" i="1"/>
  <c r="U101293" i="1"/>
  <c r="U101292" i="1"/>
  <c r="U101291" i="1"/>
  <c r="U101290" i="1"/>
  <c r="U101289" i="1"/>
  <c r="U101288" i="1"/>
  <c r="U101287" i="1"/>
  <c r="U101286" i="1"/>
  <c r="U101285" i="1"/>
  <c r="U101284" i="1"/>
  <c r="U101283" i="1"/>
  <c r="U101282" i="1"/>
  <c r="U101281" i="1"/>
  <c r="U101280" i="1"/>
  <c r="U101279" i="1"/>
  <c r="U101278" i="1"/>
  <c r="U101277" i="1"/>
  <c r="U101276" i="1"/>
  <c r="U101275" i="1"/>
  <c r="U101274" i="1"/>
  <c r="U101273" i="1"/>
  <c r="U101272" i="1"/>
  <c r="U101271" i="1"/>
  <c r="U101270" i="1"/>
  <c r="U101269" i="1"/>
  <c r="U101268" i="1"/>
  <c r="U101267" i="1"/>
  <c r="U101266" i="1"/>
  <c r="U101265" i="1"/>
  <c r="U101264" i="1"/>
  <c r="U101263" i="1"/>
  <c r="U101262" i="1"/>
  <c r="U101261" i="1"/>
  <c r="U101260" i="1"/>
  <c r="U101259" i="1"/>
  <c r="U101258" i="1"/>
  <c r="U101257" i="1"/>
  <c r="U101256" i="1"/>
  <c r="U101255" i="1"/>
  <c r="U101254" i="1"/>
  <c r="U101253" i="1"/>
  <c r="U101252" i="1"/>
  <c r="U101251" i="1"/>
  <c r="U101250" i="1"/>
  <c r="U101249" i="1"/>
  <c r="U101248" i="1"/>
  <c r="U101247" i="1"/>
  <c r="U101246" i="1"/>
  <c r="U101245" i="1"/>
  <c r="U101244" i="1"/>
  <c r="U101243" i="1"/>
  <c r="U101242" i="1"/>
  <c r="U101241" i="1"/>
  <c r="U101240" i="1"/>
  <c r="U101239" i="1"/>
  <c r="U101238" i="1"/>
  <c r="U101237" i="1"/>
  <c r="U101236" i="1"/>
  <c r="U101235" i="1"/>
  <c r="U101234" i="1"/>
  <c r="U101233" i="1"/>
  <c r="U101232" i="1"/>
  <c r="U101231" i="1"/>
  <c r="U101230" i="1"/>
  <c r="U101229" i="1"/>
  <c r="U101228" i="1"/>
  <c r="U101227" i="1"/>
  <c r="U101226" i="1"/>
  <c r="U101225" i="1"/>
  <c r="U101224" i="1"/>
  <c r="U101223" i="1"/>
  <c r="U101222" i="1"/>
  <c r="U101221" i="1"/>
  <c r="U101220" i="1"/>
  <c r="U101219" i="1"/>
  <c r="U101218" i="1"/>
  <c r="U101217" i="1"/>
  <c r="U101216" i="1"/>
  <c r="U101215" i="1"/>
  <c r="U101214" i="1"/>
  <c r="U101213" i="1"/>
  <c r="U101212" i="1"/>
  <c r="U101211" i="1"/>
  <c r="U101210" i="1"/>
  <c r="U101209" i="1"/>
  <c r="U101208" i="1"/>
  <c r="U101207" i="1"/>
  <c r="U101206" i="1"/>
  <c r="U101205" i="1"/>
  <c r="U101204" i="1"/>
  <c r="U101203" i="1"/>
  <c r="U101202" i="1"/>
  <c r="U101201" i="1"/>
  <c r="U101200" i="1"/>
  <c r="U101199" i="1"/>
  <c r="U101198" i="1"/>
  <c r="U101197" i="1"/>
  <c r="U101196" i="1"/>
  <c r="U101195" i="1"/>
  <c r="U101194" i="1"/>
  <c r="U101193" i="1"/>
  <c r="U101192" i="1"/>
  <c r="U101191" i="1"/>
  <c r="U101190" i="1"/>
  <c r="U101189" i="1"/>
  <c r="U101188" i="1"/>
  <c r="U101187" i="1"/>
  <c r="U101186" i="1"/>
  <c r="U101185" i="1"/>
  <c r="U101184" i="1"/>
  <c r="U101183" i="1"/>
  <c r="U101182" i="1"/>
  <c r="U101181" i="1"/>
  <c r="U101180" i="1"/>
  <c r="U101179" i="1"/>
  <c r="U101178" i="1"/>
  <c r="U101177" i="1"/>
  <c r="U101176" i="1"/>
  <c r="U101175" i="1"/>
  <c r="U101174" i="1"/>
  <c r="U101173" i="1"/>
  <c r="U101172" i="1"/>
  <c r="U101171" i="1"/>
  <c r="U101170" i="1"/>
  <c r="U101169" i="1"/>
  <c r="U101168" i="1"/>
  <c r="U101167" i="1"/>
  <c r="U101166" i="1"/>
  <c r="U101165" i="1"/>
  <c r="U101164" i="1"/>
  <c r="U101163" i="1"/>
  <c r="U101162" i="1"/>
  <c r="U101161" i="1"/>
  <c r="U101160" i="1"/>
  <c r="U101159" i="1"/>
  <c r="U101158" i="1"/>
  <c r="U101157" i="1"/>
  <c r="U101156" i="1"/>
  <c r="U101155" i="1"/>
  <c r="U101154" i="1"/>
  <c r="U101153" i="1"/>
  <c r="U101152" i="1"/>
  <c r="U101151" i="1"/>
  <c r="U101150" i="1"/>
  <c r="U101149" i="1"/>
  <c r="U101148" i="1"/>
  <c r="U101147" i="1"/>
  <c r="U101146" i="1"/>
  <c r="U101145" i="1"/>
  <c r="U101144" i="1"/>
  <c r="U101143" i="1"/>
  <c r="U101142" i="1"/>
  <c r="U101141" i="1"/>
  <c r="U101140" i="1"/>
  <c r="U101139" i="1"/>
  <c r="U101138" i="1"/>
  <c r="U101137" i="1"/>
  <c r="U101136" i="1"/>
  <c r="U101135" i="1"/>
  <c r="U101134" i="1"/>
  <c r="U101133" i="1"/>
  <c r="U101132" i="1"/>
  <c r="U101131" i="1"/>
  <c r="U101130" i="1"/>
  <c r="U101129" i="1"/>
  <c r="U101128" i="1"/>
  <c r="U101127" i="1"/>
  <c r="U101126" i="1"/>
  <c r="U101125" i="1"/>
  <c r="U101124" i="1"/>
  <c r="U101123" i="1"/>
  <c r="U101122" i="1"/>
  <c r="U101121" i="1"/>
  <c r="U101120" i="1"/>
  <c r="U101119" i="1"/>
  <c r="U101118" i="1"/>
  <c r="U101117" i="1"/>
  <c r="U101116" i="1"/>
  <c r="U101115" i="1"/>
  <c r="U101114" i="1"/>
  <c r="U101113" i="1"/>
  <c r="U101112" i="1"/>
  <c r="U101111" i="1"/>
  <c r="U101110" i="1"/>
  <c r="U101109" i="1"/>
  <c r="U101108" i="1"/>
  <c r="U101107" i="1"/>
  <c r="U101106" i="1"/>
  <c r="U101105" i="1"/>
  <c r="U101104" i="1"/>
  <c r="U101103" i="1"/>
  <c r="U101102" i="1"/>
  <c r="U101101" i="1"/>
  <c r="U101100" i="1"/>
  <c r="U101099" i="1"/>
  <c r="U101098" i="1"/>
  <c r="U101097" i="1"/>
  <c r="U101096" i="1"/>
  <c r="U101095" i="1"/>
  <c r="U101094" i="1"/>
  <c r="U101093" i="1"/>
  <c r="U101092" i="1"/>
  <c r="U101091" i="1"/>
  <c r="U101090" i="1"/>
  <c r="U101089" i="1"/>
  <c r="U101088" i="1"/>
  <c r="U101087" i="1"/>
  <c r="U101086" i="1"/>
  <c r="U101085" i="1"/>
  <c r="U101084" i="1"/>
  <c r="U101083" i="1"/>
  <c r="U101082" i="1"/>
  <c r="U101081" i="1"/>
  <c r="U101080" i="1"/>
  <c r="U101079" i="1"/>
  <c r="U101078" i="1"/>
  <c r="U101077" i="1"/>
  <c r="U101076" i="1"/>
  <c r="U101075" i="1"/>
  <c r="U101074" i="1"/>
  <c r="U101073" i="1"/>
  <c r="U101072" i="1"/>
  <c r="U101071" i="1"/>
  <c r="U101070" i="1"/>
  <c r="U101069" i="1"/>
  <c r="U101068" i="1"/>
  <c r="U101067" i="1"/>
  <c r="U101066" i="1"/>
  <c r="U101065" i="1"/>
  <c r="U101064" i="1"/>
  <c r="U101063" i="1"/>
  <c r="U101062" i="1"/>
  <c r="U101061" i="1"/>
  <c r="U101060" i="1"/>
  <c r="U101059" i="1"/>
  <c r="U101058" i="1"/>
  <c r="U101057" i="1"/>
  <c r="U101056" i="1"/>
  <c r="U101055" i="1"/>
  <c r="U101054" i="1"/>
  <c r="U101053" i="1"/>
  <c r="U101052" i="1"/>
  <c r="U101051" i="1"/>
  <c r="U101050" i="1"/>
  <c r="U101049" i="1"/>
  <c r="U101048" i="1"/>
  <c r="U101047" i="1"/>
  <c r="U101046" i="1"/>
  <c r="U101045" i="1"/>
  <c r="U101044" i="1"/>
  <c r="U101043" i="1"/>
  <c r="U101042" i="1"/>
  <c r="U101041" i="1"/>
  <c r="U101040" i="1"/>
  <c r="U101039" i="1"/>
  <c r="U101038" i="1"/>
  <c r="U101037" i="1"/>
  <c r="U101036" i="1"/>
  <c r="U101035" i="1"/>
  <c r="U101034" i="1"/>
  <c r="U101033" i="1"/>
  <c r="U101032" i="1"/>
  <c r="U101031" i="1"/>
  <c r="U101030" i="1"/>
  <c r="U101029" i="1"/>
  <c r="U101028" i="1"/>
  <c r="U101027" i="1"/>
  <c r="U101026" i="1"/>
  <c r="U101025" i="1"/>
  <c r="U101024" i="1"/>
  <c r="U101023" i="1"/>
  <c r="U101022" i="1"/>
  <c r="U101021" i="1"/>
  <c r="U101020" i="1"/>
  <c r="U101019" i="1"/>
  <c r="U101018" i="1"/>
  <c r="U101017" i="1"/>
  <c r="U101016" i="1"/>
  <c r="U101015" i="1"/>
  <c r="U101014" i="1"/>
  <c r="U101013" i="1"/>
  <c r="U101012" i="1"/>
  <c r="U101011" i="1"/>
  <c r="U101010" i="1"/>
  <c r="U101009" i="1"/>
  <c r="U101008" i="1"/>
  <c r="U101007" i="1"/>
  <c r="U101006" i="1"/>
  <c r="U101005" i="1"/>
  <c r="U101004" i="1"/>
  <c r="U101003" i="1"/>
  <c r="U101002" i="1"/>
  <c r="U101001" i="1"/>
  <c r="U101000" i="1"/>
  <c r="U100999" i="1"/>
  <c r="U100998" i="1"/>
  <c r="U100997" i="1"/>
  <c r="U100996" i="1"/>
  <c r="U100995" i="1"/>
  <c r="U100994" i="1"/>
  <c r="U100993" i="1"/>
  <c r="U100992" i="1"/>
  <c r="U100991" i="1"/>
  <c r="U100990" i="1"/>
  <c r="U100989" i="1"/>
  <c r="U100988" i="1"/>
  <c r="U100987" i="1"/>
  <c r="U100986" i="1"/>
  <c r="U100985" i="1"/>
  <c r="U100984" i="1"/>
  <c r="U100983" i="1"/>
  <c r="U100982" i="1"/>
  <c r="U100981" i="1"/>
  <c r="U100980" i="1"/>
  <c r="U100979" i="1"/>
  <c r="U100978" i="1"/>
  <c r="U100977" i="1"/>
  <c r="U100976" i="1"/>
  <c r="U100975" i="1"/>
  <c r="U100974" i="1"/>
  <c r="U100973" i="1"/>
  <c r="U100972" i="1"/>
  <c r="U100971" i="1"/>
  <c r="U100970" i="1"/>
  <c r="U100969" i="1"/>
  <c r="U100968" i="1"/>
  <c r="U100967" i="1"/>
  <c r="U100966" i="1"/>
  <c r="U100965" i="1"/>
  <c r="U100964" i="1"/>
  <c r="U100963" i="1"/>
  <c r="U100962" i="1"/>
  <c r="U100961" i="1"/>
  <c r="U100960" i="1"/>
  <c r="U100959" i="1"/>
  <c r="U100958" i="1"/>
  <c r="U100957" i="1"/>
  <c r="U100956" i="1"/>
  <c r="U100955" i="1"/>
  <c r="U100954" i="1"/>
  <c r="U100953" i="1"/>
  <c r="U100952" i="1"/>
  <c r="U100951" i="1"/>
  <c r="U100950" i="1"/>
  <c r="U100949" i="1"/>
  <c r="U100948" i="1"/>
  <c r="U100947" i="1"/>
  <c r="U100946" i="1"/>
  <c r="U100945" i="1"/>
  <c r="U100944" i="1"/>
  <c r="U100943" i="1"/>
  <c r="U100942" i="1"/>
  <c r="U100941" i="1"/>
  <c r="U100940" i="1"/>
  <c r="U100939" i="1"/>
  <c r="U100938" i="1"/>
  <c r="U100937" i="1"/>
  <c r="U100936" i="1"/>
  <c r="U100935" i="1"/>
  <c r="U100934" i="1"/>
  <c r="U100933" i="1"/>
  <c r="U100932" i="1"/>
  <c r="U100931" i="1"/>
  <c r="U100930" i="1"/>
  <c r="U100929" i="1"/>
  <c r="U100928" i="1"/>
  <c r="U100927" i="1"/>
  <c r="U100926" i="1"/>
  <c r="U100925" i="1"/>
  <c r="U100924" i="1"/>
  <c r="U100923" i="1"/>
  <c r="U100922" i="1"/>
  <c r="U100921" i="1"/>
  <c r="U100920" i="1"/>
  <c r="U100919" i="1"/>
  <c r="U100918" i="1"/>
  <c r="U100917" i="1"/>
  <c r="U100916" i="1"/>
  <c r="U100915" i="1"/>
  <c r="U100914" i="1"/>
  <c r="U100913" i="1"/>
  <c r="U100912" i="1"/>
  <c r="U100911" i="1"/>
  <c r="U100910" i="1"/>
  <c r="U100909" i="1"/>
  <c r="U100908" i="1"/>
  <c r="U100907" i="1"/>
  <c r="U100906" i="1"/>
  <c r="U100905" i="1"/>
  <c r="U100904" i="1"/>
  <c r="U100903" i="1"/>
  <c r="U100902" i="1"/>
  <c r="U100901" i="1"/>
  <c r="U100900" i="1"/>
  <c r="U100899" i="1"/>
  <c r="U100898" i="1"/>
  <c r="U100897" i="1"/>
  <c r="U100896" i="1"/>
  <c r="U100895" i="1"/>
  <c r="U100894" i="1"/>
  <c r="U100893" i="1"/>
  <c r="U100892" i="1"/>
  <c r="U100891" i="1"/>
  <c r="U100890" i="1"/>
  <c r="U100889" i="1"/>
  <c r="U100888" i="1"/>
  <c r="U100887" i="1"/>
  <c r="U100886" i="1"/>
  <c r="U100885" i="1"/>
  <c r="U100884" i="1"/>
  <c r="U100883" i="1"/>
  <c r="U100882" i="1"/>
  <c r="U100881" i="1"/>
  <c r="U100880" i="1"/>
  <c r="U100879" i="1"/>
  <c r="U100878" i="1"/>
  <c r="U100877" i="1"/>
  <c r="U100876" i="1"/>
  <c r="U100875" i="1"/>
  <c r="U100874" i="1"/>
  <c r="U100873" i="1"/>
  <c r="U100872" i="1"/>
  <c r="U100871" i="1"/>
  <c r="U100870" i="1"/>
  <c r="U100869" i="1"/>
  <c r="U100868" i="1"/>
  <c r="U100867" i="1"/>
  <c r="U100866" i="1"/>
  <c r="U100865" i="1"/>
  <c r="U100864" i="1"/>
  <c r="U100863" i="1"/>
  <c r="U100862" i="1"/>
  <c r="U100861" i="1"/>
  <c r="U100860" i="1"/>
  <c r="U100859" i="1"/>
  <c r="U100858" i="1"/>
  <c r="U100857" i="1"/>
  <c r="U100856" i="1"/>
  <c r="U100855" i="1"/>
  <c r="U100854" i="1"/>
  <c r="U100853" i="1"/>
  <c r="U100852" i="1"/>
  <c r="U100851" i="1"/>
  <c r="U100850" i="1"/>
  <c r="U100849" i="1"/>
  <c r="U100848" i="1"/>
  <c r="U100847" i="1"/>
  <c r="U100846" i="1"/>
  <c r="U100845" i="1"/>
  <c r="U100844" i="1"/>
  <c r="U100843" i="1"/>
  <c r="U100842" i="1"/>
  <c r="U100841" i="1"/>
  <c r="U100840" i="1"/>
  <c r="U100839" i="1"/>
  <c r="U100838" i="1"/>
  <c r="U100837" i="1"/>
  <c r="U100836" i="1"/>
  <c r="U100835" i="1"/>
  <c r="U100834" i="1"/>
  <c r="U100833" i="1"/>
  <c r="U100832" i="1"/>
  <c r="U100831" i="1"/>
  <c r="U100830" i="1"/>
  <c r="U100829" i="1"/>
  <c r="U100828" i="1"/>
  <c r="U100827" i="1"/>
  <c r="U100826" i="1"/>
  <c r="U100825" i="1"/>
  <c r="U100824" i="1"/>
  <c r="U100823" i="1"/>
  <c r="U100822" i="1"/>
  <c r="U100821" i="1"/>
  <c r="U100820" i="1"/>
  <c r="U100819" i="1"/>
  <c r="U100818" i="1"/>
  <c r="U100817" i="1"/>
  <c r="U100816" i="1"/>
  <c r="U100815" i="1"/>
  <c r="U100814" i="1"/>
  <c r="U100813" i="1"/>
  <c r="U100812" i="1"/>
  <c r="U100811" i="1"/>
  <c r="U100810" i="1"/>
  <c r="U100809" i="1"/>
  <c r="U100808" i="1"/>
  <c r="U100807" i="1"/>
  <c r="U100806" i="1"/>
  <c r="U100805" i="1"/>
  <c r="U100804" i="1"/>
  <c r="U100803" i="1"/>
  <c r="U100802" i="1"/>
  <c r="U100801" i="1"/>
  <c r="U100800" i="1"/>
  <c r="U100799" i="1"/>
  <c r="U100798" i="1"/>
  <c r="U100797" i="1"/>
  <c r="U100796" i="1"/>
  <c r="U100795" i="1"/>
  <c r="U100794" i="1"/>
  <c r="U100793" i="1"/>
  <c r="U100792" i="1"/>
  <c r="U100791" i="1"/>
  <c r="U100790" i="1"/>
  <c r="U100789" i="1"/>
  <c r="U100788" i="1"/>
  <c r="U100787" i="1"/>
  <c r="U100786" i="1"/>
  <c r="U100785" i="1"/>
  <c r="U100784" i="1"/>
  <c r="U100783" i="1"/>
  <c r="U100782" i="1"/>
  <c r="U100781" i="1"/>
  <c r="U100780" i="1"/>
  <c r="U100779" i="1"/>
  <c r="U100778" i="1"/>
  <c r="U100777" i="1"/>
  <c r="U100776" i="1"/>
  <c r="U100775" i="1"/>
  <c r="U100774" i="1"/>
  <c r="U100773" i="1"/>
  <c r="U100772" i="1"/>
  <c r="U100771" i="1"/>
  <c r="U100770" i="1"/>
  <c r="U100769" i="1"/>
  <c r="U100768" i="1"/>
  <c r="U100767" i="1"/>
  <c r="U100766" i="1"/>
  <c r="U100765" i="1"/>
  <c r="U100764" i="1"/>
  <c r="U100763" i="1"/>
  <c r="U100762" i="1"/>
  <c r="U100761" i="1"/>
  <c r="U100760" i="1"/>
  <c r="U100759" i="1"/>
  <c r="U100758" i="1"/>
  <c r="U100757" i="1"/>
  <c r="U100756" i="1"/>
  <c r="U100755" i="1"/>
  <c r="U100754" i="1"/>
  <c r="U100753" i="1"/>
  <c r="U100752" i="1"/>
  <c r="U100751" i="1"/>
  <c r="U100750" i="1"/>
  <c r="U100749" i="1"/>
  <c r="U100748" i="1"/>
  <c r="U100747" i="1"/>
  <c r="U100746" i="1"/>
  <c r="U100745" i="1"/>
  <c r="U100744" i="1"/>
  <c r="U100743" i="1"/>
  <c r="U100742" i="1"/>
  <c r="U100741" i="1"/>
  <c r="U100740" i="1"/>
  <c r="U100739" i="1"/>
  <c r="U100738" i="1"/>
  <c r="U100737" i="1"/>
  <c r="U100736" i="1"/>
  <c r="U100735" i="1"/>
  <c r="U100734" i="1"/>
  <c r="U100733" i="1"/>
  <c r="U100732" i="1"/>
  <c r="U100731" i="1"/>
  <c r="U100730" i="1"/>
  <c r="U100729" i="1"/>
  <c r="U100728" i="1"/>
  <c r="U100727" i="1"/>
  <c r="U100726" i="1"/>
  <c r="U100725" i="1"/>
  <c r="U100724" i="1"/>
  <c r="U100723" i="1"/>
  <c r="U100722" i="1"/>
  <c r="U100721" i="1"/>
  <c r="U100720" i="1"/>
  <c r="U100719" i="1"/>
  <c r="U100718" i="1"/>
  <c r="U100717" i="1"/>
  <c r="U100716" i="1"/>
  <c r="U100715" i="1"/>
  <c r="U100714" i="1"/>
  <c r="U100713" i="1"/>
  <c r="U100712" i="1"/>
  <c r="U100711" i="1"/>
  <c r="U100710" i="1"/>
  <c r="U100709" i="1"/>
  <c r="U100708" i="1"/>
  <c r="U100707" i="1"/>
  <c r="U100706" i="1"/>
  <c r="U100705" i="1"/>
  <c r="U100704" i="1"/>
  <c r="U100703" i="1"/>
  <c r="U100702" i="1"/>
  <c r="U100701" i="1"/>
  <c r="U100700" i="1"/>
  <c r="U100699" i="1"/>
  <c r="U100698" i="1"/>
  <c r="U100697" i="1"/>
  <c r="U100696" i="1"/>
  <c r="U100695" i="1"/>
  <c r="U100694" i="1"/>
  <c r="U100693" i="1"/>
  <c r="U100692" i="1"/>
  <c r="U100691" i="1"/>
  <c r="U100690" i="1"/>
  <c r="U100689" i="1"/>
  <c r="U100688" i="1"/>
  <c r="U100687" i="1"/>
  <c r="U100686" i="1"/>
  <c r="U100685" i="1"/>
  <c r="U100684" i="1"/>
  <c r="U100683" i="1"/>
  <c r="U100682" i="1"/>
  <c r="U100681" i="1"/>
  <c r="U100680" i="1"/>
  <c r="U100679" i="1"/>
  <c r="U100678" i="1"/>
  <c r="U100677" i="1"/>
  <c r="U100676" i="1"/>
  <c r="U100675" i="1"/>
  <c r="U100674" i="1"/>
  <c r="U100673" i="1"/>
  <c r="U100672" i="1"/>
  <c r="U100671" i="1"/>
  <c r="U100670" i="1"/>
  <c r="U100669" i="1"/>
  <c r="U100668" i="1"/>
  <c r="U100667" i="1"/>
  <c r="U100666" i="1"/>
  <c r="U100665" i="1"/>
  <c r="U100664" i="1"/>
  <c r="U100663" i="1"/>
  <c r="U100662" i="1"/>
  <c r="U100661" i="1"/>
  <c r="U100660" i="1"/>
  <c r="U100659" i="1"/>
  <c r="U100658" i="1"/>
  <c r="U100657" i="1"/>
  <c r="U100656" i="1"/>
  <c r="U100655" i="1"/>
  <c r="U100654" i="1"/>
  <c r="U100653" i="1"/>
  <c r="U100652" i="1"/>
  <c r="U100651" i="1"/>
  <c r="U100650" i="1"/>
  <c r="U100649" i="1"/>
  <c r="U100648" i="1"/>
  <c r="U100647" i="1"/>
  <c r="U100646" i="1"/>
  <c r="U100645" i="1"/>
  <c r="U100644" i="1"/>
  <c r="U100643" i="1"/>
  <c r="U100642" i="1"/>
  <c r="U100641" i="1"/>
  <c r="U100640" i="1"/>
  <c r="U100639" i="1"/>
  <c r="U100638" i="1"/>
  <c r="U100637" i="1"/>
  <c r="U100636" i="1"/>
  <c r="U100635" i="1"/>
  <c r="U100634" i="1"/>
  <c r="U100633" i="1"/>
  <c r="U100632" i="1"/>
  <c r="U100631" i="1"/>
  <c r="U100630" i="1"/>
  <c r="U100629" i="1"/>
  <c r="U100628" i="1"/>
  <c r="U100627" i="1"/>
  <c r="U100626" i="1"/>
  <c r="U100625" i="1"/>
  <c r="U100624" i="1"/>
  <c r="U100623" i="1"/>
  <c r="U100622" i="1"/>
  <c r="U100621" i="1"/>
  <c r="U100620" i="1"/>
  <c r="U100619" i="1"/>
  <c r="U100618" i="1"/>
  <c r="U100617" i="1"/>
  <c r="U100616" i="1"/>
  <c r="U100615" i="1"/>
  <c r="U100614" i="1"/>
  <c r="U100613" i="1"/>
  <c r="U100612" i="1"/>
  <c r="U100611" i="1"/>
  <c r="U100610" i="1"/>
  <c r="U100609" i="1"/>
  <c r="U100608" i="1"/>
  <c r="U100607" i="1"/>
  <c r="U100606" i="1"/>
  <c r="U100605" i="1"/>
  <c r="U100604" i="1"/>
  <c r="U100603" i="1"/>
  <c r="U100602" i="1"/>
  <c r="U100601" i="1"/>
  <c r="U100600" i="1"/>
  <c r="U100599" i="1"/>
  <c r="U100598" i="1"/>
  <c r="U100597" i="1"/>
  <c r="U100596" i="1"/>
  <c r="U100595" i="1"/>
  <c r="U100594" i="1"/>
  <c r="U100593" i="1"/>
  <c r="U100592" i="1"/>
  <c r="U100591" i="1"/>
  <c r="U100590" i="1"/>
  <c r="U100589" i="1"/>
  <c r="U100588" i="1"/>
  <c r="U100587" i="1"/>
  <c r="U100586" i="1"/>
  <c r="U100585" i="1"/>
  <c r="U100584" i="1"/>
  <c r="U100583" i="1"/>
  <c r="U100582" i="1"/>
  <c r="U100581" i="1"/>
  <c r="U100580" i="1"/>
  <c r="U100579" i="1"/>
  <c r="U100578" i="1"/>
  <c r="U100577" i="1"/>
  <c r="U100576" i="1"/>
  <c r="U100575" i="1"/>
  <c r="U100574" i="1"/>
  <c r="U100573" i="1"/>
  <c r="U100572" i="1"/>
  <c r="U100571" i="1"/>
  <c r="U100570" i="1"/>
  <c r="U100569" i="1"/>
  <c r="U100568" i="1"/>
  <c r="U100567" i="1"/>
  <c r="U100566" i="1"/>
  <c r="U100565" i="1"/>
  <c r="U100564" i="1"/>
  <c r="U100563" i="1"/>
  <c r="U100562" i="1"/>
  <c r="U100561" i="1"/>
  <c r="U100560" i="1"/>
  <c r="U100559" i="1"/>
  <c r="U100558" i="1"/>
  <c r="U100557" i="1"/>
  <c r="U100556" i="1"/>
  <c r="U100555" i="1"/>
  <c r="U100554" i="1"/>
  <c r="U100553" i="1"/>
  <c r="U100552" i="1"/>
  <c r="U100551" i="1"/>
  <c r="U100550" i="1"/>
  <c r="U100549" i="1"/>
  <c r="U100548" i="1"/>
  <c r="U100547" i="1"/>
  <c r="U100546" i="1"/>
  <c r="U100545" i="1"/>
  <c r="U100544" i="1"/>
  <c r="U100543" i="1"/>
  <c r="U100542" i="1"/>
  <c r="U100541" i="1"/>
  <c r="U100540" i="1"/>
  <c r="U100539" i="1"/>
  <c r="U100538" i="1"/>
  <c r="U100537" i="1"/>
  <c r="U100536" i="1"/>
  <c r="U100535" i="1"/>
  <c r="U100534" i="1"/>
  <c r="U100533" i="1"/>
  <c r="U100532" i="1"/>
  <c r="U100531" i="1"/>
  <c r="U100530" i="1"/>
  <c r="U100529" i="1"/>
  <c r="U100528" i="1"/>
  <c r="U100527" i="1"/>
  <c r="U100526" i="1"/>
  <c r="U100525" i="1"/>
  <c r="U100524" i="1"/>
  <c r="U100523" i="1"/>
  <c r="U100522" i="1"/>
  <c r="U100521" i="1"/>
  <c r="U100520" i="1"/>
  <c r="U100519" i="1"/>
  <c r="U100518" i="1"/>
  <c r="U100517" i="1"/>
  <c r="U100516" i="1"/>
  <c r="U100515" i="1"/>
  <c r="U100514" i="1"/>
  <c r="U100513" i="1"/>
  <c r="U100512" i="1"/>
  <c r="U100511" i="1"/>
  <c r="U100510" i="1"/>
  <c r="U100509" i="1"/>
  <c r="U100508" i="1"/>
  <c r="U100507" i="1"/>
  <c r="U100506" i="1"/>
  <c r="U100505" i="1"/>
  <c r="U100504" i="1"/>
  <c r="U100503" i="1"/>
  <c r="U100502" i="1"/>
  <c r="U100501" i="1"/>
  <c r="U100500" i="1"/>
  <c r="U100499" i="1"/>
  <c r="U100498" i="1"/>
  <c r="U100497" i="1"/>
  <c r="U100496" i="1"/>
  <c r="U100495" i="1"/>
  <c r="U100494" i="1"/>
  <c r="U100493" i="1"/>
  <c r="U100492" i="1"/>
  <c r="U100491" i="1"/>
  <c r="U100490" i="1"/>
  <c r="U100489" i="1"/>
  <c r="U100488" i="1"/>
  <c r="U100487" i="1"/>
  <c r="U100486" i="1"/>
  <c r="U100485" i="1"/>
  <c r="U100484" i="1"/>
  <c r="U100483" i="1"/>
  <c r="U100482" i="1"/>
  <c r="U100481" i="1"/>
  <c r="U100480" i="1"/>
  <c r="U100479" i="1"/>
  <c r="U100478" i="1"/>
  <c r="U100477" i="1"/>
  <c r="U100476" i="1"/>
  <c r="U100475" i="1"/>
  <c r="U100474" i="1"/>
  <c r="U100473" i="1"/>
  <c r="U100472" i="1"/>
  <c r="U100471" i="1"/>
  <c r="U100470" i="1"/>
  <c r="U100469" i="1"/>
  <c r="U100468" i="1"/>
  <c r="U100467" i="1"/>
  <c r="U100466" i="1"/>
  <c r="U100465" i="1"/>
  <c r="U100464" i="1"/>
  <c r="U100463" i="1"/>
  <c r="U100462" i="1"/>
  <c r="U100461" i="1"/>
  <c r="U100460" i="1"/>
  <c r="U100459" i="1"/>
  <c r="U100458" i="1"/>
  <c r="U100457" i="1"/>
  <c r="U100456" i="1"/>
  <c r="U100455" i="1"/>
  <c r="U100454" i="1"/>
  <c r="U100453" i="1"/>
  <c r="U100452" i="1"/>
  <c r="U100451" i="1"/>
  <c r="U100450" i="1"/>
  <c r="U100449" i="1"/>
  <c r="U100448" i="1"/>
  <c r="U100447" i="1"/>
  <c r="U100446" i="1"/>
  <c r="U100445" i="1"/>
  <c r="U100444" i="1"/>
  <c r="U100443" i="1"/>
  <c r="U100442" i="1"/>
  <c r="U100441" i="1"/>
  <c r="U100440" i="1"/>
  <c r="U100439" i="1"/>
  <c r="U100438" i="1"/>
  <c r="U100437" i="1"/>
  <c r="U100436" i="1"/>
  <c r="U100435" i="1"/>
  <c r="U100434" i="1"/>
  <c r="U100433" i="1"/>
  <c r="U100432" i="1"/>
  <c r="U100431" i="1"/>
  <c r="U100430" i="1"/>
  <c r="U100429" i="1"/>
  <c r="U100428" i="1"/>
  <c r="U100427" i="1"/>
  <c r="U100426" i="1"/>
  <c r="U100425" i="1"/>
  <c r="U100424" i="1"/>
  <c r="U100423" i="1"/>
  <c r="U100422" i="1"/>
  <c r="U100421" i="1"/>
  <c r="U100420" i="1"/>
  <c r="U100419" i="1"/>
  <c r="U100418" i="1"/>
  <c r="U100417" i="1"/>
  <c r="U100416" i="1"/>
  <c r="U100415" i="1"/>
  <c r="U100414" i="1"/>
  <c r="U100413" i="1"/>
  <c r="U100412" i="1"/>
  <c r="U100411" i="1"/>
  <c r="U100410" i="1"/>
  <c r="U100409" i="1"/>
  <c r="U100408" i="1"/>
  <c r="U100407" i="1"/>
  <c r="U100406" i="1"/>
  <c r="U100405" i="1"/>
  <c r="U100404" i="1"/>
  <c r="U100403" i="1"/>
  <c r="U100402" i="1"/>
  <c r="U100401" i="1"/>
  <c r="U100400" i="1"/>
  <c r="U100399" i="1"/>
  <c r="U100398" i="1"/>
  <c r="U100397" i="1"/>
  <c r="U100396" i="1"/>
  <c r="U100395" i="1"/>
  <c r="U100394" i="1"/>
  <c r="U100393" i="1"/>
  <c r="U100392" i="1"/>
  <c r="U100391" i="1"/>
  <c r="U100390" i="1"/>
  <c r="U100389" i="1"/>
  <c r="U100388" i="1"/>
  <c r="U100387" i="1"/>
  <c r="U100386" i="1"/>
  <c r="U100385" i="1"/>
  <c r="U100384" i="1"/>
  <c r="U100383" i="1"/>
  <c r="U100382" i="1"/>
  <c r="U100381" i="1"/>
  <c r="U100380" i="1"/>
  <c r="U100379" i="1"/>
  <c r="U100378" i="1"/>
  <c r="U100377" i="1"/>
  <c r="U100376" i="1"/>
  <c r="U100375" i="1"/>
  <c r="U100374" i="1"/>
  <c r="U100373" i="1"/>
  <c r="U100372" i="1"/>
  <c r="U100371" i="1"/>
  <c r="U100370" i="1"/>
  <c r="U100369" i="1"/>
  <c r="U100368" i="1"/>
  <c r="U100367" i="1"/>
  <c r="U100366" i="1"/>
  <c r="U100365" i="1"/>
  <c r="U100364" i="1"/>
  <c r="U100363" i="1"/>
  <c r="U100362" i="1"/>
  <c r="U100361" i="1"/>
  <c r="U100360" i="1"/>
  <c r="U100359" i="1"/>
  <c r="U100358" i="1"/>
  <c r="U100357" i="1"/>
  <c r="U100356" i="1"/>
  <c r="U100355" i="1"/>
  <c r="U100354" i="1"/>
  <c r="U100353" i="1"/>
  <c r="U100352" i="1"/>
  <c r="U100351" i="1"/>
  <c r="U100350" i="1"/>
  <c r="U100349" i="1"/>
  <c r="U100348" i="1"/>
  <c r="U100347" i="1"/>
  <c r="U100346" i="1"/>
  <c r="U100345" i="1"/>
  <c r="U100344" i="1"/>
  <c r="U100343" i="1"/>
  <c r="U100342" i="1"/>
  <c r="U100341" i="1"/>
  <c r="U100340" i="1"/>
  <c r="U100339" i="1"/>
  <c r="U100338" i="1"/>
  <c r="U100337" i="1"/>
  <c r="U100336" i="1"/>
  <c r="U100335" i="1"/>
  <c r="U100334" i="1"/>
  <c r="U100333" i="1"/>
  <c r="U100332" i="1"/>
  <c r="U100331" i="1"/>
  <c r="U100330" i="1"/>
  <c r="U100329" i="1"/>
  <c r="U100328" i="1"/>
  <c r="U100327" i="1"/>
  <c r="U100326" i="1"/>
  <c r="U100325" i="1"/>
  <c r="U100324" i="1"/>
  <c r="U100323" i="1"/>
  <c r="U100322" i="1"/>
  <c r="U100321" i="1"/>
  <c r="U100320" i="1"/>
  <c r="U100319" i="1"/>
  <c r="U100318" i="1"/>
  <c r="U100317" i="1"/>
  <c r="U100316" i="1"/>
  <c r="U100315" i="1"/>
  <c r="U100314" i="1"/>
  <c r="U100313" i="1"/>
  <c r="U100312" i="1"/>
  <c r="U100311" i="1"/>
  <c r="U100310" i="1"/>
  <c r="U100309" i="1"/>
  <c r="U100308" i="1"/>
  <c r="U100307" i="1"/>
  <c r="U100306" i="1"/>
  <c r="U100305" i="1"/>
  <c r="U100304" i="1"/>
  <c r="U100303" i="1"/>
  <c r="U100302" i="1"/>
  <c r="U100301" i="1"/>
  <c r="U100300" i="1"/>
  <c r="U100299" i="1"/>
  <c r="U100298" i="1"/>
  <c r="U100297" i="1"/>
  <c r="U100296" i="1"/>
  <c r="U100295" i="1"/>
  <c r="U100294" i="1"/>
  <c r="U100293" i="1"/>
  <c r="U100292" i="1"/>
  <c r="U100291" i="1"/>
  <c r="U100290" i="1"/>
  <c r="U100289" i="1"/>
  <c r="U100288" i="1"/>
  <c r="U100287" i="1"/>
  <c r="U100286" i="1"/>
  <c r="U100285" i="1"/>
  <c r="U100284" i="1"/>
  <c r="U100283" i="1"/>
  <c r="U100282" i="1"/>
  <c r="U100281" i="1"/>
  <c r="U100280" i="1"/>
  <c r="U100279" i="1"/>
  <c r="U100278" i="1"/>
  <c r="U100277" i="1"/>
  <c r="U100276" i="1"/>
  <c r="U100275" i="1"/>
  <c r="U100274" i="1"/>
  <c r="U100273" i="1"/>
  <c r="U100272" i="1"/>
  <c r="U100271" i="1"/>
  <c r="U100270" i="1"/>
  <c r="U100269" i="1"/>
  <c r="U100268" i="1"/>
  <c r="U100267" i="1"/>
  <c r="U100266" i="1"/>
  <c r="U100265" i="1"/>
  <c r="U100264" i="1"/>
  <c r="U100263" i="1"/>
  <c r="U100262" i="1"/>
  <c r="U100261" i="1"/>
  <c r="U100260" i="1"/>
  <c r="U100259" i="1"/>
  <c r="U100258" i="1"/>
  <c r="U100257" i="1"/>
  <c r="U100256" i="1"/>
  <c r="U100255" i="1"/>
  <c r="U100254" i="1"/>
  <c r="U100253" i="1"/>
  <c r="U100252" i="1"/>
  <c r="U100251" i="1"/>
  <c r="U100250" i="1"/>
  <c r="U100249" i="1"/>
  <c r="U100248" i="1"/>
  <c r="U100247" i="1"/>
  <c r="U100246" i="1"/>
  <c r="U100245" i="1"/>
  <c r="U100244" i="1"/>
  <c r="U100243" i="1"/>
  <c r="U100242" i="1"/>
  <c r="U100241" i="1"/>
  <c r="U100240" i="1"/>
  <c r="U100239" i="1"/>
  <c r="U100238" i="1"/>
  <c r="U100237" i="1"/>
  <c r="U100236" i="1"/>
  <c r="U100235" i="1"/>
  <c r="U100234" i="1"/>
  <c r="U100233" i="1"/>
  <c r="U100232" i="1"/>
  <c r="U100231" i="1"/>
  <c r="U100230" i="1"/>
  <c r="U100229" i="1"/>
  <c r="U100228" i="1"/>
  <c r="U100227" i="1"/>
  <c r="U100226" i="1"/>
  <c r="U100225" i="1"/>
  <c r="U100224" i="1"/>
  <c r="U100223" i="1"/>
  <c r="U100222" i="1"/>
  <c r="U100221" i="1"/>
  <c r="U100220" i="1"/>
  <c r="U100219" i="1"/>
  <c r="U100218" i="1"/>
  <c r="U100217" i="1"/>
  <c r="U100216" i="1"/>
  <c r="U100215" i="1"/>
  <c r="U100214" i="1"/>
  <c r="U100213" i="1"/>
  <c r="U100212" i="1"/>
  <c r="U100211" i="1"/>
  <c r="U100210" i="1"/>
  <c r="U100209" i="1"/>
  <c r="U100208" i="1"/>
  <c r="U100207" i="1"/>
  <c r="U100206" i="1"/>
  <c r="U100205" i="1"/>
  <c r="U100204" i="1"/>
  <c r="U100203" i="1"/>
  <c r="U100202" i="1"/>
  <c r="U100201" i="1"/>
  <c r="U100200" i="1"/>
  <c r="U100199" i="1"/>
  <c r="U100198" i="1"/>
  <c r="U100197" i="1"/>
  <c r="U100196" i="1"/>
  <c r="U100195" i="1"/>
  <c r="U100194" i="1"/>
  <c r="U100193" i="1"/>
  <c r="U100192" i="1"/>
  <c r="U100191" i="1"/>
  <c r="U100190" i="1"/>
  <c r="U100189" i="1"/>
  <c r="U100188" i="1"/>
  <c r="U100187" i="1"/>
  <c r="U100186" i="1"/>
  <c r="U100185" i="1"/>
  <c r="U100184" i="1"/>
  <c r="U100183" i="1"/>
  <c r="U100182" i="1"/>
  <c r="U100181" i="1"/>
  <c r="U100180" i="1"/>
  <c r="U100179" i="1"/>
  <c r="U100178" i="1"/>
  <c r="U100177" i="1"/>
  <c r="U100176" i="1"/>
  <c r="U100175" i="1"/>
  <c r="U100174" i="1"/>
  <c r="U100173" i="1"/>
  <c r="U100172" i="1"/>
  <c r="U100171" i="1"/>
  <c r="U100170" i="1"/>
  <c r="U100169" i="1"/>
  <c r="U100168" i="1"/>
  <c r="U100167" i="1"/>
  <c r="U100166" i="1"/>
  <c r="U100165" i="1"/>
  <c r="U100164" i="1"/>
  <c r="U100163" i="1"/>
  <c r="U100162" i="1"/>
  <c r="U100161" i="1"/>
  <c r="U100160" i="1"/>
  <c r="U100159" i="1"/>
  <c r="U100158" i="1"/>
  <c r="U100157" i="1"/>
  <c r="U100156" i="1"/>
  <c r="U100155" i="1"/>
  <c r="U100154" i="1"/>
  <c r="U100153" i="1"/>
  <c r="U100152" i="1"/>
  <c r="U100151" i="1"/>
  <c r="U100150" i="1"/>
  <c r="U100149" i="1"/>
  <c r="U100148" i="1"/>
  <c r="U100147" i="1"/>
  <c r="U100146" i="1"/>
  <c r="U100145" i="1"/>
  <c r="U100144" i="1"/>
  <c r="U100143" i="1"/>
  <c r="U100142" i="1"/>
  <c r="U100141" i="1"/>
  <c r="U100140" i="1"/>
  <c r="U100139" i="1"/>
  <c r="U100138" i="1"/>
  <c r="U100137" i="1"/>
  <c r="U100136" i="1"/>
  <c r="U100135" i="1"/>
  <c r="U100134" i="1"/>
  <c r="U100133" i="1"/>
  <c r="U100132" i="1"/>
  <c r="U100131" i="1"/>
  <c r="U100130" i="1"/>
  <c r="U100129" i="1"/>
  <c r="U100128" i="1"/>
  <c r="U100127" i="1"/>
  <c r="U100126" i="1"/>
  <c r="U100125" i="1"/>
  <c r="U100124" i="1"/>
  <c r="U100123" i="1"/>
  <c r="U100122" i="1"/>
  <c r="U100121" i="1"/>
  <c r="U100120" i="1"/>
  <c r="U100119" i="1"/>
  <c r="U100118" i="1"/>
  <c r="U100117" i="1"/>
  <c r="U100116" i="1"/>
  <c r="U100115" i="1"/>
  <c r="U100114" i="1"/>
  <c r="U100113" i="1"/>
  <c r="U100112" i="1"/>
  <c r="U100111" i="1"/>
  <c r="U100110" i="1"/>
  <c r="U100109" i="1"/>
  <c r="U100108" i="1"/>
  <c r="U100107" i="1"/>
  <c r="U100106" i="1"/>
  <c r="U100105" i="1"/>
  <c r="U100104" i="1"/>
  <c r="U100103" i="1"/>
  <c r="U100102" i="1"/>
  <c r="U100101" i="1"/>
  <c r="U100100" i="1"/>
  <c r="U100099" i="1"/>
  <c r="U100098" i="1"/>
  <c r="U100097" i="1"/>
  <c r="U100096" i="1"/>
  <c r="U100095" i="1"/>
  <c r="U100094" i="1"/>
  <c r="U100093" i="1"/>
  <c r="U100092" i="1"/>
  <c r="U100091" i="1"/>
  <c r="U100090" i="1"/>
  <c r="U100089" i="1"/>
  <c r="U100088" i="1"/>
  <c r="U100087" i="1"/>
  <c r="U100086" i="1"/>
  <c r="U100085" i="1"/>
  <c r="U100084" i="1"/>
  <c r="U100083" i="1"/>
  <c r="U100082" i="1"/>
  <c r="U100081" i="1"/>
  <c r="U100080" i="1"/>
  <c r="U100079" i="1"/>
  <c r="U100078" i="1"/>
  <c r="U100077" i="1"/>
  <c r="U100076" i="1"/>
  <c r="U100075" i="1"/>
  <c r="U100074" i="1"/>
  <c r="U100073" i="1"/>
  <c r="U100072" i="1"/>
  <c r="U100071" i="1"/>
  <c r="U100070" i="1"/>
  <c r="U100069" i="1"/>
  <c r="U100068" i="1"/>
  <c r="U100067" i="1"/>
  <c r="U100066" i="1"/>
  <c r="U100065" i="1"/>
  <c r="U100064" i="1"/>
  <c r="U100063" i="1"/>
  <c r="U100062" i="1"/>
  <c r="U100061" i="1"/>
  <c r="U100060" i="1"/>
  <c r="U100059" i="1"/>
  <c r="U100058" i="1"/>
  <c r="U100057" i="1"/>
  <c r="U100056" i="1"/>
  <c r="U100055" i="1"/>
  <c r="U100054" i="1"/>
  <c r="U100053" i="1"/>
  <c r="U100052" i="1"/>
  <c r="U100051" i="1"/>
  <c r="U100050" i="1"/>
  <c r="U100049" i="1"/>
  <c r="U100048" i="1"/>
  <c r="U100047" i="1"/>
  <c r="U100046" i="1"/>
  <c r="U100045" i="1"/>
  <c r="U100044" i="1"/>
  <c r="U100043" i="1"/>
  <c r="U100042" i="1"/>
  <c r="U100041" i="1"/>
  <c r="U100040" i="1"/>
  <c r="U100039" i="1"/>
  <c r="U100038" i="1"/>
  <c r="U100037" i="1"/>
  <c r="U100036" i="1"/>
  <c r="U100035" i="1"/>
  <c r="U100034" i="1"/>
  <c r="U100033" i="1"/>
  <c r="U100032" i="1"/>
  <c r="U100031" i="1"/>
  <c r="U100030" i="1"/>
  <c r="U100029" i="1"/>
  <c r="U100028" i="1"/>
  <c r="U100027" i="1"/>
  <c r="U100026" i="1"/>
  <c r="U100025" i="1"/>
  <c r="U100024" i="1"/>
  <c r="U100023" i="1"/>
  <c r="U100022" i="1"/>
  <c r="U100021" i="1"/>
  <c r="U100020" i="1"/>
  <c r="U100019" i="1"/>
  <c r="U100018" i="1"/>
  <c r="U100017" i="1"/>
  <c r="U100016" i="1"/>
  <c r="U100015" i="1"/>
  <c r="U100014" i="1"/>
  <c r="U100013" i="1"/>
  <c r="U100012" i="1"/>
  <c r="U100011" i="1"/>
  <c r="U100010" i="1"/>
  <c r="U100009" i="1"/>
  <c r="U100008" i="1"/>
  <c r="U100007" i="1"/>
  <c r="U100006" i="1"/>
  <c r="U100005" i="1"/>
  <c r="U100004" i="1"/>
  <c r="U100003" i="1"/>
  <c r="U100002" i="1"/>
  <c r="U100001" i="1"/>
  <c r="U100000" i="1"/>
  <c r="U99999" i="1"/>
  <c r="U99998" i="1"/>
  <c r="U99997" i="1"/>
  <c r="U99996" i="1"/>
  <c r="U99995" i="1"/>
  <c r="U99994" i="1"/>
  <c r="U99993" i="1"/>
  <c r="U99992" i="1"/>
  <c r="U99991" i="1"/>
  <c r="U99990" i="1"/>
  <c r="U99989" i="1"/>
  <c r="U99988" i="1"/>
  <c r="U99987" i="1"/>
  <c r="U99986" i="1"/>
  <c r="U99985" i="1"/>
  <c r="U99984" i="1"/>
  <c r="U99983" i="1"/>
  <c r="U99982" i="1"/>
  <c r="U99981" i="1"/>
  <c r="U99980" i="1"/>
  <c r="U99979" i="1"/>
  <c r="U99978" i="1"/>
  <c r="U99977" i="1"/>
  <c r="U99976" i="1"/>
  <c r="U99975" i="1"/>
  <c r="U99974" i="1"/>
  <c r="U99973" i="1"/>
  <c r="U99972" i="1"/>
  <c r="U99971" i="1"/>
  <c r="U99970" i="1"/>
  <c r="U99969" i="1"/>
  <c r="U99968" i="1"/>
  <c r="U99967" i="1"/>
  <c r="U99966" i="1"/>
  <c r="U99965" i="1"/>
  <c r="U99964" i="1"/>
  <c r="U99963" i="1"/>
  <c r="U99962" i="1"/>
  <c r="U99961" i="1"/>
  <c r="U99960" i="1"/>
  <c r="U99959" i="1"/>
  <c r="U99958" i="1"/>
  <c r="U99957" i="1"/>
  <c r="U99956" i="1"/>
  <c r="U99955" i="1"/>
  <c r="U99954" i="1"/>
  <c r="U99953" i="1"/>
  <c r="U99952" i="1"/>
  <c r="U99951" i="1"/>
  <c r="U99950" i="1"/>
  <c r="U99949" i="1"/>
  <c r="U99948" i="1"/>
  <c r="U99947" i="1"/>
  <c r="U99946" i="1"/>
  <c r="U99945" i="1"/>
  <c r="U99944" i="1"/>
  <c r="U99943" i="1"/>
  <c r="U99942" i="1"/>
  <c r="U99941" i="1"/>
  <c r="U99940" i="1"/>
  <c r="U99939" i="1"/>
  <c r="U99938" i="1"/>
  <c r="U99937" i="1"/>
  <c r="U99936" i="1"/>
  <c r="U99935" i="1"/>
  <c r="U99934" i="1"/>
  <c r="U99933" i="1"/>
  <c r="U99932" i="1"/>
  <c r="U99931" i="1"/>
  <c r="U99930" i="1"/>
  <c r="U99929" i="1"/>
  <c r="U99928" i="1"/>
  <c r="U99927" i="1"/>
  <c r="U99926" i="1"/>
  <c r="U99925" i="1"/>
  <c r="U99924" i="1"/>
  <c r="U99923" i="1"/>
  <c r="U99922" i="1"/>
  <c r="U99921" i="1"/>
  <c r="U99920" i="1"/>
  <c r="U99919" i="1"/>
  <c r="U99918" i="1"/>
  <c r="U99917" i="1"/>
  <c r="U99916" i="1"/>
  <c r="U99915" i="1"/>
  <c r="U99914" i="1"/>
  <c r="U99913" i="1"/>
  <c r="U99912" i="1"/>
  <c r="U99911" i="1"/>
  <c r="U99910" i="1"/>
  <c r="U99909" i="1"/>
  <c r="U99908" i="1"/>
  <c r="U99907" i="1"/>
  <c r="U99906" i="1"/>
  <c r="U99905" i="1"/>
  <c r="U99904" i="1"/>
  <c r="U99903" i="1"/>
  <c r="U99902" i="1"/>
  <c r="U99901" i="1"/>
  <c r="U99900" i="1"/>
  <c r="U99899" i="1"/>
  <c r="U99898" i="1"/>
  <c r="U99897" i="1"/>
  <c r="U99896" i="1"/>
  <c r="U99895" i="1"/>
  <c r="U99894" i="1"/>
  <c r="U99893" i="1"/>
  <c r="U99892" i="1"/>
  <c r="U99891" i="1"/>
  <c r="U99890" i="1"/>
  <c r="U99889" i="1"/>
  <c r="U99888" i="1"/>
  <c r="U99887" i="1"/>
  <c r="U99886" i="1"/>
  <c r="U99885" i="1"/>
  <c r="U99884" i="1"/>
  <c r="U99883" i="1"/>
  <c r="U99882" i="1"/>
  <c r="U99881" i="1"/>
  <c r="U99880" i="1"/>
  <c r="U99879" i="1"/>
  <c r="U99878" i="1"/>
  <c r="U99877" i="1"/>
  <c r="U99876" i="1"/>
  <c r="U99875" i="1"/>
  <c r="U99874" i="1"/>
  <c r="U99873" i="1"/>
  <c r="U99872" i="1"/>
  <c r="U99871" i="1"/>
  <c r="U99870" i="1"/>
  <c r="U99869" i="1"/>
  <c r="U99868" i="1"/>
  <c r="U99867" i="1"/>
  <c r="U99866" i="1"/>
  <c r="U99865" i="1"/>
  <c r="U99864" i="1"/>
  <c r="U99863" i="1"/>
  <c r="U99862" i="1"/>
  <c r="U99861" i="1"/>
  <c r="U99860" i="1"/>
  <c r="U99859" i="1"/>
  <c r="U99858" i="1"/>
  <c r="U99857" i="1"/>
  <c r="U99856" i="1"/>
  <c r="U99855" i="1"/>
  <c r="U99854" i="1"/>
  <c r="U99853" i="1"/>
  <c r="U99852" i="1"/>
  <c r="U99851" i="1"/>
  <c r="U99850" i="1"/>
  <c r="U99849" i="1"/>
  <c r="U99848" i="1"/>
  <c r="U99847" i="1"/>
  <c r="U99846" i="1"/>
  <c r="U99845" i="1"/>
  <c r="U99844" i="1"/>
  <c r="U99843" i="1"/>
  <c r="U99842" i="1"/>
  <c r="U99841" i="1"/>
  <c r="U99840" i="1"/>
  <c r="U99839" i="1"/>
  <c r="U99838" i="1"/>
  <c r="U99837" i="1"/>
  <c r="U99836" i="1"/>
  <c r="U99835" i="1"/>
  <c r="U99834" i="1"/>
  <c r="U99833" i="1"/>
  <c r="U99832" i="1"/>
  <c r="U99831" i="1"/>
  <c r="U99830" i="1"/>
  <c r="U99829" i="1"/>
  <c r="U99828" i="1"/>
  <c r="U99827" i="1"/>
  <c r="U99826" i="1"/>
  <c r="U99825" i="1"/>
  <c r="U99824" i="1"/>
  <c r="U99823" i="1"/>
  <c r="U99822" i="1"/>
  <c r="U99821" i="1"/>
  <c r="U99820" i="1"/>
  <c r="U99819" i="1"/>
  <c r="U99818" i="1"/>
  <c r="U99817" i="1"/>
  <c r="U99816" i="1"/>
  <c r="U99815" i="1"/>
  <c r="U99814" i="1"/>
  <c r="U99813" i="1"/>
  <c r="U99812" i="1"/>
  <c r="U99811" i="1"/>
  <c r="U99810" i="1"/>
  <c r="U99809" i="1"/>
  <c r="U99808" i="1"/>
  <c r="U99807" i="1"/>
  <c r="U99806" i="1"/>
  <c r="U99805" i="1"/>
  <c r="U99804" i="1"/>
  <c r="U99803" i="1"/>
  <c r="U99802" i="1"/>
  <c r="U99801" i="1"/>
  <c r="U99800" i="1"/>
  <c r="U99799" i="1"/>
  <c r="U99798" i="1"/>
  <c r="U99797" i="1"/>
  <c r="U99796" i="1"/>
  <c r="U99795" i="1"/>
  <c r="U99794" i="1"/>
  <c r="U99793" i="1"/>
  <c r="U99792" i="1"/>
  <c r="U99791" i="1"/>
  <c r="U99790" i="1"/>
  <c r="U99789" i="1"/>
  <c r="U99788" i="1"/>
  <c r="U99787" i="1"/>
  <c r="U99786" i="1"/>
  <c r="U99785" i="1"/>
  <c r="U99784" i="1"/>
  <c r="U99783" i="1"/>
  <c r="U99782" i="1"/>
  <c r="U99781" i="1"/>
  <c r="U99780" i="1"/>
  <c r="U99779" i="1"/>
  <c r="U99778" i="1"/>
  <c r="U99777" i="1"/>
  <c r="U99776" i="1"/>
  <c r="U99775" i="1"/>
  <c r="U99774" i="1"/>
  <c r="U99773" i="1"/>
  <c r="U99772" i="1"/>
  <c r="U99771" i="1"/>
  <c r="U99770" i="1"/>
  <c r="U99769" i="1"/>
  <c r="U99768" i="1"/>
  <c r="U99767" i="1"/>
  <c r="U99766" i="1"/>
  <c r="U99765" i="1"/>
  <c r="U99764" i="1"/>
  <c r="U99763" i="1"/>
  <c r="U99762" i="1"/>
  <c r="U99761" i="1"/>
  <c r="U99760" i="1"/>
  <c r="U99759" i="1"/>
  <c r="U99758" i="1"/>
  <c r="U99757" i="1"/>
  <c r="U99756" i="1"/>
  <c r="U99755" i="1"/>
  <c r="U99754" i="1"/>
  <c r="U99753" i="1"/>
  <c r="U99752" i="1"/>
  <c r="U99751" i="1"/>
  <c r="U99750" i="1"/>
  <c r="U99749" i="1"/>
  <c r="U99748" i="1"/>
  <c r="U99747" i="1"/>
  <c r="U99746" i="1"/>
  <c r="U99745" i="1"/>
  <c r="U99744" i="1"/>
  <c r="U99743" i="1"/>
  <c r="U99742" i="1"/>
  <c r="U99741" i="1"/>
  <c r="U99740" i="1"/>
  <c r="U99739" i="1"/>
  <c r="U99738" i="1"/>
  <c r="U99737" i="1"/>
  <c r="U99736" i="1"/>
  <c r="U99735" i="1"/>
  <c r="U99734" i="1"/>
  <c r="U99733" i="1"/>
  <c r="U99732" i="1"/>
  <c r="U99731" i="1"/>
  <c r="U99730" i="1"/>
  <c r="U99729" i="1"/>
  <c r="U99728" i="1"/>
  <c r="U99727" i="1"/>
  <c r="U99726" i="1"/>
  <c r="U99725" i="1"/>
  <c r="U99724" i="1"/>
  <c r="U99723" i="1"/>
  <c r="U99722" i="1"/>
  <c r="U99721" i="1"/>
  <c r="U99720" i="1"/>
  <c r="U99719" i="1"/>
  <c r="U99718" i="1"/>
  <c r="U99717" i="1"/>
  <c r="U99716" i="1"/>
  <c r="U99715" i="1"/>
  <c r="U99714" i="1"/>
  <c r="U99713" i="1"/>
  <c r="U99712" i="1"/>
  <c r="U99711" i="1"/>
  <c r="U99710" i="1"/>
  <c r="U99709" i="1"/>
  <c r="U99708" i="1"/>
  <c r="U99707" i="1"/>
  <c r="U99706" i="1"/>
  <c r="U99705" i="1"/>
  <c r="U99704" i="1"/>
  <c r="U99703" i="1"/>
  <c r="U99702" i="1"/>
  <c r="U99701" i="1"/>
  <c r="U99700" i="1"/>
  <c r="U99699" i="1"/>
  <c r="U99698" i="1"/>
  <c r="U99697" i="1"/>
  <c r="U99696" i="1"/>
  <c r="U99695" i="1"/>
  <c r="U99694" i="1"/>
  <c r="U99693" i="1"/>
  <c r="U99692" i="1"/>
  <c r="U99691" i="1"/>
  <c r="U99690" i="1"/>
  <c r="U99689" i="1"/>
  <c r="U99688" i="1"/>
  <c r="U99687" i="1"/>
  <c r="U99686" i="1"/>
  <c r="U99685" i="1"/>
  <c r="U99684" i="1"/>
  <c r="U99683" i="1"/>
  <c r="U99682" i="1"/>
  <c r="U99681" i="1"/>
  <c r="U99680" i="1"/>
  <c r="U99679" i="1"/>
  <c r="U99678" i="1"/>
  <c r="U99677" i="1"/>
  <c r="U99676" i="1"/>
  <c r="U99675" i="1"/>
  <c r="U99674" i="1"/>
  <c r="U99673" i="1"/>
  <c r="U99672" i="1"/>
  <c r="U99671" i="1"/>
  <c r="U99670" i="1"/>
  <c r="U99669" i="1"/>
  <c r="U99668" i="1"/>
  <c r="U99667" i="1"/>
  <c r="U99666" i="1"/>
  <c r="U99665" i="1"/>
  <c r="U99664" i="1"/>
  <c r="U99663" i="1"/>
  <c r="U99662" i="1"/>
  <c r="U99661" i="1"/>
  <c r="U99660" i="1"/>
  <c r="U99659" i="1"/>
  <c r="U99658" i="1"/>
  <c r="U99657" i="1"/>
  <c r="U99656" i="1"/>
  <c r="U99655" i="1"/>
  <c r="U99654" i="1"/>
  <c r="U99653" i="1"/>
  <c r="U99652" i="1"/>
  <c r="U99651" i="1"/>
  <c r="U99650" i="1"/>
  <c r="U99649" i="1"/>
  <c r="U99648" i="1"/>
  <c r="U99647" i="1"/>
  <c r="U99646" i="1"/>
  <c r="U99645" i="1"/>
  <c r="U99644" i="1"/>
  <c r="U99643" i="1"/>
  <c r="U99642" i="1"/>
  <c r="U99641" i="1"/>
  <c r="U99640" i="1"/>
  <c r="U99639" i="1"/>
  <c r="U99638" i="1"/>
  <c r="U99637" i="1"/>
  <c r="U99636" i="1"/>
  <c r="U99635" i="1"/>
  <c r="U99634" i="1"/>
  <c r="U99633" i="1"/>
  <c r="U99632" i="1"/>
  <c r="U99631" i="1"/>
  <c r="U99630" i="1"/>
  <c r="U99629" i="1"/>
  <c r="U99628" i="1"/>
  <c r="U99627" i="1"/>
  <c r="U99626" i="1"/>
  <c r="U99625" i="1"/>
  <c r="U99624" i="1"/>
  <c r="U99623" i="1"/>
  <c r="U99622" i="1"/>
  <c r="U99621" i="1"/>
  <c r="U99620" i="1"/>
  <c r="U99619" i="1"/>
  <c r="U99618" i="1"/>
  <c r="U99617" i="1"/>
  <c r="U99616" i="1"/>
  <c r="U99615" i="1"/>
  <c r="U99614" i="1"/>
  <c r="U99613" i="1"/>
  <c r="U99612" i="1"/>
  <c r="U99611" i="1"/>
  <c r="U99610" i="1"/>
  <c r="U99609" i="1"/>
  <c r="U99608" i="1"/>
  <c r="U99607" i="1"/>
  <c r="U99606" i="1"/>
  <c r="U99605" i="1"/>
  <c r="U99604" i="1"/>
  <c r="U99603" i="1"/>
  <c r="U99602" i="1"/>
  <c r="U99601" i="1"/>
  <c r="U99600" i="1"/>
  <c r="U99599" i="1"/>
  <c r="U99598" i="1"/>
  <c r="U99597" i="1"/>
  <c r="U99596" i="1"/>
  <c r="U99595" i="1"/>
  <c r="U99594" i="1"/>
  <c r="U99593" i="1"/>
  <c r="U99592" i="1"/>
  <c r="U99591" i="1"/>
  <c r="U99590" i="1"/>
  <c r="U99589" i="1"/>
  <c r="U99588" i="1"/>
  <c r="U99587" i="1"/>
  <c r="U99586" i="1"/>
  <c r="U99585" i="1"/>
  <c r="U99584" i="1"/>
  <c r="U99583" i="1"/>
  <c r="U99582" i="1"/>
  <c r="U99581" i="1"/>
  <c r="U99580" i="1"/>
  <c r="U99579" i="1"/>
  <c r="U99578" i="1"/>
  <c r="U99577" i="1"/>
  <c r="U99576" i="1"/>
  <c r="U99575" i="1"/>
  <c r="U99574" i="1"/>
  <c r="U99573" i="1"/>
  <c r="U99572" i="1"/>
  <c r="U99571" i="1"/>
  <c r="U99570" i="1"/>
  <c r="U99569" i="1"/>
  <c r="U99568" i="1"/>
  <c r="U99567" i="1"/>
  <c r="U99566" i="1"/>
  <c r="U99565" i="1"/>
  <c r="U99564" i="1"/>
  <c r="U99563" i="1"/>
  <c r="U99562" i="1"/>
  <c r="U99561" i="1"/>
  <c r="U99560" i="1"/>
  <c r="U99559" i="1"/>
  <c r="U99558" i="1"/>
  <c r="U99557" i="1"/>
  <c r="U99556" i="1"/>
  <c r="U99555" i="1"/>
  <c r="U99554" i="1"/>
  <c r="U99553" i="1"/>
  <c r="U99552" i="1"/>
  <c r="U99551" i="1"/>
  <c r="U99550" i="1"/>
  <c r="U99549" i="1"/>
  <c r="U99548" i="1"/>
  <c r="U99547" i="1"/>
  <c r="U99546" i="1"/>
  <c r="U99545" i="1"/>
  <c r="U99544" i="1"/>
  <c r="U99543" i="1"/>
  <c r="U99542" i="1"/>
  <c r="U99541" i="1"/>
  <c r="U99540" i="1"/>
  <c r="U99539" i="1"/>
  <c r="U99538" i="1"/>
  <c r="U99537" i="1"/>
  <c r="U99536" i="1"/>
  <c r="U99535" i="1"/>
  <c r="U99534" i="1"/>
  <c r="U99533" i="1"/>
  <c r="U99532" i="1"/>
  <c r="U99531" i="1"/>
  <c r="U99530" i="1"/>
  <c r="U99529" i="1"/>
  <c r="U99528" i="1"/>
  <c r="U99527" i="1"/>
  <c r="U99526" i="1"/>
  <c r="U99525" i="1"/>
  <c r="U99524" i="1"/>
  <c r="U99523" i="1"/>
  <c r="U99522" i="1"/>
  <c r="U99521" i="1"/>
  <c r="U99520" i="1"/>
  <c r="U99519" i="1"/>
  <c r="U99518" i="1"/>
  <c r="U99517" i="1"/>
  <c r="U99516" i="1"/>
  <c r="U99515" i="1"/>
  <c r="U99514" i="1"/>
  <c r="U99513" i="1"/>
  <c r="U99512" i="1"/>
  <c r="U99511" i="1"/>
  <c r="U99510" i="1"/>
  <c r="U99509" i="1"/>
  <c r="U99508" i="1"/>
  <c r="U99507" i="1"/>
  <c r="U99506" i="1"/>
  <c r="U99505" i="1"/>
  <c r="U99504" i="1"/>
  <c r="U99503" i="1"/>
  <c r="U99502" i="1"/>
  <c r="U99501" i="1"/>
  <c r="U99500" i="1"/>
  <c r="U99499" i="1"/>
  <c r="U99498" i="1"/>
  <c r="U99497" i="1"/>
  <c r="U99496" i="1"/>
  <c r="U99495" i="1"/>
  <c r="U99494" i="1"/>
  <c r="U99493" i="1"/>
  <c r="U99492" i="1"/>
  <c r="U99491" i="1"/>
  <c r="U99490" i="1"/>
  <c r="U99489" i="1"/>
  <c r="U99488" i="1"/>
  <c r="U99487" i="1"/>
  <c r="U99486" i="1"/>
  <c r="U99485" i="1"/>
  <c r="U99484" i="1"/>
  <c r="U99483" i="1"/>
  <c r="U99482" i="1"/>
  <c r="U99481" i="1"/>
  <c r="U99480" i="1"/>
  <c r="U99479" i="1"/>
  <c r="U99478" i="1"/>
  <c r="U99477" i="1"/>
  <c r="U99476" i="1"/>
  <c r="U99475" i="1"/>
  <c r="U99474" i="1"/>
  <c r="U99473" i="1"/>
  <c r="U99472" i="1"/>
  <c r="U99471" i="1"/>
  <c r="U99470" i="1"/>
  <c r="U99469" i="1"/>
  <c r="U99468" i="1"/>
  <c r="U99467" i="1"/>
  <c r="U99466" i="1"/>
  <c r="U99465" i="1"/>
  <c r="U99464" i="1"/>
  <c r="U99463" i="1"/>
  <c r="U99462" i="1"/>
  <c r="U99461" i="1"/>
  <c r="U99460" i="1"/>
  <c r="U99459" i="1"/>
  <c r="U99458" i="1"/>
  <c r="U99457" i="1"/>
  <c r="U99456" i="1"/>
  <c r="U99455" i="1"/>
  <c r="U99454" i="1"/>
  <c r="U99453" i="1"/>
  <c r="U99452" i="1"/>
  <c r="U99451" i="1"/>
  <c r="U99450" i="1"/>
  <c r="U99449" i="1"/>
  <c r="U99448" i="1"/>
  <c r="U99447" i="1"/>
  <c r="U99446" i="1"/>
  <c r="U99445" i="1"/>
  <c r="U99444" i="1"/>
  <c r="U99443" i="1"/>
  <c r="U99442" i="1"/>
  <c r="U99441" i="1"/>
  <c r="U99440" i="1"/>
  <c r="U99439" i="1"/>
  <c r="U99438" i="1"/>
  <c r="U99437" i="1"/>
  <c r="U99436" i="1"/>
  <c r="U99435" i="1"/>
  <c r="U99434" i="1"/>
  <c r="U99433" i="1"/>
  <c r="U99432" i="1"/>
  <c r="U99431" i="1"/>
  <c r="U99430" i="1"/>
  <c r="U99429" i="1"/>
  <c r="U99428" i="1"/>
  <c r="U99427" i="1"/>
  <c r="U99426" i="1"/>
  <c r="U99425" i="1"/>
  <c r="U99424" i="1"/>
  <c r="U99423" i="1"/>
  <c r="U99422" i="1"/>
  <c r="U99421" i="1"/>
  <c r="U99420" i="1"/>
  <c r="U99419" i="1"/>
  <c r="U99418" i="1"/>
  <c r="U99417" i="1"/>
  <c r="U99416" i="1"/>
  <c r="U99415" i="1"/>
  <c r="U99414" i="1"/>
  <c r="U99413" i="1"/>
  <c r="U99412" i="1"/>
  <c r="U99411" i="1"/>
  <c r="U99410" i="1"/>
  <c r="U99409" i="1"/>
  <c r="U99408" i="1"/>
  <c r="U99407" i="1"/>
  <c r="U99406" i="1"/>
  <c r="U99405" i="1"/>
  <c r="U99404" i="1"/>
  <c r="U99403" i="1"/>
  <c r="U99402" i="1"/>
  <c r="U99401" i="1"/>
  <c r="U99400" i="1"/>
  <c r="U99399" i="1"/>
  <c r="U99398" i="1"/>
  <c r="U99397" i="1"/>
  <c r="U99396" i="1"/>
  <c r="U99395" i="1"/>
  <c r="U99394" i="1"/>
  <c r="U99393" i="1"/>
  <c r="U99392" i="1"/>
  <c r="U99391" i="1"/>
  <c r="U99390" i="1"/>
  <c r="U99389" i="1"/>
  <c r="U99388" i="1"/>
  <c r="U99387" i="1"/>
  <c r="U99386" i="1"/>
  <c r="U99385" i="1"/>
  <c r="U99384" i="1"/>
  <c r="U99383" i="1"/>
  <c r="U99382" i="1"/>
  <c r="U99381" i="1"/>
  <c r="U99380" i="1"/>
  <c r="U99379" i="1"/>
  <c r="U99378" i="1"/>
  <c r="U99377" i="1"/>
  <c r="U99376" i="1"/>
  <c r="U99375" i="1"/>
  <c r="U99374" i="1"/>
  <c r="U99373" i="1"/>
  <c r="U99372" i="1"/>
  <c r="U99371" i="1"/>
  <c r="U99370" i="1"/>
  <c r="U99369" i="1"/>
  <c r="U99368" i="1"/>
  <c r="U99367" i="1"/>
  <c r="U99366" i="1"/>
  <c r="U99365" i="1"/>
  <c r="U99364" i="1"/>
  <c r="U99363" i="1"/>
  <c r="U99362" i="1"/>
  <c r="U99361" i="1"/>
  <c r="U99360" i="1"/>
  <c r="U99359" i="1"/>
  <c r="U99358" i="1"/>
  <c r="U99357" i="1"/>
  <c r="U99356" i="1"/>
  <c r="U99355" i="1"/>
  <c r="U99354" i="1"/>
  <c r="U99353" i="1"/>
  <c r="U99352" i="1"/>
  <c r="U99351" i="1"/>
  <c r="U99350" i="1"/>
  <c r="U99349" i="1"/>
  <c r="U99348" i="1"/>
  <c r="U99347" i="1"/>
  <c r="U99346" i="1"/>
  <c r="U99345" i="1"/>
  <c r="U99344" i="1"/>
  <c r="U99343" i="1"/>
  <c r="U99342" i="1"/>
  <c r="U99341" i="1"/>
  <c r="U99340" i="1"/>
  <c r="U99339" i="1"/>
  <c r="U99338" i="1"/>
  <c r="U99337" i="1"/>
  <c r="U99336" i="1"/>
  <c r="U99335" i="1"/>
  <c r="U99334" i="1"/>
  <c r="U99333" i="1"/>
  <c r="U99332" i="1"/>
  <c r="U99331" i="1"/>
  <c r="U99330" i="1"/>
  <c r="U99329" i="1"/>
  <c r="U99328" i="1"/>
  <c r="U99327" i="1"/>
  <c r="U99326" i="1"/>
  <c r="U99325" i="1"/>
  <c r="U99324" i="1"/>
  <c r="U99323" i="1"/>
  <c r="U99322" i="1"/>
  <c r="U99321" i="1"/>
  <c r="U99320" i="1"/>
  <c r="U99319" i="1"/>
  <c r="U99318" i="1"/>
  <c r="U99317" i="1"/>
  <c r="U99316" i="1"/>
  <c r="U99315" i="1"/>
  <c r="U99314" i="1"/>
  <c r="U99313" i="1"/>
  <c r="U99312" i="1"/>
  <c r="U99311" i="1"/>
  <c r="U99310" i="1"/>
  <c r="U99309" i="1"/>
  <c r="U99308" i="1"/>
  <c r="U99307" i="1"/>
  <c r="U99306" i="1"/>
  <c r="U99305" i="1"/>
  <c r="U99304" i="1"/>
  <c r="U99303" i="1"/>
  <c r="U99302" i="1"/>
  <c r="U99301" i="1"/>
  <c r="U99300" i="1"/>
  <c r="U99299" i="1"/>
  <c r="U99298" i="1"/>
  <c r="U99297" i="1"/>
  <c r="U99296" i="1"/>
  <c r="U99295" i="1"/>
  <c r="U99294" i="1"/>
  <c r="U99293" i="1"/>
  <c r="U99292" i="1"/>
  <c r="U99291" i="1"/>
  <c r="U99290" i="1"/>
  <c r="U99289" i="1"/>
  <c r="U99288" i="1"/>
  <c r="U99287" i="1"/>
  <c r="U99286" i="1"/>
  <c r="U99285" i="1"/>
  <c r="U99284" i="1"/>
  <c r="U99283" i="1"/>
  <c r="U99282" i="1"/>
  <c r="U99281" i="1"/>
  <c r="U99280" i="1"/>
  <c r="U99279" i="1"/>
  <c r="U99278" i="1"/>
  <c r="U99277" i="1"/>
  <c r="U99276" i="1"/>
  <c r="U99275" i="1"/>
  <c r="U99274" i="1"/>
  <c r="U99273" i="1"/>
  <c r="U99272" i="1"/>
  <c r="U99271" i="1"/>
  <c r="U99270" i="1"/>
  <c r="U99269" i="1"/>
  <c r="U99268" i="1"/>
  <c r="U99267" i="1"/>
  <c r="U99266" i="1"/>
  <c r="U99265" i="1"/>
  <c r="U99264" i="1"/>
  <c r="U99263" i="1"/>
  <c r="U99262" i="1"/>
  <c r="U99261" i="1"/>
  <c r="U99260" i="1"/>
  <c r="U99259" i="1"/>
  <c r="U99258" i="1"/>
  <c r="U99257" i="1"/>
  <c r="U99256" i="1"/>
  <c r="U99255" i="1"/>
  <c r="U99254" i="1"/>
  <c r="U99253" i="1"/>
  <c r="U99252" i="1"/>
  <c r="U99251" i="1"/>
  <c r="U99250" i="1"/>
  <c r="U99249" i="1"/>
  <c r="U99248" i="1"/>
  <c r="U99247" i="1"/>
  <c r="U99246" i="1"/>
  <c r="U99245" i="1"/>
  <c r="U99244" i="1"/>
  <c r="U99243" i="1"/>
  <c r="U99242" i="1"/>
  <c r="U99241" i="1"/>
  <c r="U99240" i="1"/>
  <c r="U99239" i="1"/>
  <c r="U99238" i="1"/>
  <c r="U99237" i="1"/>
  <c r="U99236" i="1"/>
  <c r="U99235" i="1"/>
  <c r="U99234" i="1"/>
  <c r="U99233" i="1"/>
  <c r="U99232" i="1"/>
  <c r="U99231" i="1"/>
  <c r="U99230" i="1"/>
  <c r="U99229" i="1"/>
  <c r="U99228" i="1"/>
  <c r="U99227" i="1"/>
  <c r="U99226" i="1"/>
  <c r="U99225" i="1"/>
  <c r="U99224" i="1"/>
  <c r="U99223" i="1"/>
  <c r="U99222" i="1"/>
  <c r="U99221" i="1"/>
  <c r="U99220" i="1"/>
  <c r="U99219" i="1"/>
  <c r="U99218" i="1"/>
  <c r="U99217" i="1"/>
  <c r="U99216" i="1"/>
  <c r="U99215" i="1"/>
  <c r="U99214" i="1"/>
  <c r="U99213" i="1"/>
  <c r="U99212" i="1"/>
  <c r="U99211" i="1"/>
  <c r="U99210" i="1"/>
  <c r="U99209" i="1"/>
  <c r="U99208" i="1"/>
  <c r="U99207" i="1"/>
  <c r="U99206" i="1"/>
  <c r="U99205" i="1"/>
  <c r="U99204" i="1"/>
  <c r="U99203" i="1"/>
  <c r="U99202" i="1"/>
  <c r="U99201" i="1"/>
  <c r="U99200" i="1"/>
  <c r="U99199" i="1"/>
  <c r="U99198" i="1"/>
  <c r="U99197" i="1"/>
  <c r="U99196" i="1"/>
  <c r="U99195" i="1"/>
  <c r="U99194" i="1"/>
  <c r="U99193" i="1"/>
  <c r="U99192" i="1"/>
  <c r="U99191" i="1"/>
  <c r="U99190" i="1"/>
  <c r="U99189" i="1"/>
  <c r="U99188" i="1"/>
  <c r="U99187" i="1"/>
  <c r="U99186" i="1"/>
  <c r="U99185" i="1"/>
  <c r="U99184" i="1"/>
  <c r="U99183" i="1"/>
  <c r="U99182" i="1"/>
  <c r="U99181" i="1"/>
  <c r="U99180" i="1"/>
  <c r="U99179" i="1"/>
  <c r="U99178" i="1"/>
  <c r="U99177" i="1"/>
  <c r="U99176" i="1"/>
  <c r="U99175" i="1"/>
  <c r="U99174" i="1"/>
  <c r="U99173" i="1"/>
  <c r="U99172" i="1"/>
  <c r="U99171" i="1"/>
  <c r="U99170" i="1"/>
  <c r="U99169" i="1"/>
  <c r="U99168" i="1"/>
  <c r="U99167" i="1"/>
  <c r="U99166" i="1"/>
  <c r="U99165" i="1"/>
  <c r="U99164" i="1"/>
  <c r="U99163" i="1"/>
  <c r="U99162" i="1"/>
  <c r="U99161" i="1"/>
  <c r="U99160" i="1"/>
  <c r="U99159" i="1"/>
  <c r="U99158" i="1"/>
  <c r="U99157" i="1"/>
  <c r="U99156" i="1"/>
  <c r="U99155" i="1"/>
  <c r="U99154" i="1"/>
  <c r="U99153" i="1"/>
  <c r="U99152" i="1"/>
  <c r="U99151" i="1"/>
  <c r="U99150" i="1"/>
  <c r="U99149" i="1"/>
  <c r="U99148" i="1"/>
  <c r="U99147" i="1"/>
  <c r="U99146" i="1"/>
  <c r="U99145" i="1"/>
  <c r="U99144" i="1"/>
  <c r="U99143" i="1"/>
  <c r="U99142" i="1"/>
  <c r="U99141" i="1"/>
  <c r="U99140" i="1"/>
  <c r="U99139" i="1"/>
  <c r="U99138" i="1"/>
  <c r="U99137" i="1"/>
  <c r="U99136" i="1"/>
  <c r="U99135" i="1"/>
  <c r="U99134" i="1"/>
  <c r="U99133" i="1"/>
  <c r="U99132" i="1"/>
  <c r="U99131" i="1"/>
  <c r="U99130" i="1"/>
  <c r="U99129" i="1"/>
  <c r="U99128" i="1"/>
  <c r="U99127" i="1"/>
  <c r="U99126" i="1"/>
  <c r="U99125" i="1"/>
  <c r="U99124" i="1"/>
  <c r="U99123" i="1"/>
  <c r="U99122" i="1"/>
  <c r="U99121" i="1"/>
  <c r="U99120" i="1"/>
  <c r="U99119" i="1"/>
  <c r="U99118" i="1"/>
  <c r="U99117" i="1"/>
  <c r="U99116" i="1"/>
  <c r="U99115" i="1"/>
  <c r="U99114" i="1"/>
  <c r="U99113" i="1"/>
  <c r="U99112" i="1"/>
  <c r="U99111" i="1"/>
  <c r="U99110" i="1"/>
  <c r="U99109" i="1"/>
  <c r="U99108" i="1"/>
  <c r="U99107" i="1"/>
  <c r="U99106" i="1"/>
  <c r="U99105" i="1"/>
  <c r="U99104" i="1"/>
  <c r="U99103" i="1"/>
  <c r="U99102" i="1"/>
  <c r="U99101" i="1"/>
  <c r="U99100" i="1"/>
  <c r="U99099" i="1"/>
  <c r="U99098" i="1"/>
  <c r="U99097" i="1"/>
  <c r="U99096" i="1"/>
  <c r="U99095" i="1"/>
  <c r="U99094" i="1"/>
  <c r="U99093" i="1"/>
  <c r="U99092" i="1"/>
  <c r="U99091" i="1"/>
  <c r="U99090" i="1"/>
  <c r="U99089" i="1"/>
  <c r="U99088" i="1"/>
  <c r="U99087" i="1"/>
  <c r="U99086" i="1"/>
  <c r="U99085" i="1"/>
  <c r="U99084" i="1"/>
  <c r="U99083" i="1"/>
  <c r="U99082" i="1"/>
  <c r="U99081" i="1"/>
  <c r="U99080" i="1"/>
  <c r="U99079" i="1"/>
  <c r="U99078" i="1"/>
  <c r="U99077" i="1"/>
  <c r="U99076" i="1"/>
  <c r="U99075" i="1"/>
  <c r="U99074" i="1"/>
  <c r="U99073" i="1"/>
  <c r="U99072" i="1"/>
  <c r="U99071" i="1"/>
  <c r="U99070" i="1"/>
  <c r="U99069" i="1"/>
  <c r="U99068" i="1"/>
  <c r="U99067" i="1"/>
  <c r="U99066" i="1"/>
  <c r="U99065" i="1"/>
  <c r="U99064" i="1"/>
  <c r="U99063" i="1"/>
  <c r="U99062" i="1"/>
  <c r="U99061" i="1"/>
  <c r="U99060" i="1"/>
  <c r="U99059" i="1"/>
  <c r="U99058" i="1"/>
  <c r="U99057" i="1"/>
  <c r="U99056" i="1"/>
  <c r="U99055" i="1"/>
  <c r="U99054" i="1"/>
  <c r="U99053" i="1"/>
  <c r="U99052" i="1"/>
  <c r="U99051" i="1"/>
  <c r="U99050" i="1"/>
  <c r="U99049" i="1"/>
  <c r="U99048" i="1"/>
  <c r="U99047" i="1"/>
  <c r="U99046" i="1"/>
  <c r="U99045" i="1"/>
  <c r="U99044" i="1"/>
  <c r="U99043" i="1"/>
  <c r="U99042" i="1"/>
  <c r="U99041" i="1"/>
  <c r="U99040" i="1"/>
  <c r="U99039" i="1"/>
  <c r="U99038" i="1"/>
  <c r="U99037" i="1"/>
  <c r="U99036" i="1"/>
  <c r="U99035" i="1"/>
  <c r="U99034" i="1"/>
  <c r="U99033" i="1"/>
  <c r="U99032" i="1"/>
  <c r="U99031" i="1"/>
  <c r="U99030" i="1"/>
  <c r="U99029" i="1"/>
  <c r="U99028" i="1"/>
  <c r="U99027" i="1"/>
  <c r="U99026" i="1"/>
  <c r="U99025" i="1"/>
  <c r="U99024" i="1"/>
  <c r="U99023" i="1"/>
  <c r="U99022" i="1"/>
  <c r="U99021" i="1"/>
  <c r="U99020" i="1"/>
  <c r="U99019" i="1"/>
  <c r="U99018" i="1"/>
  <c r="U99017" i="1"/>
  <c r="U99016" i="1"/>
  <c r="U99015" i="1"/>
  <c r="U99014" i="1"/>
  <c r="U99013" i="1"/>
  <c r="U99012" i="1"/>
  <c r="U99011" i="1"/>
  <c r="U99010" i="1"/>
  <c r="U99009" i="1"/>
  <c r="U99008" i="1"/>
  <c r="U99007" i="1"/>
  <c r="U99006" i="1"/>
  <c r="U99005" i="1"/>
  <c r="U99004" i="1"/>
  <c r="U99003" i="1"/>
  <c r="U99002" i="1"/>
  <c r="U99001" i="1"/>
  <c r="U99000" i="1"/>
  <c r="U98999" i="1"/>
  <c r="U98998" i="1"/>
  <c r="U98997" i="1"/>
  <c r="U98996" i="1"/>
  <c r="U98995" i="1"/>
  <c r="U98994" i="1"/>
  <c r="U98993" i="1"/>
  <c r="U98992" i="1"/>
  <c r="U98991" i="1"/>
  <c r="U98990" i="1"/>
  <c r="U98989" i="1"/>
  <c r="U98988" i="1"/>
  <c r="U98987" i="1"/>
  <c r="U98986" i="1"/>
  <c r="U98985" i="1"/>
  <c r="U98984" i="1"/>
  <c r="U98983" i="1"/>
  <c r="U98982" i="1"/>
  <c r="U98981" i="1"/>
  <c r="U98980" i="1"/>
  <c r="U98979" i="1"/>
  <c r="U98978" i="1"/>
  <c r="U98977" i="1"/>
  <c r="U98976" i="1"/>
  <c r="U98975" i="1"/>
  <c r="U98974" i="1"/>
  <c r="U98973" i="1"/>
  <c r="U98972" i="1"/>
  <c r="U98971" i="1"/>
  <c r="U98970" i="1"/>
  <c r="U98969" i="1"/>
  <c r="U98968" i="1"/>
  <c r="U98967" i="1"/>
  <c r="U98966" i="1"/>
  <c r="U98965" i="1"/>
  <c r="U98964" i="1"/>
  <c r="U98963" i="1"/>
  <c r="U98962" i="1"/>
  <c r="U98961" i="1"/>
  <c r="U98960" i="1"/>
  <c r="U98959" i="1"/>
  <c r="U98958" i="1"/>
  <c r="U98957" i="1"/>
  <c r="U98956" i="1"/>
  <c r="U98955" i="1"/>
  <c r="U98954" i="1"/>
  <c r="U98953" i="1"/>
  <c r="U98952" i="1"/>
  <c r="U98951" i="1"/>
  <c r="U98950" i="1"/>
  <c r="U98949" i="1"/>
  <c r="U98948" i="1"/>
  <c r="U98947" i="1"/>
  <c r="U98946" i="1"/>
  <c r="U98945" i="1"/>
  <c r="U98944" i="1"/>
  <c r="U98943" i="1"/>
  <c r="U98942" i="1"/>
  <c r="U98941" i="1"/>
  <c r="U98940" i="1"/>
  <c r="U98939" i="1"/>
  <c r="U98938" i="1"/>
  <c r="U98937" i="1"/>
  <c r="U98936" i="1"/>
  <c r="U98935" i="1"/>
  <c r="U98934" i="1"/>
  <c r="U98933" i="1"/>
  <c r="U98932" i="1"/>
  <c r="U98931" i="1"/>
  <c r="U98930" i="1"/>
  <c r="U98929" i="1"/>
  <c r="U98928" i="1"/>
  <c r="U98927" i="1"/>
  <c r="U98926" i="1"/>
  <c r="U98925" i="1"/>
  <c r="U98924" i="1"/>
  <c r="U98923" i="1"/>
  <c r="U98922" i="1"/>
  <c r="U98921" i="1"/>
  <c r="U98920" i="1"/>
  <c r="U98919" i="1"/>
  <c r="U98918" i="1"/>
  <c r="U98917" i="1"/>
  <c r="U98916" i="1"/>
  <c r="U98915" i="1"/>
  <c r="U98914" i="1"/>
  <c r="U98913" i="1"/>
  <c r="U98912" i="1"/>
  <c r="U98911" i="1"/>
  <c r="U98910" i="1"/>
  <c r="U98909" i="1"/>
  <c r="U98908" i="1"/>
  <c r="U98907" i="1"/>
  <c r="U98906" i="1"/>
  <c r="U98905" i="1"/>
  <c r="U98904" i="1"/>
  <c r="U98903" i="1"/>
  <c r="U98902" i="1"/>
  <c r="U98901" i="1"/>
  <c r="U98900" i="1"/>
  <c r="U98899" i="1"/>
  <c r="U98898" i="1"/>
  <c r="U98897" i="1"/>
  <c r="U98896" i="1"/>
  <c r="U98895" i="1"/>
  <c r="U98894" i="1"/>
  <c r="U98893" i="1"/>
  <c r="U98892" i="1"/>
  <c r="U98891" i="1"/>
  <c r="U98890" i="1"/>
  <c r="U98889" i="1"/>
  <c r="U98888" i="1"/>
  <c r="U98887" i="1"/>
  <c r="U98886" i="1"/>
  <c r="U98885" i="1"/>
  <c r="U98884" i="1"/>
  <c r="U98883" i="1"/>
  <c r="U98882" i="1"/>
  <c r="U98881" i="1"/>
  <c r="U98880" i="1"/>
  <c r="U98879" i="1"/>
  <c r="U98878" i="1"/>
  <c r="U98877" i="1"/>
  <c r="U98876" i="1"/>
  <c r="U98875" i="1"/>
  <c r="U98874" i="1"/>
  <c r="U98873" i="1"/>
  <c r="U98872" i="1"/>
  <c r="U98871" i="1"/>
  <c r="U98870" i="1"/>
  <c r="U98869" i="1"/>
  <c r="U98868" i="1"/>
  <c r="U98867" i="1"/>
  <c r="U98866" i="1"/>
  <c r="U98865" i="1"/>
  <c r="U98864" i="1"/>
  <c r="U98863" i="1"/>
  <c r="U98862" i="1"/>
  <c r="U98861" i="1"/>
  <c r="U98860" i="1"/>
  <c r="U98859" i="1"/>
  <c r="U98858" i="1"/>
  <c r="U98857" i="1"/>
  <c r="U98856" i="1"/>
  <c r="U98855" i="1"/>
  <c r="U98854" i="1"/>
  <c r="U98853" i="1"/>
  <c r="U98852" i="1"/>
  <c r="U98851" i="1"/>
  <c r="U98850" i="1"/>
  <c r="U98849" i="1"/>
  <c r="U98848" i="1"/>
  <c r="U98847" i="1"/>
  <c r="U98846" i="1"/>
  <c r="U98845" i="1"/>
  <c r="U98844" i="1"/>
  <c r="U98843" i="1"/>
  <c r="U98842" i="1"/>
  <c r="U98841" i="1"/>
  <c r="U98840" i="1"/>
  <c r="U98839" i="1"/>
  <c r="U98838" i="1"/>
  <c r="U98837" i="1"/>
  <c r="U98836" i="1"/>
  <c r="U98835" i="1"/>
  <c r="U98834" i="1"/>
  <c r="U98833" i="1"/>
  <c r="U98832" i="1"/>
  <c r="U98831" i="1"/>
  <c r="U98830" i="1"/>
  <c r="U98829" i="1"/>
  <c r="U98828" i="1"/>
  <c r="U98827" i="1"/>
  <c r="U98826" i="1"/>
  <c r="U98825" i="1"/>
  <c r="U98824" i="1"/>
  <c r="U98823" i="1"/>
  <c r="U98822" i="1"/>
  <c r="U98821" i="1"/>
  <c r="U98820" i="1"/>
  <c r="U98819" i="1"/>
  <c r="U98818" i="1"/>
  <c r="U98817" i="1"/>
  <c r="U98816" i="1"/>
  <c r="U98815" i="1"/>
  <c r="U98814" i="1"/>
  <c r="U98813" i="1"/>
  <c r="U98812" i="1"/>
  <c r="U98811" i="1"/>
  <c r="U98810" i="1"/>
  <c r="U98809" i="1"/>
  <c r="U98808" i="1"/>
  <c r="U98807" i="1"/>
  <c r="U98806" i="1"/>
  <c r="U98805" i="1"/>
  <c r="U98804" i="1"/>
  <c r="U98803" i="1"/>
  <c r="U98802" i="1"/>
  <c r="U98801" i="1"/>
  <c r="U98800" i="1"/>
  <c r="U98799" i="1"/>
  <c r="U98798" i="1"/>
  <c r="U98797" i="1"/>
  <c r="U98796" i="1"/>
  <c r="U98795" i="1"/>
  <c r="U98794" i="1"/>
  <c r="U98793" i="1"/>
  <c r="U98792" i="1"/>
  <c r="U98791" i="1"/>
  <c r="U98790" i="1"/>
  <c r="U98789" i="1"/>
  <c r="U98788" i="1"/>
  <c r="U98787" i="1"/>
  <c r="U98786" i="1"/>
  <c r="U98785" i="1"/>
  <c r="U98784" i="1"/>
  <c r="U98783" i="1"/>
  <c r="U98782" i="1"/>
  <c r="U98781" i="1"/>
  <c r="U98780" i="1"/>
  <c r="U98779" i="1"/>
  <c r="U98778" i="1"/>
  <c r="U98777" i="1"/>
  <c r="U98776" i="1"/>
  <c r="U98775" i="1"/>
  <c r="U98774" i="1"/>
  <c r="U98773" i="1"/>
  <c r="U98772" i="1"/>
  <c r="U98771" i="1"/>
  <c r="U98770" i="1"/>
  <c r="U98769" i="1"/>
  <c r="U98768" i="1"/>
  <c r="U98767" i="1"/>
  <c r="U98766" i="1"/>
  <c r="U98765" i="1"/>
  <c r="U98764" i="1"/>
  <c r="U98763" i="1"/>
  <c r="U98762" i="1"/>
  <c r="U98761" i="1"/>
  <c r="U98760" i="1"/>
  <c r="U98759" i="1"/>
  <c r="U98758" i="1"/>
  <c r="U98757" i="1"/>
  <c r="U98756" i="1"/>
  <c r="U98755" i="1"/>
  <c r="U98754" i="1"/>
  <c r="U98753" i="1"/>
  <c r="U98752" i="1"/>
  <c r="U98751" i="1"/>
  <c r="U98750" i="1"/>
  <c r="U98749" i="1"/>
  <c r="U98748" i="1"/>
  <c r="U98747" i="1"/>
  <c r="U98746" i="1"/>
  <c r="U98745" i="1"/>
  <c r="U98744" i="1"/>
  <c r="U98743" i="1"/>
  <c r="U98742" i="1"/>
  <c r="U98741" i="1"/>
  <c r="U98740" i="1"/>
  <c r="U98739" i="1"/>
  <c r="U98738" i="1"/>
  <c r="U98737" i="1"/>
  <c r="U98736" i="1"/>
  <c r="U98735" i="1"/>
  <c r="U98734" i="1"/>
  <c r="U98733" i="1"/>
  <c r="U98732" i="1"/>
  <c r="U98731" i="1"/>
  <c r="U98730" i="1"/>
  <c r="U98729" i="1"/>
  <c r="U98728" i="1"/>
  <c r="U98727" i="1"/>
  <c r="U98726" i="1"/>
  <c r="U98725" i="1"/>
  <c r="U98724" i="1"/>
  <c r="U98723" i="1"/>
  <c r="U98722" i="1"/>
  <c r="U98721" i="1"/>
  <c r="U98720" i="1"/>
  <c r="U98719" i="1"/>
  <c r="U98718" i="1"/>
  <c r="U98717" i="1"/>
  <c r="U98716" i="1"/>
  <c r="U98715" i="1"/>
  <c r="U98714" i="1"/>
  <c r="U98713" i="1"/>
  <c r="U98712" i="1"/>
  <c r="U98711" i="1"/>
  <c r="U98710" i="1"/>
  <c r="U98709" i="1"/>
  <c r="U98708" i="1"/>
  <c r="U98707" i="1"/>
  <c r="U98706" i="1"/>
  <c r="U98705" i="1"/>
  <c r="U98704" i="1"/>
  <c r="U98703" i="1"/>
  <c r="U98702" i="1"/>
  <c r="U98701" i="1"/>
  <c r="U98700" i="1"/>
  <c r="U98699" i="1"/>
  <c r="U98698" i="1"/>
  <c r="U98697" i="1"/>
  <c r="U98696" i="1"/>
  <c r="U98695" i="1"/>
  <c r="U98694" i="1"/>
  <c r="U98693" i="1"/>
  <c r="U98692" i="1"/>
  <c r="U98691" i="1"/>
  <c r="U98690" i="1"/>
  <c r="U98689" i="1"/>
  <c r="U98688" i="1"/>
  <c r="U98687" i="1"/>
  <c r="U98686" i="1"/>
  <c r="U98685" i="1"/>
  <c r="U98684" i="1"/>
  <c r="U98683" i="1"/>
  <c r="U98682" i="1"/>
  <c r="U98681" i="1"/>
  <c r="U98680" i="1"/>
  <c r="U98679" i="1"/>
  <c r="U98678" i="1"/>
  <c r="U98677" i="1"/>
  <c r="U98676" i="1"/>
  <c r="U98675" i="1"/>
  <c r="U98674" i="1"/>
  <c r="U98673" i="1"/>
  <c r="U98672" i="1"/>
  <c r="U98671" i="1"/>
  <c r="U98670" i="1"/>
  <c r="U98669" i="1"/>
  <c r="U98668" i="1"/>
  <c r="U98667" i="1"/>
  <c r="U98666" i="1"/>
  <c r="U98665" i="1"/>
  <c r="U98664" i="1"/>
  <c r="U98663" i="1"/>
  <c r="U98662" i="1"/>
  <c r="U98661" i="1"/>
  <c r="U98660" i="1"/>
  <c r="U98659" i="1"/>
  <c r="U98658" i="1"/>
  <c r="U98657" i="1"/>
  <c r="U98656" i="1"/>
  <c r="U98655" i="1"/>
  <c r="U98654" i="1"/>
  <c r="U98653" i="1"/>
  <c r="U98652" i="1"/>
  <c r="U98651" i="1"/>
  <c r="U98650" i="1"/>
  <c r="U98649" i="1"/>
  <c r="U98648" i="1"/>
  <c r="U98647" i="1"/>
  <c r="U98646" i="1"/>
  <c r="U98645" i="1"/>
  <c r="U98644" i="1"/>
  <c r="U98643" i="1"/>
  <c r="U98642" i="1"/>
  <c r="U98641" i="1"/>
  <c r="U98640" i="1"/>
  <c r="U98639" i="1"/>
  <c r="U98638" i="1"/>
  <c r="U98637" i="1"/>
  <c r="U98636" i="1"/>
  <c r="U98635" i="1"/>
  <c r="U98634" i="1"/>
  <c r="U98633" i="1"/>
  <c r="U98632" i="1"/>
  <c r="U98631" i="1"/>
  <c r="U98630" i="1"/>
  <c r="U98629" i="1"/>
  <c r="U98628" i="1"/>
  <c r="U98627" i="1"/>
  <c r="U98626" i="1"/>
  <c r="U98625" i="1"/>
  <c r="U98624" i="1"/>
  <c r="U98623" i="1"/>
  <c r="U98622" i="1"/>
  <c r="U98621" i="1"/>
  <c r="U98620" i="1"/>
  <c r="U98619" i="1"/>
  <c r="U98618" i="1"/>
  <c r="U98617" i="1"/>
  <c r="U98616" i="1"/>
  <c r="U98615" i="1"/>
  <c r="U98614" i="1"/>
  <c r="U98613" i="1"/>
  <c r="U98612" i="1"/>
  <c r="U98611" i="1"/>
  <c r="U98610" i="1"/>
  <c r="U98609" i="1"/>
  <c r="U98608" i="1"/>
  <c r="U98607" i="1"/>
  <c r="U98606" i="1"/>
  <c r="U98605" i="1"/>
  <c r="U98604" i="1"/>
  <c r="U98603" i="1"/>
  <c r="U98602" i="1"/>
  <c r="U98601" i="1"/>
  <c r="U98600" i="1"/>
  <c r="U98599" i="1"/>
  <c r="U98598" i="1"/>
  <c r="U98597" i="1"/>
  <c r="U98596" i="1"/>
  <c r="U98595" i="1"/>
  <c r="U98594" i="1"/>
  <c r="U98593" i="1"/>
  <c r="U98592" i="1"/>
  <c r="U98591" i="1"/>
  <c r="U98590" i="1"/>
  <c r="U98589" i="1"/>
  <c r="U98588" i="1"/>
  <c r="U98587" i="1"/>
  <c r="U98586" i="1"/>
  <c r="U98585" i="1"/>
  <c r="U98584" i="1"/>
  <c r="U98583" i="1"/>
  <c r="U98582" i="1"/>
  <c r="U98581" i="1"/>
  <c r="U98580" i="1"/>
  <c r="U98579" i="1"/>
  <c r="U98578" i="1"/>
  <c r="U98577" i="1"/>
  <c r="U98576" i="1"/>
  <c r="U98575" i="1"/>
  <c r="U98574" i="1"/>
  <c r="U98573" i="1"/>
  <c r="U98572" i="1"/>
  <c r="U98571" i="1"/>
  <c r="U98570" i="1"/>
  <c r="U98569" i="1"/>
  <c r="U98568" i="1"/>
  <c r="U98567" i="1"/>
  <c r="U98566" i="1"/>
  <c r="U98565" i="1"/>
  <c r="U98564" i="1"/>
  <c r="U98563" i="1"/>
  <c r="U98562" i="1"/>
  <c r="U98561" i="1"/>
  <c r="U98560" i="1"/>
  <c r="U98559" i="1"/>
  <c r="U98558" i="1"/>
  <c r="U98557" i="1"/>
  <c r="U98556" i="1"/>
  <c r="U98555" i="1"/>
  <c r="U98554" i="1"/>
  <c r="U98553" i="1"/>
  <c r="U98552" i="1"/>
  <c r="U98551" i="1"/>
  <c r="U98550" i="1"/>
  <c r="U98549" i="1"/>
  <c r="U98548" i="1"/>
  <c r="U98547" i="1"/>
  <c r="U98546" i="1"/>
  <c r="U98545" i="1"/>
  <c r="U98544" i="1"/>
  <c r="U98543" i="1"/>
  <c r="U98542" i="1"/>
  <c r="U98541" i="1"/>
  <c r="U98540" i="1"/>
  <c r="U98539" i="1"/>
  <c r="U98538" i="1"/>
  <c r="U98537" i="1"/>
  <c r="U98536" i="1"/>
  <c r="U98535" i="1"/>
  <c r="U98534" i="1"/>
  <c r="U98533" i="1"/>
  <c r="U98532" i="1"/>
  <c r="U98531" i="1"/>
  <c r="U98530" i="1"/>
  <c r="U98529" i="1"/>
  <c r="U98528" i="1"/>
  <c r="U98527" i="1"/>
  <c r="U98526" i="1"/>
  <c r="U98525" i="1"/>
  <c r="U98524" i="1"/>
  <c r="U98523" i="1"/>
  <c r="U98522" i="1"/>
  <c r="U98521" i="1"/>
  <c r="U98520" i="1"/>
  <c r="U98519" i="1"/>
  <c r="U98518" i="1"/>
  <c r="U98517" i="1"/>
  <c r="U98516" i="1"/>
  <c r="U98515" i="1"/>
  <c r="U98514" i="1"/>
  <c r="U98513" i="1"/>
  <c r="U98512" i="1"/>
  <c r="U98511" i="1"/>
  <c r="U98510" i="1"/>
  <c r="U98509" i="1"/>
  <c r="U98508" i="1"/>
  <c r="U98507" i="1"/>
  <c r="U98506" i="1"/>
  <c r="U98505" i="1"/>
  <c r="U98504" i="1"/>
  <c r="U98503" i="1"/>
  <c r="U98502" i="1"/>
  <c r="U98501" i="1"/>
  <c r="U98500" i="1"/>
  <c r="U98499" i="1"/>
  <c r="U98498" i="1"/>
  <c r="U98497" i="1"/>
  <c r="U98496" i="1"/>
  <c r="U98495" i="1"/>
  <c r="U98494" i="1"/>
  <c r="U98493" i="1"/>
  <c r="U98492" i="1"/>
  <c r="U98491" i="1"/>
  <c r="U98490" i="1"/>
  <c r="U98489" i="1"/>
  <c r="U98488" i="1"/>
  <c r="U98487" i="1"/>
  <c r="U98486" i="1"/>
  <c r="U98485" i="1"/>
  <c r="U98484" i="1"/>
  <c r="U98483" i="1"/>
  <c r="U98482" i="1"/>
  <c r="U98481" i="1"/>
  <c r="U98480" i="1"/>
  <c r="U98479" i="1"/>
  <c r="U98478" i="1"/>
  <c r="U98477" i="1"/>
  <c r="U98476" i="1"/>
  <c r="U98475" i="1"/>
  <c r="U98474" i="1"/>
  <c r="U98473" i="1"/>
  <c r="U98472" i="1"/>
  <c r="U98471" i="1"/>
  <c r="U98470" i="1"/>
  <c r="U98469" i="1"/>
  <c r="U98468" i="1"/>
  <c r="U98467" i="1"/>
  <c r="U98466" i="1"/>
  <c r="U98465" i="1"/>
  <c r="U98464" i="1"/>
  <c r="U98463" i="1"/>
  <c r="U98462" i="1"/>
  <c r="U98461" i="1"/>
  <c r="U98460" i="1"/>
  <c r="U98459" i="1"/>
  <c r="U98458" i="1"/>
  <c r="U98457" i="1"/>
  <c r="U98456" i="1"/>
  <c r="U98455" i="1"/>
  <c r="U98454" i="1"/>
  <c r="U98453" i="1"/>
  <c r="U98452" i="1"/>
  <c r="U98451" i="1"/>
  <c r="U98450" i="1"/>
  <c r="U98449" i="1"/>
  <c r="U98448" i="1"/>
  <c r="U98447" i="1"/>
  <c r="U98446" i="1"/>
  <c r="U98445" i="1"/>
  <c r="U98444" i="1"/>
  <c r="U98443" i="1"/>
  <c r="U98442" i="1"/>
  <c r="U98441" i="1"/>
  <c r="U98440" i="1"/>
  <c r="U98439" i="1"/>
  <c r="U98438" i="1"/>
  <c r="U98437" i="1"/>
  <c r="U98436" i="1"/>
  <c r="U98435" i="1"/>
  <c r="U98434" i="1"/>
  <c r="U98433" i="1"/>
  <c r="U98432" i="1"/>
  <c r="U98431" i="1"/>
  <c r="U98430" i="1"/>
  <c r="U98429" i="1"/>
  <c r="U98428" i="1"/>
  <c r="U98427" i="1"/>
  <c r="U98426" i="1"/>
  <c r="U98425" i="1"/>
  <c r="U98424" i="1"/>
  <c r="U98423" i="1"/>
  <c r="U98422" i="1"/>
  <c r="U98421" i="1"/>
  <c r="U98420" i="1"/>
  <c r="U98419" i="1"/>
  <c r="U98418" i="1"/>
  <c r="U98417" i="1"/>
  <c r="U98416" i="1"/>
  <c r="U98415" i="1"/>
  <c r="U98414" i="1"/>
  <c r="U98413" i="1"/>
  <c r="U98412" i="1"/>
  <c r="U98411" i="1"/>
  <c r="U98410" i="1"/>
  <c r="U98409" i="1"/>
  <c r="U98408" i="1"/>
  <c r="U98407" i="1"/>
  <c r="U98406" i="1"/>
  <c r="U98405" i="1"/>
  <c r="U98404" i="1"/>
  <c r="U98403" i="1"/>
  <c r="U98402" i="1"/>
  <c r="U98401" i="1"/>
  <c r="U98400" i="1"/>
  <c r="U98399" i="1"/>
  <c r="U98398" i="1"/>
  <c r="U98397" i="1"/>
  <c r="U98396" i="1"/>
  <c r="U98395" i="1"/>
  <c r="U98394" i="1"/>
  <c r="U98393" i="1"/>
  <c r="U98392" i="1"/>
  <c r="U98391" i="1"/>
  <c r="U98390" i="1"/>
  <c r="U98389" i="1"/>
  <c r="U98388" i="1"/>
  <c r="U98387" i="1"/>
  <c r="U98386" i="1"/>
  <c r="U98385" i="1"/>
  <c r="U98384" i="1"/>
  <c r="U98383" i="1"/>
  <c r="U98382" i="1"/>
  <c r="U98381" i="1"/>
  <c r="U98380" i="1"/>
  <c r="U98379" i="1"/>
  <c r="U98378" i="1"/>
  <c r="U98377" i="1"/>
  <c r="U98376" i="1"/>
  <c r="U98375" i="1"/>
  <c r="U98374" i="1"/>
  <c r="U98373" i="1"/>
  <c r="U98372" i="1"/>
  <c r="U98371" i="1"/>
  <c r="U98370" i="1"/>
  <c r="U98369" i="1"/>
  <c r="U98368" i="1"/>
  <c r="U98367" i="1"/>
  <c r="U98366" i="1"/>
  <c r="U98365" i="1"/>
  <c r="U98364" i="1"/>
  <c r="U98363" i="1"/>
  <c r="U98362" i="1"/>
  <c r="U98361" i="1"/>
  <c r="U98360" i="1"/>
  <c r="U98359" i="1"/>
  <c r="U98358" i="1"/>
  <c r="U98357" i="1"/>
  <c r="U98356" i="1"/>
  <c r="U98355" i="1"/>
  <c r="U98354" i="1"/>
  <c r="U98353" i="1"/>
  <c r="U98352" i="1"/>
  <c r="U98351" i="1"/>
  <c r="U98350" i="1"/>
  <c r="U98349" i="1"/>
  <c r="U98348" i="1"/>
  <c r="U98347" i="1"/>
  <c r="U98346" i="1"/>
  <c r="U98345" i="1"/>
  <c r="U98344" i="1"/>
  <c r="U98343" i="1"/>
  <c r="U98342" i="1"/>
  <c r="U98341" i="1"/>
  <c r="U98340" i="1"/>
  <c r="U98339" i="1"/>
  <c r="U98338" i="1"/>
  <c r="U98337" i="1"/>
  <c r="U98336" i="1"/>
  <c r="U98335" i="1"/>
  <c r="U98334" i="1"/>
  <c r="U98333" i="1"/>
  <c r="U98332" i="1"/>
  <c r="U98331" i="1"/>
  <c r="U98330" i="1"/>
  <c r="U98329" i="1"/>
  <c r="U98328" i="1"/>
  <c r="U98327" i="1"/>
  <c r="U98326" i="1"/>
  <c r="U98325" i="1"/>
  <c r="U98324" i="1"/>
  <c r="U98323" i="1"/>
  <c r="U98322" i="1"/>
  <c r="U98321" i="1"/>
  <c r="U98320" i="1"/>
  <c r="U98319" i="1"/>
  <c r="U98318" i="1"/>
  <c r="U98317" i="1"/>
  <c r="U98316" i="1"/>
  <c r="U98315" i="1"/>
  <c r="U98314" i="1"/>
  <c r="U98313" i="1"/>
  <c r="U98312" i="1"/>
  <c r="U98311" i="1"/>
  <c r="U98310" i="1"/>
  <c r="U98309" i="1"/>
  <c r="U98308" i="1"/>
  <c r="U98307" i="1"/>
  <c r="U98306" i="1"/>
  <c r="U98305" i="1"/>
  <c r="U98304" i="1"/>
  <c r="U98303" i="1"/>
  <c r="U98302" i="1"/>
  <c r="U98301" i="1"/>
  <c r="U98300" i="1"/>
  <c r="U98299" i="1"/>
  <c r="U98298" i="1"/>
  <c r="U98297" i="1"/>
  <c r="U98296" i="1"/>
  <c r="U98295" i="1"/>
  <c r="U98294" i="1"/>
  <c r="U98293" i="1"/>
  <c r="U98292" i="1"/>
  <c r="U98291" i="1"/>
  <c r="U98290" i="1"/>
  <c r="U98289" i="1"/>
  <c r="U98288" i="1"/>
  <c r="U98287" i="1"/>
  <c r="U98286" i="1"/>
  <c r="U98285" i="1"/>
  <c r="U98284" i="1"/>
  <c r="U98283" i="1"/>
  <c r="U98282" i="1"/>
  <c r="U98281" i="1"/>
  <c r="U98280" i="1"/>
  <c r="U98279" i="1"/>
  <c r="U98278" i="1"/>
  <c r="U98277" i="1"/>
  <c r="U98276" i="1"/>
  <c r="U98275" i="1"/>
  <c r="U98274" i="1"/>
  <c r="U98273" i="1"/>
  <c r="U98272" i="1"/>
  <c r="U98271" i="1"/>
  <c r="U98270" i="1"/>
  <c r="U98269" i="1"/>
  <c r="U98268" i="1"/>
  <c r="U98267" i="1"/>
  <c r="U98266" i="1"/>
  <c r="U98265" i="1"/>
  <c r="U98264" i="1"/>
  <c r="U98263" i="1"/>
  <c r="U98262" i="1"/>
  <c r="U98261" i="1"/>
  <c r="U98260" i="1"/>
  <c r="U98259" i="1"/>
  <c r="U98258" i="1"/>
  <c r="U98257" i="1"/>
  <c r="U98256" i="1"/>
  <c r="U98255" i="1"/>
  <c r="U98254" i="1"/>
  <c r="U98253" i="1"/>
  <c r="U98252" i="1"/>
  <c r="U98251" i="1"/>
  <c r="U98250" i="1"/>
  <c r="U98249" i="1"/>
  <c r="U98248" i="1"/>
  <c r="U98247" i="1"/>
  <c r="U98246" i="1"/>
  <c r="U98245" i="1"/>
  <c r="U98244" i="1"/>
  <c r="U98243" i="1"/>
  <c r="U98242" i="1"/>
  <c r="U98241" i="1"/>
  <c r="U98240" i="1"/>
  <c r="U98239" i="1"/>
  <c r="U98238" i="1"/>
  <c r="U98237" i="1"/>
  <c r="U98236" i="1"/>
  <c r="U98235" i="1"/>
  <c r="U98234" i="1"/>
  <c r="U98233" i="1"/>
  <c r="U98232" i="1"/>
  <c r="U98231" i="1"/>
  <c r="U98230" i="1"/>
  <c r="U98229" i="1"/>
  <c r="U98228" i="1"/>
  <c r="U98227" i="1"/>
  <c r="U98226" i="1"/>
  <c r="U98225" i="1"/>
  <c r="U98224" i="1"/>
  <c r="U98223" i="1"/>
  <c r="U98222" i="1"/>
  <c r="U98221" i="1"/>
  <c r="U98220" i="1"/>
  <c r="U98219" i="1"/>
  <c r="U98218" i="1"/>
  <c r="U98217" i="1"/>
  <c r="U98216" i="1"/>
  <c r="U98215" i="1"/>
  <c r="U98214" i="1"/>
  <c r="U98213" i="1"/>
  <c r="U98212" i="1"/>
  <c r="U98211" i="1"/>
  <c r="U98210" i="1"/>
  <c r="U98209" i="1"/>
  <c r="U98208" i="1"/>
  <c r="U98207" i="1"/>
  <c r="U98206" i="1"/>
  <c r="U98205" i="1"/>
  <c r="U98204" i="1"/>
  <c r="U98203" i="1"/>
  <c r="U98202" i="1"/>
  <c r="U98201" i="1"/>
  <c r="U98200" i="1"/>
  <c r="U98199" i="1"/>
  <c r="U98198" i="1"/>
  <c r="U98197" i="1"/>
  <c r="U98196" i="1"/>
  <c r="U98195" i="1"/>
  <c r="U98194" i="1"/>
  <c r="U98193" i="1"/>
  <c r="U98192" i="1"/>
  <c r="U98191" i="1"/>
  <c r="U98190" i="1"/>
  <c r="U98189" i="1"/>
  <c r="U98188" i="1"/>
  <c r="U98187" i="1"/>
  <c r="U98186" i="1"/>
  <c r="U98185" i="1"/>
  <c r="U98184" i="1"/>
  <c r="U98183" i="1"/>
  <c r="U98182" i="1"/>
  <c r="U98181" i="1"/>
  <c r="U98180" i="1"/>
  <c r="U98179" i="1"/>
  <c r="U98178" i="1"/>
  <c r="U98177" i="1"/>
  <c r="U98176" i="1"/>
  <c r="U98175" i="1"/>
  <c r="U98174" i="1"/>
  <c r="U98173" i="1"/>
  <c r="U98172" i="1"/>
  <c r="U98171" i="1"/>
  <c r="U98170" i="1"/>
  <c r="U98169" i="1"/>
  <c r="U98168" i="1"/>
  <c r="U98167" i="1"/>
  <c r="U98166" i="1"/>
  <c r="U98165" i="1"/>
  <c r="U98164" i="1"/>
  <c r="U98163" i="1"/>
  <c r="U98162" i="1"/>
  <c r="U98161" i="1"/>
  <c r="U98160" i="1"/>
  <c r="U98159" i="1"/>
  <c r="U98158" i="1"/>
  <c r="U98157" i="1"/>
  <c r="U98156" i="1"/>
  <c r="U98155" i="1"/>
  <c r="U98154" i="1"/>
  <c r="U98153" i="1"/>
  <c r="U98152" i="1"/>
  <c r="U98151" i="1"/>
  <c r="U98150" i="1"/>
  <c r="U98149" i="1"/>
  <c r="U98148" i="1"/>
  <c r="U98147" i="1"/>
  <c r="U98146" i="1"/>
  <c r="U98145" i="1"/>
  <c r="U98144" i="1"/>
  <c r="U98143" i="1"/>
  <c r="U98142" i="1"/>
  <c r="U98141" i="1"/>
  <c r="U98140" i="1"/>
  <c r="U98139" i="1"/>
  <c r="U98138" i="1"/>
  <c r="U98137" i="1"/>
  <c r="U98136" i="1"/>
  <c r="U98135" i="1"/>
  <c r="U98134" i="1"/>
  <c r="U98133" i="1"/>
  <c r="U98132" i="1"/>
  <c r="U98131" i="1"/>
  <c r="U98130" i="1"/>
  <c r="U98129" i="1"/>
  <c r="U98128" i="1"/>
  <c r="U98127" i="1"/>
  <c r="U98126" i="1"/>
  <c r="U98125" i="1"/>
  <c r="U98124" i="1"/>
  <c r="U98123" i="1"/>
  <c r="U98122" i="1"/>
  <c r="U98121" i="1"/>
  <c r="U98120" i="1"/>
  <c r="U98119" i="1"/>
  <c r="U98118" i="1"/>
  <c r="U98117" i="1"/>
  <c r="U98116" i="1"/>
  <c r="U98115" i="1"/>
  <c r="U98114" i="1"/>
  <c r="U98113" i="1"/>
  <c r="U98112" i="1"/>
  <c r="U98111" i="1"/>
  <c r="U98110" i="1"/>
  <c r="U98109" i="1"/>
  <c r="U98108" i="1"/>
  <c r="U98107" i="1"/>
  <c r="U98106" i="1"/>
  <c r="U98105" i="1"/>
  <c r="U98104" i="1"/>
  <c r="U98103" i="1"/>
  <c r="U98102" i="1"/>
  <c r="U98101" i="1"/>
  <c r="U98100" i="1"/>
  <c r="U98099" i="1"/>
  <c r="U98098" i="1"/>
  <c r="U98097" i="1"/>
  <c r="U98096" i="1"/>
  <c r="U98095" i="1"/>
  <c r="U98094" i="1"/>
  <c r="U98093" i="1"/>
  <c r="U98092" i="1"/>
  <c r="U98091" i="1"/>
  <c r="U98090" i="1"/>
  <c r="U98089" i="1"/>
  <c r="U98088" i="1"/>
  <c r="U98087" i="1"/>
  <c r="U98086" i="1"/>
  <c r="U98085" i="1"/>
  <c r="U98084" i="1"/>
  <c r="U98083" i="1"/>
  <c r="U98082" i="1"/>
  <c r="U98081" i="1"/>
  <c r="U98080" i="1"/>
  <c r="U98079" i="1"/>
  <c r="U98078" i="1"/>
  <c r="U98077" i="1"/>
  <c r="U98076" i="1"/>
  <c r="U98075" i="1"/>
  <c r="U98074" i="1"/>
  <c r="U98073" i="1"/>
  <c r="U98072" i="1"/>
  <c r="U98071" i="1"/>
  <c r="U98070" i="1"/>
  <c r="U98069" i="1"/>
  <c r="U98068" i="1"/>
  <c r="U98067" i="1"/>
  <c r="U98066" i="1"/>
  <c r="U98065" i="1"/>
  <c r="U98064" i="1"/>
  <c r="U98063" i="1"/>
  <c r="U98062" i="1"/>
  <c r="U98061" i="1"/>
  <c r="U98060" i="1"/>
  <c r="U98059" i="1"/>
  <c r="U98058" i="1"/>
  <c r="U98057" i="1"/>
  <c r="U98056" i="1"/>
  <c r="U98055" i="1"/>
  <c r="U98054" i="1"/>
  <c r="U98053" i="1"/>
  <c r="U98052" i="1"/>
  <c r="U98051" i="1"/>
  <c r="U98050" i="1"/>
  <c r="U98049" i="1"/>
  <c r="U98048" i="1"/>
  <c r="U98047" i="1"/>
  <c r="U98046" i="1"/>
  <c r="U98045" i="1"/>
  <c r="U98044" i="1"/>
  <c r="U98043" i="1"/>
  <c r="U98042" i="1"/>
  <c r="U98041" i="1"/>
  <c r="U98040" i="1"/>
  <c r="U98039" i="1"/>
  <c r="U98038" i="1"/>
  <c r="U98037" i="1"/>
  <c r="U98036" i="1"/>
  <c r="U98035" i="1"/>
  <c r="U98034" i="1"/>
  <c r="U98033" i="1"/>
  <c r="U98032" i="1"/>
  <c r="U98031" i="1"/>
  <c r="U98030" i="1"/>
  <c r="U98029" i="1"/>
  <c r="U98028" i="1"/>
  <c r="U98027" i="1"/>
  <c r="U98026" i="1"/>
  <c r="U98025" i="1"/>
  <c r="U98024" i="1"/>
  <c r="U98023" i="1"/>
  <c r="U98022" i="1"/>
  <c r="U98021" i="1"/>
  <c r="U98020" i="1"/>
  <c r="U98019" i="1"/>
  <c r="U98018" i="1"/>
  <c r="U98017" i="1"/>
  <c r="U98016" i="1"/>
  <c r="U98015" i="1"/>
  <c r="U98014" i="1"/>
  <c r="U98013" i="1"/>
  <c r="U98012" i="1"/>
  <c r="U98011" i="1"/>
  <c r="U98010" i="1"/>
  <c r="U98009" i="1"/>
  <c r="U98008" i="1"/>
  <c r="U98007" i="1"/>
  <c r="U98006" i="1"/>
  <c r="U98005" i="1"/>
  <c r="U98004" i="1"/>
  <c r="U98003" i="1"/>
  <c r="U98002" i="1"/>
  <c r="U98001" i="1"/>
  <c r="U98000" i="1"/>
  <c r="U97999" i="1"/>
  <c r="U97998" i="1"/>
  <c r="U97997" i="1"/>
  <c r="U97996" i="1"/>
  <c r="U97995" i="1"/>
  <c r="U97994" i="1"/>
  <c r="U97993" i="1"/>
  <c r="U97992" i="1"/>
  <c r="U97991" i="1"/>
  <c r="U97990" i="1"/>
  <c r="U97989" i="1"/>
  <c r="U97988" i="1"/>
  <c r="U97987" i="1"/>
  <c r="U97986" i="1"/>
  <c r="U97985" i="1"/>
  <c r="U97984" i="1"/>
  <c r="U97983" i="1"/>
  <c r="U97982" i="1"/>
  <c r="U97981" i="1"/>
  <c r="U97980" i="1"/>
  <c r="U97979" i="1"/>
  <c r="U97978" i="1"/>
  <c r="U97977" i="1"/>
  <c r="U97976" i="1"/>
  <c r="U97975" i="1"/>
  <c r="U97974" i="1"/>
  <c r="U97973" i="1"/>
  <c r="U97972" i="1"/>
  <c r="U97971" i="1"/>
  <c r="U97970" i="1"/>
  <c r="U97969" i="1"/>
  <c r="U97968" i="1"/>
  <c r="U97967" i="1"/>
  <c r="U97966" i="1"/>
  <c r="U97965" i="1"/>
  <c r="U97964" i="1"/>
  <c r="U97963" i="1"/>
  <c r="U97962" i="1"/>
  <c r="U97961" i="1"/>
  <c r="U97960" i="1"/>
  <c r="U97959" i="1"/>
  <c r="U97958" i="1"/>
  <c r="U97957" i="1"/>
  <c r="U97956" i="1"/>
  <c r="U97955" i="1"/>
  <c r="U97954" i="1"/>
  <c r="U97953" i="1"/>
  <c r="U97952" i="1"/>
  <c r="U97951" i="1"/>
  <c r="U97950" i="1"/>
  <c r="U97949" i="1"/>
  <c r="U97948" i="1"/>
  <c r="U97947" i="1"/>
  <c r="U97946" i="1"/>
  <c r="U97945" i="1"/>
  <c r="U97944" i="1"/>
  <c r="U97943" i="1"/>
  <c r="U97942" i="1"/>
  <c r="U97941" i="1"/>
  <c r="U97940" i="1"/>
  <c r="U97939" i="1"/>
  <c r="U97938" i="1"/>
  <c r="U97937" i="1"/>
  <c r="U97936" i="1"/>
  <c r="U97935" i="1"/>
  <c r="U97934" i="1"/>
  <c r="U97933" i="1"/>
  <c r="U97932" i="1"/>
  <c r="U97931" i="1"/>
  <c r="U97930" i="1"/>
  <c r="U97929" i="1"/>
  <c r="U97928" i="1"/>
  <c r="U97927" i="1"/>
  <c r="U97926" i="1"/>
  <c r="U97925" i="1"/>
  <c r="U97924" i="1"/>
  <c r="U97923" i="1"/>
  <c r="U97922" i="1"/>
  <c r="U97921" i="1"/>
  <c r="U97920" i="1"/>
  <c r="U97919" i="1"/>
  <c r="U97918" i="1"/>
  <c r="U97917" i="1"/>
  <c r="U97916" i="1"/>
  <c r="U97915" i="1"/>
  <c r="U97914" i="1"/>
  <c r="U97913" i="1"/>
  <c r="U97912" i="1"/>
  <c r="U97911" i="1"/>
  <c r="U97910" i="1"/>
  <c r="U97909" i="1"/>
  <c r="U97908" i="1"/>
  <c r="U97907" i="1"/>
  <c r="U97906" i="1"/>
  <c r="U97905" i="1"/>
  <c r="U97904" i="1"/>
  <c r="U97903" i="1"/>
  <c r="U97902" i="1"/>
  <c r="U97901" i="1"/>
  <c r="U97900" i="1"/>
  <c r="U97899" i="1"/>
  <c r="U97898" i="1"/>
  <c r="U97897" i="1"/>
  <c r="U97896" i="1"/>
  <c r="U97895" i="1"/>
  <c r="U97894" i="1"/>
  <c r="U97893" i="1"/>
  <c r="U97892" i="1"/>
  <c r="U97891" i="1"/>
  <c r="U97890" i="1"/>
  <c r="U97889" i="1"/>
  <c r="U97888" i="1"/>
  <c r="U97887" i="1"/>
  <c r="U97886" i="1"/>
  <c r="U97885" i="1"/>
  <c r="U97884" i="1"/>
  <c r="U97883" i="1"/>
  <c r="U97882" i="1"/>
  <c r="U97881" i="1"/>
  <c r="U97880" i="1"/>
  <c r="U97879" i="1"/>
  <c r="U97878" i="1"/>
  <c r="U97877" i="1"/>
  <c r="U97876" i="1"/>
  <c r="U97875" i="1"/>
  <c r="U97874" i="1"/>
  <c r="U97873" i="1"/>
  <c r="U97872" i="1"/>
  <c r="U97871" i="1"/>
  <c r="U97870" i="1"/>
  <c r="U97869" i="1"/>
  <c r="U97868" i="1"/>
  <c r="U97867" i="1"/>
  <c r="U97866" i="1"/>
  <c r="U97865" i="1"/>
  <c r="U97864" i="1"/>
  <c r="U97863" i="1"/>
  <c r="U97862" i="1"/>
  <c r="U97861" i="1"/>
  <c r="U97860" i="1"/>
  <c r="U97859" i="1"/>
  <c r="U97858" i="1"/>
  <c r="U97857" i="1"/>
  <c r="U97856" i="1"/>
  <c r="U97855" i="1"/>
  <c r="U97854" i="1"/>
  <c r="U97853" i="1"/>
  <c r="U97852" i="1"/>
  <c r="U97851" i="1"/>
  <c r="U97850" i="1"/>
  <c r="U97849" i="1"/>
  <c r="U97848" i="1"/>
  <c r="U97847" i="1"/>
  <c r="U97846" i="1"/>
  <c r="U97845" i="1"/>
  <c r="U97844" i="1"/>
  <c r="U97843" i="1"/>
  <c r="U97842" i="1"/>
  <c r="U97841" i="1"/>
  <c r="U97840" i="1"/>
  <c r="U97839" i="1"/>
  <c r="U97838" i="1"/>
  <c r="U97837" i="1"/>
  <c r="U97836" i="1"/>
  <c r="U97835" i="1"/>
  <c r="U97834" i="1"/>
  <c r="U97833" i="1"/>
  <c r="U97832" i="1"/>
  <c r="U97831" i="1"/>
  <c r="U97830" i="1"/>
  <c r="U97829" i="1"/>
  <c r="U97828" i="1"/>
  <c r="U97827" i="1"/>
  <c r="U97826" i="1"/>
  <c r="U97825" i="1"/>
  <c r="U97824" i="1"/>
  <c r="U97823" i="1"/>
  <c r="U97822" i="1"/>
  <c r="U97821" i="1"/>
  <c r="U97820" i="1"/>
  <c r="U97819" i="1"/>
  <c r="U97818" i="1"/>
  <c r="U97817" i="1"/>
  <c r="U97816" i="1"/>
  <c r="U97815" i="1"/>
  <c r="U97814" i="1"/>
  <c r="U97813" i="1"/>
  <c r="U97812" i="1"/>
  <c r="U97811" i="1"/>
  <c r="U97810" i="1"/>
  <c r="U97809" i="1"/>
  <c r="U97808" i="1"/>
  <c r="U97807" i="1"/>
  <c r="U97806" i="1"/>
  <c r="U97805" i="1"/>
  <c r="U97804" i="1"/>
  <c r="U97803" i="1"/>
  <c r="U97802" i="1"/>
  <c r="U97801" i="1"/>
  <c r="U97800" i="1"/>
  <c r="U97799" i="1"/>
  <c r="U97798" i="1"/>
  <c r="U97797" i="1"/>
  <c r="U97796" i="1"/>
  <c r="U97795" i="1"/>
  <c r="U97794" i="1"/>
  <c r="U97793" i="1"/>
  <c r="U97792" i="1"/>
  <c r="U97791" i="1"/>
  <c r="U97790" i="1"/>
  <c r="U97789" i="1"/>
  <c r="U97788" i="1"/>
  <c r="U97787" i="1"/>
  <c r="U97786" i="1"/>
  <c r="U97785" i="1"/>
  <c r="U97784" i="1"/>
  <c r="U97783" i="1"/>
  <c r="U97782" i="1"/>
  <c r="U97781" i="1"/>
  <c r="U97780" i="1"/>
  <c r="U97779" i="1"/>
  <c r="U97778" i="1"/>
  <c r="U97777" i="1"/>
  <c r="U97776" i="1"/>
  <c r="U97775" i="1"/>
  <c r="U97774" i="1"/>
  <c r="U97773" i="1"/>
  <c r="U97772" i="1"/>
  <c r="U97771" i="1"/>
  <c r="U97770" i="1"/>
  <c r="U97769" i="1"/>
  <c r="U97768" i="1"/>
  <c r="U97767" i="1"/>
  <c r="U97766" i="1"/>
  <c r="U97765" i="1"/>
  <c r="U97764" i="1"/>
  <c r="U97763" i="1"/>
  <c r="U97762" i="1"/>
  <c r="U97761" i="1"/>
  <c r="U97760" i="1"/>
  <c r="U97759" i="1"/>
  <c r="U97758" i="1"/>
  <c r="U97757" i="1"/>
  <c r="U97756" i="1"/>
  <c r="U97755" i="1"/>
  <c r="U97754" i="1"/>
  <c r="U97753" i="1"/>
  <c r="U97752" i="1"/>
  <c r="U97751" i="1"/>
  <c r="U97750" i="1"/>
  <c r="U97749" i="1"/>
  <c r="U97748" i="1"/>
  <c r="U97747" i="1"/>
  <c r="U97746" i="1"/>
  <c r="U97745" i="1"/>
  <c r="U97744" i="1"/>
  <c r="U97743" i="1"/>
  <c r="U97742" i="1"/>
  <c r="U97741" i="1"/>
  <c r="U97740" i="1"/>
  <c r="U97739" i="1"/>
  <c r="U97738" i="1"/>
  <c r="U97737" i="1"/>
  <c r="U97736" i="1"/>
  <c r="U97735" i="1"/>
  <c r="U97734" i="1"/>
  <c r="U97733" i="1"/>
  <c r="U97732" i="1"/>
  <c r="U97731" i="1"/>
  <c r="U97730" i="1"/>
  <c r="U97729" i="1"/>
  <c r="U97728" i="1"/>
  <c r="U97727" i="1"/>
  <c r="U97726" i="1"/>
  <c r="U97725" i="1"/>
  <c r="U97724" i="1"/>
  <c r="U97723" i="1"/>
  <c r="U97722" i="1"/>
  <c r="U97721" i="1"/>
  <c r="U97720" i="1"/>
  <c r="U97719" i="1"/>
  <c r="U97718" i="1"/>
  <c r="U97717" i="1"/>
  <c r="U97716" i="1"/>
  <c r="U97715" i="1"/>
  <c r="U97714" i="1"/>
  <c r="U97713" i="1"/>
  <c r="U97712" i="1"/>
  <c r="U97711" i="1"/>
  <c r="U97710" i="1"/>
  <c r="U97709" i="1"/>
  <c r="U97708" i="1"/>
  <c r="U97707" i="1"/>
  <c r="U97706" i="1"/>
  <c r="U97705" i="1"/>
  <c r="U97704" i="1"/>
  <c r="U97703" i="1"/>
  <c r="U97702" i="1"/>
  <c r="U97701" i="1"/>
  <c r="U97700" i="1"/>
  <c r="U97699" i="1"/>
  <c r="U97698" i="1"/>
  <c r="U97697" i="1"/>
  <c r="U97696" i="1"/>
  <c r="U97695" i="1"/>
  <c r="U97694" i="1"/>
  <c r="U97693" i="1"/>
  <c r="U97692" i="1"/>
  <c r="U97691" i="1"/>
  <c r="U97690" i="1"/>
  <c r="U97689" i="1"/>
  <c r="U97688" i="1"/>
  <c r="U97687" i="1"/>
  <c r="U97686" i="1"/>
  <c r="U97685" i="1"/>
  <c r="U97684" i="1"/>
  <c r="U97683" i="1"/>
  <c r="U97682" i="1"/>
  <c r="U97681" i="1"/>
  <c r="U97680" i="1"/>
  <c r="U97679" i="1"/>
  <c r="U97678" i="1"/>
  <c r="U97677" i="1"/>
  <c r="U97676" i="1"/>
  <c r="U97675" i="1"/>
  <c r="U97674" i="1"/>
  <c r="U97673" i="1"/>
  <c r="U97672" i="1"/>
  <c r="U97671" i="1"/>
  <c r="U97670" i="1"/>
  <c r="U97669" i="1"/>
  <c r="U97668" i="1"/>
  <c r="U97667" i="1"/>
  <c r="U97666" i="1"/>
  <c r="U97665" i="1"/>
  <c r="U97664" i="1"/>
  <c r="U97663" i="1"/>
  <c r="U97662" i="1"/>
  <c r="U97661" i="1"/>
  <c r="U97660" i="1"/>
  <c r="U97659" i="1"/>
  <c r="U97658" i="1"/>
  <c r="U97657" i="1"/>
  <c r="U97656" i="1"/>
  <c r="U97655" i="1"/>
  <c r="U97654" i="1"/>
  <c r="U97653" i="1"/>
  <c r="U97652" i="1"/>
  <c r="U97651" i="1"/>
  <c r="U97650" i="1"/>
  <c r="U97649" i="1"/>
  <c r="U97648" i="1"/>
  <c r="U97647" i="1"/>
  <c r="U97646" i="1"/>
  <c r="U97645" i="1"/>
  <c r="U97644" i="1"/>
  <c r="U97643" i="1"/>
  <c r="U97642" i="1"/>
  <c r="U97641" i="1"/>
  <c r="U97640" i="1"/>
  <c r="U97639" i="1"/>
  <c r="U97638" i="1"/>
  <c r="U97637" i="1"/>
  <c r="U97636" i="1"/>
  <c r="U97635" i="1"/>
  <c r="U97634" i="1"/>
  <c r="U97633" i="1"/>
  <c r="U97632" i="1"/>
  <c r="U97631" i="1"/>
  <c r="U97630" i="1"/>
  <c r="U97629" i="1"/>
  <c r="U97628" i="1"/>
  <c r="U97627" i="1"/>
  <c r="U97626" i="1"/>
  <c r="U97625" i="1"/>
  <c r="U97624" i="1"/>
  <c r="U97623" i="1"/>
  <c r="U97622" i="1"/>
  <c r="U97621" i="1"/>
  <c r="U97620" i="1"/>
  <c r="U97619" i="1"/>
  <c r="U97618" i="1"/>
  <c r="U97617" i="1"/>
  <c r="U97616" i="1"/>
  <c r="U97615" i="1"/>
  <c r="U97614" i="1"/>
  <c r="U97613" i="1"/>
  <c r="U97612" i="1"/>
  <c r="U97611" i="1"/>
  <c r="U97610" i="1"/>
  <c r="U97609" i="1"/>
  <c r="U97608" i="1"/>
  <c r="U97607" i="1"/>
  <c r="U97606" i="1"/>
  <c r="U97605" i="1"/>
  <c r="U97604" i="1"/>
  <c r="U97603" i="1"/>
  <c r="U97602" i="1"/>
  <c r="U97601" i="1"/>
  <c r="U97600" i="1"/>
  <c r="U97599" i="1"/>
  <c r="U97598" i="1"/>
  <c r="U97597" i="1"/>
  <c r="U97596" i="1"/>
  <c r="U97595" i="1"/>
  <c r="U97594" i="1"/>
  <c r="U97593" i="1"/>
  <c r="U97592" i="1"/>
  <c r="U97591" i="1"/>
  <c r="U97590" i="1"/>
  <c r="U97589" i="1"/>
  <c r="U97588" i="1"/>
  <c r="U97587" i="1"/>
  <c r="U97586" i="1"/>
  <c r="U97585" i="1"/>
  <c r="U97584" i="1"/>
  <c r="U97583" i="1"/>
  <c r="U97582" i="1"/>
  <c r="U97581" i="1"/>
  <c r="U97580" i="1"/>
  <c r="U97579" i="1"/>
  <c r="U97578" i="1"/>
  <c r="U97577" i="1"/>
  <c r="U97576" i="1"/>
  <c r="U97575" i="1"/>
  <c r="U97574" i="1"/>
  <c r="U97573" i="1"/>
  <c r="U97572" i="1"/>
  <c r="U97571" i="1"/>
  <c r="U97570" i="1"/>
  <c r="U97569" i="1"/>
  <c r="U97568" i="1"/>
  <c r="U97567" i="1"/>
  <c r="U97566" i="1"/>
  <c r="U97565" i="1"/>
  <c r="U97564" i="1"/>
  <c r="U97563" i="1"/>
  <c r="U97562" i="1"/>
  <c r="U97561" i="1"/>
  <c r="U97560" i="1"/>
  <c r="U97559" i="1"/>
  <c r="U97558" i="1"/>
  <c r="U97557" i="1"/>
  <c r="U97556" i="1"/>
  <c r="U97555" i="1"/>
  <c r="U97554" i="1"/>
  <c r="U97553" i="1"/>
  <c r="U97552" i="1"/>
  <c r="U97551" i="1"/>
  <c r="U97550" i="1"/>
  <c r="U97549" i="1"/>
  <c r="U97548" i="1"/>
  <c r="U97547" i="1"/>
  <c r="U97546" i="1"/>
  <c r="U97545" i="1"/>
  <c r="U97544" i="1"/>
  <c r="U97543" i="1"/>
  <c r="U97542" i="1"/>
  <c r="U97541" i="1"/>
  <c r="U97540" i="1"/>
  <c r="U97539" i="1"/>
  <c r="U97538" i="1"/>
  <c r="U97537" i="1"/>
  <c r="U97536" i="1"/>
  <c r="U97535" i="1"/>
  <c r="U97534" i="1"/>
  <c r="U97533" i="1"/>
  <c r="U97532" i="1"/>
  <c r="U97531" i="1"/>
  <c r="U97530" i="1"/>
  <c r="U97529" i="1"/>
  <c r="U97528" i="1"/>
  <c r="U97527" i="1"/>
  <c r="U97526" i="1"/>
  <c r="U97525" i="1"/>
  <c r="U97524" i="1"/>
  <c r="U97523" i="1"/>
  <c r="U97522" i="1"/>
  <c r="U97521" i="1"/>
  <c r="U97520" i="1"/>
  <c r="U97519" i="1"/>
  <c r="U97518" i="1"/>
  <c r="U97517" i="1"/>
  <c r="U97516" i="1"/>
  <c r="U97515" i="1"/>
  <c r="U97514" i="1"/>
  <c r="U97513" i="1"/>
  <c r="U97512" i="1"/>
  <c r="U97511" i="1"/>
  <c r="U97510" i="1"/>
  <c r="U97509" i="1"/>
  <c r="U97508" i="1"/>
  <c r="U97507" i="1"/>
  <c r="U97506" i="1"/>
  <c r="U97505" i="1"/>
  <c r="U97504" i="1"/>
  <c r="U97503" i="1"/>
  <c r="U97502" i="1"/>
  <c r="U97501" i="1"/>
  <c r="U97500" i="1"/>
  <c r="U97499" i="1"/>
  <c r="U97498" i="1"/>
  <c r="U97497" i="1"/>
  <c r="U97496" i="1"/>
  <c r="U97495" i="1"/>
  <c r="U97494" i="1"/>
  <c r="U97493" i="1"/>
  <c r="U97492" i="1"/>
  <c r="U97491" i="1"/>
  <c r="U97490" i="1"/>
  <c r="U97489" i="1"/>
  <c r="U97488" i="1"/>
  <c r="U97487" i="1"/>
  <c r="U97486" i="1"/>
  <c r="U97485" i="1"/>
  <c r="U97484" i="1"/>
  <c r="U97483" i="1"/>
  <c r="U97482" i="1"/>
  <c r="U97481" i="1"/>
  <c r="U97480" i="1"/>
  <c r="U97479" i="1"/>
  <c r="U97478" i="1"/>
  <c r="U97477" i="1"/>
  <c r="U97476" i="1"/>
  <c r="U97475" i="1"/>
  <c r="U97474" i="1"/>
  <c r="U97473" i="1"/>
  <c r="U97472" i="1"/>
  <c r="U97471" i="1"/>
  <c r="U97470" i="1"/>
  <c r="U97469" i="1"/>
  <c r="U97468" i="1"/>
  <c r="U97467" i="1"/>
  <c r="U97466" i="1"/>
  <c r="U97465" i="1"/>
  <c r="U97464" i="1"/>
  <c r="U97463" i="1"/>
  <c r="U97462" i="1"/>
  <c r="U97461" i="1"/>
  <c r="U97460" i="1"/>
  <c r="U97459" i="1"/>
  <c r="U97458" i="1"/>
  <c r="U97457" i="1"/>
  <c r="U97456" i="1"/>
  <c r="U97455" i="1"/>
  <c r="U97454" i="1"/>
  <c r="U97453" i="1"/>
  <c r="U97452" i="1"/>
  <c r="U97451" i="1"/>
  <c r="U97450" i="1"/>
  <c r="U97449" i="1"/>
  <c r="U97448" i="1"/>
  <c r="U97447" i="1"/>
  <c r="U97446" i="1"/>
  <c r="U97445" i="1"/>
  <c r="U97444" i="1"/>
  <c r="U97443" i="1"/>
  <c r="U97442" i="1"/>
  <c r="U97441" i="1"/>
  <c r="U97440" i="1"/>
  <c r="U97439" i="1"/>
  <c r="U97438" i="1"/>
  <c r="U97437" i="1"/>
  <c r="U97436" i="1"/>
  <c r="U97435" i="1"/>
  <c r="U97434" i="1"/>
  <c r="U97433" i="1"/>
  <c r="U97432" i="1"/>
  <c r="U97431" i="1"/>
  <c r="U97430" i="1"/>
  <c r="U97429" i="1"/>
  <c r="U97428" i="1"/>
  <c r="U97427" i="1"/>
  <c r="U97426" i="1"/>
  <c r="U97425" i="1"/>
  <c r="U97424" i="1"/>
  <c r="U97423" i="1"/>
  <c r="U97422" i="1"/>
  <c r="U97421" i="1"/>
  <c r="U97420" i="1"/>
  <c r="U97419" i="1"/>
  <c r="U97418" i="1"/>
  <c r="U97417" i="1"/>
  <c r="U97416" i="1"/>
  <c r="U97415" i="1"/>
  <c r="U97414" i="1"/>
  <c r="U97413" i="1"/>
  <c r="U97412" i="1"/>
  <c r="U97411" i="1"/>
  <c r="U97410" i="1"/>
  <c r="U97409" i="1"/>
  <c r="U97408" i="1"/>
  <c r="U97407" i="1"/>
  <c r="U97406" i="1"/>
  <c r="U97405" i="1"/>
  <c r="U97404" i="1"/>
  <c r="U97403" i="1"/>
  <c r="U97402" i="1"/>
  <c r="U97401" i="1"/>
  <c r="U97400" i="1"/>
  <c r="U97399" i="1"/>
  <c r="U97398" i="1"/>
  <c r="U97397" i="1"/>
  <c r="U97396" i="1"/>
  <c r="U97395" i="1"/>
  <c r="U97394" i="1"/>
  <c r="U97393" i="1"/>
  <c r="U97392" i="1"/>
  <c r="U97391" i="1"/>
  <c r="U97390" i="1"/>
  <c r="U97389" i="1"/>
  <c r="U97388" i="1"/>
  <c r="U97387" i="1"/>
  <c r="U97386" i="1"/>
  <c r="U97385" i="1"/>
  <c r="U97384" i="1"/>
  <c r="U97383" i="1"/>
  <c r="U97382" i="1"/>
  <c r="U97381" i="1"/>
  <c r="U97380" i="1"/>
  <c r="U97379" i="1"/>
  <c r="U97378" i="1"/>
  <c r="U97377" i="1"/>
  <c r="U97376" i="1"/>
  <c r="U97375" i="1"/>
  <c r="U97374" i="1"/>
  <c r="U97373" i="1"/>
  <c r="U97372" i="1"/>
  <c r="U97371" i="1"/>
  <c r="U97370" i="1"/>
  <c r="U97369" i="1"/>
  <c r="U97368" i="1"/>
  <c r="U97367" i="1"/>
  <c r="U97366" i="1"/>
  <c r="U97365" i="1"/>
  <c r="U97364" i="1"/>
  <c r="U97363" i="1"/>
  <c r="U97362" i="1"/>
  <c r="U97361" i="1"/>
  <c r="U97360" i="1"/>
  <c r="U97359" i="1"/>
  <c r="U97358" i="1"/>
  <c r="U97357" i="1"/>
  <c r="U97356" i="1"/>
  <c r="U97355" i="1"/>
  <c r="U97354" i="1"/>
  <c r="U97353" i="1"/>
  <c r="U97352" i="1"/>
  <c r="U97351" i="1"/>
  <c r="U97350" i="1"/>
  <c r="U97349" i="1"/>
  <c r="U97348" i="1"/>
  <c r="U97347" i="1"/>
  <c r="U97346" i="1"/>
  <c r="U97345" i="1"/>
  <c r="U97344" i="1"/>
  <c r="U97343" i="1"/>
  <c r="U97342" i="1"/>
  <c r="U97341" i="1"/>
  <c r="U97340" i="1"/>
  <c r="U97339" i="1"/>
  <c r="U97338" i="1"/>
  <c r="U97337" i="1"/>
  <c r="U97336" i="1"/>
  <c r="U97335" i="1"/>
  <c r="U97334" i="1"/>
  <c r="U97333" i="1"/>
  <c r="U97332" i="1"/>
  <c r="U97331" i="1"/>
  <c r="U97330" i="1"/>
  <c r="U97329" i="1"/>
  <c r="U97328" i="1"/>
  <c r="U97327" i="1"/>
  <c r="U97326" i="1"/>
  <c r="U97325" i="1"/>
  <c r="U97324" i="1"/>
  <c r="U97323" i="1"/>
  <c r="U97322" i="1"/>
  <c r="U97321" i="1"/>
  <c r="U97320" i="1"/>
  <c r="U97319" i="1"/>
  <c r="U97318" i="1"/>
  <c r="U97317" i="1"/>
  <c r="U97316" i="1"/>
  <c r="U97315" i="1"/>
  <c r="U97314" i="1"/>
  <c r="U97313" i="1"/>
  <c r="U97312" i="1"/>
  <c r="U97311" i="1"/>
  <c r="U97310" i="1"/>
  <c r="U97309" i="1"/>
  <c r="U97308" i="1"/>
  <c r="U97307" i="1"/>
  <c r="U97306" i="1"/>
  <c r="U97305" i="1"/>
  <c r="U97304" i="1"/>
  <c r="U97303" i="1"/>
  <c r="U97302" i="1"/>
  <c r="U97301" i="1"/>
  <c r="U97300" i="1"/>
  <c r="U97299" i="1"/>
  <c r="U97298" i="1"/>
  <c r="U97297" i="1"/>
  <c r="U97296" i="1"/>
  <c r="U97295" i="1"/>
  <c r="U97294" i="1"/>
  <c r="U97293" i="1"/>
  <c r="U97292" i="1"/>
  <c r="U97291" i="1"/>
  <c r="U97290" i="1"/>
  <c r="U97289" i="1"/>
  <c r="U97288" i="1"/>
  <c r="U97287" i="1"/>
  <c r="U97286" i="1"/>
  <c r="U97285" i="1"/>
  <c r="U97284" i="1"/>
  <c r="U97283" i="1"/>
  <c r="U97282" i="1"/>
  <c r="U97281" i="1"/>
  <c r="U97280" i="1"/>
  <c r="U97279" i="1"/>
  <c r="U97278" i="1"/>
  <c r="U97277" i="1"/>
  <c r="U97276" i="1"/>
  <c r="U97275" i="1"/>
  <c r="U97274" i="1"/>
  <c r="U97273" i="1"/>
  <c r="U97272" i="1"/>
  <c r="U97271" i="1"/>
  <c r="U97270" i="1"/>
  <c r="U97269" i="1"/>
  <c r="U97268" i="1"/>
  <c r="U97267" i="1"/>
  <c r="U97266" i="1"/>
  <c r="U97265" i="1"/>
  <c r="U97264" i="1"/>
  <c r="U97263" i="1"/>
  <c r="U97262" i="1"/>
  <c r="U97261" i="1"/>
  <c r="U97260" i="1"/>
  <c r="U97259" i="1"/>
  <c r="U97258" i="1"/>
  <c r="U97257" i="1"/>
  <c r="U97256" i="1"/>
  <c r="U97255" i="1"/>
  <c r="U97254" i="1"/>
  <c r="U97253" i="1"/>
  <c r="U97252" i="1"/>
  <c r="U97251" i="1"/>
  <c r="U97250" i="1"/>
  <c r="U97249" i="1"/>
  <c r="U97248" i="1"/>
  <c r="U97247" i="1"/>
  <c r="U97246" i="1"/>
  <c r="U97245" i="1"/>
  <c r="U97244" i="1"/>
  <c r="U97243" i="1"/>
  <c r="U97242" i="1"/>
  <c r="U97241" i="1"/>
  <c r="U97240" i="1"/>
  <c r="U97239" i="1"/>
  <c r="U97238" i="1"/>
  <c r="U97237" i="1"/>
  <c r="U97236" i="1"/>
  <c r="U97235" i="1"/>
  <c r="U97234" i="1"/>
  <c r="U97233" i="1"/>
  <c r="U97232" i="1"/>
  <c r="U97231" i="1"/>
  <c r="U97230" i="1"/>
  <c r="U97229" i="1"/>
  <c r="U97228" i="1"/>
  <c r="U97227" i="1"/>
  <c r="U97226" i="1"/>
  <c r="U97225" i="1"/>
  <c r="U97224" i="1"/>
  <c r="U97223" i="1"/>
  <c r="U97222" i="1"/>
  <c r="U97221" i="1"/>
  <c r="U97220" i="1"/>
  <c r="U97219" i="1"/>
  <c r="U97218" i="1"/>
  <c r="U97217" i="1"/>
  <c r="U97216" i="1"/>
  <c r="U97215" i="1"/>
  <c r="U97214" i="1"/>
  <c r="U97213" i="1"/>
  <c r="U97212" i="1"/>
  <c r="U97211" i="1"/>
  <c r="U97210" i="1"/>
  <c r="U97209" i="1"/>
  <c r="U97208" i="1"/>
  <c r="U97207" i="1"/>
  <c r="U97206" i="1"/>
  <c r="U97205" i="1"/>
  <c r="U97204" i="1"/>
  <c r="U97203" i="1"/>
  <c r="U97202" i="1"/>
  <c r="U97201" i="1"/>
  <c r="U97200" i="1"/>
  <c r="U97199" i="1"/>
  <c r="U97198" i="1"/>
  <c r="U97197" i="1"/>
  <c r="U97196" i="1"/>
  <c r="U97195" i="1"/>
  <c r="U97194" i="1"/>
  <c r="U97193" i="1"/>
  <c r="U97192" i="1"/>
  <c r="U97191" i="1"/>
  <c r="U97190" i="1"/>
  <c r="U97189" i="1"/>
  <c r="U97188" i="1"/>
  <c r="U97187" i="1"/>
  <c r="U97186" i="1"/>
  <c r="U97185" i="1"/>
  <c r="U97184" i="1"/>
  <c r="U97183" i="1"/>
  <c r="U97182" i="1"/>
  <c r="U97181" i="1"/>
  <c r="U97180" i="1"/>
  <c r="U97179" i="1"/>
  <c r="U97178" i="1"/>
  <c r="U97177" i="1"/>
  <c r="U97176" i="1"/>
  <c r="U97175" i="1"/>
  <c r="U97174" i="1"/>
  <c r="U97173" i="1"/>
  <c r="U97172" i="1"/>
  <c r="U97171" i="1"/>
  <c r="U97170" i="1"/>
  <c r="U97169" i="1"/>
  <c r="U97168" i="1"/>
  <c r="U97167" i="1"/>
  <c r="U97166" i="1"/>
  <c r="U97165" i="1"/>
  <c r="U97164" i="1"/>
  <c r="U97163" i="1"/>
  <c r="U97162" i="1"/>
  <c r="U97161" i="1"/>
  <c r="U97160" i="1"/>
  <c r="U97159" i="1"/>
  <c r="U97158" i="1"/>
  <c r="U97157" i="1"/>
  <c r="U97156" i="1"/>
  <c r="U97155" i="1"/>
  <c r="U97154" i="1"/>
  <c r="U97153" i="1"/>
  <c r="U97152" i="1"/>
  <c r="U97151" i="1"/>
  <c r="U97150" i="1"/>
  <c r="U97149" i="1"/>
  <c r="U97148" i="1"/>
  <c r="U97147" i="1"/>
  <c r="U97146" i="1"/>
  <c r="U97145" i="1"/>
  <c r="U97144" i="1"/>
  <c r="U97143" i="1"/>
  <c r="U97142" i="1"/>
  <c r="U97141" i="1"/>
  <c r="U97140" i="1"/>
  <c r="U97139" i="1"/>
  <c r="U97138" i="1"/>
  <c r="U97137" i="1"/>
  <c r="U97136" i="1"/>
  <c r="U97135" i="1"/>
  <c r="U97134" i="1"/>
  <c r="U97133" i="1"/>
  <c r="U97132" i="1"/>
  <c r="U97131" i="1"/>
  <c r="U97130" i="1"/>
  <c r="U97129" i="1"/>
  <c r="U97128" i="1"/>
  <c r="U97127" i="1"/>
  <c r="U97126" i="1"/>
  <c r="U97125" i="1"/>
  <c r="U97124" i="1"/>
  <c r="U97123" i="1"/>
  <c r="U97122" i="1"/>
  <c r="U97121" i="1"/>
  <c r="U97120" i="1"/>
  <c r="U97119" i="1"/>
  <c r="U97118" i="1"/>
  <c r="U97117" i="1"/>
  <c r="U97116" i="1"/>
  <c r="U97115" i="1"/>
  <c r="U97114" i="1"/>
  <c r="U97113" i="1"/>
  <c r="U97112" i="1"/>
  <c r="U97111" i="1"/>
  <c r="U97110" i="1"/>
  <c r="U97109" i="1"/>
  <c r="U97108" i="1"/>
  <c r="U97107" i="1"/>
  <c r="U97106" i="1"/>
  <c r="U97105" i="1"/>
  <c r="U97104" i="1"/>
  <c r="U97103" i="1"/>
  <c r="U97102" i="1"/>
  <c r="U97101" i="1"/>
  <c r="U97100" i="1"/>
  <c r="U97099" i="1"/>
  <c r="U97098" i="1"/>
  <c r="U97097" i="1"/>
  <c r="U97096" i="1"/>
  <c r="U97095" i="1"/>
  <c r="U97094" i="1"/>
  <c r="U97093" i="1"/>
  <c r="U97092" i="1"/>
  <c r="U97091" i="1"/>
  <c r="U97090" i="1"/>
  <c r="U97089" i="1"/>
  <c r="U97088" i="1"/>
  <c r="U97087" i="1"/>
  <c r="U97086" i="1"/>
  <c r="U97085" i="1"/>
  <c r="U97084" i="1"/>
  <c r="U97083" i="1"/>
  <c r="U97082" i="1"/>
  <c r="U97081" i="1"/>
  <c r="U97080" i="1"/>
  <c r="U97079" i="1"/>
  <c r="U97078" i="1"/>
  <c r="U97077" i="1"/>
  <c r="U97076" i="1"/>
  <c r="U97075" i="1"/>
  <c r="U97074" i="1"/>
  <c r="U97073" i="1"/>
  <c r="U97072" i="1"/>
  <c r="U97071" i="1"/>
  <c r="U97070" i="1"/>
  <c r="U97069" i="1"/>
  <c r="U97068" i="1"/>
  <c r="U97067" i="1"/>
  <c r="U97066" i="1"/>
  <c r="U97065" i="1"/>
  <c r="U97064" i="1"/>
  <c r="U97063" i="1"/>
  <c r="U97062" i="1"/>
  <c r="U97061" i="1"/>
  <c r="U97060" i="1"/>
  <c r="U97059" i="1"/>
  <c r="U97058" i="1"/>
  <c r="U97057" i="1"/>
  <c r="U97056" i="1"/>
  <c r="U97055" i="1"/>
  <c r="U97054" i="1"/>
  <c r="U97053" i="1"/>
  <c r="U97052" i="1"/>
  <c r="U97051" i="1"/>
  <c r="U97050" i="1"/>
  <c r="U97049" i="1"/>
  <c r="U97048" i="1"/>
  <c r="U97047" i="1"/>
  <c r="U97046" i="1"/>
  <c r="U97045" i="1"/>
  <c r="U97044" i="1"/>
  <c r="U97043" i="1"/>
  <c r="U97042" i="1"/>
  <c r="U97041" i="1"/>
  <c r="U97040" i="1"/>
  <c r="U97039" i="1"/>
  <c r="U97038" i="1"/>
  <c r="U97037" i="1"/>
  <c r="U97036" i="1"/>
  <c r="U97035" i="1"/>
  <c r="U97034" i="1"/>
  <c r="U97033" i="1"/>
  <c r="U97032" i="1"/>
  <c r="U97031" i="1"/>
  <c r="U97030" i="1"/>
  <c r="U97029" i="1"/>
  <c r="U97028" i="1"/>
  <c r="U97027" i="1"/>
  <c r="U97026" i="1"/>
  <c r="U97025" i="1"/>
  <c r="U97024" i="1"/>
  <c r="U97023" i="1"/>
  <c r="U97022" i="1"/>
  <c r="U97021" i="1"/>
  <c r="U97020" i="1"/>
  <c r="U97019" i="1"/>
  <c r="U97018" i="1"/>
  <c r="U97017" i="1"/>
  <c r="U97016" i="1"/>
  <c r="U97015" i="1"/>
  <c r="U97014" i="1"/>
  <c r="U97013" i="1"/>
  <c r="U97012" i="1"/>
  <c r="U97011" i="1"/>
  <c r="U97010" i="1"/>
  <c r="U97009" i="1"/>
  <c r="U97008" i="1"/>
  <c r="U97007" i="1"/>
  <c r="U97006" i="1"/>
  <c r="U97005" i="1"/>
  <c r="U97004" i="1"/>
  <c r="U97003" i="1"/>
  <c r="U97002" i="1"/>
  <c r="U97001" i="1"/>
  <c r="U97000" i="1"/>
  <c r="U96999" i="1"/>
  <c r="U96998" i="1"/>
  <c r="U96997" i="1"/>
  <c r="U96996" i="1"/>
  <c r="U96995" i="1"/>
  <c r="U96994" i="1"/>
  <c r="U96993" i="1"/>
  <c r="U96992" i="1"/>
  <c r="U96991" i="1"/>
  <c r="U96990" i="1"/>
  <c r="U96989" i="1"/>
  <c r="U96988" i="1"/>
  <c r="U96987" i="1"/>
  <c r="U96986" i="1"/>
  <c r="U96985" i="1"/>
  <c r="U96984" i="1"/>
  <c r="U96983" i="1"/>
  <c r="U96982" i="1"/>
  <c r="U96981" i="1"/>
  <c r="U96980" i="1"/>
  <c r="U96979" i="1"/>
  <c r="U96978" i="1"/>
  <c r="U96977" i="1"/>
  <c r="U96976" i="1"/>
  <c r="U96975" i="1"/>
  <c r="U96974" i="1"/>
  <c r="U96973" i="1"/>
  <c r="U96972" i="1"/>
  <c r="U96971" i="1"/>
  <c r="U96970" i="1"/>
  <c r="U96969" i="1"/>
  <c r="U96968" i="1"/>
  <c r="U96967" i="1"/>
  <c r="U96966" i="1"/>
  <c r="U96965" i="1"/>
  <c r="U96964" i="1"/>
  <c r="U96963" i="1"/>
  <c r="U96962" i="1"/>
  <c r="U96961" i="1"/>
  <c r="U96960" i="1"/>
  <c r="U96959" i="1"/>
  <c r="U96958" i="1"/>
  <c r="U96957" i="1"/>
  <c r="U96956" i="1"/>
  <c r="U96955" i="1"/>
  <c r="U96954" i="1"/>
  <c r="U96953" i="1"/>
  <c r="U96952" i="1"/>
  <c r="U96951" i="1"/>
  <c r="U96950" i="1"/>
  <c r="U96949" i="1"/>
  <c r="U96948" i="1"/>
  <c r="U96947" i="1"/>
  <c r="U96946" i="1"/>
  <c r="U96945" i="1"/>
  <c r="U96944" i="1"/>
  <c r="U96943" i="1"/>
  <c r="U96942" i="1"/>
  <c r="U96941" i="1"/>
  <c r="U96940" i="1"/>
  <c r="U96939" i="1"/>
  <c r="U96938" i="1"/>
  <c r="U96937" i="1"/>
  <c r="U96936" i="1"/>
  <c r="U96935" i="1"/>
  <c r="U96934" i="1"/>
  <c r="U96933" i="1"/>
  <c r="U96932" i="1"/>
  <c r="U96931" i="1"/>
  <c r="U96930" i="1"/>
  <c r="U96929" i="1"/>
  <c r="U96928" i="1"/>
  <c r="U96927" i="1"/>
  <c r="U96926" i="1"/>
  <c r="U96925" i="1"/>
  <c r="U96924" i="1"/>
  <c r="U96923" i="1"/>
  <c r="U96922" i="1"/>
  <c r="U96921" i="1"/>
  <c r="U96920" i="1"/>
  <c r="U96919" i="1"/>
  <c r="U96918" i="1"/>
  <c r="U96917" i="1"/>
  <c r="U96916" i="1"/>
  <c r="U96915" i="1"/>
  <c r="U96914" i="1"/>
  <c r="U96913" i="1"/>
  <c r="U96912" i="1"/>
  <c r="U96911" i="1"/>
  <c r="U96910" i="1"/>
  <c r="U96909" i="1"/>
  <c r="U96908" i="1"/>
  <c r="U96907" i="1"/>
  <c r="U96906" i="1"/>
  <c r="U96905" i="1"/>
  <c r="U96904" i="1"/>
  <c r="U96903" i="1"/>
  <c r="U96902" i="1"/>
  <c r="U96901" i="1"/>
  <c r="U96900" i="1"/>
  <c r="U96899" i="1"/>
  <c r="U96898" i="1"/>
  <c r="U96897" i="1"/>
  <c r="U96896" i="1"/>
  <c r="U96895" i="1"/>
  <c r="U96894" i="1"/>
  <c r="U96893" i="1"/>
  <c r="U96892" i="1"/>
  <c r="U96891" i="1"/>
  <c r="U96890" i="1"/>
  <c r="U96889" i="1"/>
  <c r="U96888" i="1"/>
  <c r="U96887" i="1"/>
  <c r="U96886" i="1"/>
  <c r="U96885" i="1"/>
  <c r="U96884" i="1"/>
  <c r="U96883" i="1"/>
  <c r="U96882" i="1"/>
  <c r="U96881" i="1"/>
  <c r="U96880" i="1"/>
  <c r="U96879" i="1"/>
  <c r="U96878" i="1"/>
  <c r="U96877" i="1"/>
  <c r="U96876" i="1"/>
  <c r="U96875" i="1"/>
  <c r="U96874" i="1"/>
  <c r="U96873" i="1"/>
  <c r="U96872" i="1"/>
  <c r="U96871" i="1"/>
  <c r="U96870" i="1"/>
  <c r="U96869" i="1"/>
  <c r="U96868" i="1"/>
  <c r="U96867" i="1"/>
  <c r="U96866" i="1"/>
  <c r="U96865" i="1"/>
  <c r="U96864" i="1"/>
  <c r="U96863" i="1"/>
  <c r="U96862" i="1"/>
  <c r="U96861" i="1"/>
  <c r="U96860" i="1"/>
  <c r="U96859" i="1"/>
  <c r="U96858" i="1"/>
  <c r="U96857" i="1"/>
  <c r="U96856" i="1"/>
  <c r="U96855" i="1"/>
  <c r="U96854" i="1"/>
  <c r="U96853" i="1"/>
  <c r="U96852" i="1"/>
  <c r="U96851" i="1"/>
  <c r="U96850" i="1"/>
  <c r="U96849" i="1"/>
  <c r="U96848" i="1"/>
  <c r="U96847" i="1"/>
  <c r="U96846" i="1"/>
  <c r="U96845" i="1"/>
  <c r="U96844" i="1"/>
  <c r="U96843" i="1"/>
  <c r="U96842" i="1"/>
  <c r="U96841" i="1"/>
  <c r="U96840" i="1"/>
  <c r="U96839" i="1"/>
  <c r="U96838" i="1"/>
  <c r="U96837" i="1"/>
  <c r="U96836" i="1"/>
  <c r="U96835" i="1"/>
  <c r="U96834" i="1"/>
  <c r="U96833" i="1"/>
  <c r="U96832" i="1"/>
  <c r="U96831" i="1"/>
  <c r="U96830" i="1"/>
  <c r="U96829" i="1"/>
  <c r="U96828" i="1"/>
  <c r="U96827" i="1"/>
  <c r="U96826" i="1"/>
  <c r="U96825" i="1"/>
  <c r="U96824" i="1"/>
  <c r="U96823" i="1"/>
  <c r="U96822" i="1"/>
  <c r="U96821" i="1"/>
  <c r="U96820" i="1"/>
  <c r="U96819" i="1"/>
  <c r="U96818" i="1"/>
  <c r="U96817" i="1"/>
  <c r="U96816" i="1"/>
  <c r="U96815" i="1"/>
  <c r="U96814" i="1"/>
  <c r="U96813" i="1"/>
  <c r="U96812" i="1"/>
  <c r="U96811" i="1"/>
  <c r="U96810" i="1"/>
  <c r="U96809" i="1"/>
  <c r="U96808" i="1"/>
  <c r="U96807" i="1"/>
  <c r="U96806" i="1"/>
  <c r="U96805" i="1"/>
  <c r="U96804" i="1"/>
  <c r="U96803" i="1"/>
  <c r="U96802" i="1"/>
  <c r="U96801" i="1"/>
  <c r="U96800" i="1"/>
  <c r="U96799" i="1"/>
  <c r="U96798" i="1"/>
  <c r="U96797" i="1"/>
  <c r="U96796" i="1"/>
  <c r="U96795" i="1"/>
  <c r="U96794" i="1"/>
  <c r="U96793" i="1"/>
  <c r="U96792" i="1"/>
  <c r="U96791" i="1"/>
  <c r="U96790" i="1"/>
  <c r="U96789" i="1"/>
  <c r="U96788" i="1"/>
  <c r="U96787" i="1"/>
  <c r="U96786" i="1"/>
  <c r="U96785" i="1"/>
  <c r="U96784" i="1"/>
  <c r="U96783" i="1"/>
  <c r="U96782" i="1"/>
  <c r="U96781" i="1"/>
  <c r="U96780" i="1"/>
  <c r="U96779" i="1"/>
  <c r="U96778" i="1"/>
  <c r="U96777" i="1"/>
  <c r="U96776" i="1"/>
  <c r="U96775" i="1"/>
  <c r="U96774" i="1"/>
  <c r="U96773" i="1"/>
  <c r="U96772" i="1"/>
  <c r="U96771" i="1"/>
  <c r="U96770" i="1"/>
  <c r="U96769" i="1"/>
  <c r="U96768" i="1"/>
  <c r="U96767" i="1"/>
  <c r="U96766" i="1"/>
  <c r="U96765" i="1"/>
  <c r="U96764" i="1"/>
  <c r="U96763" i="1"/>
  <c r="U96762" i="1"/>
  <c r="U96761" i="1"/>
  <c r="U96760" i="1"/>
  <c r="U96759" i="1"/>
  <c r="U96758" i="1"/>
  <c r="U96757" i="1"/>
  <c r="U96756" i="1"/>
  <c r="U96755" i="1"/>
  <c r="U96754" i="1"/>
  <c r="U96753" i="1"/>
  <c r="U96752" i="1"/>
  <c r="U96751" i="1"/>
  <c r="U96750" i="1"/>
  <c r="U96749" i="1"/>
  <c r="U96748" i="1"/>
  <c r="U96747" i="1"/>
  <c r="U96746" i="1"/>
  <c r="U96745" i="1"/>
  <c r="U96744" i="1"/>
  <c r="U96743" i="1"/>
  <c r="U96742" i="1"/>
  <c r="U96741" i="1"/>
  <c r="U96740" i="1"/>
  <c r="U96739" i="1"/>
  <c r="U96738" i="1"/>
  <c r="U96737" i="1"/>
  <c r="U96736" i="1"/>
  <c r="U96735" i="1"/>
  <c r="U96734" i="1"/>
  <c r="U96733" i="1"/>
  <c r="U96732" i="1"/>
  <c r="U96731" i="1"/>
  <c r="U96730" i="1"/>
  <c r="U96729" i="1"/>
  <c r="U96728" i="1"/>
  <c r="U96727" i="1"/>
  <c r="U96726" i="1"/>
  <c r="U96725" i="1"/>
  <c r="U96724" i="1"/>
  <c r="U96723" i="1"/>
  <c r="U96722" i="1"/>
  <c r="U96721" i="1"/>
  <c r="U96720" i="1"/>
  <c r="U96719" i="1"/>
  <c r="U96718" i="1"/>
  <c r="U96717" i="1"/>
  <c r="U96716" i="1"/>
  <c r="U96715" i="1"/>
  <c r="U96714" i="1"/>
  <c r="U96713" i="1"/>
  <c r="U96712" i="1"/>
  <c r="U96711" i="1"/>
  <c r="U96710" i="1"/>
  <c r="U96709" i="1"/>
  <c r="U96708" i="1"/>
  <c r="U96707" i="1"/>
  <c r="U96706" i="1"/>
  <c r="U96705" i="1"/>
  <c r="U96704" i="1"/>
  <c r="U96703" i="1"/>
  <c r="U96702" i="1"/>
  <c r="U96701" i="1"/>
  <c r="U96700" i="1"/>
  <c r="U96699" i="1"/>
  <c r="U96698" i="1"/>
  <c r="U96697" i="1"/>
  <c r="U96696" i="1"/>
  <c r="U96695" i="1"/>
  <c r="U96694" i="1"/>
  <c r="U96693" i="1"/>
  <c r="U96692" i="1"/>
  <c r="U96691" i="1"/>
  <c r="U96690" i="1"/>
  <c r="U96689" i="1"/>
  <c r="U96688" i="1"/>
  <c r="U96687" i="1"/>
  <c r="U96686" i="1"/>
  <c r="U96685" i="1"/>
  <c r="U96684" i="1"/>
  <c r="U96683" i="1"/>
  <c r="U96682" i="1"/>
  <c r="U96681" i="1"/>
  <c r="U96680" i="1"/>
  <c r="U96679" i="1"/>
  <c r="U96678" i="1"/>
  <c r="U96677" i="1"/>
  <c r="U96676" i="1"/>
  <c r="U96675" i="1"/>
  <c r="U96674" i="1"/>
  <c r="U96673" i="1"/>
  <c r="U96672" i="1"/>
  <c r="U96671" i="1"/>
  <c r="U96670" i="1"/>
  <c r="U96669" i="1"/>
  <c r="U96668" i="1"/>
  <c r="U96667" i="1"/>
  <c r="U96666" i="1"/>
  <c r="U96665" i="1"/>
  <c r="U96664" i="1"/>
  <c r="U96663" i="1"/>
  <c r="U96662" i="1"/>
  <c r="U96661" i="1"/>
  <c r="U96660" i="1"/>
  <c r="U96659" i="1"/>
  <c r="U96658" i="1"/>
  <c r="U96657" i="1"/>
  <c r="U96656" i="1"/>
  <c r="U96655" i="1"/>
  <c r="U96654" i="1"/>
  <c r="U96653" i="1"/>
  <c r="U96652" i="1"/>
  <c r="U96651" i="1"/>
  <c r="U96650" i="1"/>
  <c r="U96649" i="1"/>
  <c r="U96648" i="1"/>
  <c r="U96647" i="1"/>
  <c r="U96646" i="1"/>
  <c r="U96645" i="1"/>
  <c r="U96644" i="1"/>
  <c r="U96643" i="1"/>
  <c r="U96642" i="1"/>
  <c r="U96641" i="1"/>
  <c r="U96640" i="1"/>
  <c r="U96639" i="1"/>
  <c r="U96638" i="1"/>
  <c r="U96637" i="1"/>
  <c r="U96636" i="1"/>
  <c r="U96635" i="1"/>
  <c r="U96634" i="1"/>
  <c r="U96633" i="1"/>
  <c r="U96632" i="1"/>
  <c r="U96631" i="1"/>
  <c r="U96630" i="1"/>
  <c r="U96629" i="1"/>
  <c r="U96628" i="1"/>
  <c r="U96627" i="1"/>
  <c r="U96626" i="1"/>
  <c r="U96625" i="1"/>
  <c r="U96624" i="1"/>
  <c r="U96623" i="1"/>
  <c r="U96622" i="1"/>
  <c r="U96621" i="1"/>
  <c r="U96620" i="1"/>
  <c r="U96619" i="1"/>
  <c r="U96618" i="1"/>
  <c r="U96617" i="1"/>
  <c r="U96616" i="1"/>
  <c r="U96615" i="1"/>
  <c r="U96614" i="1"/>
  <c r="U96613" i="1"/>
  <c r="U96612" i="1"/>
  <c r="U96611" i="1"/>
  <c r="U96610" i="1"/>
  <c r="U96609" i="1"/>
  <c r="U96608" i="1"/>
  <c r="U96607" i="1"/>
  <c r="U96606" i="1"/>
  <c r="U96605" i="1"/>
  <c r="U96604" i="1"/>
  <c r="U96603" i="1"/>
  <c r="U96602" i="1"/>
  <c r="U96601" i="1"/>
  <c r="U96600" i="1"/>
  <c r="U96599" i="1"/>
  <c r="U96598" i="1"/>
  <c r="U96597" i="1"/>
  <c r="U96596" i="1"/>
  <c r="U96595" i="1"/>
  <c r="U96594" i="1"/>
  <c r="U96593" i="1"/>
  <c r="U96592" i="1"/>
  <c r="U96591" i="1"/>
  <c r="U96590" i="1"/>
  <c r="U96589" i="1"/>
  <c r="U96588" i="1"/>
  <c r="U96587" i="1"/>
  <c r="U96586" i="1"/>
  <c r="U96585" i="1"/>
  <c r="U96584" i="1"/>
  <c r="U96583" i="1"/>
  <c r="U96582" i="1"/>
  <c r="U96581" i="1"/>
  <c r="U96580" i="1"/>
  <c r="U96579" i="1"/>
  <c r="U96578" i="1"/>
  <c r="U96577" i="1"/>
  <c r="U96576" i="1"/>
  <c r="U96575" i="1"/>
  <c r="U96574" i="1"/>
  <c r="U96573" i="1"/>
  <c r="U96572" i="1"/>
  <c r="U96571" i="1"/>
  <c r="U96570" i="1"/>
  <c r="U96569" i="1"/>
  <c r="U96568" i="1"/>
  <c r="U96567" i="1"/>
  <c r="U96566" i="1"/>
  <c r="U96565" i="1"/>
  <c r="U96564" i="1"/>
  <c r="U96563" i="1"/>
  <c r="U96562" i="1"/>
  <c r="U96561" i="1"/>
  <c r="U96560" i="1"/>
  <c r="U96559" i="1"/>
  <c r="U96558" i="1"/>
  <c r="U96557" i="1"/>
  <c r="U96556" i="1"/>
  <c r="U96555" i="1"/>
  <c r="U96554" i="1"/>
  <c r="U96553" i="1"/>
  <c r="U96552" i="1"/>
  <c r="U96551" i="1"/>
  <c r="U96550" i="1"/>
  <c r="U96549" i="1"/>
  <c r="U96548" i="1"/>
  <c r="U96547" i="1"/>
  <c r="U96546" i="1"/>
  <c r="U96545" i="1"/>
  <c r="U96544" i="1"/>
  <c r="U96543" i="1"/>
  <c r="U96542" i="1"/>
  <c r="U96541" i="1"/>
  <c r="U96540" i="1"/>
  <c r="U96539" i="1"/>
  <c r="U96538" i="1"/>
  <c r="U96537" i="1"/>
  <c r="U96536" i="1"/>
  <c r="U96535" i="1"/>
  <c r="U96534" i="1"/>
  <c r="U96533" i="1"/>
  <c r="U96532" i="1"/>
  <c r="U96531" i="1"/>
  <c r="U96530" i="1"/>
  <c r="U96529" i="1"/>
  <c r="U96528" i="1"/>
  <c r="U96527" i="1"/>
  <c r="U96526" i="1"/>
  <c r="U96525" i="1"/>
  <c r="U96524" i="1"/>
  <c r="U96523" i="1"/>
  <c r="U96522" i="1"/>
  <c r="U96521" i="1"/>
  <c r="U96520" i="1"/>
  <c r="U96519" i="1"/>
  <c r="U96518" i="1"/>
  <c r="U96517" i="1"/>
  <c r="U96516" i="1"/>
  <c r="U96515" i="1"/>
  <c r="U96514" i="1"/>
  <c r="U96513" i="1"/>
  <c r="U96512" i="1"/>
  <c r="U96511" i="1"/>
  <c r="U96510" i="1"/>
  <c r="U96509" i="1"/>
  <c r="U96508" i="1"/>
  <c r="U96507" i="1"/>
  <c r="U96506" i="1"/>
  <c r="U96505" i="1"/>
  <c r="U96504" i="1"/>
  <c r="U96503" i="1"/>
  <c r="U96502" i="1"/>
  <c r="U96501" i="1"/>
  <c r="U96500" i="1"/>
  <c r="U96499" i="1"/>
  <c r="U96498" i="1"/>
  <c r="U96497" i="1"/>
  <c r="U96496" i="1"/>
  <c r="U96495" i="1"/>
  <c r="U96494" i="1"/>
  <c r="U96493" i="1"/>
  <c r="U96492" i="1"/>
  <c r="U96491" i="1"/>
  <c r="U96490" i="1"/>
  <c r="U96489" i="1"/>
  <c r="U96488" i="1"/>
  <c r="U96487" i="1"/>
  <c r="U96486" i="1"/>
  <c r="U96485" i="1"/>
  <c r="U96484" i="1"/>
  <c r="U96483" i="1"/>
  <c r="U96482" i="1"/>
  <c r="U96481" i="1"/>
  <c r="U96480" i="1"/>
  <c r="U96479" i="1"/>
  <c r="U96478" i="1"/>
  <c r="U96477" i="1"/>
  <c r="U96476" i="1"/>
  <c r="U96475" i="1"/>
  <c r="U96474" i="1"/>
  <c r="U96473" i="1"/>
  <c r="U96472" i="1"/>
  <c r="U96471" i="1"/>
  <c r="U96470" i="1"/>
  <c r="U96469" i="1"/>
  <c r="U96468" i="1"/>
  <c r="U96467" i="1"/>
  <c r="U96466" i="1"/>
  <c r="U96465" i="1"/>
  <c r="U96464" i="1"/>
  <c r="U96463" i="1"/>
  <c r="U96462" i="1"/>
  <c r="U96461" i="1"/>
  <c r="U96460" i="1"/>
  <c r="U96459" i="1"/>
  <c r="U96458" i="1"/>
  <c r="U96457" i="1"/>
  <c r="U96456" i="1"/>
  <c r="U96455" i="1"/>
  <c r="U96454" i="1"/>
  <c r="U96453" i="1"/>
  <c r="U96452" i="1"/>
  <c r="U96451" i="1"/>
  <c r="U96450" i="1"/>
  <c r="U96449" i="1"/>
  <c r="U96448" i="1"/>
  <c r="U96447" i="1"/>
  <c r="U96446" i="1"/>
  <c r="U96445" i="1"/>
  <c r="U96444" i="1"/>
  <c r="U96443" i="1"/>
  <c r="U96442" i="1"/>
  <c r="U96441" i="1"/>
  <c r="U96440" i="1"/>
  <c r="U96439" i="1"/>
  <c r="U96438" i="1"/>
  <c r="U96437" i="1"/>
  <c r="U96436" i="1"/>
  <c r="U96435" i="1"/>
  <c r="U96434" i="1"/>
  <c r="U96433" i="1"/>
  <c r="U96432" i="1"/>
  <c r="U96431" i="1"/>
  <c r="U96430" i="1"/>
  <c r="U96429" i="1"/>
  <c r="U96428" i="1"/>
  <c r="U96427" i="1"/>
  <c r="U96426" i="1"/>
  <c r="U96425" i="1"/>
  <c r="U96424" i="1"/>
  <c r="U96423" i="1"/>
  <c r="U96422" i="1"/>
  <c r="U96421" i="1"/>
  <c r="U96420" i="1"/>
  <c r="U96419" i="1"/>
  <c r="U96418" i="1"/>
  <c r="U96417" i="1"/>
  <c r="U96416" i="1"/>
  <c r="U96415" i="1"/>
  <c r="U96414" i="1"/>
  <c r="U96413" i="1"/>
  <c r="U96412" i="1"/>
  <c r="U96411" i="1"/>
  <c r="U96410" i="1"/>
  <c r="U96409" i="1"/>
  <c r="U96408" i="1"/>
  <c r="U96407" i="1"/>
  <c r="U96406" i="1"/>
  <c r="U96405" i="1"/>
  <c r="U96404" i="1"/>
  <c r="U96403" i="1"/>
  <c r="U96402" i="1"/>
  <c r="U96401" i="1"/>
  <c r="U96400" i="1"/>
  <c r="U96399" i="1"/>
  <c r="U96398" i="1"/>
  <c r="U96397" i="1"/>
  <c r="U96396" i="1"/>
  <c r="U96395" i="1"/>
  <c r="U96394" i="1"/>
  <c r="U96393" i="1"/>
  <c r="U96392" i="1"/>
  <c r="U96391" i="1"/>
  <c r="U96390" i="1"/>
  <c r="U96389" i="1"/>
  <c r="U96388" i="1"/>
  <c r="U96387" i="1"/>
  <c r="U96386" i="1"/>
  <c r="U96385" i="1"/>
  <c r="U96384" i="1"/>
  <c r="U96383" i="1"/>
  <c r="U96382" i="1"/>
  <c r="U96381" i="1"/>
  <c r="U96380" i="1"/>
  <c r="U96379" i="1"/>
  <c r="U96378" i="1"/>
  <c r="U96377" i="1"/>
  <c r="U96376" i="1"/>
  <c r="U96375" i="1"/>
  <c r="U96374" i="1"/>
  <c r="U96373" i="1"/>
  <c r="U96372" i="1"/>
  <c r="U96371" i="1"/>
  <c r="U96370" i="1"/>
  <c r="U96369" i="1"/>
  <c r="U96368" i="1"/>
  <c r="U96367" i="1"/>
  <c r="U96366" i="1"/>
  <c r="U96365" i="1"/>
  <c r="U96364" i="1"/>
  <c r="U96363" i="1"/>
  <c r="U96362" i="1"/>
  <c r="U96361" i="1"/>
  <c r="U96360" i="1"/>
  <c r="U96359" i="1"/>
  <c r="U96358" i="1"/>
  <c r="U96357" i="1"/>
  <c r="U96356" i="1"/>
  <c r="U96355" i="1"/>
  <c r="U96354" i="1"/>
  <c r="U96353" i="1"/>
  <c r="U96352" i="1"/>
  <c r="U96351" i="1"/>
  <c r="U96350" i="1"/>
  <c r="U96349" i="1"/>
  <c r="U96348" i="1"/>
  <c r="U96347" i="1"/>
  <c r="U96346" i="1"/>
  <c r="U96345" i="1"/>
  <c r="U96344" i="1"/>
  <c r="U96343" i="1"/>
  <c r="U96342" i="1"/>
  <c r="U96341" i="1"/>
  <c r="U96340" i="1"/>
  <c r="U96339" i="1"/>
  <c r="U96338" i="1"/>
  <c r="U96337" i="1"/>
  <c r="U96336" i="1"/>
  <c r="U96335" i="1"/>
  <c r="U96334" i="1"/>
  <c r="U96333" i="1"/>
  <c r="U96332" i="1"/>
  <c r="U96331" i="1"/>
  <c r="U96330" i="1"/>
  <c r="U96329" i="1"/>
  <c r="U96328" i="1"/>
  <c r="U96327" i="1"/>
  <c r="U96326" i="1"/>
  <c r="U96325" i="1"/>
  <c r="U96324" i="1"/>
  <c r="U96323" i="1"/>
  <c r="U96322" i="1"/>
  <c r="U96321" i="1"/>
  <c r="U96320" i="1"/>
  <c r="U96319" i="1"/>
  <c r="U96318" i="1"/>
  <c r="U96317" i="1"/>
  <c r="U96316" i="1"/>
  <c r="U96315" i="1"/>
  <c r="U96314" i="1"/>
  <c r="U96313" i="1"/>
  <c r="U96312" i="1"/>
  <c r="U96311" i="1"/>
  <c r="U96310" i="1"/>
  <c r="U96309" i="1"/>
  <c r="U96308" i="1"/>
  <c r="U96307" i="1"/>
  <c r="U96306" i="1"/>
  <c r="U96305" i="1"/>
  <c r="U96304" i="1"/>
  <c r="U96303" i="1"/>
  <c r="U96302" i="1"/>
  <c r="U96301" i="1"/>
  <c r="U96300" i="1"/>
  <c r="U96299" i="1"/>
  <c r="U96298" i="1"/>
  <c r="U96297" i="1"/>
  <c r="U96296" i="1"/>
  <c r="U96295" i="1"/>
  <c r="U96294" i="1"/>
  <c r="U96293" i="1"/>
  <c r="U96292" i="1"/>
  <c r="U96291" i="1"/>
  <c r="U96290" i="1"/>
  <c r="U96289" i="1"/>
  <c r="U96288" i="1"/>
  <c r="U96287" i="1"/>
  <c r="U96286" i="1"/>
  <c r="U96285" i="1"/>
  <c r="U96284" i="1"/>
  <c r="U96283" i="1"/>
  <c r="U96282" i="1"/>
  <c r="U96281" i="1"/>
  <c r="U96280" i="1"/>
  <c r="U96279" i="1"/>
  <c r="U96278" i="1"/>
  <c r="U96277" i="1"/>
  <c r="U96276" i="1"/>
  <c r="U96275" i="1"/>
  <c r="U96274" i="1"/>
  <c r="U96273" i="1"/>
  <c r="U96272" i="1"/>
  <c r="U96271" i="1"/>
  <c r="U96270" i="1"/>
  <c r="U96269" i="1"/>
  <c r="U96268" i="1"/>
  <c r="U96267" i="1"/>
  <c r="U96266" i="1"/>
  <c r="U96265" i="1"/>
  <c r="U96264" i="1"/>
  <c r="U96263" i="1"/>
  <c r="U96262" i="1"/>
  <c r="U96261" i="1"/>
  <c r="U96260" i="1"/>
  <c r="U96259" i="1"/>
  <c r="U96258" i="1"/>
  <c r="U96257" i="1"/>
  <c r="U96256" i="1"/>
  <c r="U96255" i="1"/>
  <c r="U96254" i="1"/>
  <c r="U96253" i="1"/>
  <c r="U96252" i="1"/>
  <c r="U96251" i="1"/>
  <c r="U96250" i="1"/>
  <c r="U96249" i="1"/>
  <c r="U96248" i="1"/>
  <c r="U96247" i="1"/>
  <c r="U96246" i="1"/>
  <c r="U96245" i="1"/>
  <c r="U96244" i="1"/>
  <c r="U96243" i="1"/>
  <c r="U96242" i="1"/>
  <c r="U96241" i="1"/>
  <c r="U96240" i="1"/>
  <c r="U96239" i="1"/>
  <c r="U96238" i="1"/>
  <c r="U96237" i="1"/>
  <c r="U96236" i="1"/>
  <c r="U96235" i="1"/>
  <c r="U96234" i="1"/>
  <c r="U96233" i="1"/>
  <c r="U96232" i="1"/>
  <c r="U96231" i="1"/>
  <c r="U96230" i="1"/>
  <c r="U96229" i="1"/>
  <c r="U96228" i="1"/>
  <c r="U96227" i="1"/>
  <c r="U96226" i="1"/>
  <c r="U96225" i="1"/>
  <c r="U96224" i="1"/>
  <c r="U96223" i="1"/>
  <c r="U96222" i="1"/>
  <c r="U96221" i="1"/>
  <c r="U96220" i="1"/>
  <c r="U96219" i="1"/>
  <c r="U96218" i="1"/>
  <c r="U96217" i="1"/>
  <c r="U96216" i="1"/>
  <c r="U96215" i="1"/>
  <c r="U96214" i="1"/>
  <c r="U96213" i="1"/>
  <c r="U96212" i="1"/>
  <c r="U96211" i="1"/>
  <c r="U96210" i="1"/>
  <c r="U96209" i="1"/>
  <c r="U96208" i="1"/>
  <c r="U96207" i="1"/>
  <c r="U96206" i="1"/>
  <c r="U96205" i="1"/>
  <c r="U96204" i="1"/>
  <c r="U96203" i="1"/>
  <c r="U96202" i="1"/>
  <c r="U96201" i="1"/>
  <c r="U96200" i="1"/>
  <c r="U96199" i="1"/>
  <c r="U96198" i="1"/>
  <c r="U96197" i="1"/>
  <c r="U96196" i="1"/>
  <c r="U96195" i="1"/>
  <c r="U96194" i="1"/>
  <c r="U96193" i="1"/>
  <c r="U96192" i="1"/>
  <c r="U96191" i="1"/>
  <c r="U96190" i="1"/>
  <c r="U96189" i="1"/>
  <c r="U96188" i="1"/>
  <c r="U96187" i="1"/>
  <c r="U96186" i="1"/>
  <c r="U96185" i="1"/>
  <c r="U96184" i="1"/>
  <c r="U96183" i="1"/>
  <c r="U96182" i="1"/>
  <c r="U96181" i="1"/>
  <c r="U96180" i="1"/>
  <c r="U96179" i="1"/>
  <c r="U96178" i="1"/>
  <c r="U96177" i="1"/>
  <c r="U96176" i="1"/>
  <c r="U96175" i="1"/>
  <c r="U96174" i="1"/>
  <c r="U96173" i="1"/>
  <c r="U96172" i="1"/>
  <c r="U96171" i="1"/>
  <c r="U96170" i="1"/>
  <c r="U96169" i="1"/>
  <c r="U96168" i="1"/>
  <c r="U96167" i="1"/>
  <c r="U96166" i="1"/>
  <c r="U96165" i="1"/>
  <c r="U96164" i="1"/>
  <c r="U96163" i="1"/>
  <c r="U96162" i="1"/>
  <c r="U96161" i="1"/>
  <c r="U96160" i="1"/>
  <c r="U96159" i="1"/>
  <c r="U96158" i="1"/>
  <c r="U96157" i="1"/>
  <c r="U96156" i="1"/>
  <c r="U96155" i="1"/>
  <c r="U96154" i="1"/>
  <c r="U96153" i="1"/>
  <c r="U96152" i="1"/>
  <c r="U96151" i="1"/>
  <c r="U96150" i="1"/>
  <c r="U96149" i="1"/>
  <c r="U96148" i="1"/>
  <c r="U96147" i="1"/>
  <c r="U96146" i="1"/>
  <c r="U96145" i="1"/>
  <c r="U96144" i="1"/>
  <c r="U96143" i="1"/>
  <c r="U96142" i="1"/>
  <c r="U96141" i="1"/>
  <c r="U96140" i="1"/>
  <c r="U96139" i="1"/>
  <c r="U96138" i="1"/>
  <c r="U96137" i="1"/>
  <c r="U96136" i="1"/>
  <c r="U96135" i="1"/>
  <c r="U96134" i="1"/>
  <c r="U96133" i="1"/>
  <c r="U96132" i="1"/>
  <c r="U96131" i="1"/>
  <c r="U96130" i="1"/>
  <c r="U96129" i="1"/>
  <c r="U96128" i="1"/>
  <c r="U96127" i="1"/>
  <c r="U96126" i="1"/>
  <c r="U96125" i="1"/>
  <c r="U96124" i="1"/>
  <c r="U96123" i="1"/>
  <c r="U96122" i="1"/>
  <c r="U96121" i="1"/>
  <c r="U96120" i="1"/>
  <c r="U96119" i="1"/>
  <c r="U96118" i="1"/>
  <c r="U96117" i="1"/>
  <c r="U96116" i="1"/>
  <c r="U96115" i="1"/>
  <c r="U96114" i="1"/>
  <c r="U96113" i="1"/>
  <c r="U96112" i="1"/>
  <c r="U96111" i="1"/>
  <c r="U96110" i="1"/>
  <c r="U96109" i="1"/>
  <c r="U96108" i="1"/>
  <c r="U96107" i="1"/>
  <c r="U96106" i="1"/>
  <c r="U96105" i="1"/>
  <c r="U96104" i="1"/>
  <c r="U96103" i="1"/>
  <c r="U96102" i="1"/>
  <c r="U96101" i="1"/>
  <c r="U96100" i="1"/>
  <c r="U96099" i="1"/>
  <c r="U96098" i="1"/>
  <c r="U96097" i="1"/>
  <c r="U96096" i="1"/>
  <c r="U96095" i="1"/>
  <c r="U96094" i="1"/>
  <c r="U96093" i="1"/>
  <c r="U96092" i="1"/>
  <c r="U96091" i="1"/>
  <c r="U96090" i="1"/>
  <c r="U96089" i="1"/>
  <c r="U96088" i="1"/>
  <c r="U96087" i="1"/>
  <c r="U96086" i="1"/>
  <c r="U96085" i="1"/>
  <c r="U96084" i="1"/>
  <c r="U96083" i="1"/>
  <c r="U96082" i="1"/>
  <c r="U96081" i="1"/>
  <c r="U96080" i="1"/>
  <c r="U96079" i="1"/>
  <c r="U96078" i="1"/>
  <c r="U96077" i="1"/>
  <c r="U96076" i="1"/>
  <c r="U96075" i="1"/>
  <c r="U96074" i="1"/>
  <c r="U96073" i="1"/>
  <c r="U96072" i="1"/>
  <c r="U96071" i="1"/>
  <c r="U96070" i="1"/>
  <c r="U96069" i="1"/>
  <c r="U96068" i="1"/>
  <c r="U96067" i="1"/>
  <c r="U96066" i="1"/>
  <c r="U96065" i="1"/>
  <c r="U96064" i="1"/>
  <c r="U96063" i="1"/>
  <c r="U96062" i="1"/>
  <c r="U96061" i="1"/>
  <c r="U96060" i="1"/>
  <c r="U96059" i="1"/>
  <c r="U96058" i="1"/>
  <c r="U96057" i="1"/>
  <c r="U96056" i="1"/>
  <c r="U96055" i="1"/>
  <c r="U96054" i="1"/>
  <c r="U96053" i="1"/>
  <c r="U96052" i="1"/>
  <c r="U96051" i="1"/>
  <c r="U96050" i="1"/>
  <c r="U96049" i="1"/>
  <c r="U96048" i="1"/>
  <c r="U96047" i="1"/>
  <c r="U96046" i="1"/>
  <c r="U96045" i="1"/>
  <c r="U96044" i="1"/>
  <c r="U96043" i="1"/>
  <c r="U96042" i="1"/>
  <c r="U96041" i="1"/>
  <c r="U96040" i="1"/>
  <c r="U96039" i="1"/>
  <c r="U96038" i="1"/>
  <c r="U96037" i="1"/>
  <c r="U96036" i="1"/>
  <c r="U96035" i="1"/>
  <c r="U96034" i="1"/>
  <c r="U96033" i="1"/>
  <c r="U96032" i="1"/>
  <c r="U96031" i="1"/>
  <c r="U96030" i="1"/>
  <c r="U96029" i="1"/>
  <c r="U96028" i="1"/>
  <c r="U96027" i="1"/>
  <c r="U96026" i="1"/>
  <c r="U96025" i="1"/>
  <c r="U96024" i="1"/>
  <c r="U96023" i="1"/>
  <c r="U96022" i="1"/>
  <c r="U96021" i="1"/>
  <c r="U96020" i="1"/>
  <c r="U96019" i="1"/>
  <c r="U96018" i="1"/>
  <c r="U96017" i="1"/>
  <c r="U96016" i="1"/>
  <c r="U96015" i="1"/>
  <c r="U96014" i="1"/>
  <c r="U96013" i="1"/>
  <c r="U96012" i="1"/>
  <c r="U96011" i="1"/>
  <c r="U96010" i="1"/>
  <c r="U96009" i="1"/>
  <c r="U96008" i="1"/>
  <c r="U96007" i="1"/>
  <c r="U96006" i="1"/>
  <c r="U96005" i="1"/>
  <c r="U96004" i="1"/>
  <c r="U96003" i="1"/>
  <c r="U96002" i="1"/>
  <c r="U96001" i="1"/>
  <c r="U96000" i="1"/>
  <c r="U95999" i="1"/>
  <c r="U95998" i="1"/>
  <c r="U95997" i="1"/>
  <c r="U95996" i="1"/>
  <c r="U95995" i="1"/>
  <c r="U95994" i="1"/>
  <c r="U95993" i="1"/>
  <c r="U95992" i="1"/>
  <c r="U95991" i="1"/>
  <c r="U95990" i="1"/>
  <c r="U95989" i="1"/>
  <c r="U95988" i="1"/>
  <c r="U95987" i="1"/>
  <c r="U95986" i="1"/>
  <c r="U95985" i="1"/>
  <c r="U95984" i="1"/>
  <c r="U95983" i="1"/>
  <c r="U95982" i="1"/>
  <c r="U95981" i="1"/>
  <c r="U95980" i="1"/>
  <c r="U95979" i="1"/>
  <c r="U95978" i="1"/>
  <c r="U95977" i="1"/>
  <c r="U95976" i="1"/>
  <c r="U95975" i="1"/>
  <c r="U95974" i="1"/>
  <c r="U95973" i="1"/>
  <c r="U95972" i="1"/>
  <c r="U95971" i="1"/>
  <c r="U95970" i="1"/>
  <c r="U95969" i="1"/>
  <c r="U95968" i="1"/>
  <c r="U95967" i="1"/>
  <c r="U95966" i="1"/>
  <c r="U95965" i="1"/>
  <c r="U95964" i="1"/>
  <c r="U95963" i="1"/>
  <c r="U95962" i="1"/>
  <c r="U95961" i="1"/>
  <c r="U95960" i="1"/>
  <c r="U95959" i="1"/>
  <c r="U95958" i="1"/>
  <c r="U95957" i="1"/>
  <c r="U95956" i="1"/>
  <c r="U95955" i="1"/>
  <c r="U95954" i="1"/>
  <c r="U95953" i="1"/>
  <c r="U95952" i="1"/>
  <c r="U95951" i="1"/>
  <c r="U95950" i="1"/>
  <c r="U95949" i="1"/>
  <c r="U95948" i="1"/>
  <c r="U95947" i="1"/>
  <c r="U95946" i="1"/>
  <c r="U95945" i="1"/>
  <c r="U95944" i="1"/>
  <c r="U95943" i="1"/>
  <c r="U95942" i="1"/>
  <c r="U95941" i="1"/>
  <c r="U95940" i="1"/>
  <c r="U95939" i="1"/>
  <c r="U95938" i="1"/>
  <c r="U95937" i="1"/>
  <c r="U95936" i="1"/>
  <c r="U95935" i="1"/>
  <c r="U95934" i="1"/>
  <c r="U95933" i="1"/>
  <c r="U95932" i="1"/>
  <c r="U95931" i="1"/>
  <c r="U95930" i="1"/>
  <c r="U95929" i="1"/>
  <c r="U95928" i="1"/>
  <c r="U95927" i="1"/>
  <c r="U95926" i="1"/>
  <c r="U95925" i="1"/>
  <c r="U95924" i="1"/>
  <c r="U95923" i="1"/>
  <c r="U95922" i="1"/>
  <c r="U95921" i="1"/>
  <c r="U95920" i="1"/>
  <c r="U95919" i="1"/>
  <c r="U95918" i="1"/>
  <c r="U95917" i="1"/>
  <c r="U95916" i="1"/>
  <c r="U95915" i="1"/>
  <c r="U95914" i="1"/>
  <c r="U95913" i="1"/>
  <c r="U95912" i="1"/>
  <c r="U95911" i="1"/>
  <c r="U95910" i="1"/>
  <c r="U95909" i="1"/>
  <c r="U95908" i="1"/>
  <c r="U95907" i="1"/>
  <c r="U95906" i="1"/>
  <c r="U95905" i="1"/>
  <c r="U95904" i="1"/>
  <c r="U95903" i="1"/>
  <c r="U95902" i="1"/>
  <c r="U95901" i="1"/>
  <c r="U95900" i="1"/>
  <c r="U95899" i="1"/>
  <c r="U95898" i="1"/>
  <c r="U95897" i="1"/>
  <c r="U95896" i="1"/>
  <c r="U95895" i="1"/>
  <c r="U95894" i="1"/>
  <c r="U95893" i="1"/>
  <c r="U95892" i="1"/>
  <c r="U95891" i="1"/>
  <c r="U95890" i="1"/>
  <c r="U95889" i="1"/>
  <c r="U95888" i="1"/>
  <c r="U95887" i="1"/>
  <c r="U95886" i="1"/>
  <c r="U95885" i="1"/>
  <c r="U95884" i="1"/>
  <c r="U95883" i="1"/>
  <c r="U95882" i="1"/>
  <c r="U95881" i="1"/>
  <c r="U95880" i="1"/>
  <c r="U95879" i="1"/>
  <c r="U95878" i="1"/>
  <c r="U95877" i="1"/>
  <c r="U95876" i="1"/>
  <c r="U95875" i="1"/>
  <c r="U95874" i="1"/>
  <c r="U95873" i="1"/>
  <c r="U95872" i="1"/>
  <c r="U95871" i="1"/>
  <c r="U95870" i="1"/>
  <c r="U95869" i="1"/>
  <c r="U95868" i="1"/>
  <c r="U95867" i="1"/>
  <c r="U95866" i="1"/>
  <c r="U95865" i="1"/>
  <c r="U95864" i="1"/>
  <c r="U95863" i="1"/>
  <c r="U95862" i="1"/>
  <c r="U95861" i="1"/>
  <c r="U95860" i="1"/>
  <c r="U95859" i="1"/>
  <c r="U95858" i="1"/>
  <c r="U95857" i="1"/>
  <c r="U95856" i="1"/>
  <c r="U95855" i="1"/>
  <c r="U95854" i="1"/>
  <c r="U95853" i="1"/>
  <c r="U95852" i="1"/>
  <c r="U95851" i="1"/>
  <c r="U95850" i="1"/>
  <c r="U95849" i="1"/>
  <c r="U95848" i="1"/>
  <c r="U95847" i="1"/>
  <c r="U95846" i="1"/>
  <c r="U95845" i="1"/>
  <c r="U95844" i="1"/>
  <c r="U95843" i="1"/>
  <c r="U95842" i="1"/>
  <c r="U95841" i="1"/>
  <c r="U95840" i="1"/>
  <c r="U95839" i="1"/>
  <c r="U95838" i="1"/>
  <c r="U95837" i="1"/>
  <c r="U95836" i="1"/>
  <c r="U95835" i="1"/>
  <c r="U95834" i="1"/>
  <c r="U95833" i="1"/>
  <c r="U95832" i="1"/>
  <c r="U95831" i="1"/>
  <c r="U95830" i="1"/>
  <c r="U95829" i="1"/>
  <c r="U95828" i="1"/>
  <c r="U95827" i="1"/>
  <c r="U95826" i="1"/>
  <c r="U95825" i="1"/>
  <c r="U95824" i="1"/>
  <c r="U95823" i="1"/>
  <c r="U95822" i="1"/>
  <c r="U95821" i="1"/>
  <c r="U95820" i="1"/>
  <c r="U95819" i="1"/>
  <c r="U95818" i="1"/>
  <c r="U95817" i="1"/>
  <c r="U95816" i="1"/>
  <c r="U95815" i="1"/>
  <c r="U95814" i="1"/>
  <c r="U95813" i="1"/>
  <c r="U95812" i="1"/>
  <c r="U95811" i="1"/>
  <c r="U95810" i="1"/>
  <c r="U95809" i="1"/>
  <c r="U95808" i="1"/>
  <c r="U95807" i="1"/>
  <c r="U95806" i="1"/>
  <c r="U95805" i="1"/>
  <c r="U95804" i="1"/>
  <c r="U95803" i="1"/>
  <c r="U95802" i="1"/>
  <c r="U95801" i="1"/>
  <c r="U95800" i="1"/>
  <c r="U95799" i="1"/>
  <c r="U95798" i="1"/>
  <c r="U95797" i="1"/>
  <c r="U95796" i="1"/>
  <c r="U95795" i="1"/>
  <c r="U95794" i="1"/>
  <c r="U95793" i="1"/>
  <c r="U95792" i="1"/>
  <c r="U95791" i="1"/>
  <c r="U95790" i="1"/>
  <c r="U95789" i="1"/>
  <c r="U95788" i="1"/>
  <c r="U95787" i="1"/>
  <c r="U95786" i="1"/>
  <c r="U95785" i="1"/>
  <c r="U95784" i="1"/>
  <c r="U95783" i="1"/>
  <c r="U95782" i="1"/>
  <c r="U95781" i="1"/>
  <c r="U95780" i="1"/>
  <c r="U95779" i="1"/>
  <c r="U95778" i="1"/>
  <c r="U95777" i="1"/>
  <c r="U95776" i="1"/>
  <c r="U95775" i="1"/>
  <c r="U95774" i="1"/>
  <c r="U95773" i="1"/>
  <c r="U95772" i="1"/>
  <c r="U95771" i="1"/>
  <c r="U95770" i="1"/>
  <c r="U95769" i="1"/>
  <c r="U95768" i="1"/>
  <c r="U95767" i="1"/>
  <c r="U95766" i="1"/>
  <c r="U95765" i="1"/>
  <c r="U95764" i="1"/>
  <c r="U95763" i="1"/>
  <c r="U95762" i="1"/>
  <c r="U95761" i="1"/>
  <c r="U95760" i="1"/>
  <c r="U95759" i="1"/>
  <c r="U95758" i="1"/>
  <c r="U95757" i="1"/>
  <c r="U95756" i="1"/>
  <c r="U95755" i="1"/>
  <c r="U95754" i="1"/>
  <c r="U95753" i="1"/>
  <c r="U95752" i="1"/>
  <c r="U95751" i="1"/>
  <c r="U95750" i="1"/>
  <c r="U95749" i="1"/>
  <c r="U95748" i="1"/>
  <c r="U95747" i="1"/>
  <c r="U95746" i="1"/>
  <c r="U95745" i="1"/>
  <c r="U95744" i="1"/>
  <c r="U95743" i="1"/>
  <c r="U95742" i="1"/>
  <c r="U95741" i="1"/>
  <c r="U95740" i="1"/>
  <c r="U95739" i="1"/>
  <c r="U95738" i="1"/>
  <c r="U95737" i="1"/>
  <c r="U95736" i="1"/>
  <c r="U95735" i="1"/>
  <c r="U95734" i="1"/>
  <c r="U95733" i="1"/>
  <c r="U95732" i="1"/>
  <c r="U95731" i="1"/>
  <c r="U95730" i="1"/>
  <c r="U95729" i="1"/>
  <c r="U95728" i="1"/>
  <c r="U95727" i="1"/>
  <c r="U95726" i="1"/>
  <c r="U95725" i="1"/>
  <c r="U95724" i="1"/>
  <c r="U95723" i="1"/>
  <c r="U95722" i="1"/>
  <c r="U95721" i="1"/>
  <c r="U95720" i="1"/>
  <c r="U95719" i="1"/>
  <c r="U95718" i="1"/>
  <c r="U95717" i="1"/>
  <c r="U95716" i="1"/>
  <c r="U95715" i="1"/>
  <c r="U95714" i="1"/>
  <c r="U95713" i="1"/>
  <c r="U95712" i="1"/>
  <c r="U95711" i="1"/>
  <c r="U95710" i="1"/>
  <c r="U95709" i="1"/>
  <c r="U95708" i="1"/>
  <c r="U95707" i="1"/>
  <c r="U95706" i="1"/>
  <c r="U95705" i="1"/>
  <c r="U95704" i="1"/>
  <c r="U95703" i="1"/>
  <c r="U95702" i="1"/>
  <c r="U95701" i="1"/>
  <c r="U95700" i="1"/>
  <c r="U95699" i="1"/>
  <c r="U95698" i="1"/>
  <c r="U95697" i="1"/>
  <c r="U95696" i="1"/>
  <c r="U95695" i="1"/>
  <c r="U95694" i="1"/>
  <c r="U95693" i="1"/>
  <c r="U95692" i="1"/>
  <c r="U95691" i="1"/>
  <c r="U95690" i="1"/>
  <c r="U95689" i="1"/>
  <c r="U95688" i="1"/>
  <c r="U95687" i="1"/>
  <c r="U95686" i="1"/>
  <c r="U95685" i="1"/>
  <c r="U95684" i="1"/>
  <c r="U95683" i="1"/>
  <c r="U95682" i="1"/>
  <c r="U95681" i="1"/>
  <c r="U95680" i="1"/>
  <c r="U95679" i="1"/>
  <c r="U95678" i="1"/>
  <c r="U95677" i="1"/>
  <c r="U95676" i="1"/>
  <c r="U95675" i="1"/>
  <c r="U95674" i="1"/>
  <c r="U95673" i="1"/>
  <c r="U95672" i="1"/>
  <c r="U95671" i="1"/>
  <c r="U95670" i="1"/>
  <c r="U95669" i="1"/>
  <c r="U95668" i="1"/>
  <c r="U95667" i="1"/>
  <c r="U95666" i="1"/>
  <c r="U95665" i="1"/>
  <c r="U95664" i="1"/>
  <c r="U95663" i="1"/>
  <c r="U95662" i="1"/>
  <c r="U95661" i="1"/>
  <c r="U95660" i="1"/>
  <c r="U95659" i="1"/>
  <c r="U95658" i="1"/>
  <c r="U95657" i="1"/>
  <c r="U95656" i="1"/>
  <c r="U95655" i="1"/>
  <c r="U95654" i="1"/>
  <c r="U95653" i="1"/>
  <c r="U95652" i="1"/>
  <c r="U95651" i="1"/>
  <c r="U95650" i="1"/>
  <c r="U95649" i="1"/>
  <c r="U95648" i="1"/>
  <c r="U95647" i="1"/>
  <c r="U95646" i="1"/>
  <c r="U95645" i="1"/>
  <c r="U95644" i="1"/>
  <c r="U95643" i="1"/>
  <c r="U95642" i="1"/>
  <c r="U95641" i="1"/>
  <c r="U95640" i="1"/>
  <c r="U95639" i="1"/>
  <c r="U95638" i="1"/>
  <c r="U95637" i="1"/>
  <c r="U95636" i="1"/>
  <c r="U95635" i="1"/>
  <c r="U95634" i="1"/>
  <c r="U95633" i="1"/>
  <c r="U95632" i="1"/>
  <c r="U95631" i="1"/>
  <c r="U95630" i="1"/>
  <c r="U95629" i="1"/>
  <c r="U95628" i="1"/>
  <c r="U95627" i="1"/>
  <c r="U95626" i="1"/>
  <c r="U95625" i="1"/>
  <c r="U95624" i="1"/>
  <c r="U95623" i="1"/>
  <c r="U95622" i="1"/>
  <c r="U95621" i="1"/>
  <c r="U95620" i="1"/>
  <c r="U95619" i="1"/>
  <c r="U95618" i="1"/>
  <c r="U95617" i="1"/>
  <c r="U95616" i="1"/>
  <c r="U95615" i="1"/>
  <c r="U95614" i="1"/>
  <c r="U95613" i="1"/>
  <c r="U95612" i="1"/>
  <c r="U95611" i="1"/>
  <c r="U95610" i="1"/>
  <c r="U95609" i="1"/>
  <c r="U95608" i="1"/>
  <c r="U95607" i="1"/>
  <c r="U95606" i="1"/>
  <c r="U95605" i="1"/>
  <c r="U95604" i="1"/>
  <c r="U95603" i="1"/>
  <c r="U95602" i="1"/>
  <c r="U95601" i="1"/>
  <c r="U95600" i="1"/>
  <c r="U95599" i="1"/>
  <c r="U95598" i="1"/>
  <c r="U95597" i="1"/>
  <c r="U95596" i="1"/>
  <c r="U95595" i="1"/>
  <c r="U95594" i="1"/>
  <c r="U95593" i="1"/>
  <c r="U95592" i="1"/>
  <c r="U95591" i="1"/>
  <c r="U95590" i="1"/>
  <c r="U95589" i="1"/>
  <c r="U95588" i="1"/>
  <c r="U95587" i="1"/>
  <c r="U95586" i="1"/>
  <c r="U95585" i="1"/>
  <c r="U95584" i="1"/>
  <c r="U95583" i="1"/>
  <c r="U95582" i="1"/>
  <c r="U95581" i="1"/>
  <c r="U95580" i="1"/>
  <c r="U95579" i="1"/>
  <c r="U95578" i="1"/>
  <c r="U95577" i="1"/>
  <c r="U95576" i="1"/>
  <c r="U95575" i="1"/>
  <c r="U95574" i="1"/>
  <c r="U95573" i="1"/>
  <c r="U95572" i="1"/>
  <c r="U95571" i="1"/>
  <c r="U95570" i="1"/>
  <c r="U95569" i="1"/>
  <c r="U95568" i="1"/>
  <c r="U95567" i="1"/>
  <c r="U95566" i="1"/>
  <c r="U95565" i="1"/>
  <c r="U95564" i="1"/>
  <c r="U95563" i="1"/>
  <c r="U95562" i="1"/>
  <c r="U95561" i="1"/>
  <c r="U95560" i="1"/>
  <c r="U95559" i="1"/>
  <c r="U95558" i="1"/>
  <c r="U95557" i="1"/>
  <c r="U95556" i="1"/>
  <c r="U95555" i="1"/>
  <c r="U95554" i="1"/>
  <c r="U95553" i="1"/>
  <c r="U95552" i="1"/>
  <c r="U95551" i="1"/>
  <c r="U95550" i="1"/>
  <c r="U95549" i="1"/>
  <c r="U95548" i="1"/>
  <c r="U95547" i="1"/>
  <c r="U95546" i="1"/>
  <c r="U95545" i="1"/>
  <c r="U95544" i="1"/>
  <c r="U95543" i="1"/>
  <c r="U95542" i="1"/>
  <c r="U95541" i="1"/>
  <c r="U95540" i="1"/>
  <c r="U95539" i="1"/>
  <c r="U95538" i="1"/>
  <c r="U95537" i="1"/>
  <c r="U95536" i="1"/>
  <c r="U95535" i="1"/>
  <c r="U95534" i="1"/>
  <c r="U95533" i="1"/>
  <c r="U95532" i="1"/>
  <c r="U95531" i="1"/>
  <c r="U95530" i="1"/>
  <c r="U95529" i="1"/>
  <c r="U95528" i="1"/>
  <c r="U95527" i="1"/>
  <c r="U95526" i="1"/>
  <c r="U95525" i="1"/>
  <c r="U95524" i="1"/>
  <c r="U95523" i="1"/>
  <c r="U95522" i="1"/>
  <c r="U95521" i="1"/>
  <c r="U95520" i="1"/>
  <c r="U95519" i="1"/>
  <c r="U95518" i="1"/>
  <c r="U95517" i="1"/>
  <c r="U95516" i="1"/>
  <c r="U95515" i="1"/>
  <c r="U95514" i="1"/>
  <c r="U95513" i="1"/>
  <c r="U95512" i="1"/>
  <c r="U95511" i="1"/>
  <c r="U95510" i="1"/>
  <c r="U95509" i="1"/>
  <c r="U95508" i="1"/>
  <c r="U95507" i="1"/>
  <c r="U95506" i="1"/>
  <c r="U95505" i="1"/>
  <c r="U95504" i="1"/>
  <c r="U95503" i="1"/>
  <c r="U95502" i="1"/>
  <c r="U95501" i="1"/>
  <c r="U95500" i="1"/>
  <c r="U95499" i="1"/>
  <c r="U95498" i="1"/>
  <c r="U95497" i="1"/>
  <c r="U95496" i="1"/>
  <c r="U95495" i="1"/>
  <c r="U95494" i="1"/>
  <c r="U95493" i="1"/>
  <c r="U95492" i="1"/>
  <c r="U95491" i="1"/>
  <c r="U95490" i="1"/>
  <c r="U95489" i="1"/>
  <c r="U95488" i="1"/>
  <c r="U95487" i="1"/>
  <c r="U95486" i="1"/>
  <c r="U95485" i="1"/>
  <c r="U95484" i="1"/>
  <c r="U95483" i="1"/>
  <c r="U95482" i="1"/>
  <c r="U95481" i="1"/>
  <c r="U95480" i="1"/>
  <c r="U95479" i="1"/>
  <c r="U95478" i="1"/>
  <c r="U95477" i="1"/>
  <c r="U95476" i="1"/>
  <c r="U95475" i="1"/>
  <c r="U95474" i="1"/>
  <c r="U95473" i="1"/>
  <c r="U95472" i="1"/>
  <c r="U95471" i="1"/>
  <c r="U95470" i="1"/>
  <c r="U95469" i="1"/>
  <c r="U95468" i="1"/>
  <c r="U95467" i="1"/>
  <c r="U95466" i="1"/>
  <c r="U95465" i="1"/>
  <c r="U95464" i="1"/>
  <c r="U95463" i="1"/>
  <c r="U95462" i="1"/>
  <c r="U95461" i="1"/>
  <c r="U95460" i="1"/>
  <c r="U95459" i="1"/>
  <c r="U95458" i="1"/>
  <c r="U95457" i="1"/>
  <c r="U95456" i="1"/>
  <c r="U95455" i="1"/>
  <c r="U95454" i="1"/>
  <c r="U95453" i="1"/>
  <c r="U95452" i="1"/>
  <c r="U95451" i="1"/>
  <c r="U95450" i="1"/>
  <c r="U95449" i="1"/>
  <c r="U95448" i="1"/>
  <c r="U95447" i="1"/>
  <c r="U95446" i="1"/>
  <c r="U95445" i="1"/>
  <c r="U95444" i="1"/>
  <c r="U95443" i="1"/>
  <c r="U95442" i="1"/>
  <c r="U95441" i="1"/>
  <c r="U95440" i="1"/>
  <c r="U95439" i="1"/>
  <c r="U95438" i="1"/>
  <c r="U95437" i="1"/>
  <c r="U95436" i="1"/>
  <c r="U95435" i="1"/>
  <c r="U95434" i="1"/>
  <c r="U95433" i="1"/>
  <c r="U95432" i="1"/>
  <c r="U95431" i="1"/>
  <c r="U95430" i="1"/>
  <c r="U95429" i="1"/>
  <c r="U95428" i="1"/>
  <c r="U95427" i="1"/>
  <c r="U95426" i="1"/>
  <c r="U95425" i="1"/>
  <c r="U95424" i="1"/>
  <c r="U95423" i="1"/>
  <c r="U95422" i="1"/>
  <c r="U95421" i="1"/>
  <c r="U95420" i="1"/>
  <c r="U95419" i="1"/>
  <c r="U95418" i="1"/>
  <c r="U95417" i="1"/>
  <c r="U95416" i="1"/>
  <c r="U95415" i="1"/>
  <c r="U95414" i="1"/>
  <c r="U95413" i="1"/>
  <c r="U95412" i="1"/>
  <c r="U95411" i="1"/>
  <c r="U95410" i="1"/>
  <c r="U95409" i="1"/>
  <c r="U95408" i="1"/>
  <c r="U95407" i="1"/>
  <c r="U95406" i="1"/>
  <c r="U95405" i="1"/>
  <c r="U95404" i="1"/>
  <c r="U95403" i="1"/>
  <c r="U95402" i="1"/>
  <c r="U95401" i="1"/>
  <c r="U95400" i="1"/>
  <c r="U95399" i="1"/>
  <c r="U95398" i="1"/>
  <c r="U95397" i="1"/>
  <c r="U95396" i="1"/>
  <c r="U95395" i="1"/>
  <c r="U95394" i="1"/>
  <c r="U95393" i="1"/>
  <c r="U95392" i="1"/>
  <c r="U95391" i="1"/>
  <c r="U95390" i="1"/>
  <c r="U95389" i="1"/>
  <c r="U95388" i="1"/>
  <c r="U95387" i="1"/>
  <c r="U95386" i="1"/>
  <c r="U95385" i="1"/>
  <c r="U95384" i="1"/>
  <c r="U95383" i="1"/>
  <c r="U95382" i="1"/>
  <c r="U95381" i="1"/>
  <c r="U95380" i="1"/>
  <c r="U95379" i="1"/>
  <c r="U95378" i="1"/>
  <c r="U95377" i="1"/>
  <c r="U95376" i="1"/>
  <c r="U95375" i="1"/>
  <c r="U95374" i="1"/>
  <c r="U95373" i="1"/>
  <c r="U95372" i="1"/>
  <c r="U95371" i="1"/>
  <c r="U95370" i="1"/>
  <c r="U95369" i="1"/>
  <c r="U95368" i="1"/>
  <c r="U95367" i="1"/>
  <c r="U95366" i="1"/>
  <c r="U95365" i="1"/>
  <c r="U95364" i="1"/>
  <c r="U95363" i="1"/>
  <c r="U95362" i="1"/>
  <c r="U95361" i="1"/>
  <c r="U95360" i="1"/>
  <c r="U95359" i="1"/>
  <c r="U95358" i="1"/>
  <c r="U95357" i="1"/>
  <c r="U95356" i="1"/>
  <c r="U95355" i="1"/>
  <c r="U95354" i="1"/>
  <c r="U95353" i="1"/>
  <c r="U95352" i="1"/>
  <c r="U95351" i="1"/>
  <c r="U95350" i="1"/>
  <c r="U95349" i="1"/>
  <c r="U95348" i="1"/>
  <c r="U95347" i="1"/>
  <c r="U95346" i="1"/>
  <c r="U95345" i="1"/>
  <c r="U95344" i="1"/>
  <c r="U95343" i="1"/>
  <c r="U95342" i="1"/>
  <c r="U95341" i="1"/>
  <c r="U95340" i="1"/>
  <c r="U95339" i="1"/>
  <c r="U95338" i="1"/>
  <c r="U95337" i="1"/>
  <c r="U95336" i="1"/>
  <c r="U95335" i="1"/>
  <c r="U95334" i="1"/>
  <c r="U95333" i="1"/>
  <c r="U95332" i="1"/>
  <c r="U95331" i="1"/>
  <c r="U95330" i="1"/>
  <c r="U95329" i="1"/>
  <c r="U95328" i="1"/>
  <c r="U95327" i="1"/>
  <c r="U95326" i="1"/>
  <c r="U95325" i="1"/>
  <c r="U95324" i="1"/>
  <c r="U95323" i="1"/>
  <c r="U95322" i="1"/>
  <c r="U95321" i="1"/>
  <c r="U95320" i="1"/>
  <c r="U95319" i="1"/>
  <c r="U95318" i="1"/>
  <c r="U95317" i="1"/>
  <c r="U95316" i="1"/>
  <c r="U95315" i="1"/>
  <c r="U95314" i="1"/>
  <c r="U95313" i="1"/>
  <c r="U95312" i="1"/>
  <c r="U95311" i="1"/>
  <c r="U95310" i="1"/>
  <c r="U95309" i="1"/>
  <c r="U95308" i="1"/>
  <c r="U95307" i="1"/>
  <c r="U95306" i="1"/>
  <c r="U95305" i="1"/>
  <c r="U95304" i="1"/>
  <c r="U95303" i="1"/>
  <c r="U95302" i="1"/>
  <c r="U95301" i="1"/>
  <c r="U95300" i="1"/>
  <c r="U95299" i="1"/>
  <c r="U95298" i="1"/>
  <c r="U95297" i="1"/>
  <c r="U95296" i="1"/>
  <c r="U95295" i="1"/>
  <c r="U95294" i="1"/>
  <c r="U95293" i="1"/>
  <c r="U95292" i="1"/>
  <c r="U95291" i="1"/>
  <c r="U95290" i="1"/>
  <c r="U95289" i="1"/>
  <c r="U95288" i="1"/>
  <c r="U95287" i="1"/>
  <c r="U95286" i="1"/>
  <c r="U95285" i="1"/>
  <c r="U95284" i="1"/>
  <c r="U95283" i="1"/>
  <c r="U95282" i="1"/>
  <c r="U95281" i="1"/>
  <c r="U95280" i="1"/>
  <c r="U95279" i="1"/>
  <c r="U95278" i="1"/>
  <c r="U95277" i="1"/>
  <c r="U95276" i="1"/>
  <c r="U95275" i="1"/>
  <c r="U95274" i="1"/>
  <c r="U95273" i="1"/>
  <c r="U95272" i="1"/>
  <c r="U95271" i="1"/>
  <c r="U95270" i="1"/>
  <c r="U95269" i="1"/>
  <c r="U95268" i="1"/>
  <c r="U95267" i="1"/>
  <c r="U95266" i="1"/>
  <c r="U95265" i="1"/>
  <c r="U95264" i="1"/>
  <c r="U95263" i="1"/>
  <c r="U95262" i="1"/>
  <c r="U95261" i="1"/>
  <c r="U95260" i="1"/>
  <c r="U95259" i="1"/>
  <c r="U95258" i="1"/>
  <c r="U95257" i="1"/>
  <c r="U95256" i="1"/>
  <c r="U95255" i="1"/>
  <c r="U95254" i="1"/>
  <c r="U95253" i="1"/>
  <c r="U95252" i="1"/>
  <c r="U95251" i="1"/>
  <c r="U95250" i="1"/>
  <c r="U95249" i="1"/>
  <c r="U95248" i="1"/>
  <c r="U95247" i="1"/>
  <c r="U95246" i="1"/>
  <c r="U95245" i="1"/>
  <c r="U95244" i="1"/>
  <c r="U95243" i="1"/>
  <c r="U95242" i="1"/>
  <c r="U95241" i="1"/>
  <c r="U95240" i="1"/>
  <c r="U95239" i="1"/>
  <c r="U95238" i="1"/>
  <c r="U95237" i="1"/>
  <c r="U95236" i="1"/>
  <c r="U95235" i="1"/>
  <c r="U95234" i="1"/>
  <c r="U95233" i="1"/>
  <c r="U95232" i="1"/>
  <c r="U95231" i="1"/>
  <c r="U95230" i="1"/>
  <c r="U95229" i="1"/>
  <c r="U95228" i="1"/>
  <c r="U95227" i="1"/>
  <c r="U95226" i="1"/>
  <c r="U95225" i="1"/>
  <c r="U95224" i="1"/>
  <c r="U95223" i="1"/>
  <c r="U95222" i="1"/>
  <c r="U95221" i="1"/>
  <c r="U95220" i="1"/>
  <c r="U95219" i="1"/>
  <c r="U95218" i="1"/>
  <c r="U95217" i="1"/>
  <c r="U95216" i="1"/>
  <c r="U95215" i="1"/>
  <c r="U95214" i="1"/>
  <c r="U95213" i="1"/>
  <c r="U95212" i="1"/>
  <c r="U95211" i="1"/>
  <c r="U95210" i="1"/>
  <c r="U95209" i="1"/>
  <c r="U95208" i="1"/>
  <c r="U95207" i="1"/>
  <c r="U95206" i="1"/>
  <c r="U95205" i="1"/>
  <c r="U95204" i="1"/>
  <c r="U95203" i="1"/>
  <c r="U95202" i="1"/>
  <c r="U95201" i="1"/>
  <c r="U95200" i="1"/>
  <c r="U95199" i="1"/>
  <c r="U95198" i="1"/>
  <c r="U95197" i="1"/>
  <c r="U95196" i="1"/>
  <c r="U95195" i="1"/>
  <c r="U95194" i="1"/>
  <c r="U95193" i="1"/>
  <c r="U95192" i="1"/>
  <c r="U95191" i="1"/>
  <c r="U95190" i="1"/>
  <c r="U95189" i="1"/>
  <c r="U95188" i="1"/>
  <c r="U95187" i="1"/>
  <c r="U95186" i="1"/>
  <c r="U95185" i="1"/>
  <c r="U95184" i="1"/>
  <c r="U95183" i="1"/>
  <c r="U95182" i="1"/>
  <c r="U95181" i="1"/>
  <c r="U95180" i="1"/>
  <c r="U95179" i="1"/>
  <c r="U95178" i="1"/>
  <c r="U95177" i="1"/>
  <c r="U95176" i="1"/>
  <c r="U95175" i="1"/>
  <c r="U95174" i="1"/>
  <c r="U95173" i="1"/>
  <c r="U95172" i="1"/>
  <c r="U95171" i="1"/>
  <c r="U95170" i="1"/>
  <c r="U95169" i="1"/>
  <c r="U95168" i="1"/>
  <c r="U95167" i="1"/>
  <c r="U95166" i="1"/>
  <c r="U95165" i="1"/>
  <c r="U95164" i="1"/>
  <c r="U95163" i="1"/>
  <c r="U95162" i="1"/>
  <c r="U95161" i="1"/>
  <c r="U95160" i="1"/>
  <c r="U95159" i="1"/>
  <c r="U95158" i="1"/>
  <c r="U95157" i="1"/>
  <c r="U95156" i="1"/>
  <c r="U95155" i="1"/>
  <c r="U95154" i="1"/>
  <c r="U95153" i="1"/>
  <c r="U95152" i="1"/>
  <c r="U95151" i="1"/>
  <c r="U95150" i="1"/>
  <c r="U95149" i="1"/>
  <c r="U95148" i="1"/>
  <c r="U95147" i="1"/>
  <c r="U95146" i="1"/>
  <c r="U95145" i="1"/>
  <c r="U95144" i="1"/>
  <c r="U95143" i="1"/>
  <c r="U95142" i="1"/>
  <c r="U95141" i="1"/>
  <c r="U95140" i="1"/>
  <c r="U95139" i="1"/>
  <c r="U95138" i="1"/>
  <c r="U95137" i="1"/>
  <c r="U95136" i="1"/>
  <c r="U95135" i="1"/>
  <c r="U95134" i="1"/>
  <c r="U95133" i="1"/>
  <c r="U95132" i="1"/>
  <c r="U95131" i="1"/>
  <c r="U95130" i="1"/>
  <c r="U95129" i="1"/>
  <c r="U95128" i="1"/>
  <c r="U95127" i="1"/>
  <c r="U95126" i="1"/>
  <c r="U95125" i="1"/>
  <c r="U95124" i="1"/>
  <c r="U95123" i="1"/>
  <c r="U95122" i="1"/>
  <c r="U95121" i="1"/>
  <c r="U95120" i="1"/>
  <c r="U95119" i="1"/>
  <c r="U95118" i="1"/>
  <c r="U95117" i="1"/>
  <c r="U95116" i="1"/>
  <c r="U95115" i="1"/>
  <c r="U95114" i="1"/>
  <c r="U95113" i="1"/>
  <c r="U95112" i="1"/>
  <c r="U95111" i="1"/>
  <c r="U95110" i="1"/>
  <c r="U95109" i="1"/>
  <c r="U95108" i="1"/>
  <c r="U95107" i="1"/>
  <c r="U95106" i="1"/>
  <c r="U95105" i="1"/>
  <c r="U95104" i="1"/>
  <c r="U95103" i="1"/>
  <c r="U95102" i="1"/>
  <c r="U95101" i="1"/>
  <c r="U95100" i="1"/>
  <c r="U95099" i="1"/>
  <c r="U95098" i="1"/>
  <c r="U95097" i="1"/>
  <c r="U95096" i="1"/>
  <c r="U95095" i="1"/>
  <c r="U95094" i="1"/>
  <c r="U95093" i="1"/>
  <c r="U95092" i="1"/>
  <c r="U95091" i="1"/>
  <c r="U95090" i="1"/>
  <c r="U95089" i="1"/>
  <c r="U95088" i="1"/>
  <c r="U95087" i="1"/>
  <c r="U95086" i="1"/>
  <c r="U95085" i="1"/>
  <c r="U95084" i="1"/>
  <c r="U95083" i="1"/>
  <c r="U95082" i="1"/>
  <c r="U95081" i="1"/>
  <c r="U95080" i="1"/>
  <c r="U95079" i="1"/>
  <c r="U95078" i="1"/>
  <c r="U95077" i="1"/>
  <c r="U95076" i="1"/>
  <c r="U95075" i="1"/>
  <c r="U95074" i="1"/>
  <c r="U95073" i="1"/>
  <c r="U95072" i="1"/>
  <c r="U95071" i="1"/>
  <c r="U95070" i="1"/>
  <c r="U95069" i="1"/>
  <c r="U95068" i="1"/>
  <c r="U95067" i="1"/>
  <c r="U95066" i="1"/>
  <c r="U95065" i="1"/>
  <c r="U95064" i="1"/>
  <c r="U95063" i="1"/>
  <c r="U95062" i="1"/>
  <c r="U95061" i="1"/>
  <c r="U95060" i="1"/>
  <c r="U95059" i="1"/>
  <c r="U95058" i="1"/>
  <c r="U95057" i="1"/>
  <c r="U95056" i="1"/>
  <c r="U95055" i="1"/>
  <c r="U95054" i="1"/>
  <c r="U95053" i="1"/>
  <c r="U95052" i="1"/>
  <c r="U95051" i="1"/>
  <c r="U95050" i="1"/>
  <c r="U95049" i="1"/>
  <c r="U95048" i="1"/>
  <c r="U95047" i="1"/>
  <c r="U95046" i="1"/>
  <c r="U95045" i="1"/>
  <c r="U95044" i="1"/>
  <c r="U95043" i="1"/>
  <c r="U95042" i="1"/>
  <c r="U95041" i="1"/>
  <c r="U95040" i="1"/>
  <c r="U95039" i="1"/>
  <c r="U95038" i="1"/>
  <c r="U95037" i="1"/>
  <c r="U95036" i="1"/>
  <c r="U95035" i="1"/>
  <c r="U95034" i="1"/>
  <c r="U95033" i="1"/>
  <c r="U95032" i="1"/>
  <c r="U95031" i="1"/>
  <c r="U95030" i="1"/>
  <c r="U95029" i="1"/>
  <c r="U95028" i="1"/>
  <c r="U95027" i="1"/>
  <c r="U95026" i="1"/>
  <c r="U95025" i="1"/>
  <c r="U95024" i="1"/>
  <c r="U95023" i="1"/>
  <c r="U95022" i="1"/>
  <c r="U95021" i="1"/>
  <c r="U95020" i="1"/>
  <c r="U95019" i="1"/>
  <c r="U95018" i="1"/>
  <c r="U95017" i="1"/>
  <c r="U95016" i="1"/>
  <c r="U95015" i="1"/>
  <c r="U95014" i="1"/>
  <c r="U95013" i="1"/>
  <c r="U95012" i="1"/>
  <c r="U95011" i="1"/>
  <c r="U95010" i="1"/>
  <c r="U95009" i="1"/>
  <c r="U95008" i="1"/>
  <c r="U95007" i="1"/>
  <c r="U95006" i="1"/>
  <c r="U95005" i="1"/>
  <c r="U95004" i="1"/>
  <c r="U95003" i="1"/>
  <c r="U95002" i="1"/>
  <c r="U95001" i="1"/>
  <c r="U95000" i="1"/>
  <c r="U94999" i="1"/>
  <c r="U94998" i="1"/>
  <c r="U94997" i="1"/>
  <c r="U94996" i="1"/>
  <c r="U94995" i="1"/>
  <c r="U94994" i="1"/>
  <c r="U94993" i="1"/>
  <c r="U94992" i="1"/>
  <c r="U94991" i="1"/>
  <c r="U94990" i="1"/>
  <c r="U94989" i="1"/>
  <c r="U94988" i="1"/>
  <c r="U94987" i="1"/>
  <c r="U94986" i="1"/>
  <c r="U94985" i="1"/>
  <c r="U94984" i="1"/>
  <c r="U94983" i="1"/>
  <c r="U94982" i="1"/>
  <c r="U94981" i="1"/>
  <c r="U94980" i="1"/>
  <c r="U94979" i="1"/>
  <c r="U94978" i="1"/>
  <c r="U94977" i="1"/>
  <c r="U94976" i="1"/>
  <c r="U94975" i="1"/>
  <c r="U94974" i="1"/>
  <c r="U94973" i="1"/>
  <c r="U94972" i="1"/>
  <c r="U94971" i="1"/>
  <c r="U94970" i="1"/>
  <c r="U94969" i="1"/>
  <c r="U94968" i="1"/>
  <c r="U94967" i="1"/>
  <c r="U94966" i="1"/>
  <c r="U94965" i="1"/>
  <c r="U94964" i="1"/>
  <c r="U94963" i="1"/>
  <c r="U94962" i="1"/>
  <c r="U94961" i="1"/>
  <c r="U94960" i="1"/>
  <c r="U94959" i="1"/>
  <c r="U94958" i="1"/>
  <c r="U94957" i="1"/>
  <c r="U94956" i="1"/>
  <c r="U94955" i="1"/>
  <c r="U94954" i="1"/>
  <c r="U94953" i="1"/>
  <c r="U94952" i="1"/>
  <c r="U94951" i="1"/>
  <c r="U94950" i="1"/>
  <c r="U94949" i="1"/>
  <c r="U94948" i="1"/>
  <c r="U94947" i="1"/>
  <c r="U94946" i="1"/>
  <c r="U94945" i="1"/>
  <c r="U94944" i="1"/>
  <c r="U94943" i="1"/>
  <c r="U94942" i="1"/>
  <c r="U94941" i="1"/>
  <c r="U94940" i="1"/>
  <c r="U94939" i="1"/>
  <c r="U94938" i="1"/>
  <c r="U94937" i="1"/>
  <c r="U94936" i="1"/>
  <c r="U94935" i="1"/>
  <c r="U94934" i="1"/>
  <c r="U94933" i="1"/>
  <c r="U94932" i="1"/>
  <c r="U94931" i="1"/>
  <c r="U94930" i="1"/>
  <c r="U94929" i="1"/>
  <c r="U94928" i="1"/>
  <c r="U94927" i="1"/>
  <c r="U94926" i="1"/>
  <c r="U94925" i="1"/>
  <c r="U94924" i="1"/>
  <c r="U94923" i="1"/>
  <c r="U94922" i="1"/>
  <c r="U94921" i="1"/>
  <c r="U94920" i="1"/>
  <c r="U94919" i="1"/>
  <c r="U94918" i="1"/>
  <c r="U94917" i="1"/>
  <c r="U94916" i="1"/>
  <c r="U94915" i="1"/>
  <c r="U94914" i="1"/>
  <c r="U94913" i="1"/>
  <c r="U94912" i="1"/>
  <c r="U94911" i="1"/>
  <c r="U94910" i="1"/>
  <c r="U94909" i="1"/>
  <c r="U94908" i="1"/>
  <c r="U94907" i="1"/>
  <c r="U94906" i="1"/>
  <c r="U94905" i="1"/>
  <c r="U94904" i="1"/>
  <c r="U94903" i="1"/>
  <c r="U94902" i="1"/>
  <c r="U94901" i="1"/>
  <c r="U94900" i="1"/>
  <c r="U94899" i="1"/>
  <c r="U94898" i="1"/>
  <c r="U94897" i="1"/>
  <c r="U94896" i="1"/>
  <c r="U94895" i="1"/>
  <c r="U94894" i="1"/>
  <c r="U94893" i="1"/>
  <c r="U94892" i="1"/>
  <c r="U94891" i="1"/>
  <c r="U94890" i="1"/>
  <c r="U94889" i="1"/>
  <c r="U94888" i="1"/>
  <c r="U94887" i="1"/>
  <c r="U94886" i="1"/>
  <c r="U94885" i="1"/>
  <c r="U94884" i="1"/>
  <c r="U94883" i="1"/>
  <c r="U94882" i="1"/>
  <c r="U94881" i="1"/>
  <c r="U94880" i="1"/>
  <c r="U94879" i="1"/>
  <c r="U94878" i="1"/>
  <c r="U94877" i="1"/>
  <c r="U94876" i="1"/>
  <c r="U94875" i="1"/>
  <c r="U94874" i="1"/>
  <c r="U94873" i="1"/>
  <c r="U94872" i="1"/>
  <c r="U94871" i="1"/>
  <c r="U94870" i="1"/>
  <c r="U94869" i="1"/>
  <c r="U94868" i="1"/>
  <c r="U94867" i="1"/>
  <c r="U94866" i="1"/>
  <c r="U94865" i="1"/>
  <c r="U94864" i="1"/>
  <c r="U94863" i="1"/>
  <c r="U94862" i="1"/>
  <c r="U94861" i="1"/>
  <c r="U94860" i="1"/>
  <c r="U94859" i="1"/>
  <c r="U94858" i="1"/>
  <c r="U94857" i="1"/>
  <c r="U94856" i="1"/>
  <c r="U94855" i="1"/>
  <c r="U94854" i="1"/>
  <c r="U94853" i="1"/>
  <c r="U94852" i="1"/>
  <c r="U94851" i="1"/>
  <c r="U94850" i="1"/>
  <c r="U94849" i="1"/>
  <c r="U94848" i="1"/>
  <c r="U94847" i="1"/>
  <c r="U94846" i="1"/>
  <c r="U94845" i="1"/>
  <c r="U94844" i="1"/>
  <c r="U94843" i="1"/>
  <c r="U94842" i="1"/>
  <c r="U94841" i="1"/>
  <c r="U94840" i="1"/>
  <c r="U94839" i="1"/>
  <c r="U94838" i="1"/>
  <c r="U94837" i="1"/>
  <c r="U94836" i="1"/>
  <c r="U94835" i="1"/>
  <c r="U94834" i="1"/>
  <c r="U94833" i="1"/>
  <c r="U94832" i="1"/>
  <c r="U94831" i="1"/>
  <c r="U94830" i="1"/>
  <c r="U94829" i="1"/>
  <c r="U94828" i="1"/>
  <c r="U94827" i="1"/>
  <c r="U94826" i="1"/>
  <c r="U94825" i="1"/>
  <c r="U94824" i="1"/>
  <c r="U94823" i="1"/>
  <c r="U94822" i="1"/>
  <c r="U94821" i="1"/>
  <c r="U94820" i="1"/>
  <c r="U94819" i="1"/>
  <c r="U94818" i="1"/>
  <c r="U94817" i="1"/>
  <c r="U94816" i="1"/>
  <c r="U94815" i="1"/>
  <c r="U94814" i="1"/>
  <c r="U94813" i="1"/>
  <c r="U94812" i="1"/>
  <c r="U94811" i="1"/>
  <c r="U94810" i="1"/>
  <c r="U94809" i="1"/>
  <c r="U94808" i="1"/>
  <c r="U94807" i="1"/>
  <c r="U94806" i="1"/>
  <c r="U94805" i="1"/>
  <c r="U94804" i="1"/>
  <c r="U94803" i="1"/>
  <c r="U94802" i="1"/>
  <c r="U94801" i="1"/>
  <c r="U94800" i="1"/>
  <c r="U94799" i="1"/>
  <c r="U94798" i="1"/>
  <c r="U94797" i="1"/>
  <c r="U94796" i="1"/>
  <c r="U94795" i="1"/>
  <c r="U94794" i="1"/>
  <c r="U94793" i="1"/>
  <c r="U94792" i="1"/>
  <c r="U94791" i="1"/>
  <c r="U94790" i="1"/>
  <c r="U94789" i="1"/>
  <c r="U94788" i="1"/>
  <c r="U94787" i="1"/>
  <c r="U94786" i="1"/>
  <c r="U94785" i="1"/>
  <c r="U94784" i="1"/>
  <c r="U94783" i="1"/>
  <c r="U94782" i="1"/>
  <c r="U94781" i="1"/>
  <c r="U94780" i="1"/>
  <c r="U94779" i="1"/>
  <c r="U94778" i="1"/>
  <c r="U94777" i="1"/>
  <c r="U94776" i="1"/>
  <c r="U94775" i="1"/>
  <c r="U94774" i="1"/>
  <c r="U94773" i="1"/>
  <c r="U94772" i="1"/>
  <c r="U94771" i="1"/>
  <c r="U94770" i="1"/>
  <c r="U94769" i="1"/>
  <c r="U94768" i="1"/>
  <c r="U94767" i="1"/>
  <c r="U94766" i="1"/>
  <c r="U94765" i="1"/>
  <c r="U94764" i="1"/>
  <c r="U94763" i="1"/>
  <c r="U94762" i="1"/>
  <c r="U94761" i="1"/>
  <c r="U94760" i="1"/>
  <c r="U94759" i="1"/>
  <c r="U94758" i="1"/>
  <c r="U94757" i="1"/>
  <c r="U94756" i="1"/>
  <c r="U94755" i="1"/>
  <c r="U94754" i="1"/>
  <c r="U94753" i="1"/>
  <c r="U94752" i="1"/>
  <c r="U94751" i="1"/>
  <c r="U94750" i="1"/>
  <c r="U94749" i="1"/>
  <c r="U94748" i="1"/>
  <c r="U94747" i="1"/>
  <c r="U94746" i="1"/>
  <c r="U94745" i="1"/>
  <c r="U94744" i="1"/>
  <c r="U94743" i="1"/>
  <c r="U94742" i="1"/>
  <c r="U94741" i="1"/>
  <c r="U94740" i="1"/>
  <c r="U94739" i="1"/>
  <c r="U94738" i="1"/>
  <c r="U94737" i="1"/>
  <c r="U94736" i="1"/>
  <c r="U94735" i="1"/>
  <c r="U94734" i="1"/>
  <c r="U94733" i="1"/>
  <c r="U94732" i="1"/>
  <c r="U94731" i="1"/>
  <c r="U94730" i="1"/>
  <c r="U94729" i="1"/>
  <c r="U94728" i="1"/>
  <c r="U94727" i="1"/>
  <c r="U94726" i="1"/>
  <c r="U94725" i="1"/>
  <c r="U94724" i="1"/>
  <c r="U94723" i="1"/>
  <c r="U94722" i="1"/>
  <c r="U94721" i="1"/>
  <c r="U94720" i="1"/>
  <c r="U94719" i="1"/>
  <c r="U94718" i="1"/>
  <c r="U94717" i="1"/>
  <c r="U94716" i="1"/>
  <c r="U94715" i="1"/>
  <c r="U94714" i="1"/>
  <c r="U94713" i="1"/>
  <c r="U94712" i="1"/>
  <c r="U94711" i="1"/>
  <c r="U94710" i="1"/>
  <c r="U94709" i="1"/>
  <c r="U94708" i="1"/>
  <c r="U94707" i="1"/>
  <c r="U94706" i="1"/>
  <c r="U94705" i="1"/>
  <c r="U94704" i="1"/>
  <c r="U94703" i="1"/>
  <c r="U94702" i="1"/>
  <c r="U94701" i="1"/>
  <c r="U94700" i="1"/>
  <c r="U94699" i="1"/>
  <c r="U94698" i="1"/>
  <c r="U94697" i="1"/>
  <c r="U94696" i="1"/>
  <c r="U94695" i="1"/>
  <c r="U94694" i="1"/>
  <c r="U94693" i="1"/>
  <c r="U94692" i="1"/>
  <c r="U94691" i="1"/>
  <c r="U94690" i="1"/>
  <c r="U94689" i="1"/>
  <c r="U94688" i="1"/>
  <c r="U94687" i="1"/>
  <c r="U94686" i="1"/>
  <c r="U94685" i="1"/>
  <c r="U94684" i="1"/>
  <c r="U94683" i="1"/>
  <c r="U94682" i="1"/>
  <c r="U94681" i="1"/>
  <c r="U94680" i="1"/>
  <c r="U94679" i="1"/>
  <c r="U94678" i="1"/>
  <c r="U94677" i="1"/>
  <c r="U94676" i="1"/>
  <c r="U94675" i="1"/>
  <c r="U94674" i="1"/>
  <c r="U94673" i="1"/>
  <c r="U94672" i="1"/>
  <c r="U94671" i="1"/>
  <c r="U94670" i="1"/>
  <c r="U94669" i="1"/>
  <c r="U94668" i="1"/>
  <c r="U94667" i="1"/>
  <c r="U94666" i="1"/>
  <c r="U94665" i="1"/>
  <c r="U94664" i="1"/>
  <c r="U94663" i="1"/>
  <c r="U94662" i="1"/>
  <c r="U94661" i="1"/>
  <c r="U94660" i="1"/>
  <c r="U94659" i="1"/>
  <c r="U94658" i="1"/>
  <c r="U94657" i="1"/>
  <c r="U94656" i="1"/>
  <c r="U94655" i="1"/>
  <c r="U94654" i="1"/>
  <c r="U94653" i="1"/>
  <c r="U94652" i="1"/>
  <c r="U94651" i="1"/>
  <c r="U94650" i="1"/>
  <c r="U94649" i="1"/>
  <c r="U94648" i="1"/>
  <c r="U94647" i="1"/>
  <c r="U94646" i="1"/>
  <c r="U94645" i="1"/>
  <c r="U94644" i="1"/>
  <c r="U94643" i="1"/>
  <c r="U94642" i="1"/>
  <c r="U94641" i="1"/>
  <c r="U94640" i="1"/>
  <c r="U94639" i="1"/>
  <c r="U94638" i="1"/>
  <c r="U94637" i="1"/>
  <c r="U94636" i="1"/>
  <c r="U94635" i="1"/>
  <c r="U94634" i="1"/>
  <c r="U94633" i="1"/>
  <c r="U94632" i="1"/>
  <c r="U94631" i="1"/>
  <c r="U94630" i="1"/>
  <c r="U94629" i="1"/>
  <c r="U94628" i="1"/>
  <c r="U94627" i="1"/>
  <c r="U94626" i="1"/>
  <c r="U94625" i="1"/>
  <c r="U94624" i="1"/>
  <c r="U94623" i="1"/>
  <c r="U94622" i="1"/>
  <c r="U94621" i="1"/>
  <c r="U94620" i="1"/>
  <c r="U94619" i="1"/>
  <c r="U94618" i="1"/>
  <c r="U94617" i="1"/>
  <c r="U94616" i="1"/>
  <c r="U94615" i="1"/>
  <c r="U94614" i="1"/>
  <c r="U94613" i="1"/>
  <c r="U94612" i="1"/>
  <c r="U94611" i="1"/>
  <c r="U94610" i="1"/>
  <c r="U94609" i="1"/>
  <c r="U94608" i="1"/>
  <c r="U94607" i="1"/>
  <c r="U94606" i="1"/>
  <c r="U94605" i="1"/>
  <c r="U94604" i="1"/>
  <c r="U94603" i="1"/>
  <c r="U94602" i="1"/>
  <c r="U94601" i="1"/>
  <c r="U94600" i="1"/>
  <c r="U94599" i="1"/>
  <c r="U94598" i="1"/>
  <c r="U94597" i="1"/>
  <c r="U94596" i="1"/>
  <c r="U94595" i="1"/>
  <c r="U94594" i="1"/>
  <c r="U94593" i="1"/>
  <c r="U94592" i="1"/>
  <c r="U94591" i="1"/>
  <c r="U94590" i="1"/>
  <c r="U94589" i="1"/>
  <c r="U94588" i="1"/>
  <c r="U94587" i="1"/>
  <c r="U94586" i="1"/>
  <c r="U94585" i="1"/>
  <c r="U94584" i="1"/>
  <c r="U94583" i="1"/>
  <c r="U94582" i="1"/>
  <c r="U94581" i="1"/>
  <c r="U94580" i="1"/>
  <c r="U94579" i="1"/>
  <c r="U94578" i="1"/>
  <c r="U94577" i="1"/>
  <c r="U94576" i="1"/>
  <c r="U94575" i="1"/>
  <c r="U94574" i="1"/>
  <c r="U94573" i="1"/>
  <c r="U94572" i="1"/>
  <c r="U94571" i="1"/>
  <c r="U94570" i="1"/>
  <c r="U94569" i="1"/>
  <c r="U94568" i="1"/>
  <c r="U94567" i="1"/>
  <c r="U94566" i="1"/>
  <c r="U94565" i="1"/>
  <c r="U94564" i="1"/>
  <c r="U94563" i="1"/>
  <c r="U94562" i="1"/>
  <c r="U94561" i="1"/>
  <c r="U94560" i="1"/>
  <c r="U94559" i="1"/>
  <c r="U94558" i="1"/>
  <c r="U94557" i="1"/>
  <c r="U94556" i="1"/>
  <c r="U94555" i="1"/>
  <c r="U94554" i="1"/>
  <c r="U94553" i="1"/>
  <c r="U94552" i="1"/>
  <c r="U94551" i="1"/>
  <c r="U94550" i="1"/>
  <c r="U94549" i="1"/>
  <c r="U94548" i="1"/>
  <c r="U94547" i="1"/>
  <c r="U94546" i="1"/>
  <c r="U94545" i="1"/>
  <c r="U94544" i="1"/>
  <c r="U94543" i="1"/>
  <c r="U94542" i="1"/>
  <c r="U94541" i="1"/>
  <c r="U94540" i="1"/>
  <c r="U94539" i="1"/>
  <c r="U94538" i="1"/>
  <c r="U94537" i="1"/>
  <c r="U94536" i="1"/>
  <c r="U94535" i="1"/>
  <c r="U94534" i="1"/>
  <c r="U94533" i="1"/>
  <c r="U94532" i="1"/>
  <c r="U94531" i="1"/>
  <c r="U94530" i="1"/>
  <c r="U94529" i="1"/>
  <c r="U94528" i="1"/>
  <c r="U94527" i="1"/>
  <c r="U94526" i="1"/>
  <c r="U94525" i="1"/>
  <c r="U94524" i="1"/>
  <c r="U94523" i="1"/>
  <c r="U94522" i="1"/>
  <c r="U94521" i="1"/>
  <c r="U94520" i="1"/>
  <c r="U94519" i="1"/>
  <c r="U94518" i="1"/>
  <c r="U94517" i="1"/>
  <c r="U94516" i="1"/>
  <c r="U94515" i="1"/>
  <c r="U94514" i="1"/>
  <c r="U94513" i="1"/>
  <c r="U94512" i="1"/>
  <c r="U94511" i="1"/>
  <c r="U94510" i="1"/>
  <c r="U94509" i="1"/>
  <c r="U94508" i="1"/>
  <c r="U94507" i="1"/>
  <c r="U94506" i="1"/>
  <c r="U94505" i="1"/>
  <c r="U94504" i="1"/>
  <c r="U94503" i="1"/>
  <c r="U94502" i="1"/>
  <c r="U94501" i="1"/>
  <c r="U94500" i="1"/>
  <c r="U94499" i="1"/>
  <c r="U94498" i="1"/>
  <c r="U94497" i="1"/>
  <c r="U94496" i="1"/>
  <c r="U94495" i="1"/>
  <c r="U94494" i="1"/>
  <c r="U94493" i="1"/>
  <c r="U94492" i="1"/>
  <c r="U94491" i="1"/>
  <c r="U94490" i="1"/>
  <c r="U94489" i="1"/>
  <c r="U94488" i="1"/>
  <c r="U94487" i="1"/>
  <c r="U94486" i="1"/>
  <c r="U94485" i="1"/>
  <c r="U94484" i="1"/>
  <c r="U94483" i="1"/>
  <c r="U94482" i="1"/>
  <c r="U94481" i="1"/>
  <c r="U94480" i="1"/>
  <c r="U94479" i="1"/>
  <c r="U94478" i="1"/>
  <c r="U94477" i="1"/>
  <c r="U94476" i="1"/>
  <c r="U94475" i="1"/>
  <c r="U94474" i="1"/>
  <c r="U94473" i="1"/>
  <c r="U94472" i="1"/>
  <c r="U94471" i="1"/>
  <c r="U94470" i="1"/>
  <c r="U94469" i="1"/>
  <c r="U94468" i="1"/>
  <c r="U94467" i="1"/>
  <c r="U94466" i="1"/>
  <c r="U94465" i="1"/>
  <c r="U94464" i="1"/>
  <c r="U94463" i="1"/>
  <c r="U94462" i="1"/>
  <c r="U94461" i="1"/>
  <c r="U94460" i="1"/>
  <c r="U94459" i="1"/>
  <c r="U94458" i="1"/>
  <c r="U94457" i="1"/>
  <c r="U94456" i="1"/>
  <c r="U94455" i="1"/>
  <c r="U94454" i="1"/>
  <c r="U94453" i="1"/>
  <c r="U94452" i="1"/>
  <c r="U94451" i="1"/>
  <c r="U94450" i="1"/>
  <c r="U94449" i="1"/>
  <c r="U94448" i="1"/>
  <c r="U94447" i="1"/>
  <c r="U94446" i="1"/>
  <c r="U94445" i="1"/>
  <c r="U94444" i="1"/>
  <c r="U94443" i="1"/>
  <c r="U94442" i="1"/>
  <c r="U94441" i="1"/>
  <c r="U94440" i="1"/>
  <c r="U94439" i="1"/>
  <c r="U94438" i="1"/>
  <c r="U94437" i="1"/>
  <c r="U94436" i="1"/>
  <c r="U94435" i="1"/>
  <c r="U94434" i="1"/>
  <c r="U94433" i="1"/>
  <c r="U94432" i="1"/>
  <c r="U94431" i="1"/>
  <c r="U94430" i="1"/>
  <c r="U94429" i="1"/>
  <c r="U94428" i="1"/>
  <c r="U94427" i="1"/>
  <c r="U94426" i="1"/>
  <c r="U94425" i="1"/>
  <c r="U94424" i="1"/>
  <c r="U94423" i="1"/>
  <c r="U94422" i="1"/>
  <c r="U94421" i="1"/>
  <c r="U94420" i="1"/>
  <c r="U94419" i="1"/>
  <c r="U94418" i="1"/>
  <c r="U94417" i="1"/>
  <c r="U94416" i="1"/>
  <c r="U94415" i="1"/>
  <c r="U94414" i="1"/>
  <c r="U94413" i="1"/>
  <c r="U94412" i="1"/>
  <c r="U94411" i="1"/>
  <c r="U94410" i="1"/>
  <c r="U94409" i="1"/>
  <c r="U94408" i="1"/>
  <c r="U94407" i="1"/>
  <c r="U94406" i="1"/>
  <c r="U94405" i="1"/>
  <c r="U94404" i="1"/>
  <c r="U94403" i="1"/>
  <c r="U94402" i="1"/>
  <c r="U94401" i="1"/>
  <c r="U94400" i="1"/>
  <c r="U94399" i="1"/>
  <c r="U94398" i="1"/>
  <c r="U94397" i="1"/>
  <c r="U94396" i="1"/>
  <c r="U94395" i="1"/>
  <c r="U94394" i="1"/>
  <c r="U94393" i="1"/>
  <c r="U94392" i="1"/>
  <c r="U94391" i="1"/>
  <c r="U94390" i="1"/>
  <c r="U94389" i="1"/>
  <c r="U94388" i="1"/>
  <c r="U94387" i="1"/>
  <c r="U94386" i="1"/>
  <c r="U94385" i="1"/>
  <c r="U94384" i="1"/>
  <c r="U94383" i="1"/>
  <c r="U94382" i="1"/>
  <c r="U94381" i="1"/>
  <c r="U94380" i="1"/>
  <c r="U94379" i="1"/>
  <c r="U94378" i="1"/>
  <c r="U94377" i="1"/>
  <c r="U94376" i="1"/>
  <c r="U94375" i="1"/>
  <c r="U94374" i="1"/>
  <c r="U94373" i="1"/>
  <c r="U94372" i="1"/>
  <c r="U94371" i="1"/>
  <c r="U94370" i="1"/>
  <c r="U94369" i="1"/>
  <c r="U94368" i="1"/>
  <c r="U94367" i="1"/>
  <c r="U94366" i="1"/>
  <c r="U94365" i="1"/>
  <c r="U94364" i="1"/>
  <c r="U94363" i="1"/>
  <c r="U94362" i="1"/>
  <c r="U94361" i="1"/>
  <c r="U94360" i="1"/>
  <c r="U94359" i="1"/>
  <c r="U94358" i="1"/>
  <c r="U94357" i="1"/>
  <c r="U94356" i="1"/>
  <c r="U94355" i="1"/>
  <c r="U94354" i="1"/>
  <c r="U94353" i="1"/>
  <c r="U94352" i="1"/>
  <c r="U94351" i="1"/>
  <c r="U94350" i="1"/>
  <c r="U94349" i="1"/>
  <c r="U94348" i="1"/>
  <c r="U94347" i="1"/>
  <c r="U94346" i="1"/>
  <c r="U94345" i="1"/>
  <c r="U94344" i="1"/>
  <c r="U94343" i="1"/>
  <c r="U94342" i="1"/>
  <c r="U94341" i="1"/>
  <c r="U94340" i="1"/>
  <c r="U94339" i="1"/>
  <c r="U94338" i="1"/>
  <c r="U94337" i="1"/>
  <c r="U94336" i="1"/>
  <c r="U94335" i="1"/>
  <c r="U94334" i="1"/>
  <c r="U94333" i="1"/>
  <c r="U94332" i="1"/>
  <c r="U94331" i="1"/>
  <c r="U94330" i="1"/>
  <c r="U94329" i="1"/>
  <c r="U94328" i="1"/>
  <c r="U94327" i="1"/>
  <c r="U94326" i="1"/>
  <c r="U94325" i="1"/>
  <c r="U94324" i="1"/>
  <c r="U94323" i="1"/>
  <c r="U94322" i="1"/>
  <c r="U94321" i="1"/>
  <c r="U94320" i="1"/>
  <c r="U94319" i="1"/>
  <c r="U94318" i="1"/>
  <c r="U94317" i="1"/>
  <c r="U94316" i="1"/>
  <c r="U94315" i="1"/>
  <c r="U94314" i="1"/>
  <c r="U94313" i="1"/>
  <c r="U94312" i="1"/>
  <c r="U94311" i="1"/>
  <c r="U94310" i="1"/>
  <c r="U94309" i="1"/>
  <c r="U94308" i="1"/>
  <c r="U94307" i="1"/>
  <c r="U94306" i="1"/>
  <c r="U94305" i="1"/>
  <c r="U94304" i="1"/>
  <c r="U94303" i="1"/>
  <c r="U94302" i="1"/>
  <c r="U94301" i="1"/>
  <c r="U94300" i="1"/>
  <c r="U94299" i="1"/>
  <c r="U94298" i="1"/>
  <c r="U94297" i="1"/>
  <c r="U94296" i="1"/>
  <c r="U94295" i="1"/>
  <c r="U94294" i="1"/>
  <c r="U94293" i="1"/>
  <c r="U94292" i="1"/>
  <c r="U94291" i="1"/>
  <c r="U94290" i="1"/>
  <c r="U94289" i="1"/>
  <c r="U94288" i="1"/>
  <c r="U94287" i="1"/>
  <c r="U94286" i="1"/>
  <c r="U94285" i="1"/>
  <c r="U94284" i="1"/>
  <c r="U94283" i="1"/>
  <c r="U94282" i="1"/>
  <c r="U94281" i="1"/>
  <c r="U94280" i="1"/>
  <c r="U94279" i="1"/>
  <c r="U94278" i="1"/>
  <c r="U94277" i="1"/>
  <c r="U94276" i="1"/>
  <c r="U94275" i="1"/>
  <c r="U94274" i="1"/>
  <c r="U94273" i="1"/>
  <c r="U94272" i="1"/>
  <c r="U94271" i="1"/>
  <c r="U94270" i="1"/>
  <c r="U94269" i="1"/>
  <c r="U94268" i="1"/>
  <c r="U94267" i="1"/>
  <c r="U94266" i="1"/>
  <c r="U94265" i="1"/>
  <c r="U94264" i="1"/>
  <c r="U94263" i="1"/>
  <c r="U94262" i="1"/>
  <c r="U94261" i="1"/>
  <c r="U94260" i="1"/>
  <c r="U94259" i="1"/>
  <c r="U94258" i="1"/>
  <c r="U94257" i="1"/>
  <c r="U94256" i="1"/>
  <c r="U94255" i="1"/>
  <c r="U94254" i="1"/>
  <c r="U94253" i="1"/>
  <c r="U94252" i="1"/>
  <c r="U94251" i="1"/>
  <c r="U94250" i="1"/>
  <c r="U94249" i="1"/>
  <c r="U94248" i="1"/>
  <c r="U94247" i="1"/>
  <c r="U94246" i="1"/>
  <c r="U94245" i="1"/>
  <c r="U94244" i="1"/>
  <c r="U94243" i="1"/>
  <c r="U94242" i="1"/>
  <c r="U94241" i="1"/>
  <c r="U94240" i="1"/>
  <c r="U94239" i="1"/>
  <c r="U94238" i="1"/>
  <c r="U94237" i="1"/>
  <c r="U94236" i="1"/>
  <c r="U94235" i="1"/>
  <c r="U94234" i="1"/>
  <c r="U94233" i="1"/>
  <c r="U94232" i="1"/>
  <c r="U94231" i="1"/>
  <c r="U94230" i="1"/>
  <c r="U94229" i="1"/>
  <c r="U94228" i="1"/>
  <c r="U94227" i="1"/>
  <c r="U94226" i="1"/>
  <c r="U94225" i="1"/>
  <c r="U94224" i="1"/>
  <c r="U94223" i="1"/>
  <c r="U94222" i="1"/>
  <c r="U94221" i="1"/>
  <c r="U94220" i="1"/>
  <c r="U94219" i="1"/>
  <c r="U94218" i="1"/>
  <c r="U94217" i="1"/>
  <c r="U94216" i="1"/>
  <c r="U94215" i="1"/>
  <c r="U94214" i="1"/>
  <c r="U94213" i="1"/>
  <c r="U94212" i="1"/>
  <c r="U94211" i="1"/>
  <c r="U94210" i="1"/>
  <c r="U94209" i="1"/>
  <c r="U94208" i="1"/>
  <c r="U94207" i="1"/>
  <c r="U94206" i="1"/>
  <c r="U94205" i="1"/>
  <c r="U94204" i="1"/>
  <c r="U94203" i="1"/>
  <c r="U94202" i="1"/>
  <c r="U94201" i="1"/>
  <c r="U94200" i="1"/>
  <c r="U94199" i="1"/>
  <c r="U94198" i="1"/>
  <c r="U94197" i="1"/>
  <c r="U94196" i="1"/>
  <c r="U94195" i="1"/>
  <c r="U94194" i="1"/>
  <c r="U94193" i="1"/>
  <c r="U94192" i="1"/>
  <c r="U94191" i="1"/>
  <c r="U94190" i="1"/>
  <c r="U94189" i="1"/>
  <c r="U94188" i="1"/>
  <c r="U94187" i="1"/>
  <c r="U94186" i="1"/>
  <c r="U94185" i="1"/>
  <c r="U94184" i="1"/>
  <c r="U94183" i="1"/>
  <c r="U94182" i="1"/>
  <c r="U94181" i="1"/>
  <c r="U94180" i="1"/>
  <c r="U94179" i="1"/>
  <c r="U94178" i="1"/>
  <c r="U94177" i="1"/>
  <c r="U94176" i="1"/>
  <c r="U94175" i="1"/>
  <c r="U94174" i="1"/>
  <c r="U94173" i="1"/>
  <c r="U94172" i="1"/>
  <c r="U94171" i="1"/>
  <c r="U94170" i="1"/>
  <c r="U94169" i="1"/>
  <c r="U94168" i="1"/>
  <c r="U94167" i="1"/>
  <c r="U94166" i="1"/>
  <c r="U94165" i="1"/>
  <c r="U94164" i="1"/>
  <c r="U94163" i="1"/>
  <c r="U94162" i="1"/>
  <c r="U94161" i="1"/>
  <c r="U94160" i="1"/>
  <c r="U94159" i="1"/>
  <c r="U94158" i="1"/>
  <c r="U94157" i="1"/>
  <c r="U94156" i="1"/>
  <c r="U94155" i="1"/>
  <c r="U94154" i="1"/>
  <c r="U94153" i="1"/>
  <c r="U94152" i="1"/>
  <c r="U94151" i="1"/>
  <c r="U94150" i="1"/>
  <c r="U94149" i="1"/>
  <c r="U94148" i="1"/>
  <c r="U94147" i="1"/>
  <c r="U94146" i="1"/>
  <c r="U94145" i="1"/>
  <c r="U94144" i="1"/>
  <c r="U94143" i="1"/>
  <c r="U94142" i="1"/>
  <c r="U94141" i="1"/>
  <c r="U94140" i="1"/>
  <c r="U94139" i="1"/>
  <c r="U94138" i="1"/>
  <c r="U94137" i="1"/>
  <c r="U94136" i="1"/>
  <c r="U94135" i="1"/>
  <c r="U94134" i="1"/>
  <c r="U94133" i="1"/>
  <c r="U94132" i="1"/>
  <c r="U94131" i="1"/>
  <c r="U94130" i="1"/>
  <c r="U94129" i="1"/>
  <c r="U94128" i="1"/>
  <c r="U94127" i="1"/>
  <c r="U94126" i="1"/>
  <c r="U94125" i="1"/>
  <c r="U94124" i="1"/>
  <c r="U94123" i="1"/>
  <c r="U94122" i="1"/>
  <c r="U94121" i="1"/>
  <c r="U94120" i="1"/>
  <c r="U94119" i="1"/>
  <c r="U94118" i="1"/>
  <c r="U94117" i="1"/>
  <c r="U94116" i="1"/>
  <c r="U94115" i="1"/>
  <c r="U94114" i="1"/>
  <c r="U94113" i="1"/>
  <c r="U94112" i="1"/>
  <c r="U94111" i="1"/>
  <c r="U94110" i="1"/>
  <c r="U94109" i="1"/>
  <c r="U94108" i="1"/>
  <c r="U94107" i="1"/>
  <c r="U94106" i="1"/>
  <c r="U94105" i="1"/>
  <c r="U94104" i="1"/>
  <c r="U94103" i="1"/>
  <c r="U94102" i="1"/>
  <c r="U94101" i="1"/>
  <c r="U94100" i="1"/>
  <c r="U94099" i="1"/>
  <c r="U94098" i="1"/>
  <c r="U94097" i="1"/>
  <c r="U94096" i="1"/>
  <c r="U94095" i="1"/>
  <c r="U94094" i="1"/>
  <c r="U94093" i="1"/>
  <c r="U94092" i="1"/>
  <c r="U94091" i="1"/>
  <c r="U94090" i="1"/>
  <c r="U94089" i="1"/>
  <c r="U94088" i="1"/>
  <c r="U94087" i="1"/>
  <c r="U94086" i="1"/>
  <c r="U94085" i="1"/>
  <c r="U94084" i="1"/>
  <c r="U94083" i="1"/>
  <c r="U94082" i="1"/>
  <c r="U94081" i="1"/>
  <c r="U94080" i="1"/>
  <c r="U94079" i="1"/>
  <c r="U94078" i="1"/>
  <c r="U94077" i="1"/>
  <c r="U94076" i="1"/>
  <c r="U94075" i="1"/>
  <c r="U94074" i="1"/>
  <c r="U94073" i="1"/>
  <c r="U94072" i="1"/>
  <c r="U94071" i="1"/>
  <c r="U94070" i="1"/>
  <c r="U94069" i="1"/>
  <c r="U94068" i="1"/>
  <c r="U94067" i="1"/>
  <c r="U94066" i="1"/>
  <c r="U94065" i="1"/>
  <c r="U94064" i="1"/>
  <c r="U94063" i="1"/>
  <c r="U94062" i="1"/>
  <c r="U94061" i="1"/>
  <c r="U94060" i="1"/>
  <c r="U94059" i="1"/>
  <c r="U94058" i="1"/>
  <c r="U94057" i="1"/>
  <c r="U94056" i="1"/>
  <c r="U94055" i="1"/>
  <c r="U94054" i="1"/>
  <c r="U94053" i="1"/>
  <c r="U94052" i="1"/>
  <c r="U94051" i="1"/>
  <c r="U94050" i="1"/>
  <c r="U94049" i="1"/>
  <c r="U94048" i="1"/>
  <c r="U94047" i="1"/>
  <c r="U94046" i="1"/>
  <c r="U94045" i="1"/>
  <c r="U94044" i="1"/>
  <c r="U94043" i="1"/>
  <c r="U94042" i="1"/>
  <c r="U94041" i="1"/>
  <c r="U94040" i="1"/>
  <c r="U94039" i="1"/>
  <c r="U94038" i="1"/>
  <c r="U94037" i="1"/>
  <c r="U94036" i="1"/>
  <c r="U94035" i="1"/>
  <c r="U94034" i="1"/>
  <c r="U94033" i="1"/>
  <c r="U94032" i="1"/>
  <c r="U94031" i="1"/>
  <c r="U94030" i="1"/>
  <c r="U94029" i="1"/>
  <c r="U94028" i="1"/>
  <c r="U94027" i="1"/>
  <c r="U94026" i="1"/>
  <c r="U94025" i="1"/>
  <c r="U94024" i="1"/>
  <c r="U94023" i="1"/>
  <c r="U94022" i="1"/>
  <c r="U94021" i="1"/>
  <c r="U94020" i="1"/>
  <c r="U94019" i="1"/>
  <c r="U94018" i="1"/>
  <c r="U94017" i="1"/>
  <c r="U94016" i="1"/>
  <c r="U94015" i="1"/>
  <c r="U94014" i="1"/>
  <c r="U94013" i="1"/>
  <c r="U94012" i="1"/>
  <c r="U94011" i="1"/>
  <c r="U94010" i="1"/>
  <c r="U94009" i="1"/>
  <c r="U94008" i="1"/>
  <c r="U94007" i="1"/>
  <c r="U94006" i="1"/>
  <c r="U94005" i="1"/>
  <c r="U94004" i="1"/>
  <c r="U94003" i="1"/>
  <c r="U94002" i="1"/>
  <c r="U94001" i="1"/>
  <c r="U94000" i="1"/>
  <c r="U93999" i="1"/>
  <c r="U93998" i="1"/>
  <c r="U93997" i="1"/>
  <c r="U93996" i="1"/>
  <c r="U93995" i="1"/>
  <c r="U93994" i="1"/>
  <c r="U93993" i="1"/>
  <c r="U93992" i="1"/>
  <c r="U93991" i="1"/>
  <c r="U93990" i="1"/>
  <c r="U93989" i="1"/>
  <c r="U93988" i="1"/>
  <c r="U93987" i="1"/>
  <c r="U93986" i="1"/>
  <c r="U93985" i="1"/>
  <c r="U93984" i="1"/>
  <c r="U93983" i="1"/>
  <c r="U93982" i="1"/>
  <c r="U93981" i="1"/>
  <c r="U93980" i="1"/>
  <c r="U93979" i="1"/>
  <c r="U93978" i="1"/>
  <c r="U93977" i="1"/>
  <c r="U93976" i="1"/>
  <c r="U93975" i="1"/>
  <c r="U93974" i="1"/>
  <c r="U93973" i="1"/>
  <c r="U93972" i="1"/>
  <c r="U93971" i="1"/>
  <c r="U93970" i="1"/>
  <c r="U93969" i="1"/>
  <c r="U93968" i="1"/>
  <c r="U93967" i="1"/>
  <c r="U93966" i="1"/>
  <c r="U93965" i="1"/>
  <c r="U93964" i="1"/>
  <c r="U93963" i="1"/>
  <c r="U93962" i="1"/>
  <c r="U93961" i="1"/>
  <c r="U93960" i="1"/>
  <c r="U93959" i="1"/>
  <c r="U93958" i="1"/>
  <c r="U93957" i="1"/>
  <c r="U93956" i="1"/>
  <c r="U93955" i="1"/>
  <c r="U93954" i="1"/>
  <c r="U93953" i="1"/>
  <c r="U93952" i="1"/>
  <c r="U93951" i="1"/>
  <c r="U93950" i="1"/>
  <c r="U93949" i="1"/>
  <c r="U93948" i="1"/>
  <c r="U93947" i="1"/>
  <c r="U93946" i="1"/>
  <c r="U93945" i="1"/>
  <c r="U93944" i="1"/>
  <c r="U93943" i="1"/>
  <c r="U93942" i="1"/>
  <c r="U93941" i="1"/>
  <c r="U93940" i="1"/>
  <c r="U93939" i="1"/>
  <c r="U93938" i="1"/>
  <c r="U93937" i="1"/>
  <c r="U93936" i="1"/>
  <c r="U93935" i="1"/>
  <c r="U93934" i="1"/>
  <c r="U93933" i="1"/>
  <c r="U93932" i="1"/>
  <c r="U93931" i="1"/>
  <c r="U93930" i="1"/>
  <c r="U93929" i="1"/>
  <c r="U93928" i="1"/>
  <c r="U93927" i="1"/>
  <c r="U93926" i="1"/>
  <c r="U93925" i="1"/>
  <c r="U93924" i="1"/>
  <c r="U93923" i="1"/>
  <c r="U93922" i="1"/>
  <c r="U93921" i="1"/>
  <c r="U93920" i="1"/>
  <c r="U93919" i="1"/>
  <c r="U93918" i="1"/>
  <c r="U93917" i="1"/>
  <c r="U93916" i="1"/>
  <c r="U93915" i="1"/>
  <c r="U93914" i="1"/>
  <c r="U93913" i="1"/>
  <c r="U93912" i="1"/>
  <c r="U93911" i="1"/>
  <c r="U93910" i="1"/>
  <c r="U93909" i="1"/>
  <c r="U93908" i="1"/>
  <c r="U93907" i="1"/>
  <c r="U93906" i="1"/>
  <c r="U93905" i="1"/>
  <c r="U93904" i="1"/>
  <c r="U93903" i="1"/>
  <c r="U93902" i="1"/>
  <c r="U93901" i="1"/>
  <c r="U93900" i="1"/>
  <c r="U93899" i="1"/>
  <c r="U93898" i="1"/>
  <c r="U93897" i="1"/>
  <c r="U93896" i="1"/>
  <c r="U93895" i="1"/>
  <c r="U93894" i="1"/>
  <c r="U93893" i="1"/>
  <c r="U93892" i="1"/>
  <c r="U93891" i="1"/>
  <c r="U93890" i="1"/>
  <c r="U93889" i="1"/>
  <c r="U93888" i="1"/>
  <c r="U93887" i="1"/>
  <c r="U93886" i="1"/>
  <c r="U93885" i="1"/>
  <c r="U93884" i="1"/>
  <c r="U93883" i="1"/>
  <c r="U93882" i="1"/>
  <c r="U93881" i="1"/>
  <c r="U93880" i="1"/>
  <c r="U93879" i="1"/>
  <c r="U93878" i="1"/>
  <c r="U93877" i="1"/>
  <c r="U93876" i="1"/>
  <c r="U93875" i="1"/>
  <c r="U93874" i="1"/>
  <c r="U93873" i="1"/>
  <c r="U93872" i="1"/>
  <c r="U93871" i="1"/>
  <c r="U93870" i="1"/>
  <c r="U93869" i="1"/>
  <c r="U93868" i="1"/>
  <c r="U93867" i="1"/>
  <c r="U93866" i="1"/>
  <c r="U93865" i="1"/>
  <c r="U93864" i="1"/>
  <c r="U93863" i="1"/>
  <c r="U93862" i="1"/>
  <c r="U93861" i="1"/>
  <c r="U93860" i="1"/>
  <c r="U93859" i="1"/>
  <c r="U93858" i="1"/>
  <c r="U93857" i="1"/>
  <c r="U93856" i="1"/>
  <c r="U93855" i="1"/>
  <c r="U93854" i="1"/>
  <c r="U93853" i="1"/>
  <c r="U93852" i="1"/>
  <c r="U93851" i="1"/>
  <c r="U93850" i="1"/>
  <c r="U93849" i="1"/>
  <c r="U93848" i="1"/>
  <c r="U93847" i="1"/>
  <c r="U93846" i="1"/>
  <c r="U93845" i="1"/>
  <c r="U93844" i="1"/>
  <c r="U93843" i="1"/>
  <c r="U93842" i="1"/>
  <c r="U93841" i="1"/>
  <c r="U93840" i="1"/>
  <c r="U93839" i="1"/>
  <c r="U93838" i="1"/>
  <c r="U93837" i="1"/>
  <c r="U93836" i="1"/>
  <c r="U93835" i="1"/>
  <c r="U93834" i="1"/>
  <c r="U93833" i="1"/>
  <c r="U93832" i="1"/>
  <c r="U93831" i="1"/>
  <c r="U93830" i="1"/>
  <c r="U93829" i="1"/>
  <c r="U93828" i="1"/>
  <c r="U93827" i="1"/>
  <c r="U93826" i="1"/>
  <c r="U93825" i="1"/>
  <c r="U93824" i="1"/>
  <c r="U93823" i="1"/>
  <c r="U93822" i="1"/>
  <c r="U93821" i="1"/>
  <c r="U93820" i="1"/>
  <c r="U93819" i="1"/>
  <c r="U93818" i="1"/>
  <c r="U93817" i="1"/>
  <c r="U93816" i="1"/>
  <c r="U93815" i="1"/>
  <c r="U93814" i="1"/>
  <c r="U93813" i="1"/>
  <c r="U93812" i="1"/>
  <c r="U93811" i="1"/>
  <c r="U93810" i="1"/>
  <c r="U93809" i="1"/>
  <c r="U93808" i="1"/>
  <c r="U93807" i="1"/>
  <c r="U93806" i="1"/>
  <c r="U93805" i="1"/>
  <c r="U93804" i="1"/>
  <c r="U93803" i="1"/>
  <c r="U93802" i="1"/>
  <c r="U93801" i="1"/>
  <c r="U93800" i="1"/>
  <c r="U93799" i="1"/>
  <c r="U93798" i="1"/>
  <c r="U93797" i="1"/>
  <c r="U93796" i="1"/>
  <c r="U93795" i="1"/>
  <c r="U93794" i="1"/>
  <c r="U93793" i="1"/>
  <c r="U93792" i="1"/>
  <c r="U93791" i="1"/>
  <c r="U93790" i="1"/>
  <c r="U93789" i="1"/>
  <c r="U93788" i="1"/>
  <c r="U93787" i="1"/>
  <c r="U93786" i="1"/>
  <c r="U93785" i="1"/>
  <c r="U93784" i="1"/>
  <c r="U93783" i="1"/>
  <c r="U93782" i="1"/>
  <c r="U93781" i="1"/>
  <c r="U93780" i="1"/>
  <c r="U93779" i="1"/>
  <c r="U93778" i="1"/>
  <c r="U93777" i="1"/>
  <c r="U93776" i="1"/>
  <c r="U93775" i="1"/>
  <c r="U93774" i="1"/>
  <c r="U93773" i="1"/>
  <c r="U93772" i="1"/>
  <c r="U93771" i="1"/>
  <c r="U93770" i="1"/>
  <c r="U93769" i="1"/>
  <c r="U93768" i="1"/>
  <c r="U93767" i="1"/>
  <c r="U93766" i="1"/>
  <c r="U93765" i="1"/>
  <c r="U93764" i="1"/>
  <c r="U93763" i="1"/>
  <c r="U93762" i="1"/>
  <c r="U93761" i="1"/>
  <c r="U93760" i="1"/>
  <c r="U93759" i="1"/>
  <c r="U93758" i="1"/>
  <c r="U93757" i="1"/>
  <c r="U93756" i="1"/>
  <c r="U93755" i="1"/>
  <c r="U93754" i="1"/>
  <c r="U93753" i="1"/>
  <c r="U93752" i="1"/>
  <c r="U93751" i="1"/>
  <c r="U93750" i="1"/>
  <c r="U93749" i="1"/>
  <c r="U93748" i="1"/>
  <c r="U93747" i="1"/>
  <c r="U93746" i="1"/>
  <c r="U93745" i="1"/>
  <c r="U93744" i="1"/>
  <c r="U93743" i="1"/>
  <c r="U93742" i="1"/>
  <c r="U93741" i="1"/>
  <c r="U93740" i="1"/>
  <c r="U93739" i="1"/>
  <c r="U93738" i="1"/>
  <c r="U93737" i="1"/>
  <c r="U93736" i="1"/>
  <c r="U93735" i="1"/>
  <c r="U93734" i="1"/>
  <c r="U93733" i="1"/>
  <c r="U93732" i="1"/>
  <c r="U93731" i="1"/>
  <c r="U93730" i="1"/>
  <c r="U93729" i="1"/>
  <c r="U93728" i="1"/>
  <c r="U93727" i="1"/>
  <c r="U93726" i="1"/>
  <c r="U93725" i="1"/>
  <c r="U93724" i="1"/>
  <c r="U93723" i="1"/>
  <c r="U93722" i="1"/>
  <c r="U93721" i="1"/>
  <c r="U93720" i="1"/>
  <c r="U93719" i="1"/>
  <c r="U93718" i="1"/>
  <c r="U93717" i="1"/>
  <c r="U93716" i="1"/>
  <c r="U93715" i="1"/>
  <c r="U93714" i="1"/>
  <c r="U93713" i="1"/>
  <c r="U93712" i="1"/>
  <c r="U93711" i="1"/>
  <c r="U93710" i="1"/>
  <c r="U93709" i="1"/>
  <c r="U93708" i="1"/>
  <c r="U93707" i="1"/>
  <c r="U93706" i="1"/>
  <c r="U93705" i="1"/>
  <c r="U93704" i="1"/>
  <c r="U93703" i="1"/>
  <c r="U93702" i="1"/>
  <c r="U93701" i="1"/>
  <c r="U93700" i="1"/>
  <c r="U93699" i="1"/>
  <c r="U93698" i="1"/>
  <c r="U93697" i="1"/>
  <c r="U93696" i="1"/>
  <c r="U93695" i="1"/>
  <c r="U93694" i="1"/>
  <c r="U93693" i="1"/>
  <c r="U93692" i="1"/>
  <c r="U93691" i="1"/>
  <c r="U93690" i="1"/>
  <c r="U93689" i="1"/>
  <c r="U93688" i="1"/>
  <c r="U93687" i="1"/>
  <c r="U93686" i="1"/>
  <c r="U93685" i="1"/>
  <c r="U93684" i="1"/>
  <c r="U93683" i="1"/>
  <c r="U93682" i="1"/>
  <c r="U93681" i="1"/>
  <c r="U93680" i="1"/>
  <c r="U93679" i="1"/>
  <c r="U93678" i="1"/>
  <c r="U93677" i="1"/>
  <c r="U93676" i="1"/>
  <c r="U93675" i="1"/>
  <c r="U93674" i="1"/>
  <c r="U93673" i="1"/>
  <c r="U93672" i="1"/>
  <c r="U93671" i="1"/>
  <c r="U93670" i="1"/>
  <c r="U93669" i="1"/>
  <c r="U93668" i="1"/>
  <c r="U93667" i="1"/>
  <c r="U93666" i="1"/>
  <c r="U93665" i="1"/>
  <c r="U93664" i="1"/>
  <c r="U93663" i="1"/>
  <c r="U93662" i="1"/>
  <c r="U93661" i="1"/>
  <c r="U93660" i="1"/>
  <c r="U93659" i="1"/>
  <c r="U93658" i="1"/>
  <c r="U93657" i="1"/>
  <c r="U93656" i="1"/>
  <c r="U93655" i="1"/>
  <c r="U93654" i="1"/>
  <c r="U93653" i="1"/>
  <c r="U93652" i="1"/>
  <c r="U93651" i="1"/>
  <c r="U93650" i="1"/>
  <c r="U93649" i="1"/>
  <c r="U93648" i="1"/>
  <c r="U93647" i="1"/>
  <c r="U93646" i="1"/>
  <c r="U93645" i="1"/>
  <c r="U93644" i="1"/>
  <c r="U93643" i="1"/>
  <c r="U93642" i="1"/>
  <c r="U93641" i="1"/>
  <c r="U93640" i="1"/>
  <c r="U93639" i="1"/>
  <c r="U93638" i="1"/>
  <c r="U93637" i="1"/>
  <c r="U93636" i="1"/>
  <c r="U93635" i="1"/>
  <c r="U93634" i="1"/>
  <c r="U93633" i="1"/>
  <c r="U93632" i="1"/>
  <c r="U93631" i="1"/>
  <c r="U93630" i="1"/>
  <c r="U93629" i="1"/>
  <c r="U93628" i="1"/>
  <c r="U93627" i="1"/>
  <c r="U93626" i="1"/>
  <c r="U93625" i="1"/>
  <c r="U93624" i="1"/>
  <c r="U93623" i="1"/>
  <c r="U93622" i="1"/>
  <c r="U93621" i="1"/>
  <c r="U93620" i="1"/>
  <c r="U93619" i="1"/>
  <c r="U93618" i="1"/>
  <c r="U93617" i="1"/>
  <c r="U93616" i="1"/>
  <c r="U93615" i="1"/>
  <c r="U93614" i="1"/>
  <c r="U93613" i="1"/>
  <c r="U93612" i="1"/>
  <c r="U93611" i="1"/>
  <c r="U93610" i="1"/>
  <c r="U93609" i="1"/>
  <c r="U93608" i="1"/>
  <c r="U93607" i="1"/>
  <c r="U93606" i="1"/>
  <c r="U93605" i="1"/>
  <c r="U93604" i="1"/>
  <c r="U93603" i="1"/>
  <c r="U93602" i="1"/>
  <c r="U93601" i="1"/>
  <c r="U93600" i="1"/>
  <c r="U93599" i="1"/>
  <c r="U93598" i="1"/>
  <c r="U93597" i="1"/>
  <c r="U93596" i="1"/>
  <c r="U93595" i="1"/>
  <c r="U93594" i="1"/>
  <c r="U93593" i="1"/>
  <c r="U93592" i="1"/>
  <c r="U93591" i="1"/>
  <c r="U93590" i="1"/>
  <c r="U93589" i="1"/>
  <c r="U93588" i="1"/>
  <c r="U93587" i="1"/>
  <c r="U93586" i="1"/>
  <c r="U93585" i="1"/>
  <c r="U93584" i="1"/>
  <c r="U93583" i="1"/>
  <c r="U93582" i="1"/>
  <c r="U93581" i="1"/>
  <c r="U93580" i="1"/>
  <c r="U93579" i="1"/>
  <c r="U93578" i="1"/>
  <c r="U93577" i="1"/>
  <c r="U93576" i="1"/>
  <c r="U93575" i="1"/>
  <c r="U93574" i="1"/>
  <c r="U93573" i="1"/>
  <c r="U93572" i="1"/>
  <c r="U93571" i="1"/>
  <c r="U93570" i="1"/>
  <c r="U93569" i="1"/>
  <c r="U93568" i="1"/>
  <c r="U93567" i="1"/>
  <c r="U93566" i="1"/>
  <c r="U93565" i="1"/>
  <c r="U93564" i="1"/>
  <c r="U93563" i="1"/>
  <c r="U93562" i="1"/>
  <c r="U93561" i="1"/>
  <c r="U93560" i="1"/>
  <c r="U93559" i="1"/>
  <c r="U93558" i="1"/>
  <c r="U93557" i="1"/>
  <c r="U93556" i="1"/>
  <c r="U93555" i="1"/>
  <c r="U93554" i="1"/>
  <c r="U93553" i="1"/>
  <c r="U93552" i="1"/>
  <c r="U93551" i="1"/>
  <c r="U93550" i="1"/>
  <c r="U93549" i="1"/>
  <c r="U93548" i="1"/>
  <c r="U93547" i="1"/>
  <c r="U93546" i="1"/>
  <c r="U93545" i="1"/>
  <c r="U93544" i="1"/>
  <c r="U93543" i="1"/>
  <c r="U93542" i="1"/>
  <c r="U93541" i="1"/>
  <c r="U93540" i="1"/>
  <c r="U93539" i="1"/>
  <c r="U93538" i="1"/>
  <c r="U93537" i="1"/>
  <c r="U93536" i="1"/>
  <c r="U93535" i="1"/>
  <c r="U93534" i="1"/>
  <c r="U93533" i="1"/>
  <c r="U93532" i="1"/>
  <c r="U93531" i="1"/>
  <c r="U93530" i="1"/>
  <c r="U93529" i="1"/>
  <c r="U93528" i="1"/>
  <c r="U93527" i="1"/>
  <c r="U93526" i="1"/>
  <c r="U93525" i="1"/>
  <c r="U93524" i="1"/>
  <c r="U93523" i="1"/>
  <c r="U93522" i="1"/>
  <c r="U93521" i="1"/>
  <c r="U93520" i="1"/>
  <c r="U93519" i="1"/>
  <c r="U93518" i="1"/>
  <c r="U93517" i="1"/>
  <c r="U93516" i="1"/>
  <c r="U93515" i="1"/>
  <c r="U93514" i="1"/>
  <c r="U93513" i="1"/>
  <c r="U93512" i="1"/>
  <c r="U93511" i="1"/>
  <c r="U93510" i="1"/>
  <c r="U93509" i="1"/>
  <c r="U93508" i="1"/>
  <c r="U93507" i="1"/>
  <c r="U93506" i="1"/>
  <c r="U93505" i="1"/>
  <c r="U93504" i="1"/>
  <c r="U93503" i="1"/>
  <c r="U93502" i="1"/>
  <c r="U93501" i="1"/>
  <c r="U93500" i="1"/>
  <c r="U93499" i="1"/>
  <c r="U93498" i="1"/>
  <c r="U93497" i="1"/>
  <c r="U93496" i="1"/>
  <c r="U93495" i="1"/>
  <c r="U93494" i="1"/>
  <c r="U93493" i="1"/>
  <c r="U93492" i="1"/>
  <c r="U93491" i="1"/>
  <c r="U93490" i="1"/>
  <c r="U93489" i="1"/>
  <c r="U93488" i="1"/>
  <c r="U93487" i="1"/>
  <c r="U93486" i="1"/>
  <c r="U93485" i="1"/>
  <c r="U93484" i="1"/>
  <c r="U93483" i="1"/>
  <c r="U93482" i="1"/>
  <c r="U93481" i="1"/>
  <c r="U93480" i="1"/>
  <c r="U93479" i="1"/>
  <c r="U93478" i="1"/>
  <c r="U93477" i="1"/>
  <c r="U93476" i="1"/>
  <c r="U93475" i="1"/>
  <c r="U93474" i="1"/>
  <c r="U93473" i="1"/>
  <c r="U93472" i="1"/>
  <c r="U93471" i="1"/>
  <c r="U93470" i="1"/>
  <c r="U93469" i="1"/>
  <c r="U93468" i="1"/>
  <c r="U93467" i="1"/>
  <c r="U93466" i="1"/>
  <c r="U93465" i="1"/>
  <c r="U93464" i="1"/>
  <c r="U93463" i="1"/>
  <c r="U93462" i="1"/>
  <c r="U93461" i="1"/>
  <c r="U93460" i="1"/>
  <c r="U93459" i="1"/>
  <c r="U93458" i="1"/>
  <c r="U93457" i="1"/>
  <c r="U93456" i="1"/>
  <c r="U93455" i="1"/>
  <c r="U93454" i="1"/>
  <c r="U93453" i="1"/>
  <c r="U93452" i="1"/>
  <c r="U93451" i="1"/>
  <c r="U93450" i="1"/>
  <c r="U93449" i="1"/>
  <c r="U93448" i="1"/>
  <c r="U93447" i="1"/>
  <c r="U93446" i="1"/>
  <c r="U93445" i="1"/>
  <c r="U93444" i="1"/>
  <c r="U93443" i="1"/>
  <c r="U93442" i="1"/>
  <c r="U93441" i="1"/>
  <c r="U93440" i="1"/>
  <c r="U93439" i="1"/>
  <c r="U93438" i="1"/>
  <c r="U93437" i="1"/>
  <c r="U93436" i="1"/>
  <c r="U93435" i="1"/>
  <c r="U93434" i="1"/>
  <c r="U93433" i="1"/>
  <c r="U93432" i="1"/>
  <c r="U93431" i="1"/>
  <c r="U93430" i="1"/>
  <c r="U93429" i="1"/>
  <c r="U93428" i="1"/>
  <c r="U93427" i="1"/>
  <c r="U93426" i="1"/>
  <c r="U93425" i="1"/>
  <c r="U93424" i="1"/>
  <c r="U93423" i="1"/>
  <c r="U93422" i="1"/>
  <c r="U93421" i="1"/>
  <c r="U93420" i="1"/>
  <c r="U93419" i="1"/>
  <c r="U93418" i="1"/>
  <c r="U93417" i="1"/>
  <c r="U93416" i="1"/>
  <c r="U93415" i="1"/>
  <c r="U93414" i="1"/>
  <c r="U93413" i="1"/>
  <c r="U93412" i="1"/>
  <c r="U93411" i="1"/>
  <c r="U93410" i="1"/>
  <c r="U93409" i="1"/>
  <c r="U93408" i="1"/>
  <c r="U93407" i="1"/>
  <c r="U93406" i="1"/>
  <c r="U93405" i="1"/>
  <c r="U93404" i="1"/>
  <c r="U93403" i="1"/>
  <c r="U93402" i="1"/>
  <c r="U93401" i="1"/>
  <c r="U93400" i="1"/>
  <c r="U93399" i="1"/>
  <c r="U93398" i="1"/>
  <c r="U93397" i="1"/>
  <c r="U93396" i="1"/>
  <c r="U93395" i="1"/>
  <c r="U93394" i="1"/>
  <c r="U93393" i="1"/>
  <c r="U93392" i="1"/>
  <c r="U93391" i="1"/>
  <c r="U93390" i="1"/>
  <c r="U93389" i="1"/>
  <c r="U93388" i="1"/>
  <c r="U93387" i="1"/>
  <c r="U93386" i="1"/>
  <c r="U93385" i="1"/>
  <c r="U93384" i="1"/>
  <c r="U93383" i="1"/>
  <c r="U93382" i="1"/>
  <c r="U93381" i="1"/>
  <c r="U93380" i="1"/>
  <c r="U93379" i="1"/>
  <c r="U93378" i="1"/>
  <c r="U93377" i="1"/>
  <c r="U93376" i="1"/>
  <c r="U93375" i="1"/>
  <c r="U93374" i="1"/>
  <c r="U93373" i="1"/>
  <c r="U93372" i="1"/>
  <c r="U93371" i="1"/>
  <c r="U93370" i="1"/>
  <c r="U93369" i="1"/>
  <c r="U93368" i="1"/>
  <c r="U93367" i="1"/>
  <c r="U93366" i="1"/>
  <c r="U93365" i="1"/>
  <c r="U93364" i="1"/>
  <c r="U93363" i="1"/>
  <c r="U93362" i="1"/>
  <c r="U93361" i="1"/>
  <c r="U93360" i="1"/>
  <c r="U93359" i="1"/>
  <c r="U93358" i="1"/>
  <c r="U93357" i="1"/>
  <c r="U93356" i="1"/>
  <c r="U93355" i="1"/>
  <c r="U93354" i="1"/>
  <c r="U93353" i="1"/>
  <c r="U93352" i="1"/>
  <c r="U93351" i="1"/>
  <c r="U93350" i="1"/>
  <c r="U93349" i="1"/>
  <c r="U93348" i="1"/>
  <c r="U93347" i="1"/>
  <c r="U93346" i="1"/>
  <c r="U93345" i="1"/>
  <c r="U93344" i="1"/>
  <c r="U93343" i="1"/>
  <c r="U93342" i="1"/>
  <c r="U93341" i="1"/>
  <c r="U93340" i="1"/>
  <c r="U93339" i="1"/>
  <c r="U93338" i="1"/>
  <c r="U93337" i="1"/>
  <c r="U93336" i="1"/>
  <c r="U93335" i="1"/>
  <c r="U93334" i="1"/>
  <c r="U93333" i="1"/>
  <c r="U93332" i="1"/>
  <c r="U93331" i="1"/>
  <c r="U93330" i="1"/>
  <c r="U93329" i="1"/>
  <c r="U93328" i="1"/>
  <c r="U93327" i="1"/>
  <c r="U93326" i="1"/>
  <c r="U93325" i="1"/>
  <c r="U93324" i="1"/>
  <c r="U93323" i="1"/>
  <c r="U93322" i="1"/>
  <c r="U93321" i="1"/>
  <c r="U93320" i="1"/>
  <c r="U93319" i="1"/>
  <c r="U93318" i="1"/>
  <c r="U93317" i="1"/>
  <c r="U93316" i="1"/>
  <c r="U93315" i="1"/>
  <c r="U93314" i="1"/>
  <c r="U93313" i="1"/>
  <c r="U93312" i="1"/>
  <c r="U93311" i="1"/>
  <c r="U93310" i="1"/>
  <c r="U93309" i="1"/>
  <c r="U93308" i="1"/>
  <c r="U93307" i="1"/>
  <c r="U93306" i="1"/>
  <c r="U93305" i="1"/>
  <c r="U93304" i="1"/>
  <c r="U93303" i="1"/>
  <c r="U93302" i="1"/>
  <c r="U93301" i="1"/>
  <c r="U93300" i="1"/>
  <c r="U93299" i="1"/>
  <c r="U93298" i="1"/>
  <c r="U93297" i="1"/>
  <c r="U93296" i="1"/>
  <c r="U93295" i="1"/>
  <c r="U93294" i="1"/>
  <c r="U93293" i="1"/>
  <c r="U93292" i="1"/>
  <c r="U93291" i="1"/>
  <c r="U93290" i="1"/>
  <c r="U93289" i="1"/>
  <c r="U93288" i="1"/>
  <c r="U93287" i="1"/>
  <c r="U93286" i="1"/>
  <c r="U93285" i="1"/>
  <c r="U93284" i="1"/>
  <c r="U93283" i="1"/>
  <c r="U93282" i="1"/>
  <c r="U93281" i="1"/>
  <c r="U93280" i="1"/>
  <c r="U93279" i="1"/>
  <c r="U93278" i="1"/>
  <c r="U93277" i="1"/>
  <c r="U93276" i="1"/>
  <c r="U93275" i="1"/>
  <c r="U93274" i="1"/>
  <c r="U93273" i="1"/>
  <c r="U93272" i="1"/>
  <c r="U93271" i="1"/>
  <c r="U93270" i="1"/>
  <c r="U93269" i="1"/>
  <c r="U93268" i="1"/>
  <c r="U93267" i="1"/>
  <c r="U93266" i="1"/>
  <c r="U93265" i="1"/>
  <c r="U93264" i="1"/>
  <c r="U93263" i="1"/>
  <c r="U93262" i="1"/>
  <c r="U93261" i="1"/>
  <c r="U93260" i="1"/>
  <c r="U93259" i="1"/>
  <c r="U93258" i="1"/>
  <c r="U93257" i="1"/>
  <c r="U93256" i="1"/>
  <c r="U93255" i="1"/>
  <c r="U93254" i="1"/>
  <c r="U93253" i="1"/>
  <c r="U93252" i="1"/>
  <c r="U93251" i="1"/>
  <c r="U93250" i="1"/>
  <c r="U93249" i="1"/>
  <c r="U93248" i="1"/>
  <c r="U93247" i="1"/>
  <c r="U93246" i="1"/>
  <c r="U93245" i="1"/>
  <c r="U93244" i="1"/>
  <c r="U93243" i="1"/>
  <c r="U93242" i="1"/>
  <c r="U93241" i="1"/>
  <c r="U93240" i="1"/>
  <c r="U93239" i="1"/>
  <c r="U93238" i="1"/>
  <c r="U93237" i="1"/>
  <c r="U93236" i="1"/>
  <c r="U93235" i="1"/>
  <c r="U93234" i="1"/>
  <c r="U93233" i="1"/>
  <c r="U93232" i="1"/>
  <c r="U93231" i="1"/>
  <c r="U93230" i="1"/>
  <c r="U93229" i="1"/>
  <c r="U93228" i="1"/>
  <c r="U93227" i="1"/>
  <c r="U93226" i="1"/>
  <c r="U93225" i="1"/>
  <c r="U93224" i="1"/>
  <c r="U93223" i="1"/>
  <c r="U93222" i="1"/>
  <c r="U93221" i="1"/>
  <c r="U93220" i="1"/>
  <c r="U93219" i="1"/>
  <c r="U93218" i="1"/>
  <c r="U93217" i="1"/>
  <c r="U93216" i="1"/>
  <c r="U93215" i="1"/>
  <c r="U93214" i="1"/>
  <c r="U93213" i="1"/>
  <c r="U93212" i="1"/>
  <c r="U93211" i="1"/>
  <c r="U93210" i="1"/>
  <c r="U93209" i="1"/>
  <c r="U93208" i="1"/>
  <c r="U93207" i="1"/>
  <c r="U93206" i="1"/>
  <c r="U93205" i="1"/>
  <c r="U93204" i="1"/>
  <c r="U93203" i="1"/>
  <c r="U93202" i="1"/>
  <c r="U93201" i="1"/>
  <c r="U93200" i="1"/>
  <c r="U93199" i="1"/>
  <c r="U93198" i="1"/>
  <c r="U93197" i="1"/>
  <c r="U93196" i="1"/>
  <c r="U93195" i="1"/>
  <c r="U93194" i="1"/>
  <c r="U93193" i="1"/>
  <c r="U93192" i="1"/>
  <c r="U93191" i="1"/>
  <c r="U93190" i="1"/>
  <c r="U93189" i="1"/>
  <c r="U93188" i="1"/>
  <c r="U93187" i="1"/>
  <c r="U93186" i="1"/>
  <c r="U93185" i="1"/>
  <c r="U93184" i="1"/>
  <c r="U93183" i="1"/>
  <c r="U93182" i="1"/>
  <c r="U93181" i="1"/>
  <c r="U93180" i="1"/>
  <c r="U93179" i="1"/>
  <c r="U93178" i="1"/>
  <c r="U93177" i="1"/>
  <c r="U93176" i="1"/>
  <c r="U93175" i="1"/>
  <c r="U93174" i="1"/>
  <c r="U93173" i="1"/>
  <c r="U93172" i="1"/>
  <c r="U93171" i="1"/>
  <c r="U93170" i="1"/>
  <c r="U93169" i="1"/>
  <c r="U93168" i="1"/>
  <c r="U93167" i="1"/>
  <c r="U93166" i="1"/>
  <c r="U93165" i="1"/>
  <c r="U93164" i="1"/>
  <c r="U93163" i="1"/>
  <c r="U93162" i="1"/>
  <c r="U93161" i="1"/>
  <c r="U93160" i="1"/>
  <c r="U93159" i="1"/>
  <c r="U93158" i="1"/>
  <c r="U93157" i="1"/>
  <c r="U93156" i="1"/>
  <c r="U93155" i="1"/>
  <c r="U93154" i="1"/>
  <c r="U93153" i="1"/>
  <c r="U93152" i="1"/>
  <c r="U93151" i="1"/>
  <c r="U93150" i="1"/>
  <c r="U93149" i="1"/>
  <c r="U93148" i="1"/>
  <c r="U93147" i="1"/>
  <c r="U93146" i="1"/>
  <c r="U93145" i="1"/>
  <c r="U93144" i="1"/>
  <c r="U93143" i="1"/>
  <c r="U93142" i="1"/>
  <c r="U93141" i="1"/>
  <c r="U93140" i="1"/>
  <c r="U93139" i="1"/>
  <c r="U93138" i="1"/>
  <c r="U93137" i="1"/>
  <c r="U93136" i="1"/>
  <c r="U93135" i="1"/>
  <c r="U93134" i="1"/>
  <c r="U93133" i="1"/>
  <c r="U93132" i="1"/>
  <c r="U93131" i="1"/>
  <c r="U93130" i="1"/>
  <c r="U93129" i="1"/>
  <c r="U93128" i="1"/>
  <c r="U93127" i="1"/>
  <c r="U93126" i="1"/>
  <c r="U93125" i="1"/>
  <c r="U93124" i="1"/>
  <c r="U93123" i="1"/>
  <c r="U93122" i="1"/>
  <c r="U93121" i="1"/>
  <c r="U93120" i="1"/>
  <c r="U93119" i="1"/>
  <c r="U93118" i="1"/>
  <c r="U93117" i="1"/>
  <c r="U93116" i="1"/>
  <c r="U93115" i="1"/>
  <c r="U93114" i="1"/>
  <c r="U93113" i="1"/>
  <c r="U93112" i="1"/>
  <c r="U93111" i="1"/>
  <c r="U93110" i="1"/>
  <c r="U93109" i="1"/>
  <c r="U93108" i="1"/>
  <c r="U93107" i="1"/>
  <c r="U93106" i="1"/>
  <c r="U93105" i="1"/>
  <c r="U93104" i="1"/>
  <c r="U93103" i="1"/>
  <c r="U93102" i="1"/>
  <c r="U93101" i="1"/>
  <c r="U93100" i="1"/>
  <c r="U93099" i="1"/>
  <c r="U93098" i="1"/>
  <c r="U93097" i="1"/>
  <c r="U93096" i="1"/>
  <c r="U93095" i="1"/>
  <c r="U93094" i="1"/>
  <c r="U93093" i="1"/>
  <c r="U93092" i="1"/>
  <c r="U93091" i="1"/>
  <c r="U93090" i="1"/>
  <c r="U93089" i="1"/>
  <c r="U93088" i="1"/>
  <c r="U93087" i="1"/>
  <c r="U93086" i="1"/>
  <c r="U93085" i="1"/>
  <c r="U93084" i="1"/>
  <c r="U93083" i="1"/>
  <c r="U93082" i="1"/>
  <c r="U93081" i="1"/>
  <c r="U93080" i="1"/>
  <c r="U93079" i="1"/>
  <c r="U93078" i="1"/>
  <c r="U93077" i="1"/>
  <c r="U93076" i="1"/>
  <c r="U93075" i="1"/>
  <c r="U93074" i="1"/>
  <c r="U93073" i="1"/>
  <c r="U93072" i="1"/>
  <c r="U93071" i="1"/>
  <c r="U93070" i="1"/>
  <c r="U93069" i="1"/>
  <c r="U93068" i="1"/>
  <c r="U93067" i="1"/>
  <c r="U93066" i="1"/>
  <c r="U93065" i="1"/>
  <c r="U93064" i="1"/>
  <c r="U93063" i="1"/>
  <c r="U93062" i="1"/>
  <c r="U93061" i="1"/>
  <c r="U93060" i="1"/>
  <c r="U93059" i="1"/>
  <c r="U93058" i="1"/>
  <c r="U93057" i="1"/>
  <c r="U93056" i="1"/>
  <c r="U93055" i="1"/>
  <c r="U93054" i="1"/>
  <c r="U93053" i="1"/>
  <c r="U93052" i="1"/>
  <c r="U93051" i="1"/>
  <c r="U93050" i="1"/>
  <c r="U93049" i="1"/>
  <c r="U93048" i="1"/>
  <c r="U93047" i="1"/>
  <c r="U93046" i="1"/>
  <c r="U93045" i="1"/>
  <c r="U93044" i="1"/>
  <c r="U93043" i="1"/>
  <c r="U93042" i="1"/>
  <c r="U93041" i="1"/>
  <c r="U93040" i="1"/>
  <c r="U93039" i="1"/>
  <c r="U93038" i="1"/>
  <c r="U93037" i="1"/>
  <c r="U93036" i="1"/>
  <c r="U93035" i="1"/>
  <c r="U93034" i="1"/>
  <c r="U93033" i="1"/>
  <c r="U93032" i="1"/>
  <c r="U93031" i="1"/>
  <c r="U93030" i="1"/>
  <c r="U93029" i="1"/>
  <c r="U93028" i="1"/>
  <c r="U93027" i="1"/>
  <c r="U93026" i="1"/>
  <c r="U93025" i="1"/>
  <c r="U93024" i="1"/>
  <c r="U93023" i="1"/>
  <c r="U93022" i="1"/>
  <c r="U93021" i="1"/>
  <c r="U93020" i="1"/>
  <c r="U93019" i="1"/>
  <c r="U93018" i="1"/>
  <c r="U93017" i="1"/>
  <c r="U93016" i="1"/>
  <c r="U93015" i="1"/>
  <c r="U93014" i="1"/>
  <c r="U93013" i="1"/>
  <c r="U93012" i="1"/>
  <c r="U93011" i="1"/>
  <c r="U93010" i="1"/>
  <c r="U93009" i="1"/>
  <c r="U93008" i="1"/>
  <c r="U93007" i="1"/>
  <c r="U93006" i="1"/>
  <c r="U93005" i="1"/>
  <c r="U93004" i="1"/>
  <c r="U93003" i="1"/>
  <c r="U93002" i="1"/>
  <c r="U93001" i="1"/>
  <c r="U93000" i="1"/>
  <c r="U92999" i="1"/>
  <c r="U92998" i="1"/>
  <c r="U92997" i="1"/>
  <c r="U92996" i="1"/>
  <c r="U92995" i="1"/>
  <c r="U92994" i="1"/>
  <c r="U92993" i="1"/>
  <c r="U92992" i="1"/>
  <c r="U92991" i="1"/>
  <c r="U92990" i="1"/>
  <c r="U92989" i="1"/>
  <c r="U92988" i="1"/>
  <c r="U92987" i="1"/>
  <c r="U92986" i="1"/>
  <c r="U92985" i="1"/>
  <c r="U92984" i="1"/>
  <c r="U92983" i="1"/>
  <c r="U92982" i="1"/>
  <c r="U92981" i="1"/>
  <c r="U92980" i="1"/>
  <c r="U92979" i="1"/>
  <c r="U92978" i="1"/>
  <c r="U92977" i="1"/>
  <c r="U92976" i="1"/>
  <c r="U92975" i="1"/>
  <c r="U92974" i="1"/>
  <c r="U92973" i="1"/>
  <c r="U92972" i="1"/>
  <c r="U92971" i="1"/>
  <c r="U92970" i="1"/>
  <c r="U92969" i="1"/>
  <c r="U92968" i="1"/>
  <c r="U92967" i="1"/>
  <c r="U92966" i="1"/>
  <c r="U92965" i="1"/>
  <c r="U92964" i="1"/>
  <c r="U92963" i="1"/>
  <c r="U92962" i="1"/>
  <c r="U92961" i="1"/>
  <c r="U92960" i="1"/>
  <c r="U92959" i="1"/>
  <c r="U92958" i="1"/>
  <c r="U92957" i="1"/>
  <c r="U92956" i="1"/>
  <c r="U92955" i="1"/>
  <c r="U92954" i="1"/>
  <c r="U92953" i="1"/>
  <c r="U92952" i="1"/>
  <c r="U92951" i="1"/>
  <c r="U92950" i="1"/>
  <c r="U92949" i="1"/>
  <c r="U92948" i="1"/>
  <c r="U92947" i="1"/>
  <c r="U92946" i="1"/>
  <c r="U92945" i="1"/>
  <c r="U92944" i="1"/>
  <c r="U92943" i="1"/>
  <c r="U92942" i="1"/>
  <c r="U92941" i="1"/>
  <c r="U92940" i="1"/>
  <c r="U92939" i="1"/>
  <c r="U92938" i="1"/>
  <c r="U92937" i="1"/>
  <c r="U92936" i="1"/>
  <c r="U92935" i="1"/>
  <c r="U92934" i="1"/>
  <c r="U92933" i="1"/>
  <c r="U92932" i="1"/>
  <c r="U92931" i="1"/>
  <c r="U92930" i="1"/>
  <c r="U92929" i="1"/>
  <c r="U92928" i="1"/>
  <c r="U92927" i="1"/>
  <c r="U92926" i="1"/>
  <c r="U92925" i="1"/>
  <c r="U92924" i="1"/>
  <c r="U92923" i="1"/>
  <c r="U92922" i="1"/>
  <c r="U92921" i="1"/>
  <c r="U92920" i="1"/>
  <c r="U92919" i="1"/>
  <c r="U92918" i="1"/>
  <c r="U92917" i="1"/>
  <c r="U92916" i="1"/>
  <c r="U92915" i="1"/>
  <c r="U92914" i="1"/>
  <c r="U92913" i="1"/>
  <c r="U92912" i="1"/>
  <c r="U92911" i="1"/>
  <c r="U92910" i="1"/>
  <c r="U92909" i="1"/>
  <c r="U92908" i="1"/>
  <c r="U92907" i="1"/>
  <c r="U92906" i="1"/>
  <c r="U92905" i="1"/>
  <c r="U92904" i="1"/>
  <c r="U92903" i="1"/>
  <c r="U92902" i="1"/>
  <c r="U92901" i="1"/>
  <c r="U92900" i="1"/>
  <c r="U92899" i="1"/>
  <c r="U92898" i="1"/>
  <c r="U92897" i="1"/>
  <c r="U92896" i="1"/>
  <c r="U92895" i="1"/>
  <c r="U92894" i="1"/>
  <c r="U92893" i="1"/>
  <c r="U92892" i="1"/>
  <c r="U92891" i="1"/>
  <c r="U92890" i="1"/>
  <c r="U92889" i="1"/>
  <c r="U92888" i="1"/>
  <c r="U92887" i="1"/>
  <c r="U92886" i="1"/>
  <c r="U92885" i="1"/>
  <c r="U92884" i="1"/>
  <c r="U92883" i="1"/>
  <c r="U92882" i="1"/>
  <c r="U92881" i="1"/>
  <c r="U92880" i="1"/>
  <c r="U92879" i="1"/>
  <c r="U92878" i="1"/>
  <c r="U92877" i="1"/>
  <c r="U92876" i="1"/>
  <c r="U92875" i="1"/>
  <c r="U92874" i="1"/>
  <c r="U92873" i="1"/>
  <c r="U92872" i="1"/>
  <c r="U92871" i="1"/>
  <c r="U92870" i="1"/>
  <c r="U92869" i="1"/>
  <c r="U92868" i="1"/>
  <c r="U92867" i="1"/>
  <c r="U92866" i="1"/>
  <c r="U92865" i="1"/>
  <c r="U92864" i="1"/>
  <c r="U92863" i="1"/>
  <c r="U92862" i="1"/>
  <c r="U92861" i="1"/>
  <c r="U92860" i="1"/>
  <c r="U92859" i="1"/>
  <c r="U92858" i="1"/>
  <c r="U92857" i="1"/>
  <c r="U92856" i="1"/>
  <c r="U92855" i="1"/>
  <c r="U92854" i="1"/>
  <c r="U92853" i="1"/>
  <c r="U92852" i="1"/>
  <c r="U92851" i="1"/>
  <c r="U92850" i="1"/>
  <c r="U92849" i="1"/>
  <c r="U92848" i="1"/>
  <c r="U92847" i="1"/>
  <c r="U92846" i="1"/>
  <c r="U92845" i="1"/>
  <c r="U92844" i="1"/>
  <c r="U92843" i="1"/>
  <c r="U92842" i="1"/>
  <c r="U92841" i="1"/>
  <c r="U92840" i="1"/>
  <c r="U92839" i="1"/>
  <c r="U92838" i="1"/>
  <c r="U92837" i="1"/>
  <c r="U92836" i="1"/>
  <c r="U92835" i="1"/>
  <c r="U92834" i="1"/>
  <c r="U92833" i="1"/>
  <c r="U92832" i="1"/>
  <c r="U92831" i="1"/>
  <c r="U92830" i="1"/>
  <c r="U92829" i="1"/>
  <c r="U92828" i="1"/>
  <c r="U92827" i="1"/>
  <c r="U92826" i="1"/>
  <c r="U92825" i="1"/>
  <c r="U92824" i="1"/>
  <c r="U92823" i="1"/>
  <c r="U92822" i="1"/>
  <c r="U92821" i="1"/>
  <c r="U92820" i="1"/>
  <c r="U92819" i="1"/>
  <c r="U92818" i="1"/>
  <c r="U92817" i="1"/>
  <c r="U92816" i="1"/>
  <c r="U92815" i="1"/>
  <c r="U92814" i="1"/>
  <c r="U92813" i="1"/>
  <c r="U92812" i="1"/>
  <c r="U92811" i="1"/>
  <c r="U92810" i="1"/>
  <c r="U92809" i="1"/>
  <c r="U92808" i="1"/>
  <c r="U92807" i="1"/>
  <c r="U92806" i="1"/>
  <c r="U92805" i="1"/>
  <c r="U92804" i="1"/>
  <c r="U92803" i="1"/>
  <c r="U92802" i="1"/>
  <c r="U92801" i="1"/>
  <c r="U92800" i="1"/>
  <c r="U92799" i="1"/>
  <c r="U92798" i="1"/>
  <c r="U92797" i="1"/>
  <c r="U92796" i="1"/>
  <c r="U92795" i="1"/>
  <c r="U92794" i="1"/>
  <c r="U92793" i="1"/>
  <c r="U92792" i="1"/>
  <c r="U92791" i="1"/>
  <c r="U92790" i="1"/>
  <c r="U92789" i="1"/>
  <c r="U92788" i="1"/>
  <c r="U92787" i="1"/>
  <c r="U92786" i="1"/>
  <c r="U92785" i="1"/>
  <c r="U92784" i="1"/>
  <c r="U92783" i="1"/>
  <c r="U92782" i="1"/>
  <c r="U92781" i="1"/>
  <c r="U92780" i="1"/>
  <c r="U92779" i="1"/>
  <c r="U92778" i="1"/>
  <c r="U92777" i="1"/>
  <c r="U92776" i="1"/>
  <c r="U92775" i="1"/>
  <c r="U92774" i="1"/>
  <c r="U92773" i="1"/>
  <c r="U92772" i="1"/>
  <c r="U92771" i="1"/>
  <c r="U92770" i="1"/>
  <c r="U92769" i="1"/>
  <c r="U92768" i="1"/>
  <c r="U92767" i="1"/>
  <c r="U92766" i="1"/>
  <c r="U92765" i="1"/>
  <c r="U92764" i="1"/>
  <c r="U92763" i="1"/>
  <c r="U92762" i="1"/>
  <c r="U92761" i="1"/>
  <c r="U92760" i="1"/>
  <c r="U92759" i="1"/>
  <c r="U92758" i="1"/>
  <c r="U92757" i="1"/>
  <c r="U92756" i="1"/>
  <c r="U92755" i="1"/>
  <c r="U92754" i="1"/>
  <c r="U92753" i="1"/>
  <c r="U92752" i="1"/>
  <c r="U92751" i="1"/>
  <c r="U92750" i="1"/>
  <c r="U92749" i="1"/>
  <c r="U92748" i="1"/>
  <c r="U92747" i="1"/>
  <c r="U92746" i="1"/>
  <c r="U92745" i="1"/>
  <c r="U92744" i="1"/>
  <c r="U92743" i="1"/>
  <c r="U92742" i="1"/>
  <c r="U92741" i="1"/>
  <c r="U92740" i="1"/>
  <c r="U92739" i="1"/>
  <c r="U92738" i="1"/>
  <c r="U92737" i="1"/>
  <c r="U92736" i="1"/>
  <c r="U92735" i="1"/>
  <c r="U92734" i="1"/>
  <c r="U92733" i="1"/>
  <c r="U92732" i="1"/>
  <c r="U92731" i="1"/>
  <c r="U92730" i="1"/>
  <c r="U92729" i="1"/>
  <c r="U92728" i="1"/>
  <c r="U92727" i="1"/>
  <c r="U92726" i="1"/>
  <c r="U92725" i="1"/>
  <c r="U92724" i="1"/>
  <c r="U92723" i="1"/>
  <c r="U92722" i="1"/>
  <c r="U92721" i="1"/>
  <c r="U92720" i="1"/>
  <c r="U92719" i="1"/>
  <c r="U92718" i="1"/>
  <c r="U92717" i="1"/>
  <c r="U92716" i="1"/>
  <c r="U92715" i="1"/>
  <c r="U92714" i="1"/>
  <c r="U92713" i="1"/>
  <c r="U92712" i="1"/>
  <c r="U92711" i="1"/>
  <c r="U92710" i="1"/>
  <c r="U92709" i="1"/>
  <c r="U92708" i="1"/>
  <c r="U92707" i="1"/>
  <c r="U92706" i="1"/>
  <c r="U92705" i="1"/>
  <c r="U92704" i="1"/>
  <c r="U92703" i="1"/>
  <c r="U92702" i="1"/>
  <c r="U92701" i="1"/>
  <c r="U92700" i="1"/>
  <c r="U92699" i="1"/>
  <c r="U92698" i="1"/>
  <c r="U92697" i="1"/>
  <c r="U92696" i="1"/>
  <c r="U92695" i="1"/>
  <c r="U92694" i="1"/>
  <c r="U92693" i="1"/>
  <c r="U92692" i="1"/>
  <c r="U92691" i="1"/>
  <c r="U92690" i="1"/>
  <c r="U92689" i="1"/>
  <c r="U92688" i="1"/>
  <c r="U92687" i="1"/>
  <c r="U92686" i="1"/>
  <c r="U92685" i="1"/>
  <c r="U92684" i="1"/>
  <c r="U92683" i="1"/>
  <c r="U92682" i="1"/>
  <c r="U92681" i="1"/>
  <c r="U92680" i="1"/>
  <c r="U92679" i="1"/>
  <c r="U92678" i="1"/>
  <c r="U92677" i="1"/>
  <c r="U92676" i="1"/>
  <c r="U92675" i="1"/>
  <c r="U92674" i="1"/>
  <c r="U92673" i="1"/>
  <c r="U92672" i="1"/>
  <c r="U92671" i="1"/>
  <c r="U92670" i="1"/>
  <c r="U92669" i="1"/>
  <c r="U92668" i="1"/>
  <c r="U92667" i="1"/>
  <c r="U92666" i="1"/>
  <c r="U92665" i="1"/>
  <c r="U92664" i="1"/>
  <c r="U92663" i="1"/>
  <c r="U92662" i="1"/>
  <c r="U92661" i="1"/>
  <c r="U92660" i="1"/>
  <c r="U92659" i="1"/>
  <c r="U92658" i="1"/>
  <c r="U92657" i="1"/>
  <c r="U92656" i="1"/>
  <c r="U92655" i="1"/>
  <c r="U92654" i="1"/>
  <c r="U92653" i="1"/>
  <c r="U92652" i="1"/>
  <c r="U92651" i="1"/>
  <c r="U92650" i="1"/>
  <c r="U92649" i="1"/>
  <c r="U92648" i="1"/>
  <c r="U92647" i="1"/>
  <c r="U92646" i="1"/>
  <c r="U92645" i="1"/>
  <c r="U92644" i="1"/>
  <c r="U92643" i="1"/>
  <c r="U92642" i="1"/>
  <c r="U92641" i="1"/>
  <c r="U92640" i="1"/>
  <c r="U92639" i="1"/>
  <c r="U92638" i="1"/>
  <c r="U92637" i="1"/>
  <c r="U92636" i="1"/>
  <c r="U92635" i="1"/>
  <c r="U92634" i="1"/>
  <c r="U92633" i="1"/>
  <c r="U92632" i="1"/>
  <c r="U92631" i="1"/>
  <c r="U92630" i="1"/>
  <c r="U92629" i="1"/>
  <c r="U92628" i="1"/>
  <c r="U92627" i="1"/>
  <c r="U92626" i="1"/>
  <c r="U92625" i="1"/>
  <c r="U92624" i="1"/>
  <c r="U92623" i="1"/>
  <c r="U92622" i="1"/>
  <c r="U92621" i="1"/>
  <c r="U92620" i="1"/>
  <c r="U92619" i="1"/>
  <c r="U92618" i="1"/>
  <c r="U92617" i="1"/>
  <c r="U92616" i="1"/>
  <c r="U92615" i="1"/>
  <c r="U92614" i="1"/>
  <c r="U92613" i="1"/>
  <c r="U92612" i="1"/>
  <c r="U92611" i="1"/>
  <c r="U92610" i="1"/>
  <c r="U92609" i="1"/>
  <c r="U92608" i="1"/>
  <c r="U92607" i="1"/>
  <c r="U92606" i="1"/>
  <c r="U92605" i="1"/>
  <c r="U92604" i="1"/>
  <c r="U92603" i="1"/>
  <c r="U92602" i="1"/>
  <c r="U92601" i="1"/>
  <c r="U92600" i="1"/>
  <c r="U92599" i="1"/>
  <c r="U92598" i="1"/>
  <c r="U92597" i="1"/>
  <c r="U92596" i="1"/>
  <c r="U92595" i="1"/>
  <c r="U92594" i="1"/>
  <c r="U92593" i="1"/>
  <c r="U92592" i="1"/>
  <c r="U92591" i="1"/>
  <c r="U92590" i="1"/>
  <c r="U92589" i="1"/>
  <c r="U92588" i="1"/>
  <c r="U92587" i="1"/>
  <c r="U92586" i="1"/>
  <c r="U92585" i="1"/>
  <c r="U92584" i="1"/>
  <c r="U92583" i="1"/>
  <c r="U92582" i="1"/>
  <c r="U92581" i="1"/>
  <c r="U92580" i="1"/>
  <c r="U92579" i="1"/>
  <c r="U92578" i="1"/>
  <c r="U92577" i="1"/>
  <c r="U92576" i="1"/>
  <c r="U92575" i="1"/>
  <c r="U92574" i="1"/>
  <c r="U92573" i="1"/>
  <c r="U92572" i="1"/>
  <c r="U92571" i="1"/>
  <c r="U92570" i="1"/>
  <c r="U92569" i="1"/>
  <c r="U92568" i="1"/>
  <c r="U92567" i="1"/>
  <c r="U92566" i="1"/>
  <c r="U92565" i="1"/>
  <c r="U92564" i="1"/>
  <c r="U92563" i="1"/>
  <c r="U92562" i="1"/>
  <c r="U92561" i="1"/>
  <c r="U92560" i="1"/>
  <c r="U92559" i="1"/>
  <c r="U92558" i="1"/>
  <c r="U92557" i="1"/>
  <c r="U92556" i="1"/>
  <c r="U92555" i="1"/>
  <c r="U92554" i="1"/>
  <c r="U92553" i="1"/>
  <c r="U92552" i="1"/>
  <c r="U92551" i="1"/>
  <c r="U92550" i="1"/>
  <c r="U92549" i="1"/>
  <c r="U92548" i="1"/>
  <c r="U92547" i="1"/>
  <c r="U92546" i="1"/>
  <c r="U92545" i="1"/>
  <c r="U92544" i="1"/>
  <c r="U92543" i="1"/>
  <c r="U92542" i="1"/>
  <c r="U92541" i="1"/>
  <c r="U92540" i="1"/>
  <c r="U92539" i="1"/>
  <c r="U92538" i="1"/>
  <c r="U92537" i="1"/>
  <c r="U92536" i="1"/>
  <c r="U92535" i="1"/>
  <c r="U92534" i="1"/>
  <c r="U92533" i="1"/>
  <c r="U92532" i="1"/>
  <c r="U92531" i="1"/>
  <c r="U92530" i="1"/>
  <c r="U92529" i="1"/>
  <c r="U92528" i="1"/>
  <c r="U92527" i="1"/>
  <c r="U92526" i="1"/>
  <c r="U92525" i="1"/>
  <c r="U92524" i="1"/>
  <c r="U92523" i="1"/>
  <c r="U92522" i="1"/>
  <c r="U92521" i="1"/>
  <c r="U92520" i="1"/>
  <c r="U92519" i="1"/>
  <c r="U92518" i="1"/>
  <c r="U92517" i="1"/>
  <c r="U92516" i="1"/>
  <c r="U92515" i="1"/>
  <c r="U92514" i="1"/>
  <c r="U92513" i="1"/>
  <c r="U92512" i="1"/>
  <c r="U92511" i="1"/>
  <c r="U92510" i="1"/>
  <c r="U92509" i="1"/>
  <c r="U92508" i="1"/>
  <c r="U92507" i="1"/>
  <c r="U92506" i="1"/>
  <c r="U92505" i="1"/>
  <c r="U92504" i="1"/>
  <c r="U92503" i="1"/>
  <c r="U92502" i="1"/>
  <c r="U92501" i="1"/>
  <c r="U92500" i="1"/>
  <c r="U92499" i="1"/>
  <c r="U92498" i="1"/>
  <c r="U92497" i="1"/>
  <c r="U92496" i="1"/>
  <c r="U92495" i="1"/>
  <c r="U92494" i="1"/>
  <c r="U92493" i="1"/>
  <c r="U92492" i="1"/>
  <c r="U92491" i="1"/>
  <c r="U92490" i="1"/>
  <c r="U92489" i="1"/>
  <c r="U92488" i="1"/>
  <c r="U92487" i="1"/>
  <c r="U92486" i="1"/>
  <c r="U92485" i="1"/>
  <c r="U92484" i="1"/>
  <c r="U92483" i="1"/>
  <c r="U92482" i="1"/>
  <c r="U92481" i="1"/>
  <c r="U92480" i="1"/>
  <c r="U92479" i="1"/>
  <c r="U92478" i="1"/>
  <c r="U92477" i="1"/>
  <c r="U92476" i="1"/>
  <c r="U92475" i="1"/>
  <c r="U92474" i="1"/>
  <c r="U92473" i="1"/>
  <c r="U92472" i="1"/>
  <c r="U92471" i="1"/>
  <c r="U92470" i="1"/>
  <c r="U92469" i="1"/>
  <c r="U92468" i="1"/>
  <c r="U92467" i="1"/>
  <c r="U92466" i="1"/>
  <c r="U92465" i="1"/>
  <c r="U92464" i="1"/>
  <c r="U92463" i="1"/>
  <c r="U92462" i="1"/>
  <c r="U92461" i="1"/>
  <c r="U92460" i="1"/>
  <c r="U92459" i="1"/>
  <c r="U92458" i="1"/>
  <c r="U92457" i="1"/>
  <c r="U92456" i="1"/>
  <c r="U92455" i="1"/>
  <c r="U92454" i="1"/>
  <c r="U92453" i="1"/>
  <c r="U92452" i="1"/>
  <c r="U92451" i="1"/>
  <c r="U92450" i="1"/>
  <c r="U92449" i="1"/>
  <c r="U92448" i="1"/>
  <c r="U92447" i="1"/>
  <c r="U92446" i="1"/>
  <c r="U92445" i="1"/>
  <c r="U92444" i="1"/>
  <c r="U92443" i="1"/>
  <c r="U92442" i="1"/>
  <c r="U92441" i="1"/>
  <c r="U92440" i="1"/>
  <c r="U92439" i="1"/>
  <c r="U92438" i="1"/>
  <c r="U92437" i="1"/>
  <c r="U92436" i="1"/>
  <c r="U92435" i="1"/>
  <c r="U92434" i="1"/>
  <c r="U92433" i="1"/>
  <c r="U92432" i="1"/>
  <c r="U92431" i="1"/>
  <c r="U92430" i="1"/>
  <c r="U92429" i="1"/>
  <c r="U92428" i="1"/>
  <c r="U92427" i="1"/>
  <c r="U92426" i="1"/>
  <c r="U92425" i="1"/>
  <c r="U92424" i="1"/>
  <c r="U92423" i="1"/>
  <c r="U92422" i="1"/>
  <c r="U92421" i="1"/>
  <c r="U92420" i="1"/>
  <c r="U92419" i="1"/>
  <c r="U92418" i="1"/>
  <c r="U92417" i="1"/>
  <c r="U92416" i="1"/>
  <c r="U92415" i="1"/>
  <c r="U92414" i="1"/>
  <c r="U92413" i="1"/>
  <c r="U92412" i="1"/>
  <c r="U92411" i="1"/>
  <c r="U92410" i="1"/>
  <c r="U92409" i="1"/>
  <c r="U92408" i="1"/>
  <c r="U92407" i="1"/>
  <c r="U92406" i="1"/>
  <c r="U92405" i="1"/>
  <c r="U92404" i="1"/>
  <c r="U92403" i="1"/>
  <c r="U92402" i="1"/>
  <c r="U92401" i="1"/>
  <c r="U92400" i="1"/>
  <c r="U92399" i="1"/>
  <c r="U92398" i="1"/>
  <c r="U92397" i="1"/>
  <c r="U92396" i="1"/>
  <c r="U92395" i="1"/>
  <c r="U92394" i="1"/>
  <c r="U92393" i="1"/>
  <c r="U92392" i="1"/>
  <c r="U92391" i="1"/>
  <c r="U92390" i="1"/>
  <c r="U92389" i="1"/>
  <c r="U92388" i="1"/>
  <c r="U92387" i="1"/>
  <c r="U92386" i="1"/>
  <c r="U92385" i="1"/>
  <c r="U92384" i="1"/>
  <c r="U92383" i="1"/>
  <c r="U92382" i="1"/>
  <c r="U92381" i="1"/>
  <c r="U92380" i="1"/>
  <c r="U92379" i="1"/>
  <c r="U92378" i="1"/>
  <c r="U92377" i="1"/>
  <c r="U92376" i="1"/>
  <c r="U92375" i="1"/>
  <c r="U92374" i="1"/>
  <c r="U92373" i="1"/>
  <c r="U92372" i="1"/>
  <c r="U92371" i="1"/>
  <c r="U92370" i="1"/>
  <c r="U92369" i="1"/>
  <c r="U92368" i="1"/>
  <c r="U92367" i="1"/>
  <c r="U92366" i="1"/>
  <c r="U92365" i="1"/>
  <c r="U92364" i="1"/>
  <c r="U92363" i="1"/>
  <c r="U92362" i="1"/>
  <c r="U92361" i="1"/>
  <c r="U92360" i="1"/>
  <c r="U92359" i="1"/>
  <c r="U92358" i="1"/>
  <c r="U92357" i="1"/>
  <c r="U92356" i="1"/>
  <c r="U92355" i="1"/>
  <c r="U92354" i="1"/>
  <c r="U92353" i="1"/>
  <c r="U92352" i="1"/>
  <c r="U92351" i="1"/>
  <c r="U92350" i="1"/>
  <c r="U92349" i="1"/>
  <c r="U92348" i="1"/>
  <c r="U92347" i="1"/>
  <c r="U92346" i="1"/>
  <c r="U92345" i="1"/>
  <c r="U92344" i="1"/>
  <c r="U92343" i="1"/>
  <c r="U92342" i="1"/>
  <c r="U92341" i="1"/>
  <c r="U92340" i="1"/>
  <c r="U92339" i="1"/>
  <c r="U92338" i="1"/>
  <c r="U92337" i="1"/>
  <c r="U92336" i="1"/>
  <c r="U92335" i="1"/>
  <c r="U92334" i="1"/>
  <c r="U92333" i="1"/>
  <c r="U92332" i="1"/>
  <c r="U92331" i="1"/>
  <c r="U92330" i="1"/>
  <c r="U92329" i="1"/>
  <c r="U92328" i="1"/>
  <c r="U92327" i="1"/>
  <c r="U92326" i="1"/>
  <c r="U92325" i="1"/>
  <c r="U92324" i="1"/>
  <c r="U92323" i="1"/>
  <c r="U92322" i="1"/>
  <c r="U92321" i="1"/>
  <c r="U92320" i="1"/>
  <c r="U92319" i="1"/>
  <c r="U92318" i="1"/>
  <c r="U92317" i="1"/>
  <c r="U92316" i="1"/>
  <c r="U92315" i="1"/>
  <c r="U92314" i="1"/>
  <c r="U92313" i="1"/>
  <c r="U92312" i="1"/>
  <c r="U92311" i="1"/>
  <c r="U92310" i="1"/>
  <c r="U92309" i="1"/>
  <c r="U92308" i="1"/>
  <c r="U92307" i="1"/>
  <c r="U92306" i="1"/>
  <c r="U92305" i="1"/>
  <c r="U92304" i="1"/>
  <c r="U92303" i="1"/>
  <c r="U92302" i="1"/>
  <c r="U92301" i="1"/>
  <c r="U92300" i="1"/>
  <c r="U92299" i="1"/>
  <c r="U92298" i="1"/>
  <c r="U92297" i="1"/>
  <c r="U92296" i="1"/>
  <c r="U92295" i="1"/>
  <c r="U92294" i="1"/>
  <c r="U92293" i="1"/>
  <c r="U92292" i="1"/>
  <c r="U92291" i="1"/>
  <c r="U92290" i="1"/>
  <c r="U92289" i="1"/>
  <c r="U92288" i="1"/>
  <c r="U92287" i="1"/>
  <c r="U92286" i="1"/>
  <c r="U92285" i="1"/>
  <c r="U92284" i="1"/>
  <c r="U92283" i="1"/>
  <c r="U92282" i="1"/>
  <c r="U92281" i="1"/>
  <c r="U92280" i="1"/>
  <c r="U92279" i="1"/>
  <c r="U92278" i="1"/>
  <c r="U92277" i="1"/>
  <c r="U92276" i="1"/>
  <c r="U92275" i="1"/>
  <c r="U92274" i="1"/>
  <c r="U92273" i="1"/>
  <c r="U92272" i="1"/>
  <c r="U92271" i="1"/>
  <c r="U92270" i="1"/>
  <c r="U92269" i="1"/>
  <c r="U92268" i="1"/>
  <c r="U92267" i="1"/>
  <c r="U92266" i="1"/>
  <c r="U92265" i="1"/>
  <c r="U92264" i="1"/>
  <c r="U92263" i="1"/>
  <c r="U92262" i="1"/>
  <c r="U92261" i="1"/>
  <c r="U92260" i="1"/>
  <c r="U92259" i="1"/>
  <c r="U92258" i="1"/>
  <c r="U92257" i="1"/>
  <c r="U92256" i="1"/>
  <c r="U92255" i="1"/>
  <c r="U92254" i="1"/>
  <c r="U92253" i="1"/>
  <c r="U92252" i="1"/>
  <c r="U92251" i="1"/>
  <c r="U92250" i="1"/>
  <c r="U92249" i="1"/>
  <c r="U92248" i="1"/>
  <c r="U92247" i="1"/>
  <c r="U92246" i="1"/>
  <c r="U92245" i="1"/>
  <c r="U92244" i="1"/>
  <c r="U92243" i="1"/>
  <c r="U92242" i="1"/>
  <c r="U92241" i="1"/>
  <c r="U92240" i="1"/>
  <c r="U92239" i="1"/>
  <c r="U92238" i="1"/>
  <c r="U92237" i="1"/>
  <c r="U92236" i="1"/>
  <c r="U92235" i="1"/>
  <c r="U92234" i="1"/>
  <c r="U92233" i="1"/>
  <c r="U92232" i="1"/>
  <c r="U92231" i="1"/>
  <c r="U92230" i="1"/>
  <c r="U92229" i="1"/>
  <c r="U92228" i="1"/>
  <c r="U92227" i="1"/>
  <c r="U92226" i="1"/>
  <c r="U92225" i="1"/>
  <c r="U92224" i="1"/>
  <c r="U92223" i="1"/>
  <c r="U92222" i="1"/>
  <c r="U92221" i="1"/>
  <c r="U92220" i="1"/>
  <c r="U92219" i="1"/>
  <c r="U92218" i="1"/>
  <c r="U92217" i="1"/>
  <c r="U92216" i="1"/>
  <c r="U92215" i="1"/>
  <c r="U92214" i="1"/>
  <c r="U92213" i="1"/>
  <c r="U92212" i="1"/>
  <c r="U92211" i="1"/>
  <c r="U92210" i="1"/>
  <c r="U92209" i="1"/>
  <c r="U92208" i="1"/>
  <c r="U92207" i="1"/>
  <c r="U92206" i="1"/>
  <c r="U92205" i="1"/>
  <c r="U92204" i="1"/>
  <c r="U92203" i="1"/>
  <c r="U92202" i="1"/>
  <c r="U92201" i="1"/>
  <c r="U92200" i="1"/>
  <c r="U92199" i="1"/>
  <c r="U92198" i="1"/>
  <c r="U92197" i="1"/>
  <c r="U92196" i="1"/>
  <c r="U92195" i="1"/>
  <c r="U92194" i="1"/>
  <c r="U92193" i="1"/>
  <c r="U92192" i="1"/>
  <c r="U92191" i="1"/>
  <c r="U92190" i="1"/>
  <c r="U92189" i="1"/>
  <c r="U92188" i="1"/>
  <c r="U92187" i="1"/>
  <c r="U92186" i="1"/>
  <c r="U92185" i="1"/>
  <c r="U92184" i="1"/>
  <c r="U92183" i="1"/>
  <c r="U92182" i="1"/>
  <c r="U92181" i="1"/>
  <c r="U92180" i="1"/>
  <c r="U92179" i="1"/>
  <c r="U92178" i="1"/>
  <c r="U92177" i="1"/>
  <c r="U92176" i="1"/>
  <c r="U92175" i="1"/>
  <c r="U92174" i="1"/>
  <c r="U92173" i="1"/>
  <c r="U92172" i="1"/>
  <c r="U92171" i="1"/>
  <c r="U92170" i="1"/>
  <c r="U92169" i="1"/>
  <c r="U92168" i="1"/>
  <c r="U92167" i="1"/>
  <c r="U92166" i="1"/>
  <c r="U92165" i="1"/>
  <c r="U92164" i="1"/>
  <c r="U92163" i="1"/>
  <c r="U92162" i="1"/>
  <c r="U92161" i="1"/>
  <c r="U92160" i="1"/>
  <c r="U92159" i="1"/>
  <c r="U92158" i="1"/>
  <c r="U92157" i="1"/>
  <c r="U92156" i="1"/>
  <c r="U92155" i="1"/>
  <c r="U92154" i="1"/>
  <c r="U92153" i="1"/>
  <c r="U92152" i="1"/>
  <c r="U92151" i="1"/>
  <c r="U92150" i="1"/>
  <c r="U92149" i="1"/>
  <c r="U92148" i="1"/>
  <c r="U92147" i="1"/>
  <c r="U92146" i="1"/>
  <c r="U92145" i="1"/>
  <c r="U92144" i="1"/>
  <c r="U92143" i="1"/>
  <c r="U92142" i="1"/>
  <c r="U92141" i="1"/>
  <c r="U92140" i="1"/>
  <c r="U92139" i="1"/>
  <c r="U92138" i="1"/>
  <c r="U92137" i="1"/>
  <c r="U92136" i="1"/>
  <c r="U92135" i="1"/>
  <c r="U92134" i="1"/>
  <c r="U92133" i="1"/>
  <c r="U92132" i="1"/>
  <c r="U92131" i="1"/>
  <c r="U92130" i="1"/>
  <c r="U92129" i="1"/>
  <c r="U92128" i="1"/>
  <c r="U92127" i="1"/>
  <c r="U92126" i="1"/>
  <c r="U92125" i="1"/>
  <c r="U92124" i="1"/>
  <c r="U92123" i="1"/>
  <c r="U92122" i="1"/>
  <c r="U92121" i="1"/>
  <c r="U92120" i="1"/>
  <c r="U92119" i="1"/>
  <c r="U92118" i="1"/>
  <c r="U92117" i="1"/>
  <c r="U92116" i="1"/>
  <c r="U92115" i="1"/>
  <c r="U92114" i="1"/>
  <c r="U92113" i="1"/>
  <c r="U92112" i="1"/>
  <c r="U92111" i="1"/>
  <c r="U92110" i="1"/>
  <c r="U92109" i="1"/>
  <c r="U92108" i="1"/>
  <c r="U92107" i="1"/>
  <c r="U92106" i="1"/>
  <c r="U92105" i="1"/>
  <c r="U92104" i="1"/>
  <c r="U92103" i="1"/>
  <c r="U92102" i="1"/>
  <c r="U92101" i="1"/>
  <c r="U92100" i="1"/>
  <c r="U92099" i="1"/>
  <c r="U92098" i="1"/>
  <c r="U92097" i="1"/>
  <c r="U92096" i="1"/>
  <c r="U92095" i="1"/>
  <c r="U92094" i="1"/>
  <c r="U92093" i="1"/>
  <c r="U92092" i="1"/>
  <c r="U92091" i="1"/>
  <c r="U92090" i="1"/>
  <c r="U92089" i="1"/>
  <c r="U92088" i="1"/>
  <c r="U92087" i="1"/>
  <c r="U92086" i="1"/>
  <c r="U92085" i="1"/>
  <c r="U92084" i="1"/>
  <c r="U92083" i="1"/>
  <c r="U92082" i="1"/>
  <c r="U92081" i="1"/>
  <c r="U92080" i="1"/>
  <c r="U92079" i="1"/>
  <c r="U92078" i="1"/>
  <c r="U92077" i="1"/>
  <c r="U92076" i="1"/>
  <c r="U92075" i="1"/>
  <c r="U92074" i="1"/>
  <c r="U92073" i="1"/>
  <c r="U92072" i="1"/>
  <c r="U92071" i="1"/>
  <c r="U92070" i="1"/>
  <c r="U92069" i="1"/>
  <c r="U92068" i="1"/>
  <c r="U92067" i="1"/>
  <c r="U92066" i="1"/>
  <c r="U92065" i="1"/>
  <c r="U92064" i="1"/>
  <c r="U92063" i="1"/>
  <c r="U92062" i="1"/>
  <c r="U92061" i="1"/>
  <c r="U92060" i="1"/>
  <c r="U92059" i="1"/>
  <c r="U92058" i="1"/>
  <c r="U92057" i="1"/>
  <c r="U92056" i="1"/>
  <c r="U92055" i="1"/>
  <c r="U92054" i="1"/>
  <c r="U92053" i="1"/>
  <c r="U92052" i="1"/>
  <c r="U92051" i="1"/>
  <c r="U92050" i="1"/>
  <c r="U92049" i="1"/>
  <c r="U92048" i="1"/>
  <c r="U92047" i="1"/>
  <c r="U92046" i="1"/>
  <c r="U92045" i="1"/>
  <c r="U92044" i="1"/>
  <c r="U92043" i="1"/>
  <c r="U92042" i="1"/>
  <c r="U92041" i="1"/>
  <c r="U92040" i="1"/>
  <c r="U92039" i="1"/>
  <c r="U92038" i="1"/>
  <c r="U92037" i="1"/>
  <c r="U92036" i="1"/>
  <c r="U92035" i="1"/>
  <c r="U92034" i="1"/>
  <c r="U92033" i="1"/>
  <c r="U92032" i="1"/>
  <c r="U92031" i="1"/>
  <c r="U92030" i="1"/>
  <c r="U92029" i="1"/>
  <c r="U92028" i="1"/>
  <c r="U92027" i="1"/>
  <c r="U92026" i="1"/>
  <c r="U92025" i="1"/>
  <c r="U92024" i="1"/>
  <c r="U92023" i="1"/>
  <c r="U92022" i="1"/>
  <c r="U92021" i="1"/>
  <c r="U92020" i="1"/>
  <c r="U92019" i="1"/>
  <c r="U92018" i="1"/>
  <c r="U92017" i="1"/>
  <c r="U92016" i="1"/>
  <c r="U92015" i="1"/>
  <c r="U92014" i="1"/>
  <c r="U92013" i="1"/>
  <c r="U92012" i="1"/>
  <c r="U92011" i="1"/>
  <c r="U92010" i="1"/>
  <c r="U92009" i="1"/>
  <c r="U92008" i="1"/>
  <c r="U92007" i="1"/>
  <c r="U92006" i="1"/>
  <c r="U92005" i="1"/>
  <c r="U92004" i="1"/>
  <c r="U92003" i="1"/>
  <c r="U92002" i="1"/>
  <c r="U92001" i="1"/>
  <c r="U92000" i="1"/>
  <c r="U91999" i="1"/>
  <c r="U91998" i="1"/>
  <c r="U91997" i="1"/>
  <c r="U91996" i="1"/>
  <c r="U91995" i="1"/>
  <c r="U91994" i="1"/>
  <c r="U91993" i="1"/>
  <c r="U91992" i="1"/>
  <c r="U91991" i="1"/>
  <c r="U91990" i="1"/>
  <c r="U91989" i="1"/>
  <c r="U91988" i="1"/>
  <c r="U91987" i="1"/>
  <c r="U91986" i="1"/>
  <c r="U91985" i="1"/>
  <c r="U91984" i="1"/>
  <c r="U91983" i="1"/>
  <c r="U91982" i="1"/>
  <c r="U91981" i="1"/>
  <c r="U91980" i="1"/>
  <c r="U91979" i="1"/>
  <c r="U91978" i="1"/>
  <c r="U91977" i="1"/>
  <c r="U91976" i="1"/>
  <c r="U91975" i="1"/>
  <c r="U91974" i="1"/>
  <c r="U91973" i="1"/>
  <c r="U91972" i="1"/>
  <c r="U91971" i="1"/>
  <c r="U91970" i="1"/>
  <c r="U91969" i="1"/>
  <c r="U91968" i="1"/>
  <c r="U91967" i="1"/>
  <c r="U91966" i="1"/>
  <c r="U91965" i="1"/>
  <c r="U91964" i="1"/>
  <c r="U91963" i="1"/>
  <c r="U91962" i="1"/>
  <c r="U91961" i="1"/>
  <c r="U91960" i="1"/>
  <c r="U91959" i="1"/>
  <c r="U91958" i="1"/>
  <c r="U91957" i="1"/>
  <c r="U91956" i="1"/>
  <c r="U91955" i="1"/>
  <c r="U91954" i="1"/>
  <c r="U91953" i="1"/>
  <c r="U91952" i="1"/>
  <c r="U91951" i="1"/>
  <c r="U91950" i="1"/>
  <c r="U91949" i="1"/>
  <c r="U91948" i="1"/>
  <c r="U91947" i="1"/>
  <c r="U91946" i="1"/>
  <c r="U91945" i="1"/>
  <c r="U91944" i="1"/>
  <c r="U91943" i="1"/>
  <c r="U91942" i="1"/>
  <c r="U91941" i="1"/>
  <c r="U91940" i="1"/>
  <c r="U91939" i="1"/>
  <c r="U91938" i="1"/>
  <c r="U91937" i="1"/>
  <c r="U91936" i="1"/>
  <c r="U91935" i="1"/>
  <c r="U91934" i="1"/>
  <c r="U91933" i="1"/>
  <c r="U91932" i="1"/>
  <c r="U91931" i="1"/>
  <c r="U91930" i="1"/>
  <c r="U91929" i="1"/>
  <c r="U91928" i="1"/>
  <c r="U91927" i="1"/>
  <c r="U91926" i="1"/>
  <c r="U91925" i="1"/>
  <c r="U91924" i="1"/>
  <c r="U91923" i="1"/>
  <c r="U91922" i="1"/>
  <c r="U91921" i="1"/>
  <c r="U91920" i="1"/>
  <c r="U91919" i="1"/>
  <c r="U91918" i="1"/>
  <c r="U91917" i="1"/>
  <c r="U91916" i="1"/>
  <c r="U91915" i="1"/>
  <c r="U91914" i="1"/>
  <c r="U91913" i="1"/>
  <c r="U91912" i="1"/>
  <c r="U91911" i="1"/>
  <c r="U91910" i="1"/>
  <c r="U91909" i="1"/>
  <c r="U91908" i="1"/>
  <c r="U91907" i="1"/>
  <c r="U91906" i="1"/>
  <c r="U91905" i="1"/>
  <c r="U91904" i="1"/>
  <c r="U91903" i="1"/>
  <c r="U91902" i="1"/>
  <c r="U91901" i="1"/>
  <c r="U91900" i="1"/>
  <c r="U91899" i="1"/>
  <c r="U91898" i="1"/>
  <c r="U91897" i="1"/>
  <c r="U91896" i="1"/>
  <c r="U91895" i="1"/>
  <c r="U91894" i="1"/>
  <c r="U91893" i="1"/>
  <c r="U91892" i="1"/>
  <c r="U91891" i="1"/>
  <c r="U91890" i="1"/>
  <c r="U91889" i="1"/>
  <c r="U91888" i="1"/>
  <c r="U91887" i="1"/>
  <c r="U91886" i="1"/>
  <c r="U91885" i="1"/>
  <c r="U91884" i="1"/>
  <c r="U91883" i="1"/>
  <c r="U91882" i="1"/>
  <c r="U91881" i="1"/>
  <c r="U91880" i="1"/>
  <c r="U91879" i="1"/>
  <c r="U91878" i="1"/>
  <c r="U91877" i="1"/>
  <c r="U91876" i="1"/>
  <c r="U91875" i="1"/>
  <c r="U91874" i="1"/>
  <c r="U91873" i="1"/>
  <c r="U91872" i="1"/>
  <c r="U91871" i="1"/>
  <c r="U91870" i="1"/>
  <c r="U91869" i="1"/>
  <c r="U91868" i="1"/>
  <c r="U91867" i="1"/>
  <c r="U91866" i="1"/>
  <c r="U91865" i="1"/>
  <c r="U91864" i="1"/>
  <c r="U91863" i="1"/>
  <c r="U91862" i="1"/>
  <c r="U91861" i="1"/>
  <c r="U91860" i="1"/>
  <c r="U91859" i="1"/>
  <c r="U91858" i="1"/>
  <c r="U91857" i="1"/>
  <c r="U91856" i="1"/>
  <c r="U91855" i="1"/>
  <c r="U91854" i="1"/>
  <c r="U91853" i="1"/>
  <c r="U91852" i="1"/>
  <c r="U91851" i="1"/>
  <c r="U91850" i="1"/>
  <c r="U91849" i="1"/>
  <c r="U91848" i="1"/>
  <c r="U91847" i="1"/>
  <c r="U91846" i="1"/>
  <c r="U91845" i="1"/>
  <c r="U91844" i="1"/>
  <c r="U91843" i="1"/>
  <c r="U91842" i="1"/>
  <c r="U91841" i="1"/>
  <c r="U91840" i="1"/>
  <c r="U91839" i="1"/>
  <c r="U91838" i="1"/>
  <c r="U91837" i="1"/>
  <c r="U91836" i="1"/>
  <c r="U91835" i="1"/>
  <c r="U91834" i="1"/>
  <c r="U91833" i="1"/>
  <c r="U91832" i="1"/>
  <c r="U91831" i="1"/>
  <c r="U91830" i="1"/>
  <c r="U91829" i="1"/>
  <c r="U91828" i="1"/>
  <c r="U91827" i="1"/>
  <c r="U91826" i="1"/>
  <c r="U91825" i="1"/>
  <c r="U91824" i="1"/>
  <c r="U91823" i="1"/>
  <c r="U91822" i="1"/>
  <c r="U91821" i="1"/>
  <c r="U91820" i="1"/>
  <c r="U91819" i="1"/>
  <c r="U91818" i="1"/>
  <c r="U91817" i="1"/>
  <c r="U91816" i="1"/>
  <c r="U91815" i="1"/>
  <c r="U91814" i="1"/>
  <c r="U91813" i="1"/>
  <c r="U91812" i="1"/>
  <c r="U91811" i="1"/>
  <c r="U91810" i="1"/>
  <c r="U91809" i="1"/>
  <c r="U91808" i="1"/>
  <c r="U91807" i="1"/>
  <c r="U91806" i="1"/>
  <c r="U91805" i="1"/>
  <c r="U91804" i="1"/>
  <c r="U91803" i="1"/>
  <c r="U91802" i="1"/>
  <c r="U91801" i="1"/>
  <c r="U91800" i="1"/>
  <c r="U91799" i="1"/>
  <c r="U91798" i="1"/>
  <c r="U91797" i="1"/>
  <c r="U91796" i="1"/>
  <c r="U91795" i="1"/>
  <c r="U91794" i="1"/>
  <c r="U91793" i="1"/>
  <c r="U91792" i="1"/>
  <c r="U91791" i="1"/>
  <c r="U91790" i="1"/>
  <c r="U91789" i="1"/>
  <c r="U91788" i="1"/>
  <c r="U91787" i="1"/>
  <c r="U91786" i="1"/>
  <c r="U91785" i="1"/>
  <c r="U91784" i="1"/>
  <c r="U91783" i="1"/>
  <c r="U91782" i="1"/>
  <c r="U91781" i="1"/>
  <c r="U91780" i="1"/>
  <c r="U91779" i="1"/>
  <c r="U91778" i="1"/>
  <c r="U91777" i="1"/>
  <c r="U91776" i="1"/>
  <c r="U91775" i="1"/>
  <c r="U91774" i="1"/>
  <c r="U91773" i="1"/>
  <c r="U91772" i="1"/>
  <c r="U91771" i="1"/>
  <c r="U91770" i="1"/>
  <c r="U91769" i="1"/>
  <c r="U91768" i="1"/>
  <c r="U91767" i="1"/>
  <c r="U91766" i="1"/>
  <c r="U91765" i="1"/>
  <c r="U91764" i="1"/>
  <c r="U91763" i="1"/>
  <c r="U91762" i="1"/>
  <c r="U91761" i="1"/>
  <c r="U91760" i="1"/>
  <c r="U91759" i="1"/>
  <c r="U91758" i="1"/>
  <c r="U91757" i="1"/>
  <c r="U91756" i="1"/>
  <c r="U91755" i="1"/>
  <c r="U91754" i="1"/>
  <c r="U91753" i="1"/>
  <c r="U91752" i="1"/>
  <c r="U91751" i="1"/>
  <c r="U91750" i="1"/>
  <c r="U91749" i="1"/>
  <c r="U91748" i="1"/>
  <c r="U91747" i="1"/>
  <c r="U91746" i="1"/>
  <c r="U91745" i="1"/>
  <c r="U91744" i="1"/>
  <c r="U91743" i="1"/>
  <c r="U91742" i="1"/>
  <c r="U91741" i="1"/>
  <c r="U91740" i="1"/>
  <c r="U91739" i="1"/>
  <c r="U91738" i="1"/>
  <c r="U91737" i="1"/>
  <c r="U91736" i="1"/>
  <c r="U91735" i="1"/>
  <c r="U91734" i="1"/>
  <c r="U91733" i="1"/>
  <c r="U91732" i="1"/>
  <c r="U91731" i="1"/>
  <c r="U91730" i="1"/>
  <c r="U91729" i="1"/>
  <c r="U91728" i="1"/>
  <c r="U91727" i="1"/>
  <c r="U91726" i="1"/>
  <c r="U91725" i="1"/>
  <c r="U91724" i="1"/>
  <c r="U91723" i="1"/>
  <c r="U91722" i="1"/>
  <c r="U91721" i="1"/>
  <c r="U91720" i="1"/>
  <c r="U91719" i="1"/>
  <c r="U91718" i="1"/>
  <c r="U91717" i="1"/>
  <c r="U91716" i="1"/>
  <c r="U91715" i="1"/>
  <c r="U91714" i="1"/>
  <c r="U91713" i="1"/>
  <c r="U91712" i="1"/>
  <c r="U91711" i="1"/>
  <c r="U91710" i="1"/>
  <c r="U91709" i="1"/>
  <c r="U91708" i="1"/>
  <c r="U91707" i="1"/>
  <c r="U91706" i="1"/>
  <c r="U91705" i="1"/>
  <c r="U91704" i="1"/>
  <c r="U91703" i="1"/>
  <c r="U91702" i="1"/>
  <c r="U91701" i="1"/>
  <c r="U91700" i="1"/>
  <c r="U91699" i="1"/>
  <c r="U91698" i="1"/>
  <c r="U91697" i="1"/>
  <c r="U91696" i="1"/>
  <c r="U91695" i="1"/>
  <c r="U91694" i="1"/>
  <c r="U91693" i="1"/>
  <c r="U91692" i="1"/>
  <c r="U91691" i="1"/>
  <c r="U91690" i="1"/>
  <c r="U91689" i="1"/>
  <c r="U91688" i="1"/>
  <c r="U91687" i="1"/>
  <c r="U91686" i="1"/>
  <c r="U91685" i="1"/>
  <c r="U91684" i="1"/>
  <c r="U91683" i="1"/>
  <c r="U91682" i="1"/>
  <c r="U91681" i="1"/>
  <c r="U91680" i="1"/>
  <c r="U91679" i="1"/>
  <c r="U91678" i="1"/>
  <c r="U91677" i="1"/>
  <c r="U91676" i="1"/>
  <c r="U91675" i="1"/>
  <c r="U91674" i="1"/>
  <c r="U91673" i="1"/>
  <c r="U91672" i="1"/>
  <c r="U91671" i="1"/>
  <c r="U91670" i="1"/>
  <c r="U91669" i="1"/>
  <c r="U91668" i="1"/>
  <c r="U91667" i="1"/>
  <c r="U91666" i="1"/>
  <c r="U91665" i="1"/>
  <c r="U91664" i="1"/>
  <c r="U91663" i="1"/>
  <c r="U91662" i="1"/>
  <c r="U91661" i="1"/>
  <c r="U91660" i="1"/>
  <c r="U91659" i="1"/>
  <c r="U91658" i="1"/>
  <c r="U91657" i="1"/>
  <c r="U91656" i="1"/>
  <c r="U91655" i="1"/>
  <c r="U91654" i="1"/>
  <c r="U91653" i="1"/>
  <c r="U91652" i="1"/>
  <c r="U91651" i="1"/>
  <c r="U91650" i="1"/>
  <c r="U91649" i="1"/>
  <c r="U91648" i="1"/>
  <c r="U91647" i="1"/>
  <c r="U91646" i="1"/>
  <c r="U91645" i="1"/>
  <c r="U91644" i="1"/>
  <c r="U91643" i="1"/>
  <c r="U91642" i="1"/>
  <c r="U91641" i="1"/>
  <c r="U91640" i="1"/>
  <c r="U91639" i="1"/>
  <c r="U91638" i="1"/>
  <c r="U91637" i="1"/>
  <c r="U91636" i="1"/>
  <c r="U91635" i="1"/>
  <c r="U91634" i="1"/>
  <c r="U91633" i="1"/>
  <c r="U91632" i="1"/>
  <c r="U91631" i="1"/>
  <c r="U91630" i="1"/>
  <c r="U91629" i="1"/>
  <c r="U91628" i="1"/>
  <c r="U91627" i="1"/>
  <c r="U91626" i="1"/>
  <c r="U91625" i="1"/>
  <c r="U91624" i="1"/>
  <c r="U91623" i="1"/>
  <c r="U91622" i="1"/>
  <c r="U91621" i="1"/>
  <c r="U91620" i="1"/>
  <c r="U91619" i="1"/>
  <c r="U91618" i="1"/>
  <c r="U91617" i="1"/>
  <c r="U91616" i="1"/>
  <c r="U91615" i="1"/>
  <c r="U91614" i="1"/>
  <c r="U91613" i="1"/>
  <c r="U91612" i="1"/>
  <c r="U91611" i="1"/>
  <c r="U91610" i="1"/>
  <c r="U91609" i="1"/>
  <c r="U91608" i="1"/>
  <c r="U91607" i="1"/>
  <c r="U91606" i="1"/>
  <c r="U91605" i="1"/>
  <c r="U91604" i="1"/>
  <c r="U91603" i="1"/>
  <c r="U91602" i="1"/>
  <c r="U91601" i="1"/>
  <c r="U91600" i="1"/>
  <c r="U91599" i="1"/>
  <c r="U91598" i="1"/>
  <c r="U91597" i="1"/>
  <c r="U91596" i="1"/>
  <c r="U91595" i="1"/>
  <c r="U91594" i="1"/>
  <c r="U91593" i="1"/>
  <c r="U91592" i="1"/>
  <c r="U91591" i="1"/>
  <c r="U91590" i="1"/>
  <c r="U91589" i="1"/>
  <c r="U91588" i="1"/>
  <c r="U91587" i="1"/>
  <c r="U91586" i="1"/>
  <c r="U91585" i="1"/>
  <c r="U91584" i="1"/>
  <c r="U91583" i="1"/>
  <c r="U91582" i="1"/>
  <c r="U91581" i="1"/>
  <c r="U91580" i="1"/>
  <c r="U91579" i="1"/>
  <c r="U91578" i="1"/>
  <c r="U91577" i="1"/>
  <c r="U91576" i="1"/>
  <c r="U91575" i="1"/>
  <c r="U91574" i="1"/>
  <c r="U91573" i="1"/>
  <c r="U91572" i="1"/>
  <c r="U91571" i="1"/>
  <c r="U91570" i="1"/>
  <c r="U91569" i="1"/>
  <c r="U91568" i="1"/>
  <c r="U91567" i="1"/>
  <c r="U91566" i="1"/>
  <c r="U91565" i="1"/>
  <c r="U91564" i="1"/>
  <c r="U91563" i="1"/>
  <c r="U91562" i="1"/>
  <c r="U91561" i="1"/>
  <c r="U91560" i="1"/>
  <c r="U91559" i="1"/>
  <c r="U91558" i="1"/>
  <c r="U91557" i="1"/>
  <c r="U91556" i="1"/>
  <c r="U91555" i="1"/>
  <c r="U91554" i="1"/>
  <c r="U91553" i="1"/>
  <c r="U91552" i="1"/>
  <c r="U91551" i="1"/>
  <c r="U91550" i="1"/>
  <c r="U91549" i="1"/>
  <c r="U91548" i="1"/>
  <c r="U91547" i="1"/>
  <c r="U91546" i="1"/>
  <c r="U91545" i="1"/>
  <c r="U91544" i="1"/>
  <c r="U91543" i="1"/>
  <c r="U91542" i="1"/>
  <c r="U91541" i="1"/>
  <c r="U91540" i="1"/>
  <c r="U91539" i="1"/>
  <c r="U91538" i="1"/>
  <c r="U91537" i="1"/>
  <c r="U91536" i="1"/>
  <c r="U91535" i="1"/>
  <c r="U91534" i="1"/>
  <c r="U91533" i="1"/>
  <c r="U91532" i="1"/>
  <c r="U91531" i="1"/>
  <c r="U91530" i="1"/>
  <c r="U91529" i="1"/>
  <c r="U91528" i="1"/>
  <c r="U91527" i="1"/>
  <c r="U91526" i="1"/>
  <c r="U91525" i="1"/>
  <c r="U91524" i="1"/>
  <c r="U91523" i="1"/>
  <c r="U91522" i="1"/>
  <c r="U91521" i="1"/>
  <c r="U91520" i="1"/>
  <c r="U91519" i="1"/>
  <c r="U91518" i="1"/>
  <c r="U91517" i="1"/>
  <c r="U91516" i="1"/>
  <c r="U91515" i="1"/>
  <c r="U91514" i="1"/>
  <c r="U91513" i="1"/>
  <c r="U91512" i="1"/>
  <c r="U91511" i="1"/>
  <c r="U91510" i="1"/>
  <c r="U91509" i="1"/>
  <c r="U91508" i="1"/>
  <c r="U91507" i="1"/>
  <c r="U91506" i="1"/>
  <c r="U91505" i="1"/>
  <c r="U91504" i="1"/>
  <c r="U91503" i="1"/>
  <c r="U91502" i="1"/>
  <c r="U91501" i="1"/>
  <c r="U91500" i="1"/>
  <c r="U91499" i="1"/>
  <c r="U91498" i="1"/>
  <c r="U91497" i="1"/>
  <c r="U91496" i="1"/>
  <c r="U91495" i="1"/>
  <c r="U91494" i="1"/>
  <c r="U91493" i="1"/>
  <c r="U91492" i="1"/>
  <c r="U91491" i="1"/>
  <c r="U91490" i="1"/>
  <c r="U91489" i="1"/>
  <c r="U91488" i="1"/>
  <c r="U91487" i="1"/>
  <c r="U91486" i="1"/>
  <c r="U91485" i="1"/>
  <c r="U91484" i="1"/>
  <c r="U91483" i="1"/>
  <c r="U91482" i="1"/>
  <c r="U91481" i="1"/>
  <c r="U91480" i="1"/>
  <c r="U91479" i="1"/>
  <c r="U91478" i="1"/>
  <c r="U91477" i="1"/>
  <c r="U91476" i="1"/>
  <c r="U91475" i="1"/>
  <c r="U91474" i="1"/>
  <c r="U91473" i="1"/>
  <c r="U91472" i="1"/>
  <c r="U91471" i="1"/>
  <c r="U91470" i="1"/>
  <c r="U91469" i="1"/>
  <c r="U91468" i="1"/>
  <c r="U91467" i="1"/>
  <c r="U91466" i="1"/>
  <c r="U91465" i="1"/>
  <c r="U91464" i="1"/>
  <c r="U91463" i="1"/>
  <c r="U91462" i="1"/>
  <c r="U91461" i="1"/>
  <c r="U91460" i="1"/>
  <c r="U91459" i="1"/>
  <c r="U91458" i="1"/>
  <c r="U91457" i="1"/>
  <c r="U91456" i="1"/>
  <c r="U91455" i="1"/>
  <c r="U91454" i="1"/>
  <c r="U91453" i="1"/>
  <c r="U91452" i="1"/>
  <c r="U91451" i="1"/>
  <c r="U91450" i="1"/>
  <c r="U91449" i="1"/>
  <c r="U91448" i="1"/>
  <c r="U91447" i="1"/>
  <c r="U91446" i="1"/>
  <c r="U91445" i="1"/>
  <c r="U91444" i="1"/>
  <c r="U91443" i="1"/>
  <c r="U91442" i="1"/>
  <c r="U91441" i="1"/>
  <c r="U91440" i="1"/>
  <c r="U91439" i="1"/>
  <c r="U91438" i="1"/>
  <c r="U91437" i="1"/>
  <c r="U91436" i="1"/>
  <c r="U91435" i="1"/>
  <c r="U91434" i="1"/>
  <c r="U91433" i="1"/>
  <c r="U91432" i="1"/>
  <c r="U91431" i="1"/>
  <c r="U91430" i="1"/>
  <c r="U91429" i="1"/>
  <c r="U91428" i="1"/>
  <c r="U91427" i="1"/>
  <c r="U91426" i="1"/>
  <c r="U91425" i="1"/>
  <c r="U91424" i="1"/>
  <c r="U91423" i="1"/>
  <c r="U91422" i="1"/>
  <c r="U91421" i="1"/>
  <c r="U91420" i="1"/>
  <c r="U91419" i="1"/>
  <c r="U91418" i="1"/>
  <c r="U91417" i="1"/>
  <c r="U91416" i="1"/>
  <c r="U91415" i="1"/>
  <c r="U91414" i="1"/>
  <c r="U91413" i="1"/>
  <c r="U91412" i="1"/>
  <c r="U91411" i="1"/>
  <c r="U91410" i="1"/>
  <c r="U91409" i="1"/>
  <c r="U91408" i="1"/>
  <c r="U91407" i="1"/>
  <c r="U91406" i="1"/>
  <c r="U91405" i="1"/>
  <c r="U91404" i="1"/>
  <c r="U91403" i="1"/>
  <c r="U91402" i="1"/>
  <c r="U91401" i="1"/>
  <c r="U91400" i="1"/>
  <c r="U91399" i="1"/>
  <c r="U91398" i="1"/>
  <c r="U91397" i="1"/>
  <c r="U91396" i="1"/>
  <c r="U91395" i="1"/>
  <c r="U91394" i="1"/>
  <c r="U91393" i="1"/>
  <c r="U91392" i="1"/>
  <c r="U91391" i="1"/>
  <c r="U91390" i="1"/>
  <c r="U91389" i="1"/>
  <c r="U91388" i="1"/>
  <c r="U91387" i="1"/>
  <c r="U91386" i="1"/>
  <c r="U91385" i="1"/>
  <c r="U91384" i="1"/>
  <c r="U91383" i="1"/>
  <c r="U91382" i="1"/>
  <c r="U91381" i="1"/>
  <c r="U91380" i="1"/>
  <c r="U91379" i="1"/>
  <c r="U91378" i="1"/>
  <c r="U91377" i="1"/>
  <c r="U91376" i="1"/>
  <c r="U91375" i="1"/>
  <c r="U91374" i="1"/>
  <c r="U91373" i="1"/>
  <c r="U91372" i="1"/>
  <c r="U91371" i="1"/>
  <c r="U91370" i="1"/>
  <c r="U91369" i="1"/>
  <c r="U91368" i="1"/>
  <c r="U91367" i="1"/>
  <c r="U91366" i="1"/>
  <c r="U91365" i="1"/>
  <c r="U91364" i="1"/>
  <c r="U91363" i="1"/>
  <c r="U91362" i="1"/>
  <c r="U91361" i="1"/>
  <c r="U91360" i="1"/>
  <c r="U91359" i="1"/>
  <c r="U91358" i="1"/>
  <c r="U91357" i="1"/>
  <c r="U91356" i="1"/>
  <c r="U91355" i="1"/>
  <c r="U91354" i="1"/>
  <c r="U91353" i="1"/>
  <c r="U91352" i="1"/>
  <c r="U91351" i="1"/>
  <c r="U91350" i="1"/>
  <c r="U91349" i="1"/>
  <c r="U91348" i="1"/>
  <c r="U91347" i="1"/>
  <c r="U91346" i="1"/>
  <c r="U91345" i="1"/>
  <c r="U91344" i="1"/>
  <c r="U91343" i="1"/>
  <c r="U91342" i="1"/>
  <c r="U91341" i="1"/>
  <c r="U91340" i="1"/>
  <c r="U91339" i="1"/>
  <c r="U91338" i="1"/>
  <c r="U91337" i="1"/>
  <c r="U91336" i="1"/>
  <c r="U91335" i="1"/>
  <c r="U91334" i="1"/>
  <c r="U91333" i="1"/>
  <c r="U91332" i="1"/>
  <c r="U91331" i="1"/>
  <c r="U91330" i="1"/>
  <c r="U91329" i="1"/>
  <c r="U91328" i="1"/>
  <c r="U91327" i="1"/>
  <c r="U91326" i="1"/>
  <c r="U91325" i="1"/>
  <c r="U91324" i="1"/>
  <c r="U91323" i="1"/>
  <c r="U91322" i="1"/>
  <c r="U91321" i="1"/>
  <c r="U91320" i="1"/>
  <c r="U91319" i="1"/>
  <c r="U91318" i="1"/>
  <c r="U91317" i="1"/>
  <c r="U91316" i="1"/>
  <c r="U91315" i="1"/>
  <c r="U91314" i="1"/>
  <c r="U91313" i="1"/>
  <c r="U91312" i="1"/>
  <c r="U91311" i="1"/>
  <c r="U91310" i="1"/>
  <c r="U91309" i="1"/>
  <c r="U91308" i="1"/>
  <c r="U91307" i="1"/>
  <c r="U91306" i="1"/>
  <c r="U91305" i="1"/>
  <c r="U91304" i="1"/>
  <c r="U91303" i="1"/>
  <c r="U91302" i="1"/>
  <c r="U91301" i="1"/>
  <c r="U91300" i="1"/>
  <c r="U91299" i="1"/>
  <c r="U91298" i="1"/>
  <c r="U91297" i="1"/>
  <c r="U91296" i="1"/>
  <c r="U91295" i="1"/>
  <c r="U91294" i="1"/>
  <c r="U91293" i="1"/>
  <c r="U91292" i="1"/>
  <c r="U91291" i="1"/>
  <c r="U91290" i="1"/>
  <c r="U91289" i="1"/>
  <c r="U91288" i="1"/>
  <c r="U91287" i="1"/>
  <c r="U91286" i="1"/>
  <c r="U91285" i="1"/>
  <c r="U91284" i="1"/>
  <c r="U91283" i="1"/>
  <c r="U91282" i="1"/>
  <c r="U91281" i="1"/>
  <c r="U91280" i="1"/>
  <c r="U91279" i="1"/>
  <c r="U91278" i="1"/>
  <c r="U91277" i="1"/>
  <c r="U91276" i="1"/>
  <c r="U91275" i="1"/>
  <c r="U91274" i="1"/>
  <c r="U91273" i="1"/>
  <c r="U91272" i="1"/>
  <c r="U91271" i="1"/>
  <c r="U91270" i="1"/>
  <c r="U91269" i="1"/>
  <c r="U91268" i="1"/>
  <c r="U91267" i="1"/>
  <c r="U91266" i="1"/>
  <c r="U91265" i="1"/>
  <c r="U91264" i="1"/>
  <c r="U91263" i="1"/>
  <c r="U91262" i="1"/>
  <c r="U91261" i="1"/>
  <c r="U91260" i="1"/>
  <c r="U91259" i="1"/>
  <c r="U91258" i="1"/>
  <c r="U91257" i="1"/>
  <c r="U91256" i="1"/>
  <c r="U91255" i="1"/>
  <c r="U91254" i="1"/>
  <c r="U91253" i="1"/>
  <c r="U91252" i="1"/>
  <c r="U91251" i="1"/>
  <c r="U91250" i="1"/>
  <c r="U91249" i="1"/>
  <c r="U91248" i="1"/>
  <c r="U91247" i="1"/>
  <c r="U91246" i="1"/>
  <c r="U91245" i="1"/>
  <c r="U91244" i="1"/>
  <c r="U91243" i="1"/>
  <c r="U91242" i="1"/>
  <c r="U91241" i="1"/>
  <c r="U91240" i="1"/>
  <c r="U91239" i="1"/>
  <c r="U91238" i="1"/>
  <c r="U91237" i="1"/>
  <c r="U91236" i="1"/>
  <c r="U91235" i="1"/>
  <c r="U91234" i="1"/>
  <c r="U91233" i="1"/>
  <c r="U91232" i="1"/>
  <c r="U91231" i="1"/>
  <c r="U91230" i="1"/>
  <c r="U91229" i="1"/>
  <c r="U91228" i="1"/>
  <c r="U91227" i="1"/>
  <c r="U91226" i="1"/>
  <c r="U91225" i="1"/>
  <c r="U91224" i="1"/>
  <c r="U91223" i="1"/>
  <c r="U91222" i="1"/>
  <c r="U91221" i="1"/>
  <c r="U91220" i="1"/>
  <c r="U91219" i="1"/>
  <c r="U91218" i="1"/>
  <c r="U91217" i="1"/>
  <c r="U91216" i="1"/>
  <c r="U91215" i="1"/>
  <c r="U91214" i="1"/>
  <c r="U91213" i="1"/>
  <c r="U91212" i="1"/>
  <c r="U91211" i="1"/>
  <c r="U91210" i="1"/>
  <c r="U91209" i="1"/>
  <c r="U91208" i="1"/>
  <c r="U91207" i="1"/>
  <c r="U91206" i="1"/>
  <c r="U91205" i="1"/>
  <c r="U91204" i="1"/>
  <c r="U91203" i="1"/>
  <c r="U91202" i="1"/>
  <c r="U91201" i="1"/>
  <c r="U91200" i="1"/>
  <c r="U91199" i="1"/>
  <c r="U91198" i="1"/>
  <c r="U91197" i="1"/>
  <c r="U91196" i="1"/>
  <c r="U91195" i="1"/>
  <c r="U91194" i="1"/>
  <c r="U91193" i="1"/>
  <c r="U91192" i="1"/>
  <c r="U91191" i="1"/>
  <c r="U91190" i="1"/>
  <c r="U91189" i="1"/>
  <c r="U91188" i="1"/>
  <c r="U91187" i="1"/>
  <c r="U91186" i="1"/>
  <c r="U91185" i="1"/>
  <c r="U91184" i="1"/>
  <c r="U91183" i="1"/>
  <c r="U91182" i="1"/>
  <c r="U91181" i="1"/>
  <c r="U91180" i="1"/>
  <c r="U91179" i="1"/>
  <c r="U91178" i="1"/>
  <c r="U91177" i="1"/>
  <c r="U91176" i="1"/>
  <c r="U91175" i="1"/>
  <c r="U91174" i="1"/>
  <c r="U91173" i="1"/>
  <c r="U91172" i="1"/>
  <c r="U91171" i="1"/>
  <c r="U91170" i="1"/>
  <c r="U91169" i="1"/>
  <c r="U91168" i="1"/>
  <c r="U91167" i="1"/>
  <c r="U91166" i="1"/>
  <c r="U91165" i="1"/>
  <c r="U91164" i="1"/>
  <c r="U91163" i="1"/>
  <c r="U91162" i="1"/>
  <c r="U91161" i="1"/>
  <c r="U91160" i="1"/>
  <c r="U91159" i="1"/>
  <c r="U91158" i="1"/>
  <c r="U91157" i="1"/>
  <c r="U91156" i="1"/>
  <c r="U91155" i="1"/>
  <c r="U91154" i="1"/>
  <c r="U91153" i="1"/>
  <c r="U91152" i="1"/>
  <c r="U91151" i="1"/>
  <c r="U91150" i="1"/>
  <c r="U91149" i="1"/>
  <c r="U91148" i="1"/>
  <c r="U91147" i="1"/>
  <c r="U91146" i="1"/>
  <c r="U91145" i="1"/>
  <c r="U91144" i="1"/>
  <c r="U91143" i="1"/>
  <c r="U91142" i="1"/>
  <c r="U91141" i="1"/>
  <c r="U91140" i="1"/>
  <c r="U91139" i="1"/>
  <c r="U91138" i="1"/>
  <c r="U91137" i="1"/>
  <c r="U91136" i="1"/>
  <c r="U91135" i="1"/>
  <c r="U91134" i="1"/>
  <c r="U91133" i="1"/>
  <c r="U91132" i="1"/>
  <c r="U91131" i="1"/>
  <c r="U91130" i="1"/>
  <c r="U91129" i="1"/>
  <c r="U91128" i="1"/>
  <c r="U91127" i="1"/>
  <c r="U91126" i="1"/>
  <c r="U91125" i="1"/>
  <c r="U91124" i="1"/>
  <c r="U91123" i="1"/>
  <c r="U91122" i="1"/>
  <c r="U91121" i="1"/>
  <c r="U91120" i="1"/>
  <c r="U91119" i="1"/>
  <c r="U91118" i="1"/>
  <c r="U91117" i="1"/>
  <c r="U91116" i="1"/>
  <c r="U91115" i="1"/>
  <c r="U91114" i="1"/>
  <c r="U91113" i="1"/>
  <c r="U91112" i="1"/>
  <c r="U91111" i="1"/>
  <c r="U91110" i="1"/>
  <c r="U91109" i="1"/>
  <c r="U91108" i="1"/>
  <c r="U91107" i="1"/>
  <c r="U91106" i="1"/>
  <c r="U91105" i="1"/>
  <c r="U91104" i="1"/>
  <c r="U91103" i="1"/>
  <c r="U91102" i="1"/>
  <c r="U91101" i="1"/>
  <c r="U91100" i="1"/>
  <c r="U91099" i="1"/>
  <c r="U91098" i="1"/>
  <c r="U91097" i="1"/>
  <c r="U91096" i="1"/>
  <c r="U91095" i="1"/>
  <c r="U91094" i="1"/>
  <c r="U91093" i="1"/>
  <c r="U91092" i="1"/>
  <c r="U91091" i="1"/>
  <c r="U91090" i="1"/>
  <c r="U91089" i="1"/>
  <c r="U91088" i="1"/>
  <c r="U91087" i="1"/>
  <c r="U91086" i="1"/>
  <c r="U91085" i="1"/>
  <c r="U91084" i="1"/>
  <c r="U91083" i="1"/>
  <c r="U91082" i="1"/>
  <c r="U91081" i="1"/>
  <c r="U91080" i="1"/>
  <c r="U91079" i="1"/>
  <c r="U91078" i="1"/>
  <c r="U91077" i="1"/>
  <c r="U91076" i="1"/>
  <c r="U91075" i="1"/>
  <c r="U91074" i="1"/>
  <c r="U91073" i="1"/>
  <c r="U91072" i="1"/>
  <c r="U91071" i="1"/>
  <c r="U91070" i="1"/>
  <c r="U91069" i="1"/>
  <c r="U91068" i="1"/>
  <c r="U91067" i="1"/>
  <c r="U91066" i="1"/>
  <c r="U91065" i="1"/>
  <c r="U91064" i="1"/>
  <c r="U91063" i="1"/>
  <c r="U91062" i="1"/>
  <c r="U91061" i="1"/>
  <c r="U91060" i="1"/>
  <c r="U91059" i="1"/>
  <c r="U91058" i="1"/>
  <c r="U91057" i="1"/>
  <c r="U91056" i="1"/>
  <c r="U91055" i="1"/>
  <c r="U91054" i="1"/>
  <c r="U91053" i="1"/>
  <c r="U91052" i="1"/>
  <c r="U91051" i="1"/>
  <c r="U91050" i="1"/>
  <c r="U91049" i="1"/>
  <c r="U91048" i="1"/>
  <c r="U91047" i="1"/>
  <c r="U91046" i="1"/>
  <c r="U91045" i="1"/>
  <c r="U91044" i="1"/>
  <c r="U91043" i="1"/>
  <c r="U91042" i="1"/>
  <c r="U91041" i="1"/>
  <c r="U91040" i="1"/>
  <c r="U91039" i="1"/>
  <c r="U91038" i="1"/>
  <c r="U91037" i="1"/>
  <c r="U91036" i="1"/>
  <c r="U91035" i="1"/>
  <c r="U91034" i="1"/>
  <c r="U91033" i="1"/>
  <c r="U91032" i="1"/>
  <c r="U91031" i="1"/>
  <c r="U91030" i="1"/>
  <c r="U91029" i="1"/>
  <c r="U91028" i="1"/>
  <c r="U91027" i="1"/>
  <c r="U91026" i="1"/>
  <c r="U91025" i="1"/>
  <c r="U91024" i="1"/>
  <c r="U91023" i="1"/>
  <c r="U91022" i="1"/>
  <c r="U91021" i="1"/>
  <c r="U91020" i="1"/>
  <c r="U91019" i="1"/>
  <c r="U91018" i="1"/>
  <c r="U91017" i="1"/>
  <c r="U91016" i="1"/>
  <c r="U91015" i="1"/>
  <c r="U91014" i="1"/>
  <c r="U91013" i="1"/>
  <c r="U91012" i="1"/>
  <c r="U91011" i="1"/>
  <c r="U91010" i="1"/>
  <c r="U91009" i="1"/>
  <c r="U91008" i="1"/>
  <c r="U91007" i="1"/>
  <c r="U91006" i="1"/>
  <c r="U91005" i="1"/>
  <c r="U91004" i="1"/>
  <c r="U91003" i="1"/>
  <c r="U91002" i="1"/>
  <c r="U91001" i="1"/>
  <c r="U91000" i="1"/>
  <c r="U90999" i="1"/>
  <c r="U90998" i="1"/>
  <c r="U90997" i="1"/>
  <c r="U90996" i="1"/>
  <c r="U90995" i="1"/>
  <c r="U90994" i="1"/>
  <c r="U90993" i="1"/>
  <c r="U90992" i="1"/>
  <c r="U90991" i="1"/>
  <c r="U90990" i="1"/>
  <c r="U90989" i="1"/>
  <c r="U90988" i="1"/>
  <c r="U90987" i="1"/>
  <c r="U90986" i="1"/>
  <c r="U90985" i="1"/>
  <c r="U90984" i="1"/>
  <c r="U90983" i="1"/>
  <c r="U90982" i="1"/>
  <c r="U90981" i="1"/>
  <c r="U90980" i="1"/>
  <c r="U90979" i="1"/>
  <c r="U90978" i="1"/>
  <c r="U90977" i="1"/>
  <c r="U90976" i="1"/>
  <c r="U90975" i="1"/>
  <c r="U90974" i="1"/>
  <c r="U90973" i="1"/>
  <c r="U90972" i="1"/>
  <c r="U90971" i="1"/>
  <c r="U90970" i="1"/>
  <c r="U90969" i="1"/>
  <c r="U90968" i="1"/>
  <c r="U90967" i="1"/>
  <c r="U90966" i="1"/>
  <c r="U90965" i="1"/>
  <c r="U90964" i="1"/>
  <c r="U90963" i="1"/>
  <c r="U90962" i="1"/>
  <c r="U90961" i="1"/>
  <c r="U90960" i="1"/>
  <c r="U90959" i="1"/>
  <c r="U90958" i="1"/>
  <c r="U90957" i="1"/>
  <c r="U90956" i="1"/>
  <c r="U90955" i="1"/>
  <c r="U90954" i="1"/>
  <c r="U90953" i="1"/>
  <c r="U90952" i="1"/>
  <c r="U90951" i="1"/>
  <c r="U90950" i="1"/>
  <c r="U90949" i="1"/>
  <c r="U90948" i="1"/>
  <c r="U90947" i="1"/>
  <c r="U90946" i="1"/>
  <c r="U90945" i="1"/>
  <c r="U90944" i="1"/>
  <c r="U90943" i="1"/>
  <c r="U90942" i="1"/>
  <c r="U90941" i="1"/>
  <c r="U90940" i="1"/>
  <c r="U90939" i="1"/>
  <c r="U90938" i="1"/>
  <c r="U90937" i="1"/>
  <c r="U90936" i="1"/>
  <c r="U90935" i="1"/>
  <c r="U90934" i="1"/>
  <c r="U90933" i="1"/>
  <c r="U90932" i="1"/>
  <c r="U90931" i="1"/>
  <c r="U90930" i="1"/>
  <c r="U90929" i="1"/>
  <c r="U90928" i="1"/>
  <c r="U90927" i="1"/>
  <c r="U90926" i="1"/>
  <c r="U90925" i="1"/>
  <c r="U90924" i="1"/>
  <c r="U90923" i="1"/>
  <c r="U90922" i="1"/>
  <c r="U90921" i="1"/>
  <c r="U90920" i="1"/>
  <c r="U90919" i="1"/>
  <c r="U90918" i="1"/>
  <c r="U90917" i="1"/>
  <c r="U90916" i="1"/>
  <c r="U90915" i="1"/>
  <c r="U90914" i="1"/>
  <c r="U90913" i="1"/>
  <c r="U90912" i="1"/>
  <c r="U90911" i="1"/>
  <c r="U90910" i="1"/>
  <c r="U90909" i="1"/>
  <c r="U90908" i="1"/>
  <c r="U90907" i="1"/>
  <c r="U90906" i="1"/>
  <c r="U90905" i="1"/>
  <c r="U90904" i="1"/>
  <c r="U90903" i="1"/>
  <c r="U90902" i="1"/>
  <c r="U90901" i="1"/>
  <c r="U90900" i="1"/>
  <c r="U90899" i="1"/>
  <c r="U90898" i="1"/>
  <c r="U90897" i="1"/>
  <c r="U90896" i="1"/>
  <c r="U90895" i="1"/>
  <c r="U90894" i="1"/>
  <c r="U90893" i="1"/>
  <c r="U90892" i="1"/>
  <c r="U90891" i="1"/>
  <c r="U90890" i="1"/>
  <c r="U90889" i="1"/>
  <c r="U90888" i="1"/>
  <c r="U90887" i="1"/>
  <c r="U90886" i="1"/>
  <c r="U90885" i="1"/>
  <c r="U90884" i="1"/>
  <c r="U90883" i="1"/>
  <c r="U90882" i="1"/>
  <c r="U90881" i="1"/>
  <c r="U90880" i="1"/>
  <c r="U90879" i="1"/>
  <c r="U90878" i="1"/>
  <c r="U90877" i="1"/>
  <c r="U90876" i="1"/>
  <c r="U90875" i="1"/>
  <c r="U90874" i="1"/>
  <c r="U90873" i="1"/>
  <c r="U90872" i="1"/>
  <c r="U90871" i="1"/>
  <c r="U90870" i="1"/>
  <c r="U90869" i="1"/>
  <c r="U90868" i="1"/>
  <c r="U90867" i="1"/>
  <c r="U90866" i="1"/>
  <c r="U90865" i="1"/>
  <c r="U90864" i="1"/>
  <c r="U90863" i="1"/>
  <c r="U90862" i="1"/>
  <c r="U90861" i="1"/>
  <c r="U90860" i="1"/>
  <c r="U90859" i="1"/>
  <c r="U90858" i="1"/>
  <c r="U90857" i="1"/>
  <c r="U90856" i="1"/>
  <c r="U90855" i="1"/>
  <c r="U90854" i="1"/>
  <c r="U90853" i="1"/>
  <c r="U90852" i="1"/>
  <c r="U90851" i="1"/>
  <c r="U90850" i="1"/>
  <c r="U90849" i="1"/>
  <c r="U90848" i="1"/>
  <c r="U90847" i="1"/>
  <c r="U90846" i="1"/>
  <c r="U90845" i="1"/>
  <c r="U90844" i="1"/>
  <c r="U90843" i="1"/>
  <c r="U90842" i="1"/>
  <c r="U90841" i="1"/>
  <c r="U90840" i="1"/>
  <c r="U90839" i="1"/>
  <c r="U90838" i="1"/>
  <c r="U90837" i="1"/>
  <c r="U90836" i="1"/>
  <c r="U90835" i="1"/>
  <c r="U90834" i="1"/>
  <c r="U90833" i="1"/>
  <c r="U90832" i="1"/>
  <c r="U90831" i="1"/>
  <c r="U90830" i="1"/>
  <c r="U90829" i="1"/>
  <c r="U90828" i="1"/>
  <c r="U90827" i="1"/>
  <c r="U90826" i="1"/>
  <c r="U90825" i="1"/>
  <c r="U90824" i="1"/>
  <c r="U90823" i="1"/>
  <c r="U90822" i="1"/>
  <c r="U90821" i="1"/>
  <c r="U90820" i="1"/>
  <c r="U90819" i="1"/>
  <c r="U90818" i="1"/>
  <c r="U90817" i="1"/>
  <c r="U90816" i="1"/>
  <c r="U90815" i="1"/>
  <c r="U90814" i="1"/>
  <c r="U90813" i="1"/>
  <c r="U90812" i="1"/>
  <c r="U90811" i="1"/>
  <c r="U90810" i="1"/>
  <c r="U90809" i="1"/>
  <c r="U90808" i="1"/>
  <c r="U90807" i="1"/>
  <c r="U90806" i="1"/>
  <c r="U90805" i="1"/>
  <c r="U90804" i="1"/>
  <c r="U90803" i="1"/>
  <c r="U90802" i="1"/>
  <c r="U90801" i="1"/>
  <c r="U90800" i="1"/>
  <c r="U90799" i="1"/>
  <c r="U90798" i="1"/>
  <c r="U90797" i="1"/>
  <c r="U90796" i="1"/>
  <c r="U90795" i="1"/>
  <c r="U90794" i="1"/>
  <c r="U90793" i="1"/>
  <c r="U90792" i="1"/>
  <c r="U90791" i="1"/>
  <c r="U90790" i="1"/>
  <c r="U90789" i="1"/>
  <c r="U90788" i="1"/>
  <c r="U90787" i="1"/>
  <c r="U90786" i="1"/>
  <c r="U90785" i="1"/>
  <c r="U90784" i="1"/>
  <c r="U90783" i="1"/>
  <c r="U90782" i="1"/>
  <c r="U90781" i="1"/>
  <c r="U90780" i="1"/>
  <c r="U90779" i="1"/>
  <c r="U90778" i="1"/>
  <c r="U90777" i="1"/>
  <c r="U90776" i="1"/>
  <c r="U90775" i="1"/>
  <c r="U90774" i="1"/>
  <c r="U90773" i="1"/>
  <c r="U90772" i="1"/>
  <c r="U90771" i="1"/>
  <c r="U90770" i="1"/>
  <c r="U90769" i="1"/>
  <c r="U90768" i="1"/>
  <c r="U90767" i="1"/>
  <c r="U90766" i="1"/>
  <c r="U90765" i="1"/>
  <c r="U90764" i="1"/>
  <c r="U90763" i="1"/>
  <c r="U90762" i="1"/>
  <c r="U90761" i="1"/>
  <c r="U90760" i="1"/>
  <c r="U90759" i="1"/>
  <c r="U90758" i="1"/>
  <c r="U90757" i="1"/>
  <c r="U90756" i="1"/>
  <c r="U90755" i="1"/>
  <c r="U90754" i="1"/>
  <c r="U90753" i="1"/>
  <c r="U90752" i="1"/>
  <c r="U90751" i="1"/>
  <c r="U90750" i="1"/>
  <c r="U90749" i="1"/>
  <c r="U90748" i="1"/>
  <c r="U90747" i="1"/>
  <c r="U90746" i="1"/>
  <c r="U90745" i="1"/>
  <c r="U90744" i="1"/>
  <c r="U90743" i="1"/>
  <c r="U90742" i="1"/>
  <c r="U90741" i="1"/>
  <c r="U90740" i="1"/>
  <c r="U90739" i="1"/>
  <c r="U90738" i="1"/>
  <c r="U90737" i="1"/>
  <c r="U90736" i="1"/>
  <c r="U90735" i="1"/>
  <c r="U90734" i="1"/>
  <c r="U90733" i="1"/>
  <c r="U90732" i="1"/>
  <c r="U90731" i="1"/>
  <c r="U90730" i="1"/>
  <c r="U90729" i="1"/>
  <c r="U90728" i="1"/>
  <c r="U90727" i="1"/>
  <c r="U90726" i="1"/>
  <c r="U90725" i="1"/>
  <c r="U90724" i="1"/>
  <c r="U90723" i="1"/>
  <c r="U90722" i="1"/>
  <c r="U90721" i="1"/>
  <c r="U90720" i="1"/>
  <c r="U90719" i="1"/>
  <c r="U90718" i="1"/>
  <c r="U90717" i="1"/>
  <c r="U90716" i="1"/>
  <c r="U90715" i="1"/>
  <c r="U90714" i="1"/>
  <c r="U90713" i="1"/>
  <c r="U90712" i="1"/>
  <c r="U90711" i="1"/>
  <c r="U90710" i="1"/>
  <c r="U90709" i="1"/>
  <c r="U90708" i="1"/>
  <c r="U90707" i="1"/>
  <c r="U90706" i="1"/>
  <c r="U90705" i="1"/>
  <c r="U90704" i="1"/>
  <c r="U90703" i="1"/>
  <c r="U90702" i="1"/>
  <c r="U90701" i="1"/>
  <c r="U90700" i="1"/>
  <c r="U90699" i="1"/>
  <c r="U90698" i="1"/>
  <c r="U90697" i="1"/>
  <c r="U90696" i="1"/>
  <c r="U90695" i="1"/>
  <c r="U90694" i="1"/>
  <c r="U90693" i="1"/>
  <c r="U90692" i="1"/>
  <c r="U90691" i="1"/>
  <c r="U90690" i="1"/>
  <c r="U90689" i="1"/>
  <c r="U90688" i="1"/>
  <c r="U90687" i="1"/>
  <c r="U90686" i="1"/>
  <c r="U90685" i="1"/>
  <c r="U90684" i="1"/>
  <c r="U90683" i="1"/>
  <c r="U90682" i="1"/>
  <c r="U90681" i="1"/>
  <c r="U90680" i="1"/>
  <c r="U90679" i="1"/>
  <c r="U90678" i="1"/>
  <c r="U90677" i="1"/>
  <c r="U90676" i="1"/>
  <c r="U90675" i="1"/>
  <c r="U90674" i="1"/>
  <c r="U90673" i="1"/>
  <c r="U90672" i="1"/>
  <c r="U90671" i="1"/>
  <c r="U90670" i="1"/>
  <c r="U90669" i="1"/>
  <c r="U90668" i="1"/>
  <c r="U90667" i="1"/>
  <c r="U90666" i="1"/>
  <c r="U90665" i="1"/>
  <c r="U90664" i="1"/>
  <c r="U90663" i="1"/>
  <c r="U90662" i="1"/>
  <c r="U90661" i="1"/>
  <c r="U90660" i="1"/>
  <c r="U90659" i="1"/>
  <c r="U90658" i="1"/>
  <c r="U90657" i="1"/>
  <c r="U90656" i="1"/>
  <c r="U90655" i="1"/>
  <c r="U90654" i="1"/>
  <c r="U90653" i="1"/>
  <c r="U90652" i="1"/>
  <c r="U90651" i="1"/>
  <c r="U90650" i="1"/>
  <c r="U90649" i="1"/>
  <c r="U90648" i="1"/>
  <c r="U90647" i="1"/>
  <c r="U90646" i="1"/>
  <c r="U90645" i="1"/>
  <c r="U90644" i="1"/>
  <c r="U90643" i="1"/>
  <c r="U90642" i="1"/>
  <c r="U90641" i="1"/>
  <c r="U90640" i="1"/>
  <c r="U90639" i="1"/>
  <c r="U90638" i="1"/>
  <c r="U90637" i="1"/>
  <c r="U90636" i="1"/>
  <c r="U90635" i="1"/>
  <c r="U90634" i="1"/>
  <c r="U90633" i="1"/>
  <c r="U90632" i="1"/>
  <c r="U90631" i="1"/>
  <c r="U90630" i="1"/>
  <c r="U90629" i="1"/>
  <c r="U90628" i="1"/>
  <c r="U90627" i="1"/>
  <c r="U90626" i="1"/>
  <c r="U90625" i="1"/>
  <c r="U90624" i="1"/>
  <c r="U90623" i="1"/>
  <c r="U90622" i="1"/>
  <c r="U90621" i="1"/>
  <c r="U90620" i="1"/>
  <c r="U90619" i="1"/>
  <c r="U90618" i="1"/>
  <c r="U90617" i="1"/>
  <c r="U90616" i="1"/>
  <c r="U90615" i="1"/>
  <c r="U90614" i="1"/>
  <c r="U90613" i="1"/>
  <c r="U90612" i="1"/>
  <c r="U90611" i="1"/>
  <c r="U90610" i="1"/>
  <c r="U90609" i="1"/>
  <c r="U90608" i="1"/>
  <c r="U90607" i="1"/>
  <c r="U90606" i="1"/>
  <c r="U90605" i="1"/>
  <c r="U90604" i="1"/>
  <c r="U90603" i="1"/>
  <c r="U90602" i="1"/>
  <c r="U90601" i="1"/>
  <c r="U90600" i="1"/>
  <c r="U90599" i="1"/>
  <c r="U90598" i="1"/>
  <c r="U90597" i="1"/>
  <c r="U90596" i="1"/>
  <c r="U90595" i="1"/>
  <c r="U90594" i="1"/>
  <c r="U90593" i="1"/>
  <c r="U90592" i="1"/>
  <c r="U90591" i="1"/>
  <c r="U90590" i="1"/>
  <c r="U90589" i="1"/>
  <c r="U90588" i="1"/>
  <c r="U90587" i="1"/>
  <c r="U90586" i="1"/>
  <c r="U90585" i="1"/>
  <c r="U90584" i="1"/>
  <c r="U90583" i="1"/>
  <c r="U90582" i="1"/>
  <c r="U90581" i="1"/>
  <c r="U90580" i="1"/>
  <c r="U90579" i="1"/>
  <c r="U90578" i="1"/>
  <c r="U90577" i="1"/>
  <c r="U90576" i="1"/>
  <c r="U90575" i="1"/>
  <c r="U90574" i="1"/>
  <c r="U90573" i="1"/>
  <c r="U90572" i="1"/>
  <c r="U90571" i="1"/>
  <c r="U90570" i="1"/>
  <c r="U90569" i="1"/>
  <c r="U90568" i="1"/>
  <c r="U90567" i="1"/>
  <c r="U90566" i="1"/>
  <c r="U90565" i="1"/>
  <c r="U90564" i="1"/>
  <c r="U90563" i="1"/>
  <c r="U90562" i="1"/>
  <c r="U90561" i="1"/>
  <c r="U90560" i="1"/>
  <c r="U90559" i="1"/>
  <c r="U90558" i="1"/>
  <c r="U90557" i="1"/>
  <c r="U90556" i="1"/>
  <c r="U90555" i="1"/>
  <c r="U90554" i="1"/>
  <c r="U90553" i="1"/>
  <c r="U90552" i="1"/>
  <c r="U90551" i="1"/>
  <c r="U90550" i="1"/>
  <c r="U90549" i="1"/>
  <c r="U90548" i="1"/>
  <c r="U90547" i="1"/>
  <c r="U90546" i="1"/>
  <c r="U90545" i="1"/>
  <c r="U90544" i="1"/>
  <c r="U90543" i="1"/>
  <c r="U90542" i="1"/>
  <c r="U90541" i="1"/>
  <c r="U90540" i="1"/>
  <c r="U90539" i="1"/>
  <c r="U90538" i="1"/>
  <c r="U90537" i="1"/>
  <c r="U90536" i="1"/>
  <c r="U90535" i="1"/>
  <c r="U90534" i="1"/>
  <c r="U90533" i="1"/>
  <c r="U90532" i="1"/>
  <c r="U90531" i="1"/>
  <c r="U90530" i="1"/>
  <c r="U90529" i="1"/>
  <c r="U90528" i="1"/>
  <c r="U90527" i="1"/>
  <c r="U90526" i="1"/>
  <c r="U90525" i="1"/>
  <c r="U90524" i="1"/>
  <c r="U90523" i="1"/>
  <c r="U90522" i="1"/>
  <c r="U90521" i="1"/>
  <c r="U90520" i="1"/>
  <c r="U90519" i="1"/>
  <c r="U90518" i="1"/>
  <c r="U90517" i="1"/>
  <c r="U90516" i="1"/>
  <c r="U90515" i="1"/>
  <c r="U90514" i="1"/>
  <c r="U90513" i="1"/>
  <c r="U90512" i="1"/>
  <c r="U90511" i="1"/>
  <c r="U90510" i="1"/>
  <c r="U90509" i="1"/>
  <c r="U90508" i="1"/>
  <c r="U90507" i="1"/>
  <c r="U90506" i="1"/>
  <c r="U90505" i="1"/>
  <c r="U90504" i="1"/>
  <c r="U90503" i="1"/>
  <c r="U90502" i="1"/>
  <c r="U90501" i="1"/>
  <c r="U90500" i="1"/>
  <c r="U90499" i="1"/>
  <c r="U90498" i="1"/>
  <c r="U90497" i="1"/>
  <c r="U90496" i="1"/>
  <c r="U90495" i="1"/>
  <c r="U90494" i="1"/>
  <c r="U90493" i="1"/>
  <c r="U90492" i="1"/>
  <c r="U90491" i="1"/>
  <c r="U90490" i="1"/>
  <c r="U90489" i="1"/>
  <c r="U90488" i="1"/>
  <c r="U90487" i="1"/>
  <c r="U90486" i="1"/>
  <c r="U90485" i="1"/>
  <c r="U90484" i="1"/>
  <c r="U90483" i="1"/>
  <c r="U90482" i="1"/>
  <c r="U90481" i="1"/>
  <c r="U90480" i="1"/>
  <c r="U90479" i="1"/>
  <c r="U90478" i="1"/>
  <c r="U90477" i="1"/>
  <c r="U90476" i="1"/>
  <c r="U90475" i="1"/>
  <c r="U90474" i="1"/>
  <c r="U90473" i="1"/>
  <c r="U90472" i="1"/>
  <c r="U90471" i="1"/>
  <c r="U90470" i="1"/>
  <c r="U90469" i="1"/>
  <c r="U90468" i="1"/>
  <c r="U90467" i="1"/>
  <c r="U90466" i="1"/>
  <c r="U90465" i="1"/>
  <c r="U90464" i="1"/>
  <c r="U90463" i="1"/>
  <c r="U90462" i="1"/>
  <c r="U90461" i="1"/>
  <c r="U90460" i="1"/>
  <c r="U90459" i="1"/>
  <c r="U90458" i="1"/>
  <c r="U90457" i="1"/>
  <c r="U90456" i="1"/>
  <c r="U90455" i="1"/>
  <c r="U90454" i="1"/>
  <c r="U90453" i="1"/>
  <c r="U90452" i="1"/>
  <c r="U90451" i="1"/>
  <c r="U90450" i="1"/>
  <c r="U90449" i="1"/>
  <c r="U90448" i="1"/>
  <c r="U90447" i="1"/>
  <c r="U90446" i="1"/>
  <c r="U90445" i="1"/>
  <c r="U90444" i="1"/>
  <c r="U90443" i="1"/>
  <c r="U90442" i="1"/>
  <c r="U90441" i="1"/>
  <c r="U90440" i="1"/>
  <c r="U90439" i="1"/>
  <c r="U90438" i="1"/>
  <c r="U90437" i="1"/>
  <c r="U90436" i="1"/>
  <c r="U90435" i="1"/>
  <c r="U90434" i="1"/>
  <c r="U90433" i="1"/>
  <c r="U90432" i="1"/>
  <c r="U90431" i="1"/>
  <c r="U90430" i="1"/>
  <c r="U90429" i="1"/>
  <c r="U90428" i="1"/>
  <c r="U90427" i="1"/>
  <c r="U90426" i="1"/>
  <c r="U90425" i="1"/>
  <c r="U90424" i="1"/>
  <c r="U90423" i="1"/>
  <c r="U90422" i="1"/>
  <c r="U90421" i="1"/>
  <c r="U90420" i="1"/>
  <c r="U90419" i="1"/>
  <c r="U90418" i="1"/>
  <c r="U90417" i="1"/>
  <c r="U90416" i="1"/>
  <c r="U90415" i="1"/>
  <c r="U90414" i="1"/>
  <c r="U90413" i="1"/>
  <c r="U90412" i="1"/>
  <c r="U90411" i="1"/>
  <c r="U90410" i="1"/>
  <c r="U90409" i="1"/>
  <c r="U90408" i="1"/>
  <c r="U90407" i="1"/>
  <c r="U90406" i="1"/>
  <c r="U90405" i="1"/>
  <c r="U90404" i="1"/>
  <c r="U90403" i="1"/>
  <c r="U90402" i="1"/>
  <c r="U90401" i="1"/>
  <c r="U90400" i="1"/>
  <c r="U90399" i="1"/>
  <c r="U90398" i="1"/>
  <c r="U90397" i="1"/>
  <c r="U90396" i="1"/>
  <c r="U90395" i="1"/>
  <c r="U90394" i="1"/>
  <c r="U90393" i="1"/>
  <c r="U90392" i="1"/>
  <c r="U90391" i="1"/>
  <c r="U90390" i="1"/>
  <c r="U90389" i="1"/>
  <c r="U90388" i="1"/>
  <c r="U90387" i="1"/>
  <c r="U90386" i="1"/>
  <c r="U90385" i="1"/>
  <c r="U90384" i="1"/>
  <c r="U90383" i="1"/>
  <c r="U90382" i="1"/>
  <c r="U90381" i="1"/>
  <c r="U90380" i="1"/>
  <c r="U90379" i="1"/>
  <c r="U90378" i="1"/>
  <c r="U90377" i="1"/>
  <c r="U90376" i="1"/>
  <c r="U90375" i="1"/>
  <c r="U90374" i="1"/>
  <c r="U90373" i="1"/>
  <c r="U90372" i="1"/>
  <c r="U90371" i="1"/>
  <c r="U90370" i="1"/>
  <c r="U90369" i="1"/>
  <c r="U90368" i="1"/>
  <c r="U90367" i="1"/>
  <c r="U90366" i="1"/>
  <c r="U90365" i="1"/>
  <c r="U90364" i="1"/>
  <c r="U90363" i="1"/>
  <c r="U90362" i="1"/>
  <c r="U90361" i="1"/>
  <c r="U90360" i="1"/>
  <c r="U90359" i="1"/>
  <c r="U90358" i="1"/>
  <c r="U90357" i="1"/>
  <c r="U90356" i="1"/>
  <c r="U90355" i="1"/>
  <c r="U90354" i="1"/>
  <c r="U90353" i="1"/>
  <c r="U90352" i="1"/>
  <c r="U90351" i="1"/>
  <c r="U90350" i="1"/>
  <c r="U90349" i="1"/>
  <c r="U90348" i="1"/>
  <c r="U90347" i="1"/>
  <c r="U90346" i="1"/>
  <c r="U90345" i="1"/>
  <c r="U90344" i="1"/>
  <c r="U90343" i="1"/>
  <c r="U90342" i="1"/>
  <c r="U90341" i="1"/>
  <c r="U90340" i="1"/>
  <c r="U90339" i="1"/>
  <c r="U90338" i="1"/>
  <c r="U90337" i="1"/>
  <c r="U90336" i="1"/>
  <c r="U90335" i="1"/>
  <c r="U90334" i="1"/>
  <c r="U90333" i="1"/>
  <c r="U90332" i="1"/>
  <c r="U90331" i="1"/>
  <c r="U90330" i="1"/>
  <c r="U90329" i="1"/>
  <c r="U90328" i="1"/>
  <c r="U90327" i="1"/>
  <c r="U90326" i="1"/>
  <c r="U90325" i="1"/>
  <c r="U90324" i="1"/>
  <c r="U90323" i="1"/>
  <c r="U90322" i="1"/>
  <c r="U90321" i="1"/>
  <c r="U90320" i="1"/>
  <c r="U90319" i="1"/>
  <c r="U90318" i="1"/>
  <c r="U90317" i="1"/>
  <c r="U90316" i="1"/>
  <c r="U90315" i="1"/>
  <c r="U90314" i="1"/>
  <c r="U90313" i="1"/>
  <c r="U90312" i="1"/>
  <c r="U90311" i="1"/>
  <c r="U90310" i="1"/>
  <c r="U90309" i="1"/>
  <c r="U90308" i="1"/>
  <c r="U90307" i="1"/>
  <c r="U90306" i="1"/>
  <c r="U90305" i="1"/>
  <c r="U90304" i="1"/>
  <c r="U90303" i="1"/>
  <c r="U90302" i="1"/>
  <c r="U90301" i="1"/>
  <c r="U90300" i="1"/>
  <c r="U90299" i="1"/>
  <c r="U90298" i="1"/>
  <c r="U90297" i="1"/>
  <c r="U90296" i="1"/>
  <c r="U90295" i="1"/>
  <c r="U90294" i="1"/>
  <c r="U90293" i="1"/>
  <c r="U90292" i="1"/>
  <c r="U90291" i="1"/>
  <c r="U90290" i="1"/>
  <c r="U90289" i="1"/>
  <c r="U90288" i="1"/>
  <c r="U90287" i="1"/>
  <c r="U90286" i="1"/>
  <c r="U90285" i="1"/>
  <c r="U90284" i="1"/>
  <c r="U90283" i="1"/>
  <c r="U90282" i="1"/>
  <c r="U90281" i="1"/>
  <c r="U90280" i="1"/>
  <c r="U90279" i="1"/>
  <c r="U90278" i="1"/>
  <c r="U90277" i="1"/>
  <c r="U90276" i="1"/>
  <c r="U90275" i="1"/>
  <c r="U90274" i="1"/>
  <c r="U90273" i="1"/>
  <c r="U90272" i="1"/>
  <c r="U90271" i="1"/>
  <c r="U90270" i="1"/>
  <c r="U90269" i="1"/>
  <c r="U90268" i="1"/>
  <c r="U90267" i="1"/>
  <c r="U90266" i="1"/>
  <c r="U90265" i="1"/>
  <c r="U90264" i="1"/>
  <c r="U90263" i="1"/>
  <c r="U90262" i="1"/>
  <c r="U90261" i="1"/>
  <c r="U90260" i="1"/>
  <c r="U90259" i="1"/>
  <c r="U90258" i="1"/>
  <c r="U90257" i="1"/>
  <c r="U90256" i="1"/>
  <c r="U90255" i="1"/>
  <c r="U90254" i="1"/>
  <c r="U90253" i="1"/>
  <c r="U90252" i="1"/>
  <c r="U90251" i="1"/>
  <c r="U90250" i="1"/>
  <c r="U90249" i="1"/>
  <c r="U90248" i="1"/>
  <c r="U90247" i="1"/>
  <c r="U90246" i="1"/>
  <c r="U90245" i="1"/>
  <c r="U90244" i="1"/>
  <c r="U90243" i="1"/>
  <c r="U90242" i="1"/>
  <c r="U90241" i="1"/>
  <c r="U90240" i="1"/>
  <c r="U90239" i="1"/>
  <c r="U90238" i="1"/>
  <c r="U90237" i="1"/>
  <c r="U90236" i="1"/>
  <c r="U90235" i="1"/>
  <c r="U90234" i="1"/>
  <c r="U90233" i="1"/>
  <c r="U90232" i="1"/>
  <c r="U90231" i="1"/>
  <c r="U90230" i="1"/>
  <c r="U90229" i="1"/>
  <c r="U90228" i="1"/>
  <c r="U90227" i="1"/>
  <c r="U90226" i="1"/>
  <c r="U90225" i="1"/>
  <c r="U90224" i="1"/>
  <c r="U90223" i="1"/>
  <c r="U90222" i="1"/>
  <c r="U90221" i="1"/>
  <c r="U90220" i="1"/>
  <c r="U90219" i="1"/>
  <c r="U90218" i="1"/>
  <c r="U90217" i="1"/>
  <c r="U90216" i="1"/>
  <c r="U90215" i="1"/>
  <c r="U90214" i="1"/>
  <c r="U90213" i="1"/>
  <c r="U90212" i="1"/>
  <c r="U90211" i="1"/>
  <c r="U90210" i="1"/>
  <c r="U90209" i="1"/>
  <c r="U90208" i="1"/>
  <c r="U90207" i="1"/>
  <c r="U90206" i="1"/>
  <c r="U90205" i="1"/>
  <c r="U90204" i="1"/>
  <c r="U90203" i="1"/>
  <c r="U90202" i="1"/>
  <c r="U90201" i="1"/>
  <c r="U90200" i="1"/>
  <c r="U90199" i="1"/>
  <c r="U90198" i="1"/>
  <c r="U90197" i="1"/>
  <c r="U90196" i="1"/>
  <c r="U90195" i="1"/>
  <c r="U90194" i="1"/>
  <c r="U90193" i="1"/>
  <c r="U90192" i="1"/>
  <c r="U90191" i="1"/>
  <c r="U90190" i="1"/>
  <c r="U90189" i="1"/>
  <c r="U90188" i="1"/>
  <c r="U90187" i="1"/>
  <c r="U90186" i="1"/>
  <c r="U90185" i="1"/>
  <c r="U90184" i="1"/>
  <c r="U90183" i="1"/>
  <c r="U90182" i="1"/>
  <c r="U90181" i="1"/>
  <c r="U90180" i="1"/>
  <c r="U90179" i="1"/>
  <c r="U90178" i="1"/>
  <c r="U90177" i="1"/>
  <c r="U90176" i="1"/>
  <c r="U90175" i="1"/>
  <c r="U90174" i="1"/>
  <c r="U90173" i="1"/>
  <c r="U90172" i="1"/>
  <c r="U90171" i="1"/>
  <c r="U90170" i="1"/>
  <c r="U90169" i="1"/>
  <c r="U90168" i="1"/>
  <c r="U90167" i="1"/>
  <c r="U90166" i="1"/>
  <c r="U90165" i="1"/>
  <c r="U90164" i="1"/>
  <c r="U90163" i="1"/>
  <c r="U90162" i="1"/>
  <c r="U90161" i="1"/>
  <c r="U90160" i="1"/>
  <c r="U90159" i="1"/>
  <c r="U90158" i="1"/>
  <c r="U90157" i="1"/>
  <c r="U90156" i="1"/>
  <c r="U90155" i="1"/>
  <c r="U90154" i="1"/>
  <c r="U90153" i="1"/>
  <c r="U90152" i="1"/>
  <c r="U90151" i="1"/>
  <c r="U90150" i="1"/>
  <c r="U90149" i="1"/>
  <c r="U90148" i="1"/>
  <c r="U90147" i="1"/>
  <c r="U90146" i="1"/>
  <c r="U90145" i="1"/>
  <c r="U90144" i="1"/>
  <c r="U90143" i="1"/>
  <c r="U90142" i="1"/>
  <c r="U90141" i="1"/>
  <c r="U90140" i="1"/>
  <c r="U90139" i="1"/>
  <c r="U90138" i="1"/>
  <c r="U90137" i="1"/>
  <c r="U90136" i="1"/>
  <c r="U90135" i="1"/>
  <c r="U90134" i="1"/>
  <c r="U90133" i="1"/>
  <c r="U90132" i="1"/>
  <c r="U90131" i="1"/>
  <c r="U90130" i="1"/>
  <c r="U90129" i="1"/>
  <c r="U90128" i="1"/>
  <c r="U90127" i="1"/>
  <c r="U90126" i="1"/>
  <c r="U90125" i="1"/>
  <c r="U90124" i="1"/>
  <c r="U90123" i="1"/>
  <c r="U90122" i="1"/>
  <c r="U90121" i="1"/>
  <c r="U90120" i="1"/>
  <c r="U90119" i="1"/>
  <c r="U90118" i="1"/>
  <c r="U90117" i="1"/>
  <c r="U90116" i="1"/>
  <c r="U90115" i="1"/>
  <c r="U90114" i="1"/>
  <c r="U90113" i="1"/>
  <c r="U90112" i="1"/>
  <c r="U90111" i="1"/>
  <c r="U90110" i="1"/>
  <c r="U90109" i="1"/>
  <c r="U90108" i="1"/>
  <c r="U90107" i="1"/>
  <c r="U90106" i="1"/>
  <c r="U90105" i="1"/>
  <c r="U90104" i="1"/>
  <c r="U90103" i="1"/>
  <c r="U90102" i="1"/>
  <c r="U90101" i="1"/>
  <c r="U90100" i="1"/>
  <c r="U90099" i="1"/>
  <c r="U90098" i="1"/>
  <c r="U90097" i="1"/>
  <c r="U90096" i="1"/>
  <c r="U90095" i="1"/>
  <c r="U90094" i="1"/>
  <c r="U90093" i="1"/>
  <c r="U90092" i="1"/>
  <c r="U90091" i="1"/>
  <c r="U90090" i="1"/>
  <c r="U90089" i="1"/>
  <c r="U90088" i="1"/>
  <c r="U90087" i="1"/>
  <c r="U90086" i="1"/>
  <c r="U90085" i="1"/>
  <c r="U90084" i="1"/>
  <c r="U90083" i="1"/>
  <c r="U90082" i="1"/>
  <c r="U90081" i="1"/>
  <c r="U90080" i="1"/>
  <c r="U90079" i="1"/>
  <c r="U90078" i="1"/>
  <c r="U90077" i="1"/>
  <c r="U90076" i="1"/>
  <c r="U90075" i="1"/>
  <c r="U90074" i="1"/>
  <c r="U90073" i="1"/>
  <c r="U90072" i="1"/>
  <c r="U90071" i="1"/>
  <c r="U90070" i="1"/>
  <c r="U90069" i="1"/>
  <c r="U90068" i="1"/>
  <c r="U90067" i="1"/>
  <c r="U90066" i="1"/>
  <c r="U90065" i="1"/>
  <c r="U90064" i="1"/>
  <c r="U90063" i="1"/>
  <c r="U90062" i="1"/>
  <c r="U90061" i="1"/>
  <c r="U90060" i="1"/>
  <c r="U90059" i="1"/>
  <c r="U90058" i="1"/>
  <c r="U90057" i="1"/>
  <c r="U90056" i="1"/>
  <c r="U90055" i="1"/>
  <c r="U90054" i="1"/>
  <c r="U90053" i="1"/>
  <c r="U90052" i="1"/>
  <c r="U90051" i="1"/>
  <c r="U90050" i="1"/>
  <c r="U90049" i="1"/>
  <c r="U90048" i="1"/>
  <c r="U90047" i="1"/>
  <c r="U90046" i="1"/>
  <c r="U90045" i="1"/>
  <c r="U90044" i="1"/>
  <c r="U90043" i="1"/>
  <c r="U90042" i="1"/>
  <c r="U90041" i="1"/>
  <c r="U90040" i="1"/>
  <c r="U90039" i="1"/>
  <c r="U90038" i="1"/>
  <c r="U90037" i="1"/>
  <c r="U90036" i="1"/>
  <c r="U90035" i="1"/>
  <c r="U90034" i="1"/>
  <c r="U90033" i="1"/>
  <c r="U90032" i="1"/>
  <c r="U90031" i="1"/>
  <c r="U90030" i="1"/>
  <c r="U90029" i="1"/>
  <c r="U90028" i="1"/>
  <c r="U90027" i="1"/>
  <c r="U90026" i="1"/>
  <c r="U90025" i="1"/>
  <c r="U90024" i="1"/>
  <c r="U90023" i="1"/>
  <c r="U90022" i="1"/>
  <c r="U90021" i="1"/>
  <c r="U90020" i="1"/>
  <c r="U90019" i="1"/>
  <c r="U90018" i="1"/>
  <c r="U90017" i="1"/>
  <c r="U90016" i="1"/>
  <c r="U90015" i="1"/>
  <c r="U90014" i="1"/>
  <c r="U90013" i="1"/>
  <c r="U90012" i="1"/>
  <c r="U90011" i="1"/>
  <c r="U90010" i="1"/>
  <c r="U90009" i="1"/>
  <c r="U90008" i="1"/>
  <c r="U90007" i="1"/>
  <c r="U90006" i="1"/>
  <c r="U90005" i="1"/>
  <c r="U90004" i="1"/>
  <c r="U90003" i="1"/>
  <c r="U90002" i="1"/>
  <c r="U90001" i="1"/>
  <c r="U90000" i="1"/>
  <c r="U89999" i="1"/>
  <c r="U89998" i="1"/>
  <c r="U89997" i="1"/>
  <c r="U89996" i="1"/>
  <c r="U89995" i="1"/>
  <c r="U89994" i="1"/>
  <c r="U89993" i="1"/>
  <c r="U89992" i="1"/>
  <c r="U89991" i="1"/>
  <c r="U89990" i="1"/>
  <c r="U89989" i="1"/>
  <c r="U89988" i="1"/>
  <c r="U89987" i="1"/>
  <c r="U89986" i="1"/>
  <c r="U89985" i="1"/>
  <c r="U89984" i="1"/>
  <c r="U89983" i="1"/>
  <c r="U89982" i="1"/>
  <c r="U89981" i="1"/>
  <c r="U89980" i="1"/>
  <c r="U89979" i="1"/>
  <c r="U89978" i="1"/>
  <c r="U89977" i="1"/>
  <c r="U89976" i="1"/>
  <c r="U89975" i="1"/>
  <c r="U89974" i="1"/>
  <c r="U89973" i="1"/>
  <c r="U89972" i="1"/>
  <c r="U89971" i="1"/>
  <c r="U89970" i="1"/>
  <c r="U89969" i="1"/>
  <c r="U89968" i="1"/>
  <c r="U89967" i="1"/>
  <c r="U89966" i="1"/>
  <c r="U89965" i="1"/>
  <c r="U89964" i="1"/>
  <c r="U89963" i="1"/>
  <c r="U89962" i="1"/>
  <c r="U89961" i="1"/>
  <c r="U89960" i="1"/>
  <c r="U89959" i="1"/>
  <c r="U89958" i="1"/>
  <c r="U89957" i="1"/>
  <c r="U89956" i="1"/>
  <c r="U89955" i="1"/>
  <c r="U89954" i="1"/>
  <c r="U89953" i="1"/>
  <c r="U89952" i="1"/>
  <c r="U89951" i="1"/>
  <c r="U89950" i="1"/>
  <c r="U89949" i="1"/>
  <c r="U89948" i="1"/>
  <c r="U89947" i="1"/>
  <c r="U89946" i="1"/>
  <c r="U89945" i="1"/>
  <c r="U89944" i="1"/>
  <c r="U89943" i="1"/>
  <c r="U89942" i="1"/>
  <c r="U89941" i="1"/>
  <c r="U89940" i="1"/>
  <c r="U89939" i="1"/>
  <c r="U89938" i="1"/>
  <c r="U89937" i="1"/>
  <c r="U89936" i="1"/>
  <c r="U89935" i="1"/>
  <c r="U89934" i="1"/>
  <c r="U89933" i="1"/>
  <c r="U89932" i="1"/>
  <c r="U89931" i="1"/>
  <c r="U89930" i="1"/>
  <c r="U89929" i="1"/>
  <c r="U89928" i="1"/>
  <c r="U89927" i="1"/>
  <c r="U89926" i="1"/>
  <c r="U89925" i="1"/>
  <c r="U89924" i="1"/>
  <c r="U89923" i="1"/>
  <c r="U89922" i="1"/>
  <c r="U89921" i="1"/>
  <c r="U89920" i="1"/>
  <c r="U89919" i="1"/>
  <c r="U89918" i="1"/>
  <c r="U89917" i="1"/>
  <c r="U89916" i="1"/>
  <c r="U89915" i="1"/>
  <c r="U89914" i="1"/>
  <c r="U89913" i="1"/>
  <c r="U89912" i="1"/>
  <c r="U89911" i="1"/>
  <c r="U89910" i="1"/>
  <c r="U89909" i="1"/>
  <c r="U89908" i="1"/>
  <c r="U89907" i="1"/>
  <c r="U89906" i="1"/>
  <c r="U89905" i="1"/>
  <c r="U89904" i="1"/>
  <c r="U89903" i="1"/>
  <c r="U89902" i="1"/>
  <c r="U89901" i="1"/>
  <c r="U89900" i="1"/>
  <c r="U89899" i="1"/>
  <c r="U89898" i="1"/>
  <c r="U89897" i="1"/>
  <c r="U89896" i="1"/>
  <c r="U89895" i="1"/>
  <c r="U89894" i="1"/>
  <c r="U89893" i="1"/>
  <c r="U89892" i="1"/>
  <c r="U89891" i="1"/>
  <c r="U89890" i="1"/>
  <c r="U89889" i="1"/>
  <c r="U89888" i="1"/>
  <c r="U89887" i="1"/>
  <c r="U89886" i="1"/>
  <c r="U89885" i="1"/>
  <c r="U89884" i="1"/>
  <c r="U89883" i="1"/>
  <c r="U89882" i="1"/>
  <c r="U89881" i="1"/>
  <c r="U89880" i="1"/>
  <c r="U89879" i="1"/>
  <c r="U89878" i="1"/>
  <c r="U89877" i="1"/>
  <c r="U89876" i="1"/>
  <c r="U89875" i="1"/>
  <c r="U89874" i="1"/>
  <c r="U89873" i="1"/>
  <c r="U89872" i="1"/>
  <c r="U89871" i="1"/>
  <c r="U89870" i="1"/>
  <c r="U89869" i="1"/>
  <c r="U89868" i="1"/>
  <c r="U89867" i="1"/>
  <c r="U89866" i="1"/>
  <c r="U89865" i="1"/>
  <c r="U89864" i="1"/>
  <c r="U89863" i="1"/>
  <c r="U89862" i="1"/>
  <c r="U89861" i="1"/>
  <c r="U89860" i="1"/>
  <c r="U89859" i="1"/>
  <c r="U89858" i="1"/>
  <c r="U89857" i="1"/>
  <c r="U89856" i="1"/>
  <c r="U89855" i="1"/>
  <c r="U89854" i="1"/>
  <c r="U89853" i="1"/>
  <c r="U89852" i="1"/>
  <c r="U89851" i="1"/>
  <c r="U89850" i="1"/>
  <c r="U89849" i="1"/>
  <c r="U89848" i="1"/>
  <c r="U89847" i="1"/>
  <c r="U89846" i="1"/>
  <c r="U89845" i="1"/>
  <c r="U89844" i="1"/>
  <c r="U89843" i="1"/>
  <c r="U89842" i="1"/>
  <c r="U89841" i="1"/>
  <c r="U89840" i="1"/>
  <c r="U89839" i="1"/>
  <c r="U89838" i="1"/>
  <c r="U89837" i="1"/>
  <c r="U89836" i="1"/>
  <c r="U89835" i="1"/>
  <c r="U89834" i="1"/>
  <c r="U89833" i="1"/>
  <c r="U89832" i="1"/>
  <c r="U89831" i="1"/>
  <c r="U89830" i="1"/>
  <c r="U89829" i="1"/>
  <c r="U89828" i="1"/>
  <c r="U89827" i="1"/>
  <c r="U89826" i="1"/>
  <c r="U89825" i="1"/>
  <c r="U89824" i="1"/>
  <c r="U89823" i="1"/>
  <c r="U89822" i="1"/>
  <c r="U89821" i="1"/>
  <c r="U89820" i="1"/>
  <c r="U89819" i="1"/>
  <c r="U89818" i="1"/>
  <c r="U89817" i="1"/>
  <c r="U89816" i="1"/>
  <c r="U89815" i="1"/>
  <c r="U89814" i="1"/>
  <c r="U89813" i="1"/>
  <c r="U89812" i="1"/>
  <c r="U89811" i="1"/>
  <c r="U89810" i="1"/>
  <c r="U89809" i="1"/>
  <c r="U89808" i="1"/>
  <c r="U89807" i="1"/>
  <c r="U89806" i="1"/>
  <c r="U89805" i="1"/>
  <c r="U89804" i="1"/>
  <c r="U89803" i="1"/>
  <c r="U89802" i="1"/>
  <c r="U89801" i="1"/>
  <c r="U89800" i="1"/>
  <c r="U89799" i="1"/>
  <c r="U89798" i="1"/>
  <c r="U89797" i="1"/>
  <c r="U89796" i="1"/>
  <c r="U89795" i="1"/>
  <c r="U89794" i="1"/>
  <c r="U89793" i="1"/>
  <c r="U89792" i="1"/>
  <c r="U89791" i="1"/>
  <c r="U89790" i="1"/>
  <c r="U89789" i="1"/>
  <c r="U89788" i="1"/>
  <c r="U89787" i="1"/>
  <c r="U89786" i="1"/>
  <c r="U89785" i="1"/>
  <c r="U89784" i="1"/>
  <c r="U89783" i="1"/>
  <c r="U89782" i="1"/>
  <c r="U89781" i="1"/>
  <c r="U89780" i="1"/>
  <c r="U89779" i="1"/>
  <c r="U89778" i="1"/>
  <c r="U89777" i="1"/>
  <c r="U89776" i="1"/>
  <c r="U89775" i="1"/>
  <c r="U89774" i="1"/>
  <c r="U89773" i="1"/>
  <c r="U89772" i="1"/>
  <c r="U89771" i="1"/>
  <c r="U89770" i="1"/>
  <c r="U89769" i="1"/>
  <c r="U89768" i="1"/>
  <c r="U89767" i="1"/>
  <c r="U89766" i="1"/>
  <c r="U89765" i="1"/>
  <c r="U89764" i="1"/>
  <c r="U89763" i="1"/>
  <c r="U89762" i="1"/>
  <c r="U89761" i="1"/>
  <c r="U89760" i="1"/>
  <c r="U89759" i="1"/>
  <c r="U89758" i="1"/>
  <c r="U89757" i="1"/>
  <c r="U89756" i="1"/>
  <c r="U89755" i="1"/>
  <c r="U89754" i="1"/>
  <c r="U89753" i="1"/>
  <c r="U89752" i="1"/>
  <c r="U89751" i="1"/>
  <c r="U89750" i="1"/>
  <c r="U89749" i="1"/>
  <c r="U89748" i="1"/>
  <c r="U89747" i="1"/>
  <c r="U89746" i="1"/>
  <c r="U89745" i="1"/>
  <c r="U89744" i="1"/>
  <c r="U89743" i="1"/>
  <c r="U89742" i="1"/>
  <c r="U89741" i="1"/>
  <c r="U89740" i="1"/>
  <c r="U89739" i="1"/>
  <c r="U89738" i="1"/>
  <c r="U89737" i="1"/>
  <c r="U89736" i="1"/>
  <c r="U89735" i="1"/>
  <c r="U89734" i="1"/>
  <c r="U89733" i="1"/>
  <c r="U89732" i="1"/>
  <c r="U89731" i="1"/>
  <c r="U89730" i="1"/>
  <c r="U89729" i="1"/>
  <c r="U89728" i="1"/>
  <c r="U89727" i="1"/>
  <c r="U89726" i="1"/>
  <c r="U89725" i="1"/>
  <c r="U89724" i="1"/>
  <c r="U89723" i="1"/>
  <c r="U89722" i="1"/>
  <c r="U89721" i="1"/>
  <c r="U89720" i="1"/>
  <c r="U89719" i="1"/>
  <c r="U89718" i="1"/>
  <c r="U89717" i="1"/>
  <c r="U89716" i="1"/>
  <c r="U89715" i="1"/>
  <c r="U89714" i="1"/>
  <c r="U89713" i="1"/>
  <c r="U89712" i="1"/>
  <c r="U89711" i="1"/>
  <c r="U89710" i="1"/>
  <c r="U89709" i="1"/>
  <c r="U89708" i="1"/>
  <c r="U89707" i="1"/>
  <c r="U89706" i="1"/>
  <c r="U89705" i="1"/>
  <c r="U89704" i="1"/>
  <c r="U89703" i="1"/>
  <c r="U89702" i="1"/>
  <c r="U89701" i="1"/>
  <c r="U89700" i="1"/>
  <c r="U89699" i="1"/>
  <c r="U89698" i="1"/>
  <c r="U89697" i="1"/>
  <c r="U89696" i="1"/>
  <c r="U89695" i="1"/>
  <c r="U89694" i="1"/>
  <c r="U89693" i="1"/>
  <c r="U89692" i="1"/>
  <c r="U89691" i="1"/>
  <c r="U89690" i="1"/>
  <c r="U89689" i="1"/>
  <c r="U89688" i="1"/>
  <c r="U89687" i="1"/>
  <c r="U89686" i="1"/>
  <c r="U89685" i="1"/>
  <c r="U89684" i="1"/>
  <c r="U89683" i="1"/>
  <c r="U89682" i="1"/>
  <c r="U89681" i="1"/>
  <c r="U89680" i="1"/>
  <c r="U89679" i="1"/>
  <c r="U89678" i="1"/>
  <c r="U89677" i="1"/>
  <c r="U89676" i="1"/>
  <c r="U89675" i="1"/>
  <c r="U89674" i="1"/>
  <c r="U89673" i="1"/>
  <c r="U89672" i="1"/>
  <c r="U89671" i="1"/>
  <c r="U89670" i="1"/>
  <c r="U89669" i="1"/>
  <c r="U89668" i="1"/>
  <c r="U89667" i="1"/>
  <c r="U89666" i="1"/>
  <c r="U89665" i="1"/>
  <c r="U89664" i="1"/>
  <c r="U89663" i="1"/>
  <c r="U89662" i="1"/>
  <c r="U89661" i="1"/>
  <c r="U89660" i="1"/>
  <c r="U89659" i="1"/>
  <c r="U89658" i="1"/>
  <c r="U89657" i="1"/>
  <c r="U89656" i="1"/>
  <c r="U89655" i="1"/>
  <c r="U89654" i="1"/>
  <c r="U89653" i="1"/>
  <c r="U89652" i="1"/>
  <c r="U89651" i="1"/>
  <c r="U89650" i="1"/>
  <c r="U89649" i="1"/>
  <c r="U89648" i="1"/>
  <c r="U89647" i="1"/>
  <c r="U89646" i="1"/>
  <c r="U89645" i="1"/>
  <c r="U89644" i="1"/>
  <c r="U89643" i="1"/>
  <c r="U89642" i="1"/>
  <c r="U89641" i="1"/>
  <c r="U89640" i="1"/>
  <c r="U89639" i="1"/>
  <c r="U89638" i="1"/>
  <c r="U89637" i="1"/>
  <c r="U89636" i="1"/>
  <c r="U89635" i="1"/>
  <c r="U89634" i="1"/>
  <c r="U89633" i="1"/>
  <c r="U89632" i="1"/>
  <c r="U89631" i="1"/>
  <c r="U89630" i="1"/>
  <c r="U89629" i="1"/>
  <c r="U89628" i="1"/>
  <c r="U89627" i="1"/>
  <c r="U89626" i="1"/>
  <c r="U89625" i="1"/>
  <c r="U89624" i="1"/>
  <c r="U89623" i="1"/>
  <c r="U89622" i="1"/>
  <c r="U89621" i="1"/>
  <c r="U89620" i="1"/>
  <c r="U89619" i="1"/>
  <c r="U89618" i="1"/>
  <c r="U89617" i="1"/>
  <c r="U89616" i="1"/>
  <c r="U89615" i="1"/>
  <c r="U89614" i="1"/>
  <c r="U89613" i="1"/>
  <c r="U89612" i="1"/>
  <c r="U89611" i="1"/>
  <c r="U89610" i="1"/>
  <c r="U89609" i="1"/>
  <c r="U89608" i="1"/>
  <c r="U89607" i="1"/>
  <c r="U89606" i="1"/>
  <c r="U89605" i="1"/>
  <c r="U89604" i="1"/>
  <c r="U89603" i="1"/>
  <c r="U89602" i="1"/>
  <c r="U89601" i="1"/>
  <c r="U89600" i="1"/>
  <c r="U89599" i="1"/>
  <c r="U89598" i="1"/>
  <c r="U89597" i="1"/>
  <c r="U89596" i="1"/>
  <c r="U89595" i="1"/>
  <c r="U89594" i="1"/>
  <c r="U89593" i="1"/>
  <c r="U89592" i="1"/>
  <c r="U89591" i="1"/>
  <c r="U89590" i="1"/>
  <c r="U89589" i="1"/>
  <c r="U89588" i="1"/>
  <c r="U89587" i="1"/>
  <c r="U89586" i="1"/>
  <c r="U89585" i="1"/>
  <c r="U89584" i="1"/>
  <c r="U89583" i="1"/>
  <c r="U89582" i="1"/>
  <c r="U89581" i="1"/>
  <c r="U89580" i="1"/>
  <c r="U89579" i="1"/>
  <c r="U89578" i="1"/>
  <c r="U89577" i="1"/>
  <c r="U89576" i="1"/>
  <c r="U89575" i="1"/>
  <c r="U89574" i="1"/>
  <c r="U89573" i="1"/>
  <c r="U89572" i="1"/>
  <c r="U89571" i="1"/>
  <c r="U89570" i="1"/>
  <c r="U89569" i="1"/>
  <c r="U89568" i="1"/>
  <c r="U89567" i="1"/>
  <c r="U89566" i="1"/>
  <c r="U89565" i="1"/>
  <c r="U89564" i="1"/>
  <c r="U89563" i="1"/>
  <c r="U89562" i="1"/>
  <c r="U89561" i="1"/>
  <c r="U89560" i="1"/>
  <c r="U89559" i="1"/>
  <c r="U89558" i="1"/>
  <c r="U89557" i="1"/>
  <c r="U89556" i="1"/>
  <c r="U89555" i="1"/>
  <c r="U89554" i="1"/>
  <c r="U89553" i="1"/>
  <c r="U89552" i="1"/>
  <c r="U89551" i="1"/>
  <c r="U89550" i="1"/>
  <c r="U89549" i="1"/>
  <c r="U89548" i="1"/>
  <c r="U89547" i="1"/>
  <c r="U89546" i="1"/>
  <c r="U89545" i="1"/>
  <c r="U89544" i="1"/>
  <c r="U89543" i="1"/>
  <c r="U89542" i="1"/>
  <c r="U89541" i="1"/>
  <c r="U89540" i="1"/>
  <c r="U89539" i="1"/>
  <c r="U89538" i="1"/>
  <c r="U89537" i="1"/>
  <c r="U89536" i="1"/>
  <c r="U89535" i="1"/>
  <c r="U89534" i="1"/>
  <c r="U89533" i="1"/>
  <c r="U89532" i="1"/>
  <c r="U89531" i="1"/>
  <c r="U89530" i="1"/>
  <c r="U89529" i="1"/>
  <c r="U89528" i="1"/>
  <c r="U89527" i="1"/>
  <c r="U89526" i="1"/>
  <c r="U89525" i="1"/>
  <c r="U89524" i="1"/>
  <c r="U89523" i="1"/>
  <c r="U89522" i="1"/>
  <c r="U89521" i="1"/>
  <c r="U89520" i="1"/>
  <c r="U89519" i="1"/>
  <c r="U89518" i="1"/>
  <c r="U89517" i="1"/>
  <c r="U89516" i="1"/>
  <c r="U89515" i="1"/>
  <c r="U89514" i="1"/>
  <c r="U89513" i="1"/>
  <c r="U89512" i="1"/>
  <c r="U89511" i="1"/>
  <c r="U89510" i="1"/>
  <c r="U89509" i="1"/>
  <c r="U89508" i="1"/>
  <c r="U89507" i="1"/>
  <c r="U89506" i="1"/>
  <c r="U89505" i="1"/>
  <c r="U89504" i="1"/>
  <c r="U89503" i="1"/>
  <c r="U89502" i="1"/>
  <c r="U89501" i="1"/>
  <c r="U89500" i="1"/>
  <c r="U89499" i="1"/>
  <c r="U89498" i="1"/>
  <c r="U89497" i="1"/>
  <c r="U89496" i="1"/>
  <c r="U89495" i="1"/>
  <c r="U89494" i="1"/>
  <c r="U89493" i="1"/>
  <c r="U89492" i="1"/>
  <c r="U89491" i="1"/>
  <c r="U89490" i="1"/>
  <c r="U89489" i="1"/>
  <c r="U89488" i="1"/>
  <c r="U89487" i="1"/>
  <c r="U89486" i="1"/>
  <c r="U89485" i="1"/>
  <c r="U89484" i="1"/>
  <c r="U89483" i="1"/>
  <c r="U89482" i="1"/>
  <c r="U89481" i="1"/>
  <c r="U89480" i="1"/>
  <c r="U89479" i="1"/>
  <c r="U89478" i="1"/>
  <c r="U89477" i="1"/>
  <c r="U89476" i="1"/>
  <c r="U89475" i="1"/>
  <c r="U89474" i="1"/>
  <c r="U89473" i="1"/>
  <c r="U89472" i="1"/>
  <c r="U89471" i="1"/>
  <c r="U89470" i="1"/>
  <c r="U89469" i="1"/>
  <c r="U89468" i="1"/>
  <c r="U89467" i="1"/>
  <c r="U89466" i="1"/>
  <c r="U89465" i="1"/>
  <c r="U89464" i="1"/>
  <c r="U89463" i="1"/>
  <c r="U89462" i="1"/>
  <c r="U89461" i="1"/>
  <c r="U89460" i="1"/>
  <c r="U89459" i="1"/>
  <c r="U89458" i="1"/>
  <c r="U89457" i="1"/>
  <c r="U89456" i="1"/>
  <c r="U89455" i="1"/>
  <c r="U89454" i="1"/>
  <c r="U89453" i="1"/>
  <c r="U89452" i="1"/>
  <c r="U89451" i="1"/>
  <c r="U89450" i="1"/>
  <c r="U89449" i="1"/>
  <c r="U89448" i="1"/>
  <c r="U89447" i="1"/>
  <c r="U89446" i="1"/>
  <c r="U89445" i="1"/>
  <c r="U89444" i="1"/>
  <c r="U89443" i="1"/>
  <c r="U89442" i="1"/>
  <c r="U89441" i="1"/>
  <c r="U89440" i="1"/>
  <c r="U89439" i="1"/>
  <c r="U89438" i="1"/>
  <c r="U89437" i="1"/>
  <c r="U89436" i="1"/>
  <c r="U89435" i="1"/>
  <c r="U89434" i="1"/>
  <c r="U89433" i="1"/>
  <c r="U89432" i="1"/>
  <c r="U89431" i="1"/>
  <c r="U89430" i="1"/>
  <c r="U89429" i="1"/>
  <c r="U89428" i="1"/>
  <c r="U89427" i="1"/>
  <c r="U89426" i="1"/>
  <c r="U89425" i="1"/>
  <c r="U89424" i="1"/>
  <c r="U89423" i="1"/>
  <c r="U89422" i="1"/>
  <c r="U89421" i="1"/>
  <c r="U89420" i="1"/>
  <c r="U89419" i="1"/>
  <c r="U89418" i="1"/>
  <c r="U89417" i="1"/>
  <c r="U89416" i="1"/>
  <c r="U89415" i="1"/>
  <c r="U89414" i="1"/>
  <c r="U89413" i="1"/>
  <c r="U89412" i="1"/>
  <c r="U89411" i="1"/>
  <c r="U89410" i="1"/>
  <c r="U89409" i="1"/>
  <c r="U89408" i="1"/>
  <c r="U89407" i="1"/>
  <c r="U89406" i="1"/>
  <c r="U89405" i="1"/>
  <c r="U89404" i="1"/>
  <c r="U89403" i="1"/>
  <c r="U89402" i="1"/>
  <c r="U89401" i="1"/>
  <c r="U89400" i="1"/>
  <c r="U89399" i="1"/>
  <c r="U89398" i="1"/>
  <c r="U89397" i="1"/>
  <c r="U89396" i="1"/>
  <c r="U89395" i="1"/>
  <c r="U89394" i="1"/>
  <c r="U89393" i="1"/>
  <c r="U89392" i="1"/>
  <c r="U89391" i="1"/>
  <c r="U89390" i="1"/>
  <c r="U89389" i="1"/>
  <c r="U89388" i="1"/>
  <c r="U89387" i="1"/>
  <c r="U89386" i="1"/>
  <c r="U89385" i="1"/>
  <c r="U89384" i="1"/>
  <c r="U89383" i="1"/>
  <c r="U89382" i="1"/>
  <c r="U89381" i="1"/>
  <c r="U89380" i="1"/>
  <c r="U89379" i="1"/>
  <c r="U89378" i="1"/>
  <c r="U89377" i="1"/>
  <c r="U89376" i="1"/>
  <c r="U89375" i="1"/>
  <c r="U89374" i="1"/>
  <c r="U89373" i="1"/>
  <c r="U89372" i="1"/>
  <c r="U89371" i="1"/>
  <c r="U89370" i="1"/>
  <c r="U89369" i="1"/>
  <c r="U89368" i="1"/>
  <c r="U89367" i="1"/>
  <c r="U89366" i="1"/>
  <c r="U89365" i="1"/>
  <c r="U89364" i="1"/>
  <c r="U89363" i="1"/>
  <c r="U89362" i="1"/>
  <c r="U89361" i="1"/>
  <c r="U89360" i="1"/>
  <c r="U89359" i="1"/>
  <c r="U89358" i="1"/>
  <c r="U89357" i="1"/>
  <c r="U89356" i="1"/>
  <c r="U89355" i="1"/>
  <c r="U89354" i="1"/>
  <c r="U89353" i="1"/>
  <c r="U89352" i="1"/>
  <c r="U89351" i="1"/>
  <c r="U89350" i="1"/>
  <c r="U89349" i="1"/>
  <c r="U89348" i="1"/>
  <c r="U89347" i="1"/>
  <c r="U89346" i="1"/>
  <c r="U89345" i="1"/>
  <c r="U89344" i="1"/>
  <c r="U89343" i="1"/>
  <c r="U89342" i="1"/>
  <c r="U89341" i="1"/>
  <c r="U89340" i="1"/>
  <c r="U89339" i="1"/>
  <c r="U89338" i="1"/>
  <c r="U89337" i="1"/>
  <c r="U89336" i="1"/>
  <c r="U89335" i="1"/>
  <c r="U89334" i="1"/>
  <c r="U89333" i="1"/>
  <c r="U89332" i="1"/>
  <c r="U89331" i="1"/>
  <c r="U89330" i="1"/>
  <c r="U89329" i="1"/>
  <c r="U89328" i="1"/>
  <c r="U89327" i="1"/>
  <c r="U89326" i="1"/>
  <c r="U89325" i="1"/>
  <c r="U89324" i="1"/>
  <c r="U89323" i="1"/>
  <c r="U89322" i="1"/>
  <c r="U89321" i="1"/>
  <c r="U89320" i="1"/>
  <c r="U89319" i="1"/>
  <c r="U89318" i="1"/>
  <c r="U89317" i="1"/>
  <c r="U89316" i="1"/>
  <c r="U89315" i="1"/>
  <c r="U89314" i="1"/>
  <c r="U89313" i="1"/>
  <c r="U89312" i="1"/>
  <c r="U89311" i="1"/>
  <c r="U89310" i="1"/>
  <c r="U89309" i="1"/>
  <c r="U89308" i="1"/>
  <c r="U89307" i="1"/>
  <c r="U89306" i="1"/>
  <c r="U89305" i="1"/>
  <c r="U89304" i="1"/>
  <c r="U89303" i="1"/>
  <c r="U89302" i="1"/>
  <c r="U89301" i="1"/>
  <c r="U89300" i="1"/>
  <c r="U89299" i="1"/>
  <c r="U89298" i="1"/>
  <c r="U89297" i="1"/>
  <c r="U89296" i="1"/>
  <c r="U89295" i="1"/>
  <c r="U89294" i="1"/>
  <c r="U89293" i="1"/>
  <c r="U89292" i="1"/>
  <c r="U89291" i="1"/>
  <c r="U89290" i="1"/>
  <c r="U89289" i="1"/>
  <c r="U89288" i="1"/>
  <c r="U89287" i="1"/>
  <c r="U89286" i="1"/>
  <c r="U89285" i="1"/>
  <c r="U89284" i="1"/>
  <c r="U89283" i="1"/>
  <c r="U89282" i="1"/>
  <c r="U89281" i="1"/>
  <c r="U89280" i="1"/>
  <c r="U89279" i="1"/>
  <c r="U89278" i="1"/>
  <c r="U89277" i="1"/>
  <c r="U89276" i="1"/>
  <c r="U89275" i="1"/>
  <c r="U89274" i="1"/>
  <c r="U89273" i="1"/>
  <c r="U89272" i="1"/>
  <c r="U89271" i="1"/>
  <c r="U89270" i="1"/>
  <c r="U89269" i="1"/>
  <c r="U89268" i="1"/>
  <c r="U89267" i="1"/>
  <c r="U89266" i="1"/>
  <c r="U89265" i="1"/>
  <c r="U89264" i="1"/>
  <c r="U89263" i="1"/>
  <c r="U89262" i="1"/>
  <c r="U89261" i="1"/>
  <c r="U89260" i="1"/>
  <c r="U89259" i="1"/>
  <c r="U89258" i="1"/>
  <c r="U89257" i="1"/>
  <c r="U89256" i="1"/>
  <c r="U89255" i="1"/>
  <c r="U89254" i="1"/>
  <c r="U89253" i="1"/>
  <c r="U89252" i="1"/>
  <c r="U89251" i="1"/>
  <c r="U89250" i="1"/>
  <c r="U89249" i="1"/>
  <c r="U89248" i="1"/>
  <c r="U89247" i="1"/>
  <c r="U89246" i="1"/>
  <c r="U89245" i="1"/>
  <c r="U89244" i="1"/>
  <c r="U89243" i="1"/>
  <c r="U89242" i="1"/>
  <c r="U89241" i="1"/>
  <c r="U89240" i="1"/>
  <c r="U89239" i="1"/>
  <c r="U89238" i="1"/>
  <c r="U89237" i="1"/>
  <c r="U89236" i="1"/>
  <c r="U89235" i="1"/>
  <c r="U89234" i="1"/>
  <c r="U89233" i="1"/>
  <c r="U89232" i="1"/>
  <c r="U89231" i="1"/>
  <c r="U89230" i="1"/>
  <c r="U89229" i="1"/>
  <c r="U89228" i="1"/>
  <c r="U89227" i="1"/>
  <c r="U89226" i="1"/>
  <c r="U89225" i="1"/>
  <c r="U89224" i="1"/>
  <c r="U89223" i="1"/>
  <c r="U89222" i="1"/>
  <c r="U89221" i="1"/>
  <c r="U89220" i="1"/>
  <c r="U89219" i="1"/>
  <c r="U89218" i="1"/>
  <c r="U89217" i="1"/>
  <c r="U89216" i="1"/>
  <c r="U89215" i="1"/>
  <c r="U89214" i="1"/>
  <c r="U89213" i="1"/>
  <c r="U89212" i="1"/>
  <c r="U89211" i="1"/>
  <c r="U89210" i="1"/>
  <c r="U89209" i="1"/>
  <c r="U89208" i="1"/>
  <c r="U89207" i="1"/>
  <c r="U89206" i="1"/>
  <c r="U89205" i="1"/>
  <c r="U89204" i="1"/>
  <c r="U89203" i="1"/>
  <c r="U89202" i="1"/>
  <c r="U89201" i="1"/>
  <c r="U89200" i="1"/>
  <c r="U89199" i="1"/>
  <c r="U89198" i="1"/>
  <c r="U89197" i="1"/>
  <c r="U89196" i="1"/>
  <c r="U89195" i="1"/>
  <c r="U89194" i="1"/>
  <c r="U89193" i="1"/>
  <c r="U89192" i="1"/>
  <c r="U89191" i="1"/>
  <c r="U89190" i="1"/>
  <c r="U89189" i="1"/>
  <c r="U89188" i="1"/>
  <c r="U89187" i="1"/>
  <c r="U89186" i="1"/>
  <c r="U89185" i="1"/>
  <c r="U89184" i="1"/>
  <c r="U89183" i="1"/>
  <c r="U89182" i="1"/>
  <c r="U89181" i="1"/>
  <c r="U89180" i="1"/>
  <c r="U89179" i="1"/>
  <c r="U89178" i="1"/>
  <c r="U89177" i="1"/>
  <c r="U89176" i="1"/>
  <c r="U89175" i="1"/>
  <c r="U89174" i="1"/>
  <c r="U89173" i="1"/>
  <c r="U89172" i="1"/>
  <c r="U89171" i="1"/>
  <c r="U89170" i="1"/>
  <c r="U89169" i="1"/>
  <c r="U89168" i="1"/>
  <c r="U89167" i="1"/>
  <c r="U89166" i="1"/>
  <c r="U89165" i="1"/>
  <c r="U89164" i="1"/>
  <c r="U89163" i="1"/>
  <c r="U89162" i="1"/>
  <c r="U89161" i="1"/>
  <c r="U89160" i="1"/>
  <c r="U89159" i="1"/>
  <c r="U89158" i="1"/>
  <c r="U89157" i="1"/>
  <c r="U89156" i="1"/>
  <c r="U89155" i="1"/>
  <c r="U89154" i="1"/>
  <c r="U89153" i="1"/>
  <c r="U89152" i="1"/>
  <c r="U89151" i="1"/>
  <c r="U89150" i="1"/>
  <c r="U89149" i="1"/>
  <c r="U89148" i="1"/>
  <c r="U89147" i="1"/>
  <c r="U89146" i="1"/>
  <c r="U89145" i="1"/>
  <c r="U89144" i="1"/>
  <c r="U89143" i="1"/>
  <c r="U89142" i="1"/>
  <c r="U89141" i="1"/>
  <c r="U89140" i="1"/>
  <c r="U89139" i="1"/>
  <c r="U89138" i="1"/>
  <c r="U89137" i="1"/>
  <c r="U89136" i="1"/>
  <c r="U89135" i="1"/>
  <c r="U89134" i="1"/>
  <c r="U89133" i="1"/>
  <c r="U89132" i="1"/>
  <c r="U89131" i="1"/>
  <c r="U89130" i="1"/>
  <c r="U89129" i="1"/>
  <c r="U89128" i="1"/>
  <c r="U89127" i="1"/>
  <c r="U89126" i="1"/>
  <c r="U89125" i="1"/>
  <c r="U89124" i="1"/>
  <c r="U89123" i="1"/>
  <c r="U89122" i="1"/>
  <c r="U89121" i="1"/>
  <c r="U89120" i="1"/>
  <c r="U89119" i="1"/>
  <c r="U89118" i="1"/>
  <c r="U89117" i="1"/>
  <c r="U89116" i="1"/>
  <c r="U89115" i="1"/>
  <c r="U89114" i="1"/>
  <c r="U89113" i="1"/>
  <c r="U89112" i="1"/>
  <c r="U89111" i="1"/>
  <c r="U89110" i="1"/>
  <c r="U89109" i="1"/>
  <c r="U89108" i="1"/>
  <c r="U89107" i="1"/>
  <c r="U89106" i="1"/>
  <c r="U89105" i="1"/>
  <c r="U89104" i="1"/>
  <c r="U89103" i="1"/>
  <c r="U89102" i="1"/>
  <c r="U89101" i="1"/>
  <c r="U89100" i="1"/>
  <c r="U89099" i="1"/>
  <c r="U89098" i="1"/>
  <c r="U89097" i="1"/>
  <c r="U89096" i="1"/>
  <c r="U89095" i="1"/>
  <c r="U89094" i="1"/>
  <c r="U89093" i="1"/>
  <c r="U89092" i="1"/>
  <c r="U89091" i="1"/>
  <c r="U89090" i="1"/>
  <c r="U89089" i="1"/>
  <c r="U89088" i="1"/>
  <c r="U89087" i="1"/>
  <c r="U89086" i="1"/>
  <c r="U89085" i="1"/>
  <c r="U89084" i="1"/>
  <c r="U89083" i="1"/>
  <c r="U89082" i="1"/>
  <c r="U89081" i="1"/>
  <c r="U89080" i="1"/>
  <c r="U89079" i="1"/>
  <c r="U89078" i="1"/>
  <c r="U89077" i="1"/>
  <c r="U89076" i="1"/>
  <c r="U89075" i="1"/>
  <c r="U89074" i="1"/>
  <c r="U89073" i="1"/>
  <c r="U89072" i="1"/>
  <c r="U89071" i="1"/>
  <c r="U89070" i="1"/>
  <c r="U89069" i="1"/>
  <c r="U89068" i="1"/>
  <c r="U89067" i="1"/>
  <c r="U89066" i="1"/>
  <c r="U89065" i="1"/>
  <c r="U89064" i="1"/>
  <c r="U89063" i="1"/>
  <c r="U89062" i="1"/>
  <c r="U89061" i="1"/>
  <c r="U89060" i="1"/>
  <c r="U89059" i="1"/>
  <c r="U89058" i="1"/>
  <c r="U89057" i="1"/>
  <c r="U89056" i="1"/>
  <c r="U89055" i="1"/>
  <c r="U89054" i="1"/>
  <c r="U89053" i="1"/>
  <c r="U89052" i="1"/>
  <c r="U89051" i="1"/>
  <c r="U89050" i="1"/>
  <c r="U89049" i="1"/>
  <c r="U89048" i="1"/>
  <c r="U89047" i="1"/>
  <c r="U89046" i="1"/>
  <c r="U89045" i="1"/>
  <c r="U89044" i="1"/>
  <c r="U89043" i="1"/>
  <c r="U89042" i="1"/>
  <c r="U89041" i="1"/>
  <c r="U89040" i="1"/>
  <c r="U89039" i="1"/>
  <c r="U89038" i="1"/>
  <c r="U89037" i="1"/>
  <c r="U89036" i="1"/>
  <c r="U89035" i="1"/>
  <c r="U89034" i="1"/>
  <c r="U89033" i="1"/>
  <c r="U89032" i="1"/>
  <c r="U89031" i="1"/>
  <c r="U89030" i="1"/>
  <c r="U89029" i="1"/>
  <c r="U89028" i="1"/>
  <c r="U89027" i="1"/>
  <c r="U89026" i="1"/>
  <c r="U89025" i="1"/>
  <c r="U89024" i="1"/>
  <c r="U89023" i="1"/>
  <c r="U89022" i="1"/>
  <c r="U89021" i="1"/>
  <c r="U89020" i="1"/>
  <c r="U89019" i="1"/>
  <c r="U89018" i="1"/>
  <c r="U89017" i="1"/>
  <c r="U89016" i="1"/>
  <c r="U89015" i="1"/>
  <c r="U89014" i="1"/>
  <c r="U89013" i="1"/>
  <c r="U89012" i="1"/>
  <c r="U89011" i="1"/>
  <c r="U89010" i="1"/>
  <c r="U89009" i="1"/>
  <c r="U89008" i="1"/>
  <c r="U89007" i="1"/>
  <c r="U89006" i="1"/>
  <c r="U89005" i="1"/>
  <c r="U89004" i="1"/>
  <c r="U89003" i="1"/>
  <c r="U89002" i="1"/>
  <c r="U89001" i="1"/>
  <c r="U89000" i="1"/>
  <c r="U88999" i="1"/>
  <c r="U88998" i="1"/>
  <c r="U88997" i="1"/>
  <c r="U88996" i="1"/>
  <c r="U88995" i="1"/>
  <c r="U88994" i="1"/>
  <c r="U88993" i="1"/>
  <c r="U88992" i="1"/>
  <c r="U88991" i="1"/>
  <c r="U88990" i="1"/>
  <c r="U88989" i="1"/>
  <c r="U88988" i="1"/>
  <c r="U88987" i="1"/>
  <c r="U88986" i="1"/>
  <c r="U88985" i="1"/>
  <c r="U88984" i="1"/>
  <c r="U88983" i="1"/>
  <c r="U88982" i="1"/>
  <c r="U88981" i="1"/>
  <c r="U88980" i="1"/>
  <c r="U88979" i="1"/>
  <c r="U88978" i="1"/>
  <c r="U88977" i="1"/>
  <c r="U88976" i="1"/>
  <c r="U88975" i="1"/>
  <c r="U88974" i="1"/>
  <c r="U88973" i="1"/>
  <c r="U88972" i="1"/>
  <c r="U88971" i="1"/>
  <c r="U88970" i="1"/>
  <c r="U88969" i="1"/>
  <c r="U88968" i="1"/>
  <c r="U88967" i="1"/>
  <c r="U88966" i="1"/>
  <c r="U88965" i="1"/>
  <c r="U88964" i="1"/>
  <c r="U88963" i="1"/>
  <c r="U88962" i="1"/>
  <c r="U88961" i="1"/>
  <c r="U88960" i="1"/>
  <c r="U88959" i="1"/>
  <c r="U88958" i="1"/>
  <c r="U88957" i="1"/>
  <c r="U88956" i="1"/>
  <c r="U88955" i="1"/>
  <c r="U88954" i="1"/>
  <c r="U88953" i="1"/>
  <c r="U88952" i="1"/>
  <c r="U88951" i="1"/>
  <c r="U88950" i="1"/>
  <c r="U88949" i="1"/>
  <c r="U88948" i="1"/>
  <c r="U88947" i="1"/>
  <c r="U88946" i="1"/>
  <c r="U88945" i="1"/>
  <c r="U88944" i="1"/>
  <c r="U88943" i="1"/>
  <c r="U88942" i="1"/>
  <c r="U88941" i="1"/>
  <c r="U88940" i="1"/>
  <c r="U88939" i="1"/>
  <c r="U88938" i="1"/>
  <c r="U88937" i="1"/>
  <c r="U88936" i="1"/>
  <c r="U88935" i="1"/>
  <c r="U88934" i="1"/>
  <c r="U88933" i="1"/>
  <c r="U88932" i="1"/>
  <c r="U88931" i="1"/>
  <c r="U88930" i="1"/>
  <c r="U88929" i="1"/>
  <c r="U88928" i="1"/>
  <c r="U88927" i="1"/>
  <c r="U88926" i="1"/>
  <c r="U88925" i="1"/>
  <c r="U88924" i="1"/>
  <c r="U88923" i="1"/>
  <c r="U88922" i="1"/>
  <c r="U88921" i="1"/>
  <c r="U88920" i="1"/>
  <c r="U88919" i="1"/>
  <c r="U88918" i="1"/>
  <c r="U88917" i="1"/>
  <c r="U88916" i="1"/>
  <c r="U88915" i="1"/>
  <c r="U88914" i="1"/>
  <c r="U88913" i="1"/>
  <c r="U88912" i="1"/>
  <c r="U88911" i="1"/>
  <c r="U88910" i="1"/>
  <c r="U88909" i="1"/>
  <c r="U88908" i="1"/>
  <c r="U88907" i="1"/>
  <c r="U88906" i="1"/>
  <c r="U88905" i="1"/>
  <c r="U88904" i="1"/>
  <c r="U88903" i="1"/>
  <c r="U88902" i="1"/>
  <c r="U88901" i="1"/>
  <c r="U88900" i="1"/>
  <c r="U88899" i="1"/>
  <c r="U88898" i="1"/>
  <c r="U88897" i="1"/>
  <c r="U88896" i="1"/>
  <c r="U88895" i="1"/>
  <c r="U88894" i="1"/>
  <c r="U88893" i="1"/>
  <c r="U88892" i="1"/>
  <c r="U88891" i="1"/>
  <c r="U88890" i="1"/>
  <c r="U88889" i="1"/>
  <c r="U88888" i="1"/>
  <c r="U88887" i="1"/>
  <c r="U88886" i="1"/>
  <c r="U88885" i="1"/>
  <c r="U88884" i="1"/>
  <c r="U88883" i="1"/>
  <c r="U88882" i="1"/>
  <c r="U88881" i="1"/>
  <c r="U88880" i="1"/>
  <c r="U88879" i="1"/>
  <c r="U88878" i="1"/>
  <c r="U88877" i="1"/>
  <c r="U88876" i="1"/>
  <c r="U88875" i="1"/>
  <c r="U88874" i="1"/>
  <c r="U88873" i="1"/>
  <c r="U88872" i="1"/>
  <c r="U88871" i="1"/>
  <c r="U88870" i="1"/>
  <c r="U88869" i="1"/>
  <c r="U88868" i="1"/>
  <c r="U88867" i="1"/>
  <c r="U88866" i="1"/>
  <c r="U88865" i="1"/>
  <c r="U88864" i="1"/>
  <c r="U88863" i="1"/>
  <c r="U88862" i="1"/>
  <c r="U88861" i="1"/>
  <c r="U88860" i="1"/>
  <c r="U88859" i="1"/>
  <c r="U88858" i="1"/>
  <c r="U88857" i="1"/>
  <c r="U88856" i="1"/>
  <c r="U88855" i="1"/>
  <c r="U88854" i="1"/>
  <c r="U88853" i="1"/>
  <c r="U88852" i="1"/>
  <c r="U88851" i="1"/>
  <c r="U88850" i="1"/>
  <c r="U88849" i="1"/>
  <c r="U88848" i="1"/>
  <c r="U88847" i="1"/>
  <c r="U88846" i="1"/>
  <c r="U88845" i="1"/>
  <c r="U88844" i="1"/>
  <c r="U88843" i="1"/>
  <c r="U88842" i="1"/>
  <c r="U88841" i="1"/>
  <c r="U88840" i="1"/>
  <c r="U88839" i="1"/>
  <c r="U88838" i="1"/>
  <c r="U88837" i="1"/>
  <c r="U88836" i="1"/>
  <c r="U88835" i="1"/>
  <c r="U88834" i="1"/>
  <c r="U88833" i="1"/>
  <c r="U88832" i="1"/>
  <c r="U88831" i="1"/>
  <c r="U88830" i="1"/>
  <c r="U88829" i="1"/>
  <c r="U88828" i="1"/>
  <c r="U88827" i="1"/>
  <c r="U88826" i="1"/>
  <c r="U88825" i="1"/>
  <c r="U88824" i="1"/>
  <c r="U88823" i="1"/>
  <c r="U88822" i="1"/>
  <c r="U88821" i="1"/>
  <c r="U88820" i="1"/>
  <c r="U88819" i="1"/>
  <c r="U88818" i="1"/>
  <c r="U88817" i="1"/>
  <c r="U88816" i="1"/>
  <c r="U88815" i="1"/>
  <c r="U88814" i="1"/>
  <c r="U88813" i="1"/>
  <c r="U88812" i="1"/>
  <c r="U88811" i="1"/>
  <c r="U88810" i="1"/>
  <c r="U88809" i="1"/>
  <c r="U88808" i="1"/>
  <c r="U88807" i="1"/>
  <c r="U88806" i="1"/>
  <c r="U88805" i="1"/>
  <c r="U88804" i="1"/>
  <c r="U88803" i="1"/>
  <c r="U88802" i="1"/>
  <c r="U88801" i="1"/>
  <c r="U88800" i="1"/>
  <c r="U88799" i="1"/>
  <c r="U88798" i="1"/>
  <c r="U88797" i="1"/>
  <c r="U88796" i="1"/>
  <c r="U88795" i="1"/>
  <c r="U88794" i="1"/>
  <c r="U88793" i="1"/>
  <c r="U88792" i="1"/>
  <c r="U88791" i="1"/>
  <c r="U88790" i="1"/>
  <c r="U88789" i="1"/>
  <c r="U88788" i="1"/>
  <c r="U88787" i="1"/>
  <c r="U88786" i="1"/>
  <c r="U88785" i="1"/>
  <c r="U88784" i="1"/>
  <c r="U88783" i="1"/>
  <c r="U88782" i="1"/>
  <c r="U88781" i="1"/>
  <c r="U88780" i="1"/>
  <c r="U88779" i="1"/>
  <c r="U88778" i="1"/>
  <c r="U88777" i="1"/>
  <c r="U88776" i="1"/>
  <c r="U88775" i="1"/>
  <c r="U88774" i="1"/>
  <c r="U88773" i="1"/>
  <c r="U88772" i="1"/>
  <c r="U88771" i="1"/>
  <c r="U88770" i="1"/>
  <c r="U88769" i="1"/>
  <c r="U88768" i="1"/>
  <c r="U88767" i="1"/>
  <c r="U88766" i="1"/>
  <c r="U88765" i="1"/>
  <c r="U88764" i="1"/>
  <c r="U88763" i="1"/>
  <c r="U88762" i="1"/>
  <c r="U88761" i="1"/>
  <c r="U88760" i="1"/>
  <c r="U88759" i="1"/>
  <c r="U88758" i="1"/>
  <c r="U88757" i="1"/>
  <c r="U88756" i="1"/>
  <c r="U88755" i="1"/>
  <c r="U88754" i="1"/>
  <c r="U88753" i="1"/>
  <c r="U88752" i="1"/>
  <c r="U88751" i="1"/>
  <c r="U88750" i="1"/>
  <c r="U88749" i="1"/>
  <c r="U88748" i="1"/>
  <c r="U88747" i="1"/>
  <c r="U88746" i="1"/>
  <c r="U88745" i="1"/>
  <c r="U88744" i="1"/>
  <c r="U88743" i="1"/>
  <c r="U88742" i="1"/>
  <c r="U88741" i="1"/>
  <c r="U88740" i="1"/>
  <c r="U88739" i="1"/>
  <c r="U88738" i="1"/>
  <c r="U88737" i="1"/>
  <c r="U88736" i="1"/>
  <c r="U88735" i="1"/>
  <c r="U88734" i="1"/>
  <c r="U88733" i="1"/>
  <c r="U88732" i="1"/>
  <c r="U88731" i="1"/>
  <c r="U88730" i="1"/>
  <c r="U88729" i="1"/>
  <c r="U88728" i="1"/>
  <c r="U88727" i="1"/>
  <c r="U88726" i="1"/>
  <c r="U88725" i="1"/>
  <c r="U88724" i="1"/>
  <c r="U88723" i="1"/>
  <c r="U88722" i="1"/>
  <c r="U88721" i="1"/>
  <c r="U88720" i="1"/>
  <c r="U88719" i="1"/>
  <c r="U88718" i="1"/>
  <c r="U88717" i="1"/>
  <c r="U88716" i="1"/>
  <c r="U88715" i="1"/>
  <c r="U88714" i="1"/>
  <c r="U88713" i="1"/>
  <c r="U88712" i="1"/>
  <c r="U88711" i="1"/>
  <c r="U88710" i="1"/>
  <c r="U88709" i="1"/>
  <c r="U88708" i="1"/>
  <c r="U88707" i="1"/>
  <c r="U88706" i="1"/>
  <c r="U88705" i="1"/>
  <c r="U88704" i="1"/>
  <c r="U88703" i="1"/>
  <c r="U88702" i="1"/>
  <c r="U88701" i="1"/>
  <c r="U88700" i="1"/>
  <c r="U88699" i="1"/>
  <c r="U88698" i="1"/>
  <c r="U88697" i="1"/>
  <c r="U88696" i="1"/>
  <c r="U88695" i="1"/>
  <c r="U88694" i="1"/>
  <c r="U88693" i="1"/>
  <c r="U88692" i="1"/>
  <c r="U88691" i="1"/>
  <c r="U88690" i="1"/>
  <c r="U88689" i="1"/>
  <c r="U88688" i="1"/>
  <c r="U88687" i="1"/>
  <c r="U88686" i="1"/>
  <c r="U88685" i="1"/>
  <c r="U88684" i="1"/>
  <c r="U88683" i="1"/>
  <c r="U88682" i="1"/>
  <c r="U88681" i="1"/>
  <c r="U88680" i="1"/>
  <c r="U88679" i="1"/>
  <c r="U88678" i="1"/>
  <c r="U88677" i="1"/>
  <c r="U88676" i="1"/>
  <c r="U88675" i="1"/>
  <c r="U88674" i="1"/>
  <c r="U88673" i="1"/>
  <c r="U88672" i="1"/>
  <c r="U88671" i="1"/>
  <c r="U88670" i="1"/>
  <c r="U88669" i="1"/>
  <c r="U88668" i="1"/>
  <c r="U88667" i="1"/>
  <c r="U88666" i="1"/>
  <c r="U88665" i="1"/>
  <c r="U88664" i="1"/>
  <c r="U88663" i="1"/>
  <c r="U88662" i="1"/>
  <c r="U88661" i="1"/>
  <c r="U88660" i="1"/>
  <c r="U88659" i="1"/>
  <c r="U88658" i="1"/>
  <c r="U88657" i="1"/>
  <c r="U88656" i="1"/>
  <c r="U88655" i="1"/>
  <c r="U88654" i="1"/>
  <c r="U88653" i="1"/>
  <c r="U88652" i="1"/>
  <c r="U88651" i="1"/>
  <c r="U88650" i="1"/>
  <c r="U88649" i="1"/>
  <c r="U88648" i="1"/>
  <c r="U88647" i="1"/>
  <c r="U88646" i="1"/>
  <c r="U88645" i="1"/>
  <c r="U88644" i="1"/>
  <c r="U88643" i="1"/>
  <c r="U88642" i="1"/>
  <c r="U88641" i="1"/>
  <c r="U88640" i="1"/>
  <c r="U88639" i="1"/>
  <c r="U88638" i="1"/>
  <c r="U88637" i="1"/>
  <c r="U88636" i="1"/>
  <c r="U88635" i="1"/>
  <c r="U88634" i="1"/>
  <c r="U88633" i="1"/>
  <c r="U88632" i="1"/>
  <c r="U88631" i="1"/>
  <c r="U88630" i="1"/>
  <c r="U88629" i="1"/>
  <c r="U88628" i="1"/>
  <c r="U88627" i="1"/>
  <c r="U88626" i="1"/>
  <c r="U88625" i="1"/>
  <c r="U88624" i="1"/>
  <c r="U88623" i="1"/>
  <c r="U88622" i="1"/>
  <c r="U88621" i="1"/>
  <c r="U88620" i="1"/>
  <c r="U88619" i="1"/>
  <c r="U88618" i="1"/>
  <c r="U88617" i="1"/>
  <c r="U88616" i="1"/>
  <c r="U88615" i="1"/>
  <c r="U88614" i="1"/>
  <c r="U88613" i="1"/>
  <c r="U88612" i="1"/>
  <c r="U88611" i="1"/>
  <c r="U88610" i="1"/>
  <c r="U88609" i="1"/>
  <c r="U88608" i="1"/>
  <c r="U88607" i="1"/>
  <c r="U88606" i="1"/>
  <c r="U88605" i="1"/>
  <c r="U88604" i="1"/>
  <c r="U88603" i="1"/>
  <c r="U88602" i="1"/>
  <c r="U88601" i="1"/>
  <c r="U88600" i="1"/>
  <c r="U88599" i="1"/>
  <c r="U88598" i="1"/>
  <c r="U88597" i="1"/>
  <c r="U88596" i="1"/>
  <c r="U88595" i="1"/>
  <c r="U88594" i="1"/>
  <c r="U88593" i="1"/>
  <c r="U88592" i="1"/>
  <c r="U88591" i="1"/>
  <c r="U88590" i="1"/>
  <c r="U88589" i="1"/>
  <c r="U88588" i="1"/>
  <c r="U88587" i="1"/>
  <c r="U88586" i="1"/>
  <c r="U88585" i="1"/>
  <c r="U88584" i="1"/>
  <c r="U88583" i="1"/>
  <c r="U88582" i="1"/>
  <c r="U88581" i="1"/>
  <c r="U88580" i="1"/>
  <c r="U88579" i="1"/>
  <c r="U88578" i="1"/>
  <c r="U88577" i="1"/>
  <c r="U88576" i="1"/>
  <c r="U88575" i="1"/>
  <c r="U88574" i="1"/>
  <c r="U88573" i="1"/>
  <c r="U88572" i="1"/>
  <c r="U88571" i="1"/>
  <c r="U88570" i="1"/>
  <c r="U88569" i="1"/>
  <c r="U88568" i="1"/>
  <c r="U88567" i="1"/>
  <c r="U88566" i="1"/>
  <c r="U88565" i="1"/>
  <c r="U88564" i="1"/>
  <c r="U88563" i="1"/>
  <c r="U88562" i="1"/>
  <c r="U88561" i="1"/>
  <c r="U88560" i="1"/>
  <c r="U88559" i="1"/>
  <c r="U88558" i="1"/>
  <c r="U88557" i="1"/>
  <c r="U88556" i="1"/>
  <c r="U88555" i="1"/>
  <c r="U88554" i="1"/>
  <c r="U88553" i="1"/>
  <c r="U88552" i="1"/>
  <c r="U88551" i="1"/>
  <c r="U88550" i="1"/>
  <c r="U88549" i="1"/>
  <c r="U88548" i="1"/>
  <c r="U88547" i="1"/>
  <c r="U88546" i="1"/>
  <c r="U88545" i="1"/>
  <c r="U88544" i="1"/>
  <c r="U88543" i="1"/>
  <c r="U88542" i="1"/>
  <c r="U88541" i="1"/>
  <c r="U88540" i="1"/>
  <c r="U88539" i="1"/>
  <c r="U88538" i="1"/>
  <c r="U88537" i="1"/>
  <c r="U88536" i="1"/>
  <c r="U88535" i="1"/>
  <c r="U88534" i="1"/>
  <c r="U88533" i="1"/>
  <c r="U88532" i="1"/>
  <c r="U88531" i="1"/>
  <c r="U88530" i="1"/>
  <c r="U88529" i="1"/>
  <c r="U88528" i="1"/>
  <c r="U88527" i="1"/>
  <c r="U88526" i="1"/>
  <c r="U88525" i="1"/>
  <c r="U88524" i="1"/>
  <c r="U88523" i="1"/>
  <c r="U88522" i="1"/>
  <c r="U88521" i="1"/>
  <c r="U88520" i="1"/>
  <c r="U88519" i="1"/>
  <c r="U88518" i="1"/>
  <c r="U88517" i="1"/>
  <c r="U88516" i="1"/>
  <c r="U88515" i="1"/>
  <c r="U88514" i="1"/>
  <c r="U88513" i="1"/>
  <c r="U88512" i="1"/>
  <c r="U88511" i="1"/>
  <c r="U88510" i="1"/>
  <c r="U88509" i="1"/>
  <c r="U88508" i="1"/>
  <c r="U88507" i="1"/>
  <c r="U88506" i="1"/>
  <c r="U88505" i="1"/>
  <c r="U88504" i="1"/>
  <c r="U88503" i="1"/>
  <c r="U88502" i="1"/>
  <c r="U88501" i="1"/>
  <c r="U88500" i="1"/>
  <c r="U88499" i="1"/>
  <c r="U88498" i="1"/>
  <c r="U88497" i="1"/>
  <c r="U88496" i="1"/>
  <c r="U88495" i="1"/>
  <c r="U88494" i="1"/>
  <c r="U88493" i="1"/>
  <c r="U88492" i="1"/>
  <c r="U88491" i="1"/>
  <c r="U88490" i="1"/>
  <c r="U88489" i="1"/>
  <c r="U88488" i="1"/>
  <c r="U88487" i="1"/>
  <c r="U88486" i="1"/>
  <c r="U88485" i="1"/>
  <c r="U88484" i="1"/>
  <c r="U88483" i="1"/>
  <c r="U88482" i="1"/>
  <c r="U88481" i="1"/>
  <c r="U88480" i="1"/>
  <c r="U88479" i="1"/>
  <c r="U88478" i="1"/>
  <c r="U88477" i="1"/>
  <c r="U88476" i="1"/>
  <c r="U88475" i="1"/>
  <c r="U88474" i="1"/>
  <c r="U88473" i="1"/>
  <c r="U88472" i="1"/>
  <c r="U88471" i="1"/>
  <c r="U88470" i="1"/>
  <c r="U88469" i="1"/>
  <c r="U88468" i="1"/>
  <c r="U88467" i="1"/>
  <c r="U88466" i="1"/>
  <c r="U88465" i="1"/>
  <c r="U88464" i="1"/>
  <c r="U88463" i="1"/>
  <c r="U88462" i="1"/>
  <c r="U88461" i="1"/>
  <c r="U88460" i="1"/>
  <c r="U88459" i="1"/>
  <c r="U88458" i="1"/>
  <c r="U88457" i="1"/>
  <c r="U88456" i="1"/>
  <c r="U88455" i="1"/>
  <c r="U88454" i="1"/>
  <c r="U88453" i="1"/>
  <c r="U88452" i="1"/>
  <c r="U88451" i="1"/>
  <c r="U88450" i="1"/>
  <c r="U88449" i="1"/>
  <c r="U88448" i="1"/>
  <c r="U88447" i="1"/>
  <c r="U88446" i="1"/>
  <c r="U88445" i="1"/>
  <c r="U88444" i="1"/>
  <c r="U88443" i="1"/>
  <c r="U88442" i="1"/>
  <c r="U88441" i="1"/>
  <c r="U88440" i="1"/>
  <c r="U88439" i="1"/>
  <c r="U88438" i="1"/>
  <c r="U88437" i="1"/>
  <c r="U88436" i="1"/>
  <c r="U88435" i="1"/>
  <c r="U88434" i="1"/>
  <c r="U88433" i="1"/>
  <c r="U88432" i="1"/>
  <c r="U88431" i="1"/>
  <c r="U88430" i="1"/>
  <c r="U88429" i="1"/>
  <c r="U88428" i="1"/>
  <c r="U88427" i="1"/>
  <c r="U88426" i="1"/>
  <c r="U88425" i="1"/>
  <c r="U88424" i="1"/>
  <c r="U88423" i="1"/>
  <c r="U88422" i="1"/>
  <c r="U88421" i="1"/>
  <c r="U88420" i="1"/>
  <c r="U88419" i="1"/>
  <c r="U88418" i="1"/>
  <c r="U88417" i="1"/>
  <c r="U88416" i="1"/>
  <c r="U88415" i="1"/>
  <c r="U88414" i="1"/>
  <c r="U88413" i="1"/>
  <c r="U88412" i="1"/>
  <c r="U88411" i="1"/>
  <c r="U88410" i="1"/>
  <c r="U88409" i="1"/>
  <c r="U88408" i="1"/>
  <c r="U88407" i="1"/>
  <c r="U88406" i="1"/>
  <c r="U88405" i="1"/>
  <c r="U88404" i="1"/>
  <c r="U88403" i="1"/>
  <c r="U88402" i="1"/>
  <c r="U88401" i="1"/>
  <c r="U88400" i="1"/>
  <c r="U88399" i="1"/>
  <c r="U88398" i="1"/>
  <c r="U88397" i="1"/>
  <c r="U88396" i="1"/>
  <c r="U88395" i="1"/>
  <c r="U88394" i="1"/>
  <c r="U88393" i="1"/>
  <c r="U88392" i="1"/>
  <c r="U88391" i="1"/>
  <c r="U88390" i="1"/>
  <c r="U88389" i="1"/>
  <c r="U88388" i="1"/>
  <c r="U88387" i="1"/>
  <c r="U88386" i="1"/>
  <c r="U88385" i="1"/>
  <c r="U88384" i="1"/>
  <c r="U88383" i="1"/>
  <c r="U88382" i="1"/>
  <c r="U88381" i="1"/>
  <c r="U88380" i="1"/>
  <c r="U88379" i="1"/>
  <c r="U88378" i="1"/>
  <c r="U88377" i="1"/>
  <c r="U88376" i="1"/>
  <c r="U88375" i="1"/>
  <c r="U88374" i="1"/>
  <c r="U88373" i="1"/>
  <c r="U88372" i="1"/>
  <c r="U88371" i="1"/>
  <c r="U88370" i="1"/>
  <c r="U88369" i="1"/>
  <c r="U88368" i="1"/>
  <c r="U88367" i="1"/>
  <c r="U88366" i="1"/>
  <c r="U88365" i="1"/>
  <c r="U88364" i="1"/>
  <c r="U88363" i="1"/>
  <c r="U88362" i="1"/>
  <c r="U88361" i="1"/>
  <c r="U88360" i="1"/>
  <c r="U88359" i="1"/>
  <c r="U88358" i="1"/>
  <c r="U88357" i="1"/>
  <c r="U88356" i="1"/>
  <c r="U88355" i="1"/>
  <c r="U88354" i="1"/>
  <c r="U88353" i="1"/>
  <c r="U88352" i="1"/>
  <c r="U88351" i="1"/>
  <c r="U88350" i="1"/>
  <c r="U88349" i="1"/>
  <c r="U88348" i="1"/>
  <c r="U88347" i="1"/>
  <c r="U88346" i="1"/>
  <c r="U88345" i="1"/>
  <c r="U88344" i="1"/>
  <c r="U88343" i="1"/>
  <c r="U88342" i="1"/>
  <c r="U88341" i="1"/>
  <c r="U88340" i="1"/>
  <c r="U88339" i="1"/>
  <c r="U88338" i="1"/>
  <c r="U88337" i="1"/>
  <c r="U88336" i="1"/>
  <c r="U88335" i="1"/>
  <c r="U88334" i="1"/>
  <c r="U88333" i="1"/>
  <c r="U88332" i="1"/>
  <c r="U88331" i="1"/>
  <c r="U88330" i="1"/>
  <c r="U88329" i="1"/>
  <c r="U88328" i="1"/>
  <c r="U88327" i="1"/>
  <c r="U88326" i="1"/>
  <c r="U88325" i="1"/>
  <c r="U88324" i="1"/>
  <c r="U88323" i="1"/>
  <c r="U88322" i="1"/>
  <c r="U88321" i="1"/>
  <c r="U88320" i="1"/>
  <c r="U88319" i="1"/>
  <c r="U88318" i="1"/>
  <c r="U88317" i="1"/>
  <c r="U88316" i="1"/>
  <c r="U88315" i="1"/>
  <c r="U88314" i="1"/>
  <c r="U88313" i="1"/>
  <c r="U88312" i="1"/>
  <c r="U88311" i="1"/>
  <c r="U88310" i="1"/>
  <c r="U88309" i="1"/>
  <c r="U88308" i="1"/>
  <c r="U88307" i="1"/>
  <c r="U88306" i="1"/>
  <c r="U88305" i="1"/>
  <c r="U88304" i="1"/>
  <c r="U88303" i="1"/>
  <c r="U88302" i="1"/>
  <c r="U88301" i="1"/>
  <c r="U88300" i="1"/>
  <c r="U88299" i="1"/>
  <c r="U88298" i="1"/>
  <c r="U88297" i="1"/>
  <c r="U88296" i="1"/>
  <c r="U88295" i="1"/>
  <c r="U88294" i="1"/>
  <c r="U88293" i="1"/>
  <c r="U88292" i="1"/>
  <c r="U88291" i="1"/>
  <c r="U88290" i="1"/>
  <c r="U88289" i="1"/>
  <c r="U88288" i="1"/>
  <c r="U88287" i="1"/>
  <c r="U88286" i="1"/>
  <c r="U88285" i="1"/>
  <c r="U88284" i="1"/>
  <c r="U88283" i="1"/>
  <c r="U88282" i="1"/>
  <c r="U88281" i="1"/>
  <c r="U88280" i="1"/>
  <c r="U88279" i="1"/>
  <c r="U88278" i="1"/>
  <c r="U88277" i="1"/>
  <c r="U88276" i="1"/>
  <c r="U88275" i="1"/>
  <c r="U88274" i="1"/>
  <c r="U88273" i="1"/>
  <c r="U88272" i="1"/>
  <c r="U88271" i="1"/>
  <c r="U88270" i="1"/>
  <c r="U88269" i="1"/>
  <c r="U88268" i="1"/>
  <c r="U88267" i="1"/>
  <c r="U88266" i="1"/>
  <c r="U88265" i="1"/>
  <c r="U88264" i="1"/>
  <c r="U88263" i="1"/>
  <c r="U88262" i="1"/>
  <c r="U88261" i="1"/>
  <c r="U88260" i="1"/>
  <c r="U88259" i="1"/>
  <c r="U88258" i="1"/>
  <c r="U88257" i="1"/>
  <c r="U88256" i="1"/>
  <c r="U88255" i="1"/>
  <c r="U88254" i="1"/>
  <c r="U88253" i="1"/>
  <c r="U88252" i="1"/>
  <c r="U88251" i="1"/>
  <c r="U88250" i="1"/>
  <c r="U88249" i="1"/>
  <c r="U88248" i="1"/>
  <c r="U88247" i="1"/>
  <c r="U88246" i="1"/>
  <c r="U88245" i="1"/>
  <c r="U88244" i="1"/>
  <c r="U88243" i="1"/>
  <c r="U88242" i="1"/>
  <c r="U88241" i="1"/>
  <c r="U88240" i="1"/>
  <c r="U88239" i="1"/>
  <c r="U88238" i="1"/>
  <c r="U88237" i="1"/>
  <c r="U88236" i="1"/>
  <c r="U88235" i="1"/>
  <c r="U88234" i="1"/>
  <c r="U88233" i="1"/>
  <c r="U88232" i="1"/>
  <c r="U88231" i="1"/>
  <c r="U88230" i="1"/>
  <c r="U88229" i="1"/>
  <c r="U88228" i="1"/>
  <c r="U88227" i="1"/>
  <c r="U88226" i="1"/>
  <c r="U88225" i="1"/>
  <c r="U88224" i="1"/>
  <c r="U88223" i="1"/>
  <c r="U88222" i="1"/>
  <c r="U88221" i="1"/>
  <c r="U88220" i="1"/>
  <c r="U88219" i="1"/>
  <c r="U88218" i="1"/>
  <c r="U88217" i="1"/>
  <c r="U88216" i="1"/>
  <c r="U88215" i="1"/>
  <c r="U88214" i="1"/>
  <c r="U88213" i="1"/>
  <c r="U88212" i="1"/>
  <c r="U88211" i="1"/>
  <c r="U88210" i="1"/>
  <c r="U88209" i="1"/>
  <c r="U88208" i="1"/>
  <c r="U88207" i="1"/>
  <c r="U88206" i="1"/>
  <c r="U88205" i="1"/>
  <c r="U88204" i="1"/>
  <c r="U88203" i="1"/>
  <c r="U88202" i="1"/>
  <c r="U88201" i="1"/>
  <c r="U88200" i="1"/>
  <c r="U88199" i="1"/>
  <c r="U88198" i="1"/>
  <c r="U88197" i="1"/>
  <c r="U88196" i="1"/>
  <c r="U88195" i="1"/>
  <c r="U88194" i="1"/>
  <c r="U88193" i="1"/>
  <c r="U88192" i="1"/>
  <c r="U88191" i="1"/>
  <c r="U88190" i="1"/>
  <c r="U88189" i="1"/>
  <c r="U88188" i="1"/>
  <c r="U88187" i="1"/>
  <c r="U88186" i="1"/>
  <c r="U88185" i="1"/>
  <c r="U88184" i="1"/>
  <c r="U88183" i="1"/>
  <c r="U88182" i="1"/>
  <c r="U88181" i="1"/>
  <c r="U88180" i="1"/>
  <c r="U88179" i="1"/>
  <c r="U88178" i="1"/>
  <c r="U88177" i="1"/>
  <c r="U88176" i="1"/>
  <c r="U88175" i="1"/>
  <c r="U88174" i="1"/>
  <c r="U88173" i="1"/>
  <c r="U88172" i="1"/>
  <c r="U88171" i="1"/>
  <c r="U88170" i="1"/>
  <c r="U88169" i="1"/>
  <c r="U88168" i="1"/>
  <c r="U88167" i="1"/>
  <c r="U88166" i="1"/>
  <c r="U88165" i="1"/>
  <c r="U88164" i="1"/>
  <c r="U88163" i="1"/>
  <c r="U88162" i="1"/>
  <c r="U88161" i="1"/>
  <c r="U88160" i="1"/>
  <c r="U88159" i="1"/>
  <c r="U88158" i="1"/>
  <c r="U88157" i="1"/>
  <c r="U88156" i="1"/>
  <c r="U88155" i="1"/>
  <c r="U88154" i="1"/>
  <c r="U88153" i="1"/>
  <c r="U88152" i="1"/>
  <c r="U88151" i="1"/>
  <c r="U88150" i="1"/>
  <c r="U88149" i="1"/>
  <c r="U88148" i="1"/>
  <c r="U88147" i="1"/>
  <c r="U88146" i="1"/>
  <c r="U88145" i="1"/>
  <c r="U88144" i="1"/>
  <c r="U88143" i="1"/>
  <c r="U88142" i="1"/>
  <c r="U88141" i="1"/>
  <c r="U88140" i="1"/>
  <c r="U88139" i="1"/>
  <c r="U88138" i="1"/>
  <c r="U88137" i="1"/>
  <c r="U88136" i="1"/>
  <c r="U88135" i="1"/>
  <c r="U88134" i="1"/>
  <c r="U88133" i="1"/>
  <c r="U88132" i="1"/>
  <c r="U88131" i="1"/>
  <c r="U88130" i="1"/>
  <c r="U88129" i="1"/>
  <c r="U88128" i="1"/>
  <c r="U88127" i="1"/>
  <c r="U88126" i="1"/>
  <c r="U88125" i="1"/>
  <c r="U88124" i="1"/>
  <c r="U88123" i="1"/>
  <c r="U88122" i="1"/>
  <c r="U88121" i="1"/>
  <c r="U88120" i="1"/>
  <c r="U88119" i="1"/>
  <c r="U88118" i="1"/>
  <c r="U88117" i="1"/>
  <c r="U88116" i="1"/>
  <c r="U88115" i="1"/>
  <c r="U88114" i="1"/>
  <c r="U88113" i="1"/>
  <c r="U88112" i="1"/>
  <c r="U88111" i="1"/>
  <c r="U88110" i="1"/>
  <c r="U88109" i="1"/>
  <c r="U88108" i="1"/>
  <c r="U88107" i="1"/>
  <c r="U88106" i="1"/>
  <c r="U88105" i="1"/>
  <c r="U88104" i="1"/>
  <c r="U88103" i="1"/>
  <c r="U88102" i="1"/>
  <c r="U88101" i="1"/>
  <c r="U88100" i="1"/>
  <c r="U88099" i="1"/>
  <c r="U88098" i="1"/>
  <c r="U88097" i="1"/>
  <c r="U88096" i="1"/>
  <c r="U88095" i="1"/>
  <c r="U88094" i="1"/>
  <c r="U88093" i="1"/>
  <c r="U88092" i="1"/>
  <c r="U88091" i="1"/>
  <c r="U88090" i="1"/>
  <c r="U88089" i="1"/>
  <c r="U88088" i="1"/>
  <c r="U88087" i="1"/>
  <c r="U88086" i="1"/>
  <c r="U88085" i="1"/>
  <c r="U88084" i="1"/>
  <c r="U88083" i="1"/>
  <c r="U88082" i="1"/>
  <c r="U88081" i="1"/>
  <c r="U88080" i="1"/>
  <c r="U88079" i="1"/>
  <c r="U88078" i="1"/>
  <c r="U88077" i="1"/>
  <c r="U88076" i="1"/>
  <c r="U88075" i="1"/>
  <c r="U88074" i="1"/>
  <c r="U88073" i="1"/>
  <c r="U88072" i="1"/>
  <c r="U88071" i="1"/>
  <c r="U88070" i="1"/>
  <c r="U88069" i="1"/>
  <c r="U88068" i="1"/>
  <c r="U88067" i="1"/>
  <c r="U88066" i="1"/>
  <c r="U88065" i="1"/>
  <c r="U88064" i="1"/>
  <c r="U88063" i="1"/>
  <c r="U88062" i="1"/>
  <c r="U88061" i="1"/>
  <c r="U88060" i="1"/>
  <c r="U88059" i="1"/>
  <c r="U88058" i="1"/>
  <c r="U88057" i="1"/>
  <c r="U88056" i="1"/>
  <c r="U88055" i="1"/>
  <c r="U88054" i="1"/>
  <c r="U88053" i="1"/>
  <c r="U88052" i="1"/>
  <c r="U88051" i="1"/>
  <c r="U88050" i="1"/>
  <c r="U88049" i="1"/>
  <c r="U88048" i="1"/>
  <c r="U88047" i="1"/>
  <c r="U88046" i="1"/>
  <c r="U88045" i="1"/>
  <c r="U88044" i="1"/>
  <c r="U88043" i="1"/>
  <c r="U88042" i="1"/>
  <c r="U88041" i="1"/>
  <c r="U88040" i="1"/>
  <c r="U88039" i="1"/>
  <c r="U88038" i="1"/>
  <c r="U88037" i="1"/>
  <c r="U88036" i="1"/>
  <c r="U88035" i="1"/>
  <c r="U88034" i="1"/>
  <c r="U88033" i="1"/>
  <c r="U88032" i="1"/>
  <c r="U88031" i="1"/>
  <c r="U88030" i="1"/>
  <c r="U88029" i="1"/>
  <c r="U88028" i="1"/>
  <c r="U88027" i="1"/>
  <c r="U88026" i="1"/>
  <c r="U88025" i="1"/>
  <c r="U88024" i="1"/>
  <c r="U88023" i="1"/>
  <c r="U88022" i="1"/>
  <c r="U88021" i="1"/>
  <c r="U88020" i="1"/>
  <c r="U88019" i="1"/>
  <c r="U88018" i="1"/>
  <c r="U88017" i="1"/>
  <c r="U88016" i="1"/>
  <c r="U88015" i="1"/>
  <c r="U88014" i="1"/>
  <c r="U88013" i="1"/>
  <c r="U88012" i="1"/>
  <c r="U88011" i="1"/>
  <c r="U88010" i="1"/>
  <c r="U88009" i="1"/>
  <c r="U88008" i="1"/>
  <c r="U88007" i="1"/>
  <c r="U88006" i="1"/>
  <c r="U88005" i="1"/>
  <c r="U88004" i="1"/>
  <c r="U88003" i="1"/>
  <c r="U88002" i="1"/>
  <c r="U88001" i="1"/>
  <c r="U88000" i="1"/>
  <c r="U87999" i="1"/>
  <c r="U87998" i="1"/>
  <c r="U87997" i="1"/>
  <c r="U87996" i="1"/>
  <c r="U87995" i="1"/>
  <c r="U87994" i="1"/>
  <c r="U87993" i="1"/>
  <c r="U87992" i="1"/>
  <c r="U87991" i="1"/>
  <c r="U87990" i="1"/>
  <c r="U87989" i="1"/>
  <c r="U87988" i="1"/>
  <c r="U87987" i="1"/>
  <c r="U87986" i="1"/>
  <c r="U87985" i="1"/>
  <c r="U87984" i="1"/>
  <c r="U87983" i="1"/>
  <c r="U87982" i="1"/>
  <c r="U87981" i="1"/>
  <c r="U87980" i="1"/>
  <c r="U87979" i="1"/>
  <c r="U87978" i="1"/>
  <c r="U87977" i="1"/>
  <c r="U87976" i="1"/>
  <c r="U87975" i="1"/>
  <c r="U87974" i="1"/>
  <c r="U87973" i="1"/>
  <c r="U87972" i="1"/>
  <c r="U87971" i="1"/>
  <c r="U87970" i="1"/>
  <c r="U87969" i="1"/>
  <c r="U87968" i="1"/>
  <c r="U87967" i="1"/>
  <c r="U87966" i="1"/>
  <c r="U87965" i="1"/>
  <c r="U87964" i="1"/>
  <c r="U87963" i="1"/>
  <c r="U87962" i="1"/>
  <c r="U87961" i="1"/>
  <c r="U87960" i="1"/>
  <c r="U87959" i="1"/>
  <c r="U87958" i="1"/>
  <c r="U87957" i="1"/>
  <c r="U87956" i="1"/>
  <c r="U87955" i="1"/>
  <c r="U87954" i="1"/>
  <c r="U87953" i="1"/>
  <c r="U87952" i="1"/>
  <c r="U87951" i="1"/>
  <c r="U87950" i="1"/>
  <c r="U87949" i="1"/>
  <c r="U87948" i="1"/>
  <c r="U87947" i="1"/>
  <c r="U87946" i="1"/>
  <c r="U87945" i="1"/>
  <c r="U87944" i="1"/>
  <c r="U87943" i="1"/>
  <c r="U87942" i="1"/>
  <c r="U87941" i="1"/>
  <c r="U87940" i="1"/>
  <c r="U87939" i="1"/>
  <c r="U87938" i="1"/>
  <c r="U87937" i="1"/>
  <c r="U87936" i="1"/>
  <c r="U87935" i="1"/>
  <c r="U87934" i="1"/>
  <c r="U87933" i="1"/>
  <c r="U87932" i="1"/>
  <c r="U87931" i="1"/>
  <c r="U87930" i="1"/>
  <c r="U87929" i="1"/>
  <c r="U87928" i="1"/>
  <c r="U87927" i="1"/>
  <c r="U87926" i="1"/>
  <c r="U87925" i="1"/>
  <c r="U87924" i="1"/>
  <c r="U87923" i="1"/>
  <c r="U87922" i="1"/>
  <c r="U87921" i="1"/>
  <c r="U87920" i="1"/>
  <c r="U87919" i="1"/>
  <c r="U87918" i="1"/>
  <c r="U87917" i="1"/>
  <c r="U87916" i="1"/>
  <c r="U87915" i="1"/>
  <c r="U87914" i="1"/>
  <c r="U87913" i="1"/>
  <c r="U87912" i="1"/>
  <c r="U87911" i="1"/>
  <c r="U87910" i="1"/>
  <c r="U87909" i="1"/>
  <c r="U87908" i="1"/>
  <c r="U87907" i="1"/>
  <c r="U87906" i="1"/>
  <c r="U87905" i="1"/>
  <c r="U87904" i="1"/>
  <c r="U87903" i="1"/>
  <c r="U87902" i="1"/>
  <c r="U87901" i="1"/>
  <c r="U87900" i="1"/>
  <c r="U87899" i="1"/>
  <c r="U87898" i="1"/>
  <c r="U87897" i="1"/>
  <c r="U87896" i="1"/>
  <c r="U87895" i="1"/>
  <c r="U87894" i="1"/>
  <c r="U87893" i="1"/>
  <c r="U87892" i="1"/>
  <c r="U87891" i="1"/>
  <c r="U87890" i="1"/>
  <c r="U87889" i="1"/>
  <c r="U87888" i="1"/>
  <c r="U87887" i="1"/>
  <c r="U87886" i="1"/>
  <c r="U87885" i="1"/>
  <c r="U87884" i="1"/>
  <c r="U87883" i="1"/>
  <c r="U87882" i="1"/>
  <c r="U87881" i="1"/>
  <c r="U87880" i="1"/>
  <c r="U87879" i="1"/>
  <c r="U87878" i="1"/>
  <c r="U87877" i="1"/>
  <c r="U87876" i="1"/>
  <c r="U87875" i="1"/>
  <c r="U87874" i="1"/>
  <c r="U87873" i="1"/>
  <c r="U87872" i="1"/>
  <c r="U87871" i="1"/>
  <c r="U87870" i="1"/>
  <c r="U87869" i="1"/>
  <c r="U87868" i="1"/>
  <c r="U87867" i="1"/>
  <c r="U87866" i="1"/>
  <c r="U87865" i="1"/>
  <c r="U87864" i="1"/>
  <c r="U87863" i="1"/>
  <c r="U87862" i="1"/>
  <c r="U87861" i="1"/>
  <c r="U87860" i="1"/>
  <c r="U87859" i="1"/>
  <c r="U87858" i="1"/>
  <c r="U87857" i="1"/>
  <c r="U87856" i="1"/>
  <c r="U87855" i="1"/>
  <c r="U87854" i="1"/>
  <c r="U87853" i="1"/>
  <c r="U87852" i="1"/>
  <c r="U87851" i="1"/>
  <c r="U87850" i="1"/>
  <c r="U87849" i="1"/>
  <c r="U87848" i="1"/>
  <c r="U87847" i="1"/>
  <c r="U87846" i="1"/>
  <c r="U87845" i="1"/>
  <c r="U87844" i="1"/>
  <c r="U87843" i="1"/>
  <c r="U87842" i="1"/>
  <c r="U87841" i="1"/>
  <c r="U87840" i="1"/>
  <c r="U87839" i="1"/>
  <c r="U87838" i="1"/>
  <c r="U87837" i="1"/>
  <c r="U87836" i="1"/>
  <c r="U87835" i="1"/>
  <c r="U87834" i="1"/>
  <c r="U87833" i="1"/>
  <c r="U87832" i="1"/>
  <c r="U87831" i="1"/>
  <c r="U87830" i="1"/>
  <c r="U87829" i="1"/>
  <c r="U87828" i="1"/>
  <c r="U87827" i="1"/>
  <c r="U87826" i="1"/>
  <c r="U87825" i="1"/>
  <c r="U87824" i="1"/>
  <c r="U87823" i="1"/>
  <c r="U87822" i="1"/>
  <c r="U87821" i="1"/>
  <c r="U87820" i="1"/>
  <c r="U87819" i="1"/>
  <c r="U87818" i="1"/>
  <c r="U87817" i="1"/>
  <c r="U87816" i="1"/>
  <c r="U87815" i="1"/>
  <c r="U87814" i="1"/>
  <c r="U87813" i="1"/>
  <c r="U87812" i="1"/>
  <c r="U87811" i="1"/>
  <c r="U87810" i="1"/>
  <c r="U87809" i="1"/>
  <c r="U87808" i="1"/>
  <c r="U87807" i="1"/>
  <c r="U87806" i="1"/>
  <c r="U87805" i="1"/>
  <c r="U87804" i="1"/>
  <c r="U87803" i="1"/>
  <c r="U87802" i="1"/>
  <c r="U87801" i="1"/>
  <c r="U87800" i="1"/>
  <c r="U87799" i="1"/>
  <c r="U87798" i="1"/>
  <c r="U87797" i="1"/>
  <c r="U87796" i="1"/>
  <c r="U87795" i="1"/>
  <c r="U87794" i="1"/>
  <c r="U87793" i="1"/>
  <c r="U87792" i="1"/>
  <c r="U87791" i="1"/>
  <c r="U87790" i="1"/>
  <c r="U87789" i="1"/>
  <c r="U87788" i="1"/>
  <c r="U87787" i="1"/>
  <c r="U87786" i="1"/>
  <c r="U87785" i="1"/>
  <c r="U87784" i="1"/>
  <c r="U87783" i="1"/>
  <c r="U87782" i="1"/>
  <c r="U87781" i="1"/>
  <c r="U87780" i="1"/>
  <c r="U87779" i="1"/>
  <c r="U87778" i="1"/>
  <c r="U87777" i="1"/>
  <c r="U87776" i="1"/>
  <c r="U87775" i="1"/>
  <c r="U87774" i="1"/>
  <c r="U87773" i="1"/>
  <c r="U87772" i="1"/>
  <c r="U87771" i="1"/>
  <c r="U87770" i="1"/>
  <c r="U87769" i="1"/>
  <c r="U87768" i="1"/>
  <c r="U87767" i="1"/>
  <c r="U87766" i="1"/>
  <c r="U87765" i="1"/>
  <c r="U87764" i="1"/>
  <c r="U87763" i="1"/>
  <c r="U87762" i="1"/>
  <c r="U87761" i="1"/>
  <c r="U87760" i="1"/>
  <c r="U87759" i="1"/>
  <c r="U87758" i="1"/>
  <c r="U87757" i="1"/>
  <c r="U87756" i="1"/>
  <c r="U87755" i="1"/>
  <c r="U87754" i="1"/>
  <c r="U87753" i="1"/>
  <c r="U87752" i="1"/>
  <c r="U87751" i="1"/>
  <c r="U87750" i="1"/>
  <c r="U87749" i="1"/>
  <c r="U87748" i="1"/>
  <c r="U87747" i="1"/>
  <c r="U87746" i="1"/>
  <c r="U87745" i="1"/>
  <c r="U87744" i="1"/>
  <c r="U87743" i="1"/>
  <c r="U87742" i="1"/>
  <c r="U87741" i="1"/>
  <c r="U87740" i="1"/>
  <c r="U87739" i="1"/>
  <c r="U87738" i="1"/>
  <c r="U87737" i="1"/>
  <c r="U87736" i="1"/>
  <c r="U87735" i="1"/>
  <c r="U87734" i="1"/>
  <c r="U87733" i="1"/>
  <c r="U87732" i="1"/>
  <c r="U87731" i="1"/>
  <c r="U87730" i="1"/>
  <c r="U87729" i="1"/>
  <c r="U87728" i="1"/>
  <c r="U87727" i="1"/>
  <c r="U87726" i="1"/>
  <c r="U87725" i="1"/>
  <c r="U87724" i="1"/>
  <c r="U87723" i="1"/>
  <c r="U87722" i="1"/>
  <c r="U87721" i="1"/>
  <c r="U87720" i="1"/>
  <c r="U87719" i="1"/>
  <c r="U87718" i="1"/>
  <c r="U87717" i="1"/>
  <c r="U87716" i="1"/>
  <c r="U87715" i="1"/>
  <c r="U87714" i="1"/>
  <c r="U87713" i="1"/>
  <c r="U87712" i="1"/>
  <c r="U87711" i="1"/>
  <c r="U87710" i="1"/>
  <c r="U87709" i="1"/>
  <c r="U87708" i="1"/>
  <c r="U87707" i="1"/>
  <c r="U87706" i="1"/>
  <c r="U87705" i="1"/>
  <c r="U87704" i="1"/>
  <c r="U87703" i="1"/>
  <c r="U87702" i="1"/>
  <c r="U87701" i="1"/>
  <c r="U87700" i="1"/>
  <c r="U87699" i="1"/>
  <c r="U87698" i="1"/>
  <c r="U87697" i="1"/>
  <c r="U87696" i="1"/>
  <c r="U87695" i="1"/>
  <c r="U87694" i="1"/>
  <c r="U87693" i="1"/>
  <c r="U87692" i="1"/>
  <c r="U87691" i="1"/>
  <c r="U87690" i="1"/>
  <c r="U87689" i="1"/>
  <c r="U87688" i="1"/>
  <c r="U87687" i="1"/>
  <c r="U87686" i="1"/>
  <c r="U87685" i="1"/>
  <c r="U87684" i="1"/>
  <c r="U87683" i="1"/>
  <c r="U87682" i="1"/>
  <c r="U87681" i="1"/>
  <c r="U87680" i="1"/>
  <c r="U87679" i="1"/>
  <c r="U87678" i="1"/>
  <c r="U87677" i="1"/>
  <c r="U87676" i="1"/>
  <c r="U87675" i="1"/>
  <c r="U87674" i="1"/>
  <c r="U87673" i="1"/>
  <c r="U87672" i="1"/>
  <c r="U87671" i="1"/>
  <c r="U87670" i="1"/>
  <c r="U87669" i="1"/>
  <c r="U87668" i="1"/>
  <c r="U87667" i="1"/>
  <c r="U87666" i="1"/>
  <c r="U87665" i="1"/>
  <c r="U87664" i="1"/>
  <c r="U87663" i="1"/>
  <c r="U87662" i="1"/>
  <c r="U87661" i="1"/>
  <c r="U87660" i="1"/>
  <c r="U87659" i="1"/>
  <c r="U87658" i="1"/>
  <c r="U87657" i="1"/>
  <c r="U87656" i="1"/>
  <c r="U87655" i="1"/>
  <c r="U87654" i="1"/>
  <c r="U87653" i="1"/>
  <c r="U87652" i="1"/>
  <c r="U87651" i="1"/>
  <c r="U87650" i="1"/>
  <c r="U87649" i="1"/>
  <c r="U87648" i="1"/>
  <c r="U87647" i="1"/>
  <c r="U87646" i="1"/>
  <c r="U87645" i="1"/>
  <c r="U87644" i="1"/>
  <c r="U87643" i="1"/>
  <c r="U87642" i="1"/>
  <c r="U87641" i="1"/>
  <c r="U87640" i="1"/>
  <c r="U87639" i="1"/>
  <c r="U87638" i="1"/>
  <c r="U87637" i="1"/>
  <c r="U87636" i="1"/>
  <c r="U87635" i="1"/>
  <c r="U87634" i="1"/>
  <c r="U87633" i="1"/>
  <c r="U87632" i="1"/>
  <c r="U87631" i="1"/>
  <c r="U87630" i="1"/>
  <c r="U87629" i="1"/>
  <c r="U87628" i="1"/>
  <c r="U87627" i="1"/>
  <c r="U87626" i="1"/>
  <c r="U87625" i="1"/>
  <c r="U87624" i="1"/>
  <c r="U87623" i="1"/>
  <c r="U87622" i="1"/>
  <c r="U87621" i="1"/>
  <c r="U87620" i="1"/>
  <c r="U87619" i="1"/>
  <c r="U87618" i="1"/>
  <c r="U87617" i="1"/>
  <c r="U87616" i="1"/>
  <c r="U87615" i="1"/>
  <c r="U87614" i="1"/>
  <c r="U87613" i="1"/>
  <c r="U87612" i="1"/>
  <c r="U87611" i="1"/>
  <c r="U87610" i="1"/>
  <c r="U87609" i="1"/>
  <c r="U87608" i="1"/>
  <c r="U87607" i="1"/>
  <c r="U87606" i="1"/>
  <c r="U87605" i="1"/>
  <c r="U87604" i="1"/>
  <c r="U87603" i="1"/>
  <c r="U87602" i="1"/>
  <c r="U87601" i="1"/>
  <c r="U87600" i="1"/>
  <c r="U87599" i="1"/>
  <c r="U87598" i="1"/>
  <c r="U87597" i="1"/>
  <c r="U87596" i="1"/>
  <c r="U87595" i="1"/>
  <c r="U87594" i="1"/>
  <c r="U87593" i="1"/>
  <c r="U87592" i="1"/>
  <c r="U87591" i="1"/>
  <c r="U87590" i="1"/>
  <c r="U87589" i="1"/>
  <c r="U87588" i="1"/>
  <c r="U87587" i="1"/>
  <c r="U87586" i="1"/>
  <c r="U87585" i="1"/>
  <c r="U87584" i="1"/>
  <c r="U87583" i="1"/>
  <c r="U87582" i="1"/>
  <c r="U87581" i="1"/>
  <c r="U87580" i="1"/>
  <c r="U87579" i="1"/>
  <c r="U87578" i="1"/>
  <c r="U87577" i="1"/>
  <c r="U87576" i="1"/>
  <c r="U87575" i="1"/>
  <c r="U87574" i="1"/>
  <c r="U87573" i="1"/>
  <c r="U87572" i="1"/>
  <c r="U87571" i="1"/>
  <c r="U87570" i="1"/>
  <c r="U87569" i="1"/>
  <c r="U87568" i="1"/>
  <c r="U87567" i="1"/>
  <c r="U87566" i="1"/>
  <c r="U87565" i="1"/>
  <c r="U87564" i="1"/>
  <c r="U87563" i="1"/>
  <c r="U87562" i="1"/>
  <c r="U87561" i="1"/>
  <c r="U87560" i="1"/>
  <c r="U87559" i="1"/>
  <c r="U87558" i="1"/>
  <c r="U87557" i="1"/>
  <c r="U87556" i="1"/>
  <c r="U87555" i="1"/>
  <c r="U87554" i="1"/>
  <c r="U87553" i="1"/>
  <c r="U87552" i="1"/>
  <c r="U87551" i="1"/>
  <c r="U87550" i="1"/>
  <c r="U87549" i="1"/>
  <c r="U87548" i="1"/>
  <c r="U87547" i="1"/>
  <c r="U87546" i="1"/>
  <c r="U87545" i="1"/>
  <c r="U87544" i="1"/>
  <c r="U87543" i="1"/>
  <c r="U87542" i="1"/>
  <c r="U87541" i="1"/>
  <c r="U87540" i="1"/>
  <c r="U87539" i="1"/>
  <c r="U87538" i="1"/>
  <c r="U87537" i="1"/>
  <c r="U87536" i="1"/>
  <c r="U87535" i="1"/>
  <c r="U87534" i="1"/>
  <c r="U87533" i="1"/>
  <c r="U87532" i="1"/>
  <c r="U87531" i="1"/>
  <c r="U87530" i="1"/>
  <c r="U87529" i="1"/>
  <c r="U87528" i="1"/>
  <c r="U87527" i="1"/>
  <c r="U87526" i="1"/>
  <c r="U87525" i="1"/>
  <c r="U87524" i="1"/>
  <c r="U87523" i="1"/>
  <c r="U87522" i="1"/>
  <c r="U87521" i="1"/>
  <c r="U87520" i="1"/>
  <c r="U87519" i="1"/>
  <c r="U87518" i="1"/>
  <c r="U87517" i="1"/>
  <c r="U87516" i="1"/>
  <c r="U87515" i="1"/>
  <c r="U87514" i="1"/>
  <c r="U87513" i="1"/>
  <c r="U87512" i="1"/>
  <c r="U87511" i="1"/>
  <c r="U87510" i="1"/>
  <c r="U87509" i="1"/>
  <c r="U87508" i="1"/>
  <c r="U87507" i="1"/>
  <c r="U87506" i="1"/>
  <c r="U87505" i="1"/>
  <c r="U87504" i="1"/>
  <c r="U87503" i="1"/>
  <c r="U87502" i="1"/>
  <c r="U87501" i="1"/>
  <c r="U87500" i="1"/>
  <c r="U87499" i="1"/>
  <c r="U87498" i="1"/>
  <c r="U87497" i="1"/>
  <c r="U87496" i="1"/>
  <c r="U87495" i="1"/>
  <c r="U87494" i="1"/>
  <c r="U87493" i="1"/>
  <c r="U87492" i="1"/>
  <c r="U87491" i="1"/>
  <c r="U87490" i="1"/>
  <c r="U87489" i="1"/>
  <c r="U87488" i="1"/>
  <c r="U87487" i="1"/>
  <c r="U87486" i="1"/>
  <c r="U87485" i="1"/>
  <c r="U87484" i="1"/>
  <c r="U87483" i="1"/>
  <c r="U87482" i="1"/>
  <c r="U87481" i="1"/>
  <c r="U87480" i="1"/>
  <c r="U87479" i="1"/>
  <c r="U87478" i="1"/>
  <c r="U87477" i="1"/>
  <c r="U87476" i="1"/>
  <c r="U87475" i="1"/>
  <c r="U87474" i="1"/>
  <c r="U87473" i="1"/>
  <c r="U87472" i="1"/>
  <c r="U87471" i="1"/>
  <c r="U87470" i="1"/>
  <c r="U87469" i="1"/>
  <c r="U87468" i="1"/>
  <c r="U87467" i="1"/>
  <c r="U87466" i="1"/>
  <c r="U87465" i="1"/>
  <c r="U87464" i="1"/>
  <c r="U87463" i="1"/>
  <c r="U87462" i="1"/>
  <c r="U87461" i="1"/>
  <c r="U87460" i="1"/>
  <c r="U87459" i="1"/>
  <c r="U87458" i="1"/>
  <c r="U87457" i="1"/>
  <c r="U87456" i="1"/>
  <c r="U87455" i="1"/>
  <c r="U87454" i="1"/>
  <c r="U87453" i="1"/>
  <c r="U87452" i="1"/>
  <c r="U87451" i="1"/>
  <c r="U87450" i="1"/>
  <c r="U87449" i="1"/>
  <c r="U87448" i="1"/>
  <c r="U87447" i="1"/>
  <c r="U87446" i="1"/>
  <c r="U87445" i="1"/>
  <c r="U87444" i="1"/>
  <c r="U87443" i="1"/>
  <c r="U87442" i="1"/>
  <c r="U87441" i="1"/>
  <c r="U87440" i="1"/>
  <c r="U87439" i="1"/>
  <c r="U87438" i="1"/>
  <c r="U87437" i="1"/>
  <c r="U87436" i="1"/>
  <c r="U87435" i="1"/>
  <c r="U87434" i="1"/>
  <c r="U87433" i="1"/>
  <c r="U87432" i="1"/>
  <c r="U87431" i="1"/>
  <c r="U87430" i="1"/>
  <c r="U87429" i="1"/>
  <c r="U87428" i="1"/>
  <c r="U87427" i="1"/>
  <c r="U87426" i="1"/>
  <c r="U87425" i="1"/>
  <c r="U87424" i="1"/>
  <c r="U87423" i="1"/>
  <c r="U87422" i="1"/>
  <c r="U87421" i="1"/>
  <c r="U87420" i="1"/>
  <c r="U87419" i="1"/>
  <c r="U87418" i="1"/>
  <c r="U87417" i="1"/>
  <c r="U87416" i="1"/>
  <c r="U87415" i="1"/>
  <c r="U87414" i="1"/>
  <c r="U87413" i="1"/>
  <c r="U87412" i="1"/>
  <c r="U87411" i="1"/>
  <c r="U87410" i="1"/>
  <c r="U87409" i="1"/>
  <c r="U87408" i="1"/>
  <c r="U87407" i="1"/>
  <c r="U87406" i="1"/>
  <c r="U87405" i="1"/>
  <c r="U87404" i="1"/>
  <c r="U87403" i="1"/>
  <c r="U87402" i="1"/>
  <c r="U87401" i="1"/>
  <c r="U87400" i="1"/>
  <c r="U87399" i="1"/>
  <c r="U87398" i="1"/>
  <c r="U87397" i="1"/>
  <c r="U87396" i="1"/>
  <c r="U87395" i="1"/>
  <c r="U87394" i="1"/>
  <c r="U87393" i="1"/>
  <c r="U87392" i="1"/>
  <c r="U87391" i="1"/>
  <c r="U87390" i="1"/>
  <c r="U87389" i="1"/>
  <c r="U87388" i="1"/>
  <c r="U87387" i="1"/>
  <c r="U87386" i="1"/>
  <c r="U87385" i="1"/>
  <c r="U87384" i="1"/>
  <c r="U87383" i="1"/>
  <c r="U87382" i="1"/>
  <c r="U87381" i="1"/>
  <c r="U87380" i="1"/>
  <c r="U87379" i="1"/>
  <c r="U87378" i="1"/>
  <c r="U87377" i="1"/>
  <c r="U87376" i="1"/>
  <c r="U87375" i="1"/>
  <c r="U87374" i="1"/>
  <c r="U87373" i="1"/>
  <c r="U87372" i="1"/>
  <c r="U87371" i="1"/>
  <c r="U87370" i="1"/>
  <c r="U87369" i="1"/>
  <c r="U87368" i="1"/>
  <c r="U87367" i="1"/>
  <c r="U87366" i="1"/>
  <c r="U87365" i="1"/>
  <c r="U87364" i="1"/>
  <c r="U87363" i="1"/>
  <c r="U87362" i="1"/>
  <c r="U87361" i="1"/>
  <c r="U87360" i="1"/>
  <c r="U87359" i="1"/>
  <c r="U87358" i="1"/>
  <c r="U87357" i="1"/>
  <c r="U87356" i="1"/>
  <c r="U87355" i="1"/>
  <c r="U87354" i="1"/>
  <c r="U87353" i="1"/>
  <c r="U87352" i="1"/>
  <c r="U87351" i="1"/>
  <c r="U87350" i="1"/>
  <c r="U87349" i="1"/>
  <c r="U87348" i="1"/>
  <c r="U87347" i="1"/>
  <c r="U87346" i="1"/>
  <c r="U87345" i="1"/>
  <c r="U87344" i="1"/>
  <c r="U87343" i="1"/>
  <c r="U87342" i="1"/>
  <c r="U87341" i="1"/>
  <c r="U87340" i="1"/>
  <c r="U87339" i="1"/>
  <c r="U87338" i="1"/>
  <c r="U87337" i="1"/>
  <c r="U87336" i="1"/>
  <c r="U87335" i="1"/>
  <c r="U87334" i="1"/>
  <c r="U87333" i="1"/>
  <c r="U87332" i="1"/>
  <c r="U87331" i="1"/>
  <c r="U87330" i="1"/>
  <c r="U87329" i="1"/>
  <c r="U87328" i="1"/>
  <c r="U87327" i="1"/>
  <c r="U87326" i="1"/>
  <c r="U87325" i="1"/>
  <c r="U87324" i="1"/>
  <c r="U87323" i="1"/>
  <c r="U87322" i="1"/>
  <c r="U87321" i="1"/>
  <c r="U87320" i="1"/>
  <c r="U87319" i="1"/>
  <c r="U87318" i="1"/>
  <c r="U87317" i="1"/>
  <c r="U87316" i="1"/>
  <c r="U87315" i="1"/>
  <c r="U87314" i="1"/>
  <c r="U87313" i="1"/>
  <c r="U87312" i="1"/>
  <c r="U87311" i="1"/>
  <c r="U87310" i="1"/>
  <c r="U87309" i="1"/>
  <c r="U87308" i="1"/>
  <c r="U87307" i="1"/>
  <c r="U87306" i="1"/>
  <c r="U87305" i="1"/>
  <c r="U87304" i="1"/>
  <c r="U87303" i="1"/>
  <c r="U87302" i="1"/>
  <c r="U87301" i="1"/>
  <c r="U87300" i="1"/>
  <c r="U87299" i="1"/>
  <c r="U87298" i="1"/>
  <c r="U87297" i="1"/>
  <c r="U87296" i="1"/>
  <c r="U87295" i="1"/>
  <c r="U87294" i="1"/>
  <c r="U87293" i="1"/>
  <c r="U87292" i="1"/>
  <c r="U87291" i="1"/>
  <c r="U87290" i="1"/>
  <c r="U87289" i="1"/>
  <c r="U87288" i="1"/>
  <c r="U87287" i="1"/>
  <c r="U87286" i="1"/>
  <c r="U87285" i="1"/>
  <c r="U87284" i="1"/>
  <c r="U87283" i="1"/>
  <c r="U87282" i="1"/>
  <c r="U87281" i="1"/>
  <c r="U87280" i="1"/>
  <c r="U87279" i="1"/>
  <c r="U87278" i="1"/>
  <c r="U87277" i="1"/>
  <c r="U87276" i="1"/>
  <c r="U87275" i="1"/>
  <c r="U87274" i="1"/>
  <c r="U87273" i="1"/>
  <c r="U87272" i="1"/>
  <c r="U87271" i="1"/>
  <c r="U87270" i="1"/>
  <c r="U87269" i="1"/>
  <c r="U87268" i="1"/>
  <c r="U87267" i="1"/>
  <c r="U87266" i="1"/>
  <c r="U87265" i="1"/>
  <c r="U87264" i="1"/>
  <c r="U87263" i="1"/>
  <c r="U87262" i="1"/>
  <c r="U87261" i="1"/>
  <c r="U87260" i="1"/>
  <c r="U87259" i="1"/>
  <c r="U87258" i="1"/>
  <c r="U87257" i="1"/>
  <c r="U87256" i="1"/>
  <c r="U87255" i="1"/>
  <c r="U87254" i="1"/>
  <c r="U87253" i="1"/>
  <c r="U87252" i="1"/>
  <c r="U87251" i="1"/>
  <c r="U87250" i="1"/>
  <c r="U87249" i="1"/>
  <c r="U87248" i="1"/>
  <c r="U87247" i="1"/>
  <c r="U87246" i="1"/>
  <c r="U87245" i="1"/>
  <c r="U87244" i="1"/>
  <c r="U87243" i="1"/>
  <c r="U87242" i="1"/>
  <c r="U87241" i="1"/>
  <c r="U87240" i="1"/>
  <c r="U87239" i="1"/>
  <c r="U87238" i="1"/>
  <c r="U87237" i="1"/>
  <c r="U87236" i="1"/>
  <c r="U87235" i="1"/>
  <c r="U87234" i="1"/>
  <c r="U87233" i="1"/>
  <c r="U87232" i="1"/>
  <c r="U87231" i="1"/>
  <c r="U87230" i="1"/>
  <c r="U87229" i="1"/>
  <c r="U87228" i="1"/>
  <c r="U87227" i="1"/>
  <c r="U87226" i="1"/>
  <c r="U87225" i="1"/>
  <c r="U87224" i="1"/>
  <c r="U87223" i="1"/>
  <c r="U87222" i="1"/>
  <c r="U87221" i="1"/>
  <c r="U87220" i="1"/>
  <c r="U87219" i="1"/>
  <c r="U87218" i="1"/>
  <c r="U87217" i="1"/>
  <c r="U87216" i="1"/>
  <c r="U87215" i="1"/>
  <c r="U87214" i="1"/>
  <c r="U87213" i="1"/>
  <c r="U87212" i="1"/>
  <c r="U87211" i="1"/>
  <c r="U87210" i="1"/>
  <c r="U87209" i="1"/>
  <c r="U87208" i="1"/>
  <c r="U87207" i="1"/>
  <c r="U87206" i="1"/>
  <c r="U87205" i="1"/>
  <c r="U87204" i="1"/>
  <c r="U87203" i="1"/>
  <c r="U87202" i="1"/>
  <c r="U87201" i="1"/>
  <c r="U87200" i="1"/>
  <c r="U87199" i="1"/>
  <c r="U87198" i="1"/>
  <c r="U87197" i="1"/>
  <c r="U87196" i="1"/>
  <c r="U87195" i="1"/>
  <c r="U87194" i="1"/>
  <c r="U87193" i="1"/>
  <c r="U87192" i="1"/>
  <c r="U87191" i="1"/>
  <c r="U87190" i="1"/>
  <c r="U87189" i="1"/>
  <c r="U87188" i="1"/>
  <c r="U87187" i="1"/>
  <c r="U87186" i="1"/>
  <c r="U87185" i="1"/>
  <c r="U87184" i="1"/>
  <c r="U87183" i="1"/>
  <c r="U87182" i="1"/>
  <c r="U87181" i="1"/>
  <c r="U87180" i="1"/>
  <c r="U87179" i="1"/>
  <c r="U87178" i="1"/>
  <c r="U87177" i="1"/>
  <c r="U87176" i="1"/>
  <c r="U87175" i="1"/>
  <c r="U87174" i="1"/>
  <c r="U87173" i="1"/>
  <c r="U87172" i="1"/>
  <c r="U87171" i="1"/>
  <c r="U87170" i="1"/>
  <c r="U87169" i="1"/>
  <c r="U87168" i="1"/>
  <c r="U87167" i="1"/>
  <c r="U87166" i="1"/>
  <c r="U87165" i="1"/>
  <c r="U87164" i="1"/>
  <c r="U87163" i="1"/>
  <c r="U87162" i="1"/>
  <c r="U87161" i="1"/>
  <c r="U87160" i="1"/>
  <c r="U87159" i="1"/>
  <c r="U87158" i="1"/>
  <c r="U87157" i="1"/>
  <c r="U87156" i="1"/>
  <c r="U87155" i="1"/>
  <c r="U87154" i="1"/>
  <c r="U87153" i="1"/>
  <c r="U87152" i="1"/>
  <c r="U87151" i="1"/>
  <c r="U87150" i="1"/>
  <c r="U87149" i="1"/>
  <c r="U87148" i="1"/>
  <c r="U87147" i="1"/>
  <c r="U87146" i="1"/>
  <c r="U87145" i="1"/>
  <c r="U87144" i="1"/>
  <c r="U87143" i="1"/>
  <c r="U87142" i="1"/>
  <c r="U87141" i="1"/>
  <c r="U87140" i="1"/>
  <c r="U87139" i="1"/>
  <c r="U87138" i="1"/>
  <c r="U87137" i="1"/>
  <c r="U87136" i="1"/>
  <c r="U87135" i="1"/>
  <c r="U87134" i="1"/>
  <c r="U87133" i="1"/>
  <c r="U87132" i="1"/>
  <c r="U87131" i="1"/>
  <c r="U87130" i="1"/>
  <c r="U87129" i="1"/>
  <c r="U87128" i="1"/>
  <c r="U87127" i="1"/>
  <c r="U87126" i="1"/>
  <c r="U87125" i="1"/>
  <c r="U87124" i="1"/>
  <c r="U87123" i="1"/>
  <c r="U87122" i="1"/>
  <c r="U87121" i="1"/>
  <c r="U87120" i="1"/>
  <c r="U87119" i="1"/>
  <c r="U87118" i="1"/>
  <c r="U87117" i="1"/>
  <c r="U87116" i="1"/>
  <c r="U87115" i="1"/>
  <c r="U87114" i="1"/>
  <c r="U87113" i="1"/>
  <c r="U87112" i="1"/>
  <c r="U87111" i="1"/>
  <c r="U87110" i="1"/>
  <c r="U87109" i="1"/>
  <c r="U87108" i="1"/>
  <c r="U87107" i="1"/>
  <c r="U87106" i="1"/>
  <c r="U87105" i="1"/>
  <c r="U87104" i="1"/>
  <c r="U87103" i="1"/>
  <c r="U87102" i="1"/>
  <c r="U87101" i="1"/>
  <c r="U87100" i="1"/>
  <c r="U87099" i="1"/>
  <c r="U87098" i="1"/>
  <c r="U87097" i="1"/>
  <c r="U87096" i="1"/>
  <c r="U87095" i="1"/>
  <c r="U87094" i="1"/>
  <c r="U87093" i="1"/>
  <c r="U87092" i="1"/>
  <c r="U87091" i="1"/>
  <c r="U87090" i="1"/>
  <c r="U87089" i="1"/>
  <c r="U87088" i="1"/>
  <c r="U87087" i="1"/>
  <c r="U87086" i="1"/>
  <c r="U87085" i="1"/>
  <c r="U87084" i="1"/>
  <c r="U87083" i="1"/>
  <c r="U87082" i="1"/>
  <c r="U87081" i="1"/>
  <c r="U87080" i="1"/>
  <c r="U87079" i="1"/>
  <c r="U87078" i="1"/>
  <c r="U87077" i="1"/>
  <c r="U87076" i="1"/>
  <c r="U87075" i="1"/>
  <c r="U87074" i="1"/>
  <c r="U87073" i="1"/>
  <c r="U87072" i="1"/>
  <c r="U87071" i="1"/>
  <c r="U87070" i="1"/>
  <c r="U87069" i="1"/>
  <c r="U87068" i="1"/>
  <c r="U87067" i="1"/>
  <c r="U87066" i="1"/>
  <c r="U87065" i="1"/>
  <c r="U87064" i="1"/>
  <c r="U87063" i="1"/>
  <c r="U87062" i="1"/>
  <c r="U87061" i="1"/>
  <c r="U87060" i="1"/>
  <c r="U87059" i="1"/>
  <c r="U87058" i="1"/>
  <c r="U87057" i="1"/>
  <c r="U87056" i="1"/>
  <c r="U87055" i="1"/>
  <c r="U87054" i="1"/>
  <c r="U87053" i="1"/>
  <c r="U87052" i="1"/>
  <c r="U87051" i="1"/>
  <c r="U87050" i="1"/>
  <c r="U87049" i="1"/>
  <c r="U87048" i="1"/>
  <c r="U87047" i="1"/>
  <c r="U87046" i="1"/>
  <c r="U87045" i="1"/>
  <c r="U87044" i="1"/>
  <c r="U87043" i="1"/>
  <c r="U87042" i="1"/>
  <c r="U87041" i="1"/>
  <c r="U87040" i="1"/>
  <c r="U87039" i="1"/>
  <c r="U87038" i="1"/>
  <c r="U87037" i="1"/>
  <c r="U87036" i="1"/>
  <c r="U87035" i="1"/>
  <c r="U87034" i="1"/>
  <c r="U87033" i="1"/>
  <c r="U87032" i="1"/>
  <c r="U87031" i="1"/>
  <c r="U87030" i="1"/>
  <c r="U87029" i="1"/>
  <c r="U87028" i="1"/>
  <c r="U87027" i="1"/>
  <c r="U87026" i="1"/>
  <c r="U87025" i="1"/>
  <c r="U87024" i="1"/>
  <c r="U87023" i="1"/>
  <c r="U87022" i="1"/>
  <c r="U87021" i="1"/>
  <c r="U87020" i="1"/>
  <c r="U87019" i="1"/>
  <c r="U87018" i="1"/>
  <c r="U87017" i="1"/>
  <c r="U87016" i="1"/>
  <c r="U87015" i="1"/>
  <c r="U87014" i="1"/>
  <c r="U87013" i="1"/>
  <c r="U87012" i="1"/>
  <c r="U87011" i="1"/>
  <c r="U87010" i="1"/>
  <c r="U87009" i="1"/>
  <c r="U87008" i="1"/>
  <c r="U87007" i="1"/>
  <c r="U87006" i="1"/>
  <c r="U87005" i="1"/>
  <c r="U87004" i="1"/>
  <c r="U87003" i="1"/>
  <c r="U87002" i="1"/>
  <c r="U87001" i="1"/>
  <c r="U87000" i="1"/>
  <c r="U86999" i="1"/>
  <c r="U86998" i="1"/>
  <c r="U86997" i="1"/>
  <c r="U86996" i="1"/>
  <c r="U86995" i="1"/>
  <c r="U86994" i="1"/>
  <c r="U86993" i="1"/>
  <c r="U86992" i="1"/>
  <c r="U86991" i="1"/>
  <c r="U86990" i="1"/>
  <c r="U86989" i="1"/>
  <c r="U86988" i="1"/>
  <c r="U86987" i="1"/>
  <c r="U86986" i="1"/>
  <c r="U86985" i="1"/>
  <c r="U86984" i="1"/>
  <c r="U86983" i="1"/>
  <c r="U86982" i="1"/>
  <c r="U86981" i="1"/>
  <c r="U86980" i="1"/>
  <c r="U86979" i="1"/>
  <c r="U86978" i="1"/>
  <c r="U86977" i="1"/>
  <c r="U86976" i="1"/>
  <c r="U86975" i="1"/>
  <c r="U86974" i="1"/>
  <c r="U86973" i="1"/>
  <c r="U86972" i="1"/>
  <c r="U86971" i="1"/>
  <c r="U86970" i="1"/>
  <c r="U86969" i="1"/>
  <c r="U86968" i="1"/>
  <c r="U86967" i="1"/>
  <c r="U86966" i="1"/>
  <c r="U86965" i="1"/>
  <c r="U86964" i="1"/>
  <c r="U86963" i="1"/>
  <c r="U86962" i="1"/>
  <c r="U86961" i="1"/>
  <c r="U86960" i="1"/>
  <c r="U86959" i="1"/>
  <c r="U86958" i="1"/>
  <c r="U86957" i="1"/>
  <c r="U86956" i="1"/>
  <c r="U86955" i="1"/>
  <c r="U86954" i="1"/>
  <c r="U86953" i="1"/>
  <c r="U86952" i="1"/>
  <c r="U86951" i="1"/>
  <c r="U86950" i="1"/>
  <c r="U86949" i="1"/>
  <c r="U86948" i="1"/>
  <c r="U86947" i="1"/>
  <c r="U86946" i="1"/>
  <c r="U86945" i="1"/>
  <c r="U86944" i="1"/>
  <c r="U86943" i="1"/>
  <c r="U86942" i="1"/>
  <c r="U86941" i="1"/>
  <c r="U86940" i="1"/>
  <c r="U86939" i="1"/>
  <c r="U86938" i="1"/>
  <c r="U86937" i="1"/>
  <c r="U86936" i="1"/>
  <c r="U86935" i="1"/>
  <c r="U86934" i="1"/>
  <c r="U86933" i="1"/>
  <c r="U86932" i="1"/>
  <c r="U86931" i="1"/>
  <c r="U86930" i="1"/>
  <c r="U86929" i="1"/>
  <c r="U86928" i="1"/>
  <c r="U86927" i="1"/>
  <c r="U86926" i="1"/>
  <c r="U86925" i="1"/>
  <c r="U86924" i="1"/>
  <c r="U86923" i="1"/>
  <c r="U86922" i="1"/>
  <c r="U86921" i="1"/>
  <c r="U86920" i="1"/>
  <c r="U86919" i="1"/>
  <c r="U86918" i="1"/>
  <c r="U86917" i="1"/>
  <c r="U86916" i="1"/>
  <c r="U86915" i="1"/>
  <c r="U86914" i="1"/>
  <c r="U86913" i="1"/>
  <c r="U86912" i="1"/>
  <c r="U86911" i="1"/>
  <c r="U86910" i="1"/>
  <c r="U86909" i="1"/>
  <c r="U86908" i="1"/>
  <c r="U86907" i="1"/>
  <c r="U86906" i="1"/>
  <c r="U86905" i="1"/>
  <c r="U86904" i="1"/>
  <c r="U86903" i="1"/>
  <c r="U86902" i="1"/>
  <c r="U86901" i="1"/>
  <c r="U86900" i="1"/>
  <c r="U86899" i="1"/>
  <c r="U86898" i="1"/>
  <c r="U86897" i="1"/>
  <c r="U86896" i="1"/>
  <c r="U86895" i="1"/>
  <c r="U86894" i="1"/>
  <c r="U86893" i="1"/>
  <c r="U86892" i="1"/>
  <c r="U86891" i="1"/>
  <c r="U86890" i="1"/>
  <c r="U86889" i="1"/>
  <c r="U86888" i="1"/>
  <c r="U86887" i="1"/>
  <c r="U86886" i="1"/>
  <c r="U86885" i="1"/>
  <c r="U86884" i="1"/>
  <c r="U86883" i="1"/>
  <c r="U86882" i="1"/>
  <c r="U86881" i="1"/>
  <c r="U86880" i="1"/>
  <c r="U86879" i="1"/>
  <c r="U86878" i="1"/>
  <c r="U86877" i="1"/>
  <c r="U86876" i="1"/>
  <c r="U86875" i="1"/>
  <c r="U86874" i="1"/>
  <c r="U86873" i="1"/>
  <c r="U86872" i="1"/>
  <c r="U86871" i="1"/>
  <c r="U86870" i="1"/>
  <c r="U86869" i="1"/>
  <c r="U86868" i="1"/>
  <c r="U86867" i="1"/>
  <c r="U86866" i="1"/>
  <c r="U86865" i="1"/>
  <c r="U86864" i="1"/>
  <c r="U86863" i="1"/>
  <c r="U86862" i="1"/>
  <c r="U86861" i="1"/>
  <c r="U86860" i="1"/>
  <c r="U86859" i="1"/>
  <c r="U86858" i="1"/>
  <c r="U86857" i="1"/>
  <c r="U86856" i="1"/>
  <c r="U86855" i="1"/>
  <c r="U86854" i="1"/>
  <c r="U86853" i="1"/>
  <c r="U86852" i="1"/>
  <c r="U86851" i="1"/>
  <c r="U86850" i="1"/>
  <c r="U86849" i="1"/>
  <c r="U86848" i="1"/>
  <c r="U86847" i="1"/>
  <c r="U86846" i="1"/>
  <c r="U86845" i="1"/>
  <c r="U86844" i="1"/>
  <c r="U86843" i="1"/>
  <c r="U86842" i="1"/>
  <c r="U86841" i="1"/>
  <c r="U86840" i="1"/>
  <c r="U86839" i="1"/>
  <c r="U86838" i="1"/>
  <c r="U86837" i="1"/>
  <c r="U86836" i="1"/>
  <c r="U86835" i="1"/>
  <c r="U86834" i="1"/>
  <c r="U86833" i="1"/>
  <c r="U86832" i="1"/>
  <c r="U86831" i="1"/>
  <c r="U86830" i="1"/>
  <c r="U86829" i="1"/>
  <c r="U86828" i="1"/>
  <c r="U86827" i="1"/>
  <c r="U86826" i="1"/>
  <c r="U86825" i="1"/>
  <c r="U86824" i="1"/>
  <c r="U86823" i="1"/>
  <c r="U86822" i="1"/>
  <c r="U86821" i="1"/>
  <c r="U86820" i="1"/>
  <c r="U86819" i="1"/>
  <c r="U86818" i="1"/>
  <c r="U86817" i="1"/>
  <c r="U86816" i="1"/>
  <c r="U86815" i="1"/>
  <c r="U86814" i="1"/>
  <c r="U86813" i="1"/>
  <c r="U86812" i="1"/>
  <c r="U86811" i="1"/>
  <c r="U86810" i="1"/>
  <c r="U86809" i="1"/>
  <c r="U86808" i="1"/>
  <c r="U86807" i="1"/>
  <c r="U86806" i="1"/>
  <c r="U86805" i="1"/>
  <c r="U86804" i="1"/>
  <c r="U86803" i="1"/>
  <c r="U86802" i="1"/>
  <c r="U86801" i="1"/>
  <c r="U86800" i="1"/>
  <c r="U86799" i="1"/>
  <c r="U86798" i="1"/>
  <c r="U86797" i="1"/>
  <c r="U86796" i="1"/>
  <c r="U86795" i="1"/>
  <c r="U86794" i="1"/>
  <c r="U86793" i="1"/>
  <c r="U86792" i="1"/>
  <c r="U86791" i="1"/>
  <c r="U86790" i="1"/>
  <c r="U86789" i="1"/>
  <c r="U86788" i="1"/>
  <c r="U86787" i="1"/>
  <c r="U86786" i="1"/>
  <c r="U86785" i="1"/>
  <c r="U86784" i="1"/>
  <c r="U86783" i="1"/>
  <c r="U86782" i="1"/>
  <c r="U86781" i="1"/>
  <c r="U86780" i="1"/>
  <c r="U86779" i="1"/>
  <c r="U86778" i="1"/>
  <c r="U86777" i="1"/>
  <c r="U86776" i="1"/>
  <c r="U86775" i="1"/>
  <c r="U86774" i="1"/>
  <c r="U86773" i="1"/>
  <c r="U86772" i="1"/>
  <c r="U86771" i="1"/>
  <c r="U86770" i="1"/>
  <c r="U86769" i="1"/>
  <c r="U86768" i="1"/>
  <c r="U86767" i="1"/>
  <c r="U86766" i="1"/>
  <c r="U86765" i="1"/>
  <c r="U86764" i="1"/>
  <c r="U86763" i="1"/>
  <c r="U86762" i="1"/>
  <c r="U86761" i="1"/>
  <c r="U86760" i="1"/>
  <c r="U86759" i="1"/>
  <c r="U86758" i="1"/>
  <c r="U86757" i="1"/>
  <c r="U86756" i="1"/>
  <c r="U86755" i="1"/>
  <c r="U86754" i="1"/>
  <c r="U86753" i="1"/>
  <c r="U86752" i="1"/>
  <c r="U86751" i="1"/>
  <c r="U86750" i="1"/>
  <c r="U86749" i="1"/>
  <c r="U86748" i="1"/>
  <c r="U86747" i="1"/>
  <c r="U86746" i="1"/>
  <c r="U86745" i="1"/>
  <c r="U86744" i="1"/>
  <c r="U86743" i="1"/>
  <c r="U86742" i="1"/>
  <c r="U86741" i="1"/>
  <c r="U86740" i="1"/>
  <c r="U86739" i="1"/>
  <c r="U86738" i="1"/>
  <c r="U86737" i="1"/>
  <c r="U86736" i="1"/>
  <c r="U86735" i="1"/>
  <c r="U86734" i="1"/>
  <c r="U86733" i="1"/>
  <c r="U86732" i="1"/>
  <c r="U86731" i="1"/>
  <c r="U86730" i="1"/>
  <c r="U86729" i="1"/>
  <c r="U86728" i="1"/>
  <c r="U86727" i="1"/>
  <c r="U86726" i="1"/>
  <c r="U86725" i="1"/>
  <c r="U86724" i="1"/>
  <c r="U86723" i="1"/>
  <c r="U86722" i="1"/>
  <c r="U86721" i="1"/>
  <c r="U86720" i="1"/>
  <c r="U86719" i="1"/>
  <c r="U86718" i="1"/>
  <c r="U86717" i="1"/>
  <c r="U86716" i="1"/>
  <c r="U86715" i="1"/>
  <c r="U86714" i="1"/>
  <c r="U86713" i="1"/>
  <c r="U86712" i="1"/>
  <c r="U86711" i="1"/>
  <c r="U86710" i="1"/>
  <c r="U86709" i="1"/>
  <c r="U86708" i="1"/>
  <c r="U86707" i="1"/>
  <c r="U86706" i="1"/>
  <c r="U86705" i="1"/>
  <c r="U86704" i="1"/>
  <c r="U86703" i="1"/>
  <c r="U86702" i="1"/>
  <c r="U86701" i="1"/>
  <c r="U86700" i="1"/>
  <c r="U86699" i="1"/>
  <c r="U86698" i="1"/>
  <c r="U86697" i="1"/>
  <c r="U86696" i="1"/>
  <c r="U86695" i="1"/>
  <c r="U86694" i="1"/>
  <c r="U86693" i="1"/>
  <c r="U86692" i="1"/>
  <c r="U86691" i="1"/>
  <c r="U86690" i="1"/>
  <c r="U86689" i="1"/>
  <c r="U86688" i="1"/>
  <c r="U86687" i="1"/>
  <c r="U86686" i="1"/>
  <c r="U86685" i="1"/>
  <c r="U86684" i="1"/>
  <c r="U86683" i="1"/>
  <c r="U86682" i="1"/>
  <c r="U86681" i="1"/>
  <c r="U86680" i="1"/>
  <c r="U86679" i="1"/>
  <c r="U86678" i="1"/>
  <c r="U86677" i="1"/>
  <c r="U86676" i="1"/>
  <c r="U86675" i="1"/>
  <c r="U86674" i="1"/>
  <c r="U86673" i="1"/>
  <c r="U86672" i="1"/>
  <c r="U86671" i="1"/>
  <c r="U86670" i="1"/>
  <c r="U86669" i="1"/>
  <c r="U86668" i="1"/>
  <c r="U86667" i="1"/>
  <c r="U86666" i="1"/>
  <c r="U86665" i="1"/>
  <c r="U86664" i="1"/>
  <c r="U86663" i="1"/>
  <c r="U86662" i="1"/>
  <c r="U86661" i="1"/>
  <c r="U86660" i="1"/>
  <c r="U86659" i="1"/>
  <c r="U86658" i="1"/>
  <c r="U86657" i="1"/>
  <c r="U86656" i="1"/>
  <c r="U86655" i="1"/>
  <c r="U86654" i="1"/>
  <c r="U86653" i="1"/>
  <c r="U86652" i="1"/>
  <c r="U86651" i="1"/>
  <c r="U86650" i="1"/>
  <c r="U86649" i="1"/>
  <c r="U86648" i="1"/>
  <c r="U86647" i="1"/>
  <c r="U86646" i="1"/>
  <c r="U86645" i="1"/>
  <c r="U86644" i="1"/>
  <c r="U86643" i="1"/>
  <c r="U86642" i="1"/>
  <c r="U86641" i="1"/>
  <c r="U86640" i="1"/>
  <c r="U86639" i="1"/>
  <c r="U86638" i="1"/>
  <c r="U86637" i="1"/>
  <c r="U86636" i="1"/>
  <c r="U86635" i="1"/>
  <c r="U86634" i="1"/>
  <c r="U86633" i="1"/>
  <c r="U86632" i="1"/>
  <c r="U86631" i="1"/>
  <c r="U86630" i="1"/>
  <c r="U86629" i="1"/>
  <c r="U86628" i="1"/>
  <c r="U86627" i="1"/>
  <c r="U86626" i="1"/>
  <c r="U86625" i="1"/>
  <c r="U86624" i="1"/>
  <c r="U86623" i="1"/>
  <c r="U86622" i="1"/>
  <c r="U86621" i="1"/>
  <c r="U86620" i="1"/>
  <c r="U86619" i="1"/>
  <c r="U86618" i="1"/>
  <c r="U86617" i="1"/>
  <c r="U86616" i="1"/>
  <c r="U86615" i="1"/>
  <c r="U86614" i="1"/>
  <c r="U86613" i="1"/>
  <c r="U86612" i="1"/>
  <c r="U86611" i="1"/>
  <c r="U86610" i="1"/>
  <c r="U86609" i="1"/>
  <c r="U86608" i="1"/>
  <c r="U86607" i="1"/>
  <c r="U86606" i="1"/>
  <c r="U86605" i="1"/>
  <c r="U86604" i="1"/>
  <c r="U86603" i="1"/>
  <c r="U86602" i="1"/>
  <c r="U86601" i="1"/>
  <c r="U86600" i="1"/>
  <c r="U86599" i="1"/>
  <c r="U86598" i="1"/>
  <c r="U86597" i="1"/>
  <c r="U86596" i="1"/>
  <c r="U86595" i="1"/>
  <c r="U86594" i="1"/>
  <c r="U86593" i="1"/>
  <c r="U86592" i="1"/>
  <c r="U86591" i="1"/>
  <c r="U86590" i="1"/>
  <c r="U86589" i="1"/>
  <c r="U86588" i="1"/>
  <c r="U86587" i="1"/>
  <c r="U86586" i="1"/>
  <c r="U86585" i="1"/>
  <c r="U86584" i="1"/>
  <c r="U86583" i="1"/>
  <c r="U86582" i="1"/>
  <c r="U86581" i="1"/>
  <c r="U86580" i="1"/>
  <c r="U86579" i="1"/>
  <c r="U86578" i="1"/>
  <c r="U86577" i="1"/>
  <c r="U86576" i="1"/>
  <c r="U86575" i="1"/>
  <c r="U86574" i="1"/>
  <c r="U86573" i="1"/>
  <c r="U86572" i="1"/>
  <c r="U86571" i="1"/>
  <c r="U86570" i="1"/>
  <c r="U86569" i="1"/>
  <c r="U86568" i="1"/>
  <c r="U86567" i="1"/>
  <c r="U86566" i="1"/>
  <c r="U86565" i="1"/>
  <c r="U86564" i="1"/>
  <c r="U86563" i="1"/>
  <c r="U86562" i="1"/>
  <c r="U86561" i="1"/>
  <c r="U86560" i="1"/>
  <c r="U86559" i="1"/>
  <c r="U86558" i="1"/>
  <c r="U86557" i="1"/>
  <c r="U86556" i="1"/>
  <c r="U86555" i="1"/>
  <c r="U86554" i="1"/>
  <c r="U86553" i="1"/>
  <c r="U86552" i="1"/>
  <c r="U86551" i="1"/>
  <c r="U86550" i="1"/>
  <c r="U86549" i="1"/>
  <c r="U86548" i="1"/>
  <c r="U86547" i="1"/>
  <c r="U86546" i="1"/>
  <c r="U86545" i="1"/>
  <c r="U86544" i="1"/>
  <c r="U86543" i="1"/>
  <c r="U86542" i="1"/>
  <c r="U86541" i="1"/>
  <c r="U86540" i="1"/>
  <c r="U86539" i="1"/>
  <c r="U86538" i="1"/>
  <c r="U86537" i="1"/>
  <c r="U86536" i="1"/>
  <c r="U86535" i="1"/>
  <c r="U86534" i="1"/>
  <c r="U86533" i="1"/>
  <c r="U86532" i="1"/>
  <c r="U86531" i="1"/>
  <c r="U86530" i="1"/>
  <c r="U86529" i="1"/>
  <c r="U86528" i="1"/>
  <c r="U86527" i="1"/>
  <c r="U86526" i="1"/>
  <c r="U86525" i="1"/>
  <c r="U86524" i="1"/>
  <c r="U86523" i="1"/>
  <c r="U86522" i="1"/>
  <c r="U86521" i="1"/>
  <c r="U86520" i="1"/>
  <c r="U86519" i="1"/>
  <c r="U86518" i="1"/>
  <c r="U86517" i="1"/>
  <c r="U86516" i="1"/>
  <c r="U86515" i="1"/>
  <c r="U86514" i="1"/>
  <c r="U86513" i="1"/>
  <c r="U86512" i="1"/>
  <c r="U86511" i="1"/>
  <c r="U86510" i="1"/>
  <c r="U86509" i="1"/>
  <c r="U86508" i="1"/>
  <c r="U86507" i="1"/>
  <c r="U86506" i="1"/>
  <c r="U86505" i="1"/>
  <c r="U86504" i="1"/>
  <c r="U86503" i="1"/>
  <c r="U86502" i="1"/>
  <c r="U86501" i="1"/>
  <c r="U86500" i="1"/>
  <c r="U86499" i="1"/>
  <c r="U86498" i="1"/>
  <c r="U86497" i="1"/>
  <c r="U86496" i="1"/>
  <c r="U86495" i="1"/>
  <c r="U86494" i="1"/>
  <c r="U86493" i="1"/>
  <c r="U86492" i="1"/>
  <c r="U86491" i="1"/>
  <c r="U86490" i="1"/>
  <c r="U86489" i="1"/>
  <c r="U86488" i="1"/>
  <c r="U86487" i="1"/>
  <c r="U86486" i="1"/>
  <c r="U86485" i="1"/>
  <c r="U86484" i="1"/>
  <c r="U86483" i="1"/>
  <c r="U86482" i="1"/>
  <c r="U86481" i="1"/>
  <c r="U86480" i="1"/>
  <c r="U86479" i="1"/>
  <c r="U86478" i="1"/>
  <c r="U86477" i="1"/>
  <c r="U86476" i="1"/>
  <c r="U86475" i="1"/>
  <c r="U86474" i="1"/>
  <c r="U86473" i="1"/>
  <c r="U86472" i="1"/>
  <c r="U86471" i="1"/>
  <c r="U86470" i="1"/>
  <c r="U86469" i="1"/>
  <c r="U86468" i="1"/>
  <c r="U86467" i="1"/>
  <c r="U86466" i="1"/>
  <c r="U86465" i="1"/>
  <c r="U86464" i="1"/>
  <c r="U86463" i="1"/>
  <c r="U86462" i="1"/>
  <c r="U86461" i="1"/>
  <c r="U86460" i="1"/>
  <c r="U86459" i="1"/>
  <c r="U86458" i="1"/>
  <c r="U86457" i="1"/>
  <c r="U86456" i="1"/>
  <c r="U86455" i="1"/>
  <c r="U86454" i="1"/>
  <c r="U86453" i="1"/>
  <c r="U86452" i="1"/>
  <c r="U86451" i="1"/>
  <c r="U86450" i="1"/>
  <c r="U86449" i="1"/>
  <c r="U86448" i="1"/>
  <c r="U86447" i="1"/>
  <c r="U86446" i="1"/>
  <c r="U86445" i="1"/>
  <c r="U86444" i="1"/>
  <c r="U86443" i="1"/>
  <c r="U86442" i="1"/>
  <c r="U86441" i="1"/>
  <c r="U86440" i="1"/>
  <c r="U86439" i="1"/>
  <c r="U86438" i="1"/>
  <c r="U86437" i="1"/>
  <c r="U86436" i="1"/>
  <c r="U86435" i="1"/>
  <c r="U86434" i="1"/>
  <c r="U86433" i="1"/>
  <c r="U86432" i="1"/>
  <c r="U86431" i="1"/>
  <c r="U86430" i="1"/>
  <c r="U86429" i="1"/>
  <c r="U86428" i="1"/>
  <c r="U86427" i="1"/>
  <c r="U86426" i="1"/>
  <c r="U86425" i="1"/>
  <c r="U86424" i="1"/>
  <c r="U86423" i="1"/>
  <c r="U86422" i="1"/>
  <c r="U86421" i="1"/>
  <c r="U86420" i="1"/>
  <c r="U86419" i="1"/>
  <c r="U86418" i="1"/>
  <c r="U86417" i="1"/>
  <c r="U86416" i="1"/>
  <c r="U86415" i="1"/>
  <c r="U86414" i="1"/>
  <c r="U86413" i="1"/>
  <c r="U86412" i="1"/>
  <c r="U86411" i="1"/>
  <c r="U86410" i="1"/>
  <c r="U86409" i="1"/>
  <c r="U86408" i="1"/>
  <c r="U86407" i="1"/>
  <c r="U86406" i="1"/>
  <c r="U86405" i="1"/>
  <c r="U86404" i="1"/>
  <c r="U86403" i="1"/>
  <c r="U86402" i="1"/>
  <c r="U86401" i="1"/>
  <c r="U86400" i="1"/>
  <c r="U86399" i="1"/>
  <c r="U86398" i="1"/>
  <c r="U86397" i="1"/>
  <c r="U86396" i="1"/>
  <c r="U86395" i="1"/>
  <c r="U86394" i="1"/>
  <c r="U86393" i="1"/>
  <c r="U86392" i="1"/>
  <c r="U86391" i="1"/>
  <c r="U86390" i="1"/>
  <c r="U86389" i="1"/>
  <c r="U86388" i="1"/>
  <c r="U86387" i="1"/>
  <c r="U86386" i="1"/>
  <c r="U86385" i="1"/>
  <c r="U86384" i="1"/>
  <c r="U86383" i="1"/>
  <c r="U86382" i="1"/>
  <c r="U86381" i="1"/>
  <c r="U86380" i="1"/>
  <c r="U86379" i="1"/>
  <c r="U86378" i="1"/>
  <c r="U86377" i="1"/>
  <c r="U86376" i="1"/>
  <c r="U86375" i="1"/>
  <c r="U86374" i="1"/>
  <c r="U86373" i="1"/>
  <c r="U86372" i="1"/>
  <c r="U86371" i="1"/>
  <c r="U86370" i="1"/>
  <c r="U86369" i="1"/>
  <c r="U86368" i="1"/>
  <c r="U86367" i="1"/>
  <c r="U86366" i="1"/>
  <c r="U86365" i="1"/>
  <c r="U86364" i="1"/>
  <c r="U86363" i="1"/>
  <c r="U86362" i="1"/>
  <c r="U86361" i="1"/>
  <c r="U86360" i="1"/>
  <c r="U86359" i="1"/>
  <c r="U86358" i="1"/>
  <c r="U86357" i="1"/>
  <c r="U86356" i="1"/>
  <c r="U86355" i="1"/>
  <c r="U86354" i="1"/>
  <c r="U86353" i="1"/>
  <c r="U86352" i="1"/>
  <c r="U86351" i="1"/>
  <c r="U86350" i="1"/>
  <c r="U86349" i="1"/>
  <c r="U86348" i="1"/>
  <c r="U86347" i="1"/>
  <c r="U86346" i="1"/>
  <c r="U86345" i="1"/>
  <c r="U86344" i="1"/>
  <c r="U86343" i="1"/>
  <c r="U86342" i="1"/>
  <c r="U86341" i="1"/>
  <c r="U86340" i="1"/>
  <c r="U86339" i="1"/>
  <c r="U86338" i="1"/>
  <c r="U86337" i="1"/>
  <c r="U86336" i="1"/>
  <c r="U86335" i="1"/>
  <c r="U86334" i="1"/>
  <c r="U86333" i="1"/>
  <c r="U86332" i="1"/>
  <c r="U86331" i="1"/>
  <c r="U86330" i="1"/>
  <c r="U86329" i="1"/>
  <c r="U86328" i="1"/>
  <c r="U86327" i="1"/>
  <c r="U86326" i="1"/>
  <c r="U86325" i="1"/>
  <c r="U86324" i="1"/>
  <c r="U86323" i="1"/>
  <c r="U86322" i="1"/>
  <c r="U86321" i="1"/>
  <c r="U86320" i="1"/>
  <c r="U86319" i="1"/>
  <c r="U86318" i="1"/>
  <c r="U86317" i="1"/>
  <c r="U86316" i="1"/>
  <c r="U86315" i="1"/>
  <c r="U86314" i="1"/>
  <c r="U86313" i="1"/>
  <c r="U86312" i="1"/>
  <c r="U86311" i="1"/>
  <c r="U86310" i="1"/>
  <c r="U86309" i="1"/>
  <c r="U86308" i="1"/>
  <c r="U86307" i="1"/>
  <c r="U86306" i="1"/>
  <c r="U86305" i="1"/>
  <c r="U86304" i="1"/>
  <c r="U86303" i="1"/>
  <c r="U86302" i="1"/>
  <c r="U86301" i="1"/>
  <c r="U86300" i="1"/>
  <c r="U86299" i="1"/>
  <c r="U86298" i="1"/>
  <c r="U86297" i="1"/>
  <c r="U86296" i="1"/>
  <c r="U86295" i="1"/>
  <c r="U86294" i="1"/>
  <c r="U86293" i="1"/>
  <c r="U86292" i="1"/>
  <c r="U86291" i="1"/>
  <c r="U86290" i="1"/>
  <c r="U86289" i="1"/>
  <c r="U86288" i="1"/>
  <c r="U86287" i="1"/>
  <c r="U86286" i="1"/>
  <c r="U86285" i="1"/>
  <c r="U86284" i="1"/>
  <c r="U86283" i="1"/>
  <c r="U86282" i="1"/>
  <c r="U86281" i="1"/>
  <c r="U86280" i="1"/>
  <c r="U86279" i="1"/>
  <c r="U86278" i="1"/>
  <c r="U86277" i="1"/>
  <c r="U86276" i="1"/>
  <c r="U86275" i="1"/>
  <c r="U86274" i="1"/>
  <c r="U86273" i="1"/>
  <c r="U86272" i="1"/>
  <c r="U86271" i="1"/>
  <c r="U86270" i="1"/>
  <c r="U86269" i="1"/>
  <c r="U86268" i="1"/>
  <c r="U86267" i="1"/>
  <c r="U86266" i="1"/>
  <c r="U86265" i="1"/>
  <c r="U86264" i="1"/>
  <c r="U86263" i="1"/>
  <c r="U86262" i="1"/>
  <c r="U86261" i="1"/>
  <c r="U86260" i="1"/>
  <c r="U86259" i="1"/>
  <c r="U86258" i="1"/>
  <c r="U86257" i="1"/>
  <c r="U86256" i="1"/>
  <c r="U86255" i="1"/>
  <c r="U86254" i="1"/>
  <c r="U86253" i="1"/>
  <c r="U86252" i="1"/>
  <c r="U86251" i="1"/>
  <c r="U86250" i="1"/>
  <c r="U86249" i="1"/>
  <c r="U86248" i="1"/>
  <c r="U86247" i="1"/>
  <c r="U86246" i="1"/>
  <c r="U86245" i="1"/>
  <c r="U86244" i="1"/>
  <c r="U86243" i="1"/>
  <c r="U86242" i="1"/>
  <c r="U86241" i="1"/>
  <c r="U86240" i="1"/>
  <c r="U86239" i="1"/>
  <c r="U86238" i="1"/>
  <c r="U86237" i="1"/>
  <c r="U86236" i="1"/>
  <c r="U86235" i="1"/>
  <c r="U86234" i="1"/>
  <c r="U86233" i="1"/>
  <c r="U86232" i="1"/>
  <c r="U86231" i="1"/>
  <c r="U86230" i="1"/>
  <c r="U86229" i="1"/>
  <c r="U86228" i="1"/>
  <c r="U86227" i="1"/>
  <c r="U86226" i="1"/>
  <c r="U86225" i="1"/>
  <c r="U86224" i="1"/>
  <c r="U86223" i="1"/>
  <c r="U86222" i="1"/>
  <c r="U86221" i="1"/>
  <c r="U86220" i="1"/>
  <c r="U86219" i="1"/>
  <c r="U86218" i="1"/>
  <c r="U86217" i="1"/>
  <c r="U86216" i="1"/>
  <c r="U86215" i="1"/>
  <c r="U86214" i="1"/>
  <c r="U86213" i="1"/>
  <c r="U86212" i="1"/>
  <c r="U86211" i="1"/>
  <c r="U86210" i="1"/>
  <c r="U86209" i="1"/>
  <c r="U86208" i="1"/>
  <c r="U86207" i="1"/>
  <c r="U86206" i="1"/>
  <c r="U86205" i="1"/>
  <c r="U86204" i="1"/>
  <c r="U86203" i="1"/>
  <c r="U86202" i="1"/>
  <c r="U86201" i="1"/>
  <c r="U86200" i="1"/>
  <c r="U86199" i="1"/>
  <c r="U86198" i="1"/>
  <c r="U86197" i="1"/>
  <c r="U86196" i="1"/>
  <c r="U86195" i="1"/>
  <c r="U86194" i="1"/>
  <c r="U86193" i="1"/>
  <c r="U86192" i="1"/>
  <c r="U86191" i="1"/>
  <c r="U86190" i="1"/>
  <c r="U86189" i="1"/>
  <c r="U86188" i="1"/>
  <c r="U86187" i="1"/>
  <c r="U86186" i="1"/>
  <c r="U86185" i="1"/>
  <c r="U86184" i="1"/>
  <c r="U86183" i="1"/>
  <c r="U86182" i="1"/>
  <c r="U86181" i="1"/>
  <c r="U86180" i="1"/>
  <c r="U86179" i="1"/>
  <c r="U86178" i="1"/>
  <c r="U86177" i="1"/>
  <c r="U86176" i="1"/>
  <c r="U86175" i="1"/>
  <c r="U86174" i="1"/>
  <c r="U86173" i="1"/>
  <c r="U86172" i="1"/>
  <c r="U86171" i="1"/>
  <c r="U86170" i="1"/>
  <c r="U86169" i="1"/>
  <c r="U86168" i="1"/>
  <c r="U86167" i="1"/>
  <c r="U86166" i="1"/>
  <c r="U86165" i="1"/>
  <c r="U86164" i="1"/>
  <c r="U86163" i="1"/>
  <c r="U86162" i="1"/>
  <c r="U86161" i="1"/>
  <c r="U86160" i="1"/>
  <c r="U86159" i="1"/>
  <c r="U86158" i="1"/>
  <c r="U86157" i="1"/>
  <c r="U86156" i="1"/>
  <c r="U86155" i="1"/>
  <c r="U86154" i="1"/>
  <c r="U86153" i="1"/>
  <c r="U86152" i="1"/>
  <c r="U86151" i="1"/>
  <c r="U86150" i="1"/>
  <c r="U86149" i="1"/>
  <c r="U86148" i="1"/>
  <c r="U86147" i="1"/>
  <c r="U86146" i="1"/>
  <c r="U86145" i="1"/>
  <c r="U86144" i="1"/>
  <c r="U86143" i="1"/>
  <c r="U86142" i="1"/>
  <c r="U86141" i="1"/>
  <c r="U86140" i="1"/>
  <c r="U86139" i="1"/>
  <c r="U86138" i="1"/>
  <c r="U86137" i="1"/>
  <c r="U86136" i="1"/>
  <c r="U86135" i="1"/>
  <c r="U86134" i="1"/>
  <c r="U86133" i="1"/>
  <c r="U86132" i="1"/>
  <c r="U86131" i="1"/>
  <c r="U86130" i="1"/>
  <c r="U86129" i="1"/>
  <c r="U86128" i="1"/>
  <c r="U86127" i="1"/>
  <c r="U86126" i="1"/>
  <c r="U86125" i="1"/>
  <c r="U86124" i="1"/>
  <c r="U86123" i="1"/>
  <c r="U86122" i="1"/>
  <c r="U86121" i="1"/>
  <c r="U86120" i="1"/>
  <c r="U86119" i="1"/>
  <c r="U86118" i="1"/>
  <c r="U86117" i="1"/>
  <c r="U86116" i="1"/>
  <c r="U86115" i="1"/>
  <c r="U86114" i="1"/>
  <c r="U86113" i="1"/>
  <c r="U86112" i="1"/>
  <c r="U86111" i="1"/>
  <c r="U86110" i="1"/>
  <c r="U86109" i="1"/>
  <c r="U86108" i="1"/>
  <c r="U86107" i="1"/>
  <c r="U86106" i="1"/>
  <c r="U86105" i="1"/>
  <c r="U86104" i="1"/>
  <c r="U86103" i="1"/>
  <c r="U86102" i="1"/>
  <c r="U86101" i="1"/>
  <c r="U86100" i="1"/>
  <c r="U86099" i="1"/>
  <c r="U86098" i="1"/>
  <c r="U86097" i="1"/>
  <c r="U86096" i="1"/>
  <c r="U86095" i="1"/>
  <c r="U86094" i="1"/>
  <c r="U86093" i="1"/>
  <c r="U86092" i="1"/>
  <c r="U86091" i="1"/>
  <c r="U86090" i="1"/>
  <c r="U86089" i="1"/>
  <c r="U86088" i="1"/>
  <c r="U86087" i="1"/>
  <c r="U86086" i="1"/>
  <c r="U86085" i="1"/>
  <c r="U86084" i="1"/>
  <c r="U86083" i="1"/>
  <c r="U86082" i="1"/>
  <c r="U86081" i="1"/>
  <c r="U86080" i="1"/>
  <c r="U86079" i="1"/>
  <c r="U86078" i="1"/>
  <c r="U86077" i="1"/>
  <c r="U86076" i="1"/>
  <c r="U86075" i="1"/>
  <c r="U86074" i="1"/>
  <c r="U86073" i="1"/>
  <c r="U86072" i="1"/>
  <c r="U86071" i="1"/>
  <c r="U86070" i="1"/>
  <c r="U86069" i="1"/>
  <c r="U86068" i="1"/>
  <c r="U86067" i="1"/>
  <c r="U86066" i="1"/>
  <c r="U86065" i="1"/>
  <c r="U86064" i="1"/>
  <c r="U86063" i="1"/>
  <c r="U86062" i="1"/>
  <c r="U86061" i="1"/>
  <c r="U86060" i="1"/>
  <c r="U86059" i="1"/>
  <c r="U86058" i="1"/>
  <c r="U86057" i="1"/>
  <c r="U86056" i="1"/>
  <c r="U86055" i="1"/>
  <c r="U86054" i="1"/>
  <c r="U86053" i="1"/>
  <c r="U86052" i="1"/>
  <c r="U86051" i="1"/>
  <c r="U86050" i="1"/>
  <c r="U86049" i="1"/>
  <c r="U86048" i="1"/>
  <c r="U86047" i="1"/>
  <c r="U86046" i="1"/>
  <c r="U86045" i="1"/>
  <c r="U86044" i="1"/>
  <c r="U86043" i="1"/>
  <c r="U86042" i="1"/>
  <c r="U86041" i="1"/>
  <c r="U86040" i="1"/>
  <c r="U86039" i="1"/>
  <c r="U86038" i="1"/>
  <c r="U86037" i="1"/>
  <c r="U86036" i="1"/>
  <c r="U86035" i="1"/>
  <c r="U86034" i="1"/>
  <c r="U86033" i="1"/>
  <c r="U86032" i="1"/>
  <c r="U86031" i="1"/>
  <c r="U86030" i="1"/>
  <c r="U86029" i="1"/>
  <c r="U86028" i="1"/>
  <c r="U86027" i="1"/>
  <c r="U86026" i="1"/>
  <c r="U86025" i="1"/>
  <c r="U86024" i="1"/>
  <c r="U86023" i="1"/>
  <c r="U86022" i="1"/>
  <c r="U86021" i="1"/>
  <c r="U86020" i="1"/>
  <c r="U86019" i="1"/>
  <c r="U86018" i="1"/>
  <c r="U86017" i="1"/>
  <c r="U86016" i="1"/>
  <c r="U86015" i="1"/>
  <c r="U86014" i="1"/>
  <c r="U86013" i="1"/>
  <c r="U86012" i="1"/>
  <c r="U86011" i="1"/>
  <c r="U86010" i="1"/>
  <c r="U86009" i="1"/>
  <c r="U86008" i="1"/>
  <c r="U86007" i="1"/>
  <c r="U86006" i="1"/>
  <c r="U86005" i="1"/>
  <c r="U86004" i="1"/>
  <c r="U86003" i="1"/>
  <c r="U86002" i="1"/>
  <c r="U86001" i="1"/>
  <c r="U86000" i="1"/>
  <c r="U85999" i="1"/>
  <c r="U85998" i="1"/>
  <c r="U85997" i="1"/>
  <c r="U85996" i="1"/>
  <c r="U85995" i="1"/>
  <c r="U85994" i="1"/>
  <c r="U85993" i="1"/>
  <c r="U85992" i="1"/>
  <c r="U85991" i="1"/>
  <c r="U85990" i="1"/>
  <c r="U85989" i="1"/>
  <c r="U85988" i="1"/>
  <c r="U85987" i="1"/>
  <c r="U85986" i="1"/>
  <c r="U85985" i="1"/>
  <c r="U85984" i="1"/>
  <c r="U85983" i="1"/>
  <c r="U85982" i="1"/>
  <c r="U85981" i="1"/>
  <c r="U85980" i="1"/>
  <c r="U85979" i="1"/>
  <c r="U85978" i="1"/>
  <c r="U85977" i="1"/>
  <c r="U85976" i="1"/>
  <c r="U85975" i="1"/>
  <c r="U85974" i="1"/>
  <c r="U85973" i="1"/>
  <c r="U85972" i="1"/>
  <c r="U85971" i="1"/>
  <c r="U85970" i="1"/>
  <c r="U85969" i="1"/>
  <c r="U85968" i="1"/>
  <c r="U85967" i="1"/>
  <c r="U85966" i="1"/>
  <c r="U85965" i="1"/>
  <c r="U85964" i="1"/>
  <c r="U85963" i="1"/>
  <c r="U85962" i="1"/>
  <c r="U85961" i="1"/>
  <c r="U85960" i="1"/>
  <c r="U85959" i="1"/>
  <c r="U85958" i="1"/>
  <c r="U85957" i="1"/>
  <c r="U85956" i="1"/>
  <c r="U85955" i="1"/>
  <c r="U85954" i="1"/>
  <c r="U85953" i="1"/>
  <c r="U85952" i="1"/>
  <c r="U85951" i="1"/>
  <c r="U85950" i="1"/>
  <c r="U85949" i="1"/>
  <c r="U85948" i="1"/>
  <c r="U85947" i="1"/>
  <c r="U85946" i="1"/>
  <c r="U85945" i="1"/>
  <c r="U85944" i="1"/>
  <c r="U85943" i="1"/>
  <c r="U85942" i="1"/>
  <c r="U85941" i="1"/>
  <c r="U85940" i="1"/>
  <c r="U85939" i="1"/>
  <c r="U85938" i="1"/>
  <c r="U85937" i="1"/>
  <c r="U85936" i="1"/>
  <c r="U85935" i="1"/>
  <c r="U85934" i="1"/>
  <c r="U85933" i="1"/>
  <c r="U85932" i="1"/>
  <c r="U85931" i="1"/>
  <c r="U85930" i="1"/>
  <c r="U85929" i="1"/>
  <c r="U85928" i="1"/>
  <c r="U85927" i="1"/>
  <c r="U85926" i="1"/>
  <c r="U85925" i="1"/>
  <c r="U85924" i="1"/>
  <c r="U85923" i="1"/>
  <c r="U85922" i="1"/>
  <c r="U85921" i="1"/>
  <c r="U85920" i="1"/>
  <c r="U85919" i="1"/>
  <c r="U85918" i="1"/>
  <c r="U85917" i="1"/>
  <c r="U85916" i="1"/>
  <c r="U85915" i="1"/>
  <c r="U85914" i="1"/>
  <c r="U85913" i="1"/>
  <c r="U85912" i="1"/>
  <c r="U85911" i="1"/>
  <c r="U85910" i="1"/>
  <c r="U85909" i="1"/>
  <c r="U85908" i="1"/>
  <c r="U85907" i="1"/>
  <c r="U85906" i="1"/>
  <c r="U85905" i="1"/>
  <c r="U85904" i="1"/>
  <c r="U85903" i="1"/>
  <c r="U85902" i="1"/>
  <c r="U85901" i="1"/>
  <c r="U85900" i="1"/>
  <c r="U85899" i="1"/>
  <c r="U85898" i="1"/>
  <c r="U85897" i="1"/>
  <c r="U85896" i="1"/>
  <c r="U85895" i="1"/>
  <c r="U85894" i="1"/>
  <c r="U85893" i="1"/>
  <c r="U85892" i="1"/>
  <c r="U85891" i="1"/>
  <c r="U85890" i="1"/>
  <c r="U85889" i="1"/>
  <c r="U85888" i="1"/>
  <c r="U85887" i="1"/>
  <c r="U85886" i="1"/>
  <c r="U85885" i="1"/>
  <c r="U85884" i="1"/>
  <c r="U85883" i="1"/>
  <c r="U85882" i="1"/>
  <c r="U85881" i="1"/>
  <c r="U85880" i="1"/>
  <c r="U85879" i="1"/>
  <c r="U85878" i="1"/>
  <c r="U85877" i="1"/>
  <c r="U85876" i="1"/>
  <c r="U85875" i="1"/>
  <c r="U85874" i="1"/>
  <c r="U85873" i="1"/>
  <c r="U85872" i="1"/>
  <c r="U85871" i="1"/>
  <c r="U85870" i="1"/>
  <c r="U85869" i="1"/>
  <c r="U85868" i="1"/>
  <c r="U85867" i="1"/>
  <c r="U85866" i="1"/>
  <c r="U85865" i="1"/>
  <c r="U85864" i="1"/>
  <c r="U85863" i="1"/>
  <c r="U85862" i="1"/>
  <c r="U85861" i="1"/>
  <c r="U85860" i="1"/>
  <c r="U85859" i="1"/>
  <c r="U85858" i="1"/>
  <c r="U85857" i="1"/>
  <c r="U85856" i="1"/>
  <c r="U85855" i="1"/>
  <c r="U85854" i="1"/>
  <c r="U85853" i="1"/>
  <c r="U85852" i="1"/>
  <c r="U85851" i="1"/>
  <c r="U85850" i="1"/>
  <c r="U85849" i="1"/>
  <c r="U85848" i="1"/>
  <c r="U85847" i="1"/>
  <c r="U85846" i="1"/>
  <c r="U85845" i="1"/>
  <c r="U85844" i="1"/>
  <c r="U85843" i="1"/>
  <c r="U85842" i="1"/>
  <c r="U85841" i="1"/>
  <c r="U85840" i="1"/>
  <c r="U85839" i="1"/>
  <c r="U85838" i="1"/>
  <c r="U85837" i="1"/>
  <c r="U85836" i="1"/>
  <c r="U85835" i="1"/>
  <c r="U85834" i="1"/>
  <c r="U85833" i="1"/>
  <c r="U85832" i="1"/>
  <c r="U85831" i="1"/>
  <c r="U85830" i="1"/>
  <c r="U85829" i="1"/>
  <c r="U85828" i="1"/>
  <c r="U85827" i="1"/>
  <c r="U85826" i="1"/>
  <c r="U85825" i="1"/>
  <c r="U85824" i="1"/>
  <c r="U85823" i="1"/>
  <c r="U85822" i="1"/>
  <c r="U85821" i="1"/>
  <c r="U85820" i="1"/>
  <c r="U85819" i="1"/>
  <c r="U85818" i="1"/>
  <c r="U85817" i="1"/>
  <c r="U85816" i="1"/>
  <c r="U85815" i="1"/>
  <c r="U85814" i="1"/>
  <c r="U85813" i="1"/>
  <c r="U85812" i="1"/>
  <c r="U85811" i="1"/>
  <c r="U85810" i="1"/>
  <c r="U85809" i="1"/>
  <c r="U85808" i="1"/>
  <c r="U85807" i="1"/>
  <c r="U85806" i="1"/>
  <c r="U85805" i="1"/>
  <c r="U85804" i="1"/>
  <c r="U85803" i="1"/>
  <c r="U85802" i="1"/>
  <c r="U85801" i="1"/>
  <c r="U85800" i="1"/>
  <c r="U85799" i="1"/>
  <c r="U85798" i="1"/>
  <c r="U85797" i="1"/>
  <c r="U85796" i="1"/>
  <c r="U85795" i="1"/>
  <c r="U85794" i="1"/>
  <c r="U85793" i="1"/>
  <c r="U85792" i="1"/>
  <c r="U85791" i="1"/>
  <c r="U85790" i="1"/>
  <c r="U85789" i="1"/>
  <c r="U85788" i="1"/>
  <c r="U85787" i="1"/>
  <c r="U85786" i="1"/>
  <c r="U85785" i="1"/>
  <c r="U85784" i="1"/>
  <c r="U85783" i="1"/>
  <c r="U85782" i="1"/>
  <c r="U85781" i="1"/>
  <c r="U85780" i="1"/>
  <c r="U85779" i="1"/>
  <c r="U85778" i="1"/>
  <c r="U85777" i="1"/>
  <c r="U85776" i="1"/>
  <c r="U85775" i="1"/>
  <c r="U85774" i="1"/>
  <c r="U85773" i="1"/>
  <c r="U85772" i="1"/>
  <c r="U85771" i="1"/>
  <c r="U85770" i="1"/>
  <c r="U85769" i="1"/>
  <c r="U85768" i="1"/>
  <c r="U85767" i="1"/>
  <c r="U85766" i="1"/>
  <c r="U85765" i="1"/>
  <c r="U85764" i="1"/>
  <c r="U85763" i="1"/>
  <c r="U85762" i="1"/>
  <c r="U85761" i="1"/>
  <c r="U85760" i="1"/>
  <c r="U85759" i="1"/>
  <c r="U85758" i="1"/>
  <c r="U85757" i="1"/>
  <c r="U85756" i="1"/>
  <c r="U85755" i="1"/>
  <c r="U85754" i="1"/>
  <c r="U85753" i="1"/>
  <c r="U85752" i="1"/>
  <c r="U85751" i="1"/>
  <c r="U85750" i="1"/>
  <c r="U85749" i="1"/>
  <c r="U85748" i="1"/>
  <c r="U85747" i="1"/>
  <c r="U85746" i="1"/>
  <c r="U85745" i="1"/>
  <c r="U85744" i="1"/>
  <c r="U85743" i="1"/>
  <c r="U85742" i="1"/>
  <c r="U85741" i="1"/>
  <c r="U85740" i="1"/>
  <c r="U85739" i="1"/>
  <c r="U85738" i="1"/>
  <c r="U85737" i="1"/>
  <c r="U85736" i="1"/>
  <c r="U85735" i="1"/>
  <c r="U85734" i="1"/>
  <c r="U85733" i="1"/>
  <c r="U85732" i="1"/>
  <c r="U85731" i="1"/>
  <c r="U85730" i="1"/>
  <c r="U85729" i="1"/>
  <c r="U85728" i="1"/>
  <c r="U85727" i="1"/>
  <c r="U85726" i="1"/>
  <c r="U85725" i="1"/>
  <c r="U85724" i="1"/>
  <c r="U85723" i="1"/>
  <c r="U85722" i="1"/>
  <c r="U85721" i="1"/>
  <c r="U85720" i="1"/>
  <c r="U85719" i="1"/>
  <c r="U85718" i="1"/>
  <c r="U85717" i="1"/>
  <c r="U85716" i="1"/>
  <c r="U85715" i="1"/>
  <c r="U85714" i="1"/>
  <c r="U85713" i="1"/>
  <c r="U85712" i="1"/>
  <c r="U85711" i="1"/>
  <c r="U85710" i="1"/>
  <c r="U85709" i="1"/>
  <c r="U85708" i="1"/>
  <c r="U85707" i="1"/>
  <c r="U85706" i="1"/>
  <c r="U85705" i="1"/>
  <c r="U85704" i="1"/>
  <c r="U85703" i="1"/>
  <c r="U85702" i="1"/>
  <c r="U85701" i="1"/>
  <c r="U85700" i="1"/>
  <c r="U85699" i="1"/>
  <c r="U85698" i="1"/>
  <c r="U85697" i="1"/>
  <c r="U85696" i="1"/>
  <c r="U85695" i="1"/>
  <c r="U85694" i="1"/>
  <c r="U85693" i="1"/>
  <c r="U85692" i="1"/>
  <c r="U85691" i="1"/>
  <c r="U85690" i="1"/>
  <c r="U85689" i="1"/>
  <c r="U85688" i="1"/>
  <c r="U85687" i="1"/>
  <c r="U85686" i="1"/>
  <c r="U85685" i="1"/>
  <c r="U85684" i="1"/>
  <c r="U85683" i="1"/>
  <c r="U85682" i="1"/>
  <c r="U85681" i="1"/>
  <c r="U85680" i="1"/>
  <c r="U85679" i="1"/>
  <c r="U85678" i="1"/>
  <c r="U85677" i="1"/>
  <c r="U85676" i="1"/>
  <c r="U85675" i="1"/>
  <c r="U85674" i="1"/>
  <c r="U85673" i="1"/>
  <c r="U85672" i="1"/>
  <c r="U85671" i="1"/>
  <c r="U85670" i="1"/>
  <c r="U85669" i="1"/>
  <c r="U85668" i="1"/>
  <c r="U85667" i="1"/>
  <c r="U85666" i="1"/>
  <c r="U85665" i="1"/>
  <c r="U85664" i="1"/>
  <c r="U85663" i="1"/>
  <c r="U85662" i="1"/>
  <c r="U85661" i="1"/>
  <c r="U85660" i="1"/>
  <c r="U85659" i="1"/>
  <c r="U85658" i="1"/>
  <c r="U85657" i="1"/>
  <c r="U85656" i="1"/>
  <c r="U85655" i="1"/>
  <c r="U85654" i="1"/>
  <c r="U85653" i="1"/>
  <c r="U85652" i="1"/>
  <c r="U85651" i="1"/>
  <c r="U85650" i="1"/>
  <c r="U85649" i="1"/>
  <c r="U85648" i="1"/>
  <c r="U85647" i="1"/>
  <c r="U85646" i="1"/>
  <c r="U85645" i="1"/>
  <c r="U85644" i="1"/>
  <c r="U85643" i="1"/>
  <c r="U85642" i="1"/>
  <c r="U85641" i="1"/>
  <c r="U85640" i="1"/>
  <c r="U85639" i="1"/>
  <c r="U85638" i="1"/>
  <c r="U85637" i="1"/>
  <c r="U85636" i="1"/>
  <c r="U85635" i="1"/>
  <c r="U85634" i="1"/>
  <c r="U85633" i="1"/>
  <c r="U85632" i="1"/>
  <c r="U85631" i="1"/>
  <c r="U85630" i="1"/>
  <c r="U85629" i="1"/>
  <c r="U85628" i="1"/>
  <c r="U85627" i="1"/>
  <c r="U85626" i="1"/>
  <c r="U85625" i="1"/>
  <c r="U85624" i="1"/>
  <c r="U85623" i="1"/>
  <c r="U85622" i="1"/>
  <c r="U85621" i="1"/>
  <c r="U85620" i="1"/>
  <c r="U85619" i="1"/>
  <c r="U85618" i="1"/>
  <c r="U85617" i="1"/>
  <c r="U85616" i="1"/>
  <c r="U85615" i="1"/>
  <c r="U85614" i="1"/>
  <c r="U85613" i="1"/>
  <c r="U85612" i="1"/>
  <c r="U85611" i="1"/>
  <c r="U85610" i="1"/>
  <c r="U85609" i="1"/>
  <c r="U85608" i="1"/>
  <c r="U85607" i="1"/>
  <c r="U85606" i="1"/>
  <c r="U85605" i="1"/>
  <c r="U85604" i="1"/>
  <c r="U85603" i="1"/>
  <c r="U85602" i="1"/>
  <c r="U85601" i="1"/>
  <c r="U85600" i="1"/>
  <c r="U85599" i="1"/>
  <c r="U85598" i="1"/>
  <c r="U85597" i="1"/>
  <c r="U85596" i="1"/>
  <c r="U85595" i="1"/>
  <c r="U85594" i="1"/>
  <c r="U85593" i="1"/>
  <c r="U85592" i="1"/>
  <c r="U85591" i="1"/>
  <c r="U85590" i="1"/>
  <c r="U85589" i="1"/>
  <c r="U85588" i="1"/>
  <c r="U85587" i="1"/>
  <c r="U85586" i="1"/>
  <c r="U85585" i="1"/>
  <c r="U85584" i="1"/>
  <c r="U85583" i="1"/>
  <c r="U85582" i="1"/>
  <c r="U85581" i="1"/>
  <c r="U85580" i="1"/>
  <c r="U85579" i="1"/>
  <c r="U85578" i="1"/>
  <c r="U85577" i="1"/>
  <c r="U85576" i="1"/>
  <c r="U85575" i="1"/>
  <c r="U85574" i="1"/>
  <c r="U85573" i="1"/>
  <c r="U85572" i="1"/>
  <c r="U85571" i="1"/>
  <c r="U85570" i="1"/>
  <c r="U85569" i="1"/>
  <c r="U85568" i="1"/>
  <c r="U85567" i="1"/>
  <c r="U85566" i="1"/>
  <c r="U85565" i="1"/>
  <c r="U85564" i="1"/>
  <c r="U85563" i="1"/>
  <c r="U85562" i="1"/>
  <c r="U85561" i="1"/>
  <c r="U85560" i="1"/>
  <c r="U85559" i="1"/>
  <c r="U85558" i="1"/>
  <c r="U85557" i="1"/>
  <c r="U85556" i="1"/>
  <c r="U85555" i="1"/>
  <c r="U85554" i="1"/>
  <c r="U85553" i="1"/>
  <c r="U85552" i="1"/>
  <c r="U85551" i="1"/>
  <c r="U85550" i="1"/>
  <c r="U85549" i="1"/>
  <c r="U85548" i="1"/>
  <c r="U85547" i="1"/>
  <c r="U85546" i="1"/>
  <c r="U85545" i="1"/>
  <c r="U85544" i="1"/>
  <c r="U85543" i="1"/>
  <c r="U85542" i="1"/>
  <c r="U85541" i="1"/>
  <c r="U85540" i="1"/>
  <c r="U85539" i="1"/>
  <c r="U85538" i="1"/>
  <c r="U85537" i="1"/>
  <c r="U85536" i="1"/>
  <c r="U85535" i="1"/>
  <c r="U85534" i="1"/>
  <c r="U85533" i="1"/>
  <c r="U85532" i="1"/>
  <c r="U85531" i="1"/>
  <c r="U85530" i="1"/>
  <c r="U85529" i="1"/>
  <c r="U85528" i="1"/>
  <c r="U85527" i="1"/>
  <c r="U85526" i="1"/>
  <c r="U85525" i="1"/>
  <c r="U85524" i="1"/>
  <c r="U85523" i="1"/>
  <c r="U85522" i="1"/>
  <c r="U85521" i="1"/>
  <c r="U85520" i="1"/>
  <c r="U85519" i="1"/>
  <c r="U85518" i="1"/>
  <c r="U85517" i="1"/>
  <c r="U85516" i="1"/>
  <c r="U85515" i="1"/>
  <c r="U85514" i="1"/>
  <c r="U85513" i="1"/>
  <c r="U85512" i="1"/>
  <c r="U85511" i="1"/>
  <c r="U85510" i="1"/>
  <c r="U85509" i="1"/>
  <c r="U85508" i="1"/>
  <c r="U85507" i="1"/>
  <c r="U85506" i="1"/>
  <c r="U85505" i="1"/>
  <c r="U85504" i="1"/>
  <c r="U85503" i="1"/>
  <c r="U85502" i="1"/>
  <c r="U85501" i="1"/>
  <c r="U85500" i="1"/>
  <c r="U85499" i="1"/>
  <c r="U85498" i="1"/>
  <c r="U85497" i="1"/>
  <c r="U85496" i="1"/>
  <c r="U85495" i="1"/>
  <c r="U85494" i="1"/>
  <c r="U85493" i="1"/>
  <c r="U85492" i="1"/>
  <c r="U85491" i="1"/>
  <c r="U85490" i="1"/>
  <c r="U85489" i="1"/>
  <c r="U85488" i="1"/>
  <c r="U85487" i="1"/>
  <c r="U85486" i="1"/>
  <c r="U85485" i="1"/>
  <c r="U85484" i="1"/>
  <c r="U85483" i="1"/>
  <c r="U85482" i="1"/>
  <c r="U85481" i="1"/>
  <c r="U85480" i="1"/>
  <c r="U85479" i="1"/>
  <c r="U85478" i="1"/>
  <c r="U85477" i="1"/>
  <c r="U85476" i="1"/>
  <c r="U85475" i="1"/>
  <c r="U85474" i="1"/>
  <c r="U85473" i="1"/>
  <c r="U85472" i="1"/>
  <c r="U85471" i="1"/>
  <c r="U85470" i="1"/>
  <c r="U85469" i="1"/>
  <c r="U85468" i="1"/>
  <c r="U85467" i="1"/>
  <c r="U85466" i="1"/>
  <c r="U85465" i="1"/>
  <c r="U85464" i="1"/>
  <c r="U85463" i="1"/>
  <c r="U85462" i="1"/>
  <c r="U85461" i="1"/>
  <c r="U85460" i="1"/>
  <c r="U85459" i="1"/>
  <c r="U85458" i="1"/>
  <c r="U85457" i="1"/>
  <c r="U85456" i="1"/>
  <c r="U85455" i="1"/>
  <c r="U85454" i="1"/>
  <c r="U85453" i="1"/>
  <c r="U85452" i="1"/>
  <c r="U85451" i="1"/>
  <c r="U85450" i="1"/>
  <c r="U85449" i="1"/>
  <c r="U85448" i="1"/>
  <c r="U85447" i="1"/>
  <c r="U85446" i="1"/>
  <c r="U85445" i="1"/>
  <c r="U85444" i="1"/>
  <c r="U85443" i="1"/>
  <c r="U85442" i="1"/>
  <c r="U85441" i="1"/>
  <c r="U85440" i="1"/>
  <c r="U85439" i="1"/>
  <c r="U85438" i="1"/>
  <c r="U85437" i="1"/>
  <c r="U85436" i="1"/>
  <c r="U85435" i="1"/>
  <c r="U85434" i="1"/>
  <c r="U85433" i="1"/>
  <c r="U85432" i="1"/>
  <c r="U85431" i="1"/>
  <c r="U85430" i="1"/>
  <c r="U85429" i="1"/>
  <c r="U85428" i="1"/>
  <c r="U85427" i="1"/>
  <c r="U85426" i="1"/>
  <c r="U85425" i="1"/>
  <c r="U85424" i="1"/>
  <c r="U85423" i="1"/>
  <c r="U85422" i="1"/>
  <c r="U85421" i="1"/>
  <c r="U85420" i="1"/>
  <c r="U85419" i="1"/>
  <c r="U85418" i="1"/>
  <c r="U85417" i="1"/>
  <c r="U85416" i="1"/>
  <c r="U85415" i="1"/>
  <c r="U85414" i="1"/>
  <c r="U85413" i="1"/>
  <c r="U85412" i="1"/>
  <c r="U85411" i="1"/>
  <c r="U85410" i="1"/>
  <c r="U85409" i="1"/>
  <c r="U85408" i="1"/>
  <c r="U85407" i="1"/>
  <c r="U85406" i="1"/>
  <c r="U85405" i="1"/>
  <c r="U85404" i="1"/>
  <c r="U85403" i="1"/>
  <c r="U85402" i="1"/>
  <c r="U85401" i="1"/>
  <c r="U85400" i="1"/>
  <c r="U85399" i="1"/>
  <c r="U85398" i="1"/>
  <c r="U85397" i="1"/>
  <c r="U85396" i="1"/>
  <c r="U85395" i="1"/>
  <c r="U85394" i="1"/>
  <c r="U85393" i="1"/>
  <c r="U85392" i="1"/>
  <c r="U85391" i="1"/>
  <c r="U85390" i="1"/>
  <c r="U85389" i="1"/>
  <c r="U85388" i="1"/>
  <c r="U85387" i="1"/>
  <c r="U85386" i="1"/>
  <c r="U85385" i="1"/>
  <c r="U85384" i="1"/>
  <c r="U85383" i="1"/>
  <c r="U85382" i="1"/>
  <c r="U85381" i="1"/>
  <c r="U85380" i="1"/>
  <c r="U85379" i="1"/>
  <c r="U85378" i="1"/>
  <c r="U85377" i="1"/>
  <c r="U85376" i="1"/>
  <c r="U85375" i="1"/>
  <c r="U85374" i="1"/>
  <c r="U85373" i="1"/>
  <c r="U85372" i="1"/>
  <c r="U85371" i="1"/>
  <c r="U85370" i="1"/>
  <c r="U85369" i="1"/>
  <c r="U85368" i="1"/>
  <c r="U85367" i="1"/>
  <c r="U85366" i="1"/>
  <c r="U85365" i="1"/>
  <c r="U85364" i="1"/>
  <c r="U85363" i="1"/>
  <c r="U85362" i="1"/>
  <c r="U85361" i="1"/>
  <c r="U85360" i="1"/>
  <c r="U85359" i="1"/>
  <c r="U85358" i="1"/>
  <c r="U85357" i="1"/>
  <c r="U85356" i="1"/>
  <c r="U85355" i="1"/>
  <c r="U85354" i="1"/>
  <c r="U85353" i="1"/>
  <c r="U85352" i="1"/>
  <c r="U85351" i="1"/>
  <c r="U85350" i="1"/>
  <c r="U85349" i="1"/>
  <c r="U85348" i="1"/>
  <c r="U85347" i="1"/>
  <c r="U85346" i="1"/>
  <c r="U85345" i="1"/>
  <c r="U85344" i="1"/>
  <c r="U85343" i="1"/>
  <c r="U85342" i="1"/>
  <c r="U85341" i="1"/>
  <c r="U85340" i="1"/>
  <c r="U85339" i="1"/>
  <c r="U85338" i="1"/>
  <c r="U85337" i="1"/>
  <c r="U85336" i="1"/>
  <c r="U85335" i="1"/>
  <c r="U85334" i="1"/>
  <c r="U85333" i="1"/>
  <c r="U85332" i="1"/>
  <c r="U85331" i="1"/>
  <c r="U85330" i="1"/>
  <c r="U85329" i="1"/>
  <c r="U85328" i="1"/>
  <c r="U85327" i="1"/>
  <c r="U85326" i="1"/>
  <c r="U85325" i="1"/>
  <c r="U85324" i="1"/>
  <c r="U85323" i="1"/>
  <c r="U85322" i="1"/>
  <c r="U85321" i="1"/>
  <c r="U85320" i="1"/>
  <c r="U85319" i="1"/>
  <c r="U85318" i="1"/>
  <c r="U85317" i="1"/>
  <c r="U85316" i="1"/>
  <c r="U85315" i="1"/>
  <c r="U85314" i="1"/>
  <c r="U85313" i="1"/>
  <c r="U85312" i="1"/>
  <c r="U85311" i="1"/>
  <c r="U85310" i="1"/>
  <c r="U85309" i="1"/>
  <c r="U85308" i="1"/>
  <c r="U85307" i="1"/>
  <c r="U85306" i="1"/>
  <c r="U85305" i="1"/>
  <c r="U85304" i="1"/>
  <c r="U85303" i="1"/>
  <c r="U85302" i="1"/>
  <c r="U85301" i="1"/>
  <c r="U85300" i="1"/>
  <c r="U85299" i="1"/>
  <c r="U85298" i="1"/>
  <c r="U85297" i="1"/>
  <c r="U85296" i="1"/>
  <c r="U85295" i="1"/>
  <c r="U85294" i="1"/>
  <c r="U85293" i="1"/>
  <c r="U85292" i="1"/>
  <c r="U85291" i="1"/>
  <c r="U85290" i="1"/>
  <c r="U85289" i="1"/>
  <c r="U85288" i="1"/>
  <c r="U85287" i="1"/>
  <c r="U85286" i="1"/>
  <c r="U85285" i="1"/>
  <c r="U85284" i="1"/>
  <c r="U85283" i="1"/>
  <c r="U85282" i="1"/>
  <c r="U85281" i="1"/>
  <c r="U85280" i="1"/>
  <c r="U85279" i="1"/>
  <c r="U85278" i="1"/>
  <c r="U85277" i="1"/>
  <c r="U85276" i="1"/>
  <c r="U85275" i="1"/>
  <c r="U85274" i="1"/>
  <c r="U85273" i="1"/>
  <c r="U85272" i="1"/>
  <c r="U85271" i="1"/>
  <c r="U85270" i="1"/>
  <c r="U85269" i="1"/>
  <c r="U85268" i="1"/>
  <c r="U85267" i="1"/>
  <c r="U85266" i="1"/>
  <c r="U85265" i="1"/>
  <c r="U85264" i="1"/>
  <c r="U85263" i="1"/>
  <c r="U85262" i="1"/>
  <c r="U85261" i="1"/>
  <c r="U85260" i="1"/>
  <c r="U85259" i="1"/>
  <c r="U85258" i="1"/>
  <c r="U85257" i="1"/>
  <c r="U85256" i="1"/>
  <c r="U85255" i="1"/>
  <c r="U85254" i="1"/>
  <c r="U85253" i="1"/>
  <c r="U85252" i="1"/>
  <c r="U85251" i="1"/>
  <c r="U85250" i="1"/>
  <c r="U85249" i="1"/>
  <c r="U85248" i="1"/>
  <c r="U85247" i="1"/>
  <c r="U85246" i="1"/>
  <c r="U85245" i="1"/>
  <c r="U85244" i="1"/>
  <c r="U85243" i="1"/>
  <c r="U85242" i="1"/>
  <c r="U85241" i="1"/>
  <c r="U85240" i="1"/>
  <c r="U85239" i="1"/>
  <c r="U85238" i="1"/>
  <c r="U85237" i="1"/>
  <c r="U85236" i="1"/>
  <c r="U85235" i="1"/>
  <c r="U85234" i="1"/>
  <c r="U85233" i="1"/>
  <c r="U85232" i="1"/>
  <c r="U85231" i="1"/>
  <c r="U85230" i="1"/>
  <c r="U85229" i="1"/>
  <c r="U85228" i="1"/>
  <c r="U85227" i="1"/>
  <c r="U85226" i="1"/>
  <c r="U85225" i="1"/>
  <c r="U85224" i="1"/>
  <c r="U85223" i="1"/>
  <c r="U85222" i="1"/>
  <c r="U85221" i="1"/>
  <c r="U85220" i="1"/>
  <c r="U85219" i="1"/>
  <c r="U85218" i="1"/>
  <c r="U85217" i="1"/>
  <c r="U85216" i="1"/>
  <c r="U85215" i="1"/>
  <c r="U85214" i="1"/>
  <c r="U85213" i="1"/>
  <c r="U85212" i="1"/>
  <c r="U85211" i="1"/>
  <c r="U85210" i="1"/>
  <c r="U85209" i="1"/>
  <c r="U85208" i="1"/>
  <c r="U85207" i="1"/>
  <c r="U85206" i="1"/>
  <c r="U85205" i="1"/>
  <c r="U85204" i="1"/>
  <c r="U85203" i="1"/>
  <c r="U85202" i="1"/>
  <c r="U85201" i="1"/>
  <c r="U85200" i="1"/>
  <c r="U85199" i="1"/>
  <c r="U85198" i="1"/>
  <c r="U85197" i="1"/>
  <c r="U85196" i="1"/>
  <c r="U85195" i="1"/>
  <c r="U85194" i="1"/>
  <c r="U85193" i="1"/>
  <c r="U85192" i="1"/>
  <c r="U85191" i="1"/>
  <c r="U85190" i="1"/>
  <c r="U85189" i="1"/>
  <c r="U85188" i="1"/>
  <c r="U85187" i="1"/>
  <c r="U85186" i="1"/>
  <c r="U85185" i="1"/>
  <c r="U85184" i="1"/>
  <c r="U85183" i="1"/>
  <c r="U85182" i="1"/>
  <c r="U85181" i="1"/>
  <c r="U85180" i="1"/>
  <c r="U85179" i="1"/>
  <c r="U85178" i="1"/>
  <c r="U85177" i="1"/>
  <c r="U85176" i="1"/>
  <c r="U85175" i="1"/>
  <c r="U85174" i="1"/>
  <c r="U85173" i="1"/>
  <c r="U85172" i="1"/>
  <c r="U85171" i="1"/>
  <c r="U85170" i="1"/>
  <c r="U85169" i="1"/>
  <c r="U85168" i="1"/>
  <c r="U85167" i="1"/>
  <c r="U85166" i="1"/>
  <c r="U85165" i="1"/>
  <c r="U85164" i="1"/>
  <c r="U85163" i="1"/>
  <c r="U85162" i="1"/>
  <c r="U85161" i="1"/>
  <c r="U85160" i="1"/>
  <c r="U85159" i="1"/>
  <c r="U85158" i="1"/>
  <c r="U85157" i="1"/>
  <c r="U85156" i="1"/>
  <c r="U85155" i="1"/>
  <c r="U85154" i="1"/>
  <c r="U85153" i="1"/>
  <c r="U85152" i="1"/>
  <c r="U85151" i="1"/>
  <c r="U85150" i="1"/>
  <c r="U85149" i="1"/>
  <c r="U85148" i="1"/>
  <c r="U85147" i="1"/>
  <c r="U85146" i="1"/>
  <c r="U85145" i="1"/>
  <c r="U85144" i="1"/>
  <c r="U85143" i="1"/>
  <c r="U85142" i="1"/>
  <c r="U85141" i="1"/>
  <c r="U85140" i="1"/>
  <c r="U85139" i="1"/>
  <c r="U85138" i="1"/>
  <c r="U85137" i="1"/>
  <c r="U85136" i="1"/>
  <c r="U85135" i="1"/>
  <c r="U85134" i="1"/>
  <c r="U85133" i="1"/>
  <c r="U85132" i="1"/>
  <c r="U85131" i="1"/>
  <c r="U85130" i="1"/>
  <c r="U85129" i="1"/>
  <c r="U85128" i="1"/>
  <c r="U85127" i="1"/>
  <c r="U85126" i="1"/>
  <c r="U85125" i="1"/>
  <c r="U85124" i="1"/>
  <c r="U85123" i="1"/>
  <c r="U85122" i="1"/>
  <c r="U85121" i="1"/>
  <c r="U85120" i="1"/>
  <c r="U85119" i="1"/>
  <c r="U85118" i="1"/>
  <c r="U85117" i="1"/>
  <c r="U85116" i="1"/>
  <c r="U85115" i="1"/>
  <c r="U85114" i="1"/>
  <c r="U85113" i="1"/>
  <c r="U85112" i="1"/>
  <c r="U85111" i="1"/>
  <c r="U85110" i="1"/>
  <c r="U85109" i="1"/>
  <c r="U85108" i="1"/>
  <c r="U85107" i="1"/>
  <c r="U85106" i="1"/>
  <c r="U85105" i="1"/>
  <c r="U85104" i="1"/>
  <c r="U85103" i="1"/>
  <c r="U85102" i="1"/>
  <c r="U85101" i="1"/>
  <c r="U85100" i="1"/>
  <c r="U85099" i="1"/>
  <c r="U85098" i="1"/>
  <c r="U85097" i="1"/>
  <c r="U85096" i="1"/>
  <c r="U85095" i="1"/>
  <c r="U85094" i="1"/>
  <c r="U85093" i="1"/>
  <c r="U85092" i="1"/>
  <c r="U85091" i="1"/>
  <c r="U85090" i="1"/>
  <c r="U85089" i="1"/>
  <c r="U85088" i="1"/>
  <c r="U85087" i="1"/>
  <c r="U85086" i="1"/>
  <c r="U85085" i="1"/>
  <c r="U85084" i="1"/>
  <c r="U85083" i="1"/>
  <c r="U85082" i="1"/>
  <c r="U85081" i="1"/>
  <c r="U85080" i="1"/>
  <c r="U85079" i="1"/>
  <c r="U85078" i="1"/>
  <c r="U85077" i="1"/>
  <c r="U85076" i="1"/>
  <c r="U85075" i="1"/>
  <c r="U85074" i="1"/>
  <c r="U85073" i="1"/>
  <c r="U85072" i="1"/>
  <c r="U85071" i="1"/>
  <c r="U85070" i="1"/>
  <c r="U85069" i="1"/>
  <c r="U85068" i="1"/>
  <c r="U85067" i="1"/>
  <c r="U85066" i="1"/>
  <c r="U85065" i="1"/>
  <c r="U85064" i="1"/>
  <c r="U85063" i="1"/>
  <c r="U85062" i="1"/>
  <c r="U85061" i="1"/>
  <c r="U85060" i="1"/>
  <c r="U85059" i="1"/>
  <c r="U85058" i="1"/>
  <c r="U85057" i="1"/>
  <c r="U85056" i="1"/>
  <c r="U85055" i="1"/>
  <c r="U85054" i="1"/>
  <c r="U85053" i="1"/>
  <c r="U85052" i="1"/>
  <c r="U85051" i="1"/>
  <c r="U85050" i="1"/>
  <c r="U85049" i="1"/>
  <c r="U85048" i="1"/>
  <c r="U85047" i="1"/>
  <c r="U85046" i="1"/>
  <c r="U85045" i="1"/>
  <c r="U85044" i="1"/>
  <c r="U85043" i="1"/>
  <c r="U85042" i="1"/>
  <c r="U85041" i="1"/>
  <c r="U85040" i="1"/>
  <c r="U85039" i="1"/>
  <c r="U85038" i="1"/>
  <c r="U85037" i="1"/>
  <c r="U85036" i="1"/>
  <c r="U85035" i="1"/>
  <c r="U85034" i="1"/>
  <c r="U85033" i="1"/>
  <c r="U85032" i="1"/>
  <c r="U85031" i="1"/>
  <c r="U85030" i="1"/>
  <c r="U85029" i="1"/>
  <c r="U85028" i="1"/>
  <c r="U85027" i="1"/>
  <c r="U85026" i="1"/>
  <c r="U85025" i="1"/>
  <c r="U85024" i="1"/>
  <c r="U85023" i="1"/>
  <c r="U85022" i="1"/>
  <c r="U85021" i="1"/>
  <c r="U85020" i="1"/>
  <c r="U85019" i="1"/>
  <c r="U85018" i="1"/>
  <c r="U85017" i="1"/>
  <c r="U85016" i="1"/>
  <c r="U85015" i="1"/>
  <c r="U85014" i="1"/>
  <c r="U85013" i="1"/>
  <c r="U85012" i="1"/>
  <c r="U85011" i="1"/>
  <c r="U85010" i="1"/>
  <c r="U85009" i="1"/>
  <c r="U85008" i="1"/>
  <c r="U85007" i="1"/>
  <c r="U85006" i="1"/>
  <c r="U85005" i="1"/>
  <c r="U85004" i="1"/>
  <c r="U85003" i="1"/>
  <c r="U85002" i="1"/>
  <c r="U85001" i="1"/>
  <c r="U85000" i="1"/>
  <c r="U84999" i="1"/>
  <c r="U84998" i="1"/>
  <c r="U84997" i="1"/>
  <c r="U84996" i="1"/>
  <c r="U84995" i="1"/>
  <c r="U84994" i="1"/>
  <c r="U84993" i="1"/>
  <c r="U84992" i="1"/>
  <c r="U84991" i="1"/>
  <c r="U84990" i="1"/>
  <c r="U84989" i="1"/>
  <c r="U84988" i="1"/>
  <c r="U84987" i="1"/>
  <c r="U84986" i="1"/>
  <c r="U84985" i="1"/>
  <c r="U84984" i="1"/>
  <c r="U84983" i="1"/>
  <c r="U84982" i="1"/>
  <c r="U84981" i="1"/>
  <c r="U84980" i="1"/>
  <c r="U84979" i="1"/>
  <c r="U84978" i="1"/>
  <c r="U84977" i="1"/>
  <c r="U84976" i="1"/>
  <c r="U84975" i="1"/>
  <c r="U84974" i="1"/>
  <c r="U84973" i="1"/>
  <c r="U84972" i="1"/>
  <c r="U84971" i="1"/>
  <c r="U84970" i="1"/>
  <c r="U84969" i="1"/>
  <c r="U84968" i="1"/>
  <c r="U84967" i="1"/>
  <c r="U84966" i="1"/>
  <c r="U84965" i="1"/>
  <c r="U84964" i="1"/>
  <c r="U84963" i="1"/>
  <c r="U84962" i="1"/>
  <c r="U84961" i="1"/>
  <c r="U84960" i="1"/>
  <c r="U84959" i="1"/>
  <c r="U84958" i="1"/>
  <c r="U84957" i="1"/>
  <c r="U84956" i="1"/>
  <c r="U84955" i="1"/>
  <c r="U84954" i="1"/>
  <c r="U84953" i="1"/>
  <c r="U84952" i="1"/>
  <c r="U84951" i="1"/>
  <c r="U84950" i="1"/>
  <c r="U84949" i="1"/>
  <c r="U84948" i="1"/>
  <c r="U84947" i="1"/>
  <c r="U84946" i="1"/>
  <c r="U84945" i="1"/>
  <c r="U84944" i="1"/>
  <c r="U84943" i="1"/>
  <c r="U84942" i="1"/>
  <c r="U84941" i="1"/>
  <c r="U84940" i="1"/>
  <c r="U84939" i="1"/>
  <c r="U84938" i="1"/>
  <c r="U84937" i="1"/>
  <c r="U84936" i="1"/>
  <c r="U84935" i="1"/>
  <c r="U84934" i="1"/>
  <c r="U84933" i="1"/>
  <c r="U84932" i="1"/>
  <c r="U84931" i="1"/>
  <c r="U84930" i="1"/>
  <c r="U84929" i="1"/>
  <c r="U84928" i="1"/>
  <c r="U84927" i="1"/>
  <c r="U84926" i="1"/>
  <c r="U84925" i="1"/>
  <c r="U84924" i="1"/>
  <c r="U84923" i="1"/>
  <c r="U84922" i="1"/>
  <c r="U84921" i="1"/>
  <c r="U84920" i="1"/>
  <c r="U84919" i="1"/>
  <c r="U84918" i="1"/>
  <c r="U84917" i="1"/>
  <c r="U84916" i="1"/>
  <c r="U84915" i="1"/>
  <c r="U84914" i="1"/>
  <c r="U84913" i="1"/>
  <c r="U84912" i="1"/>
  <c r="U84911" i="1"/>
  <c r="U84910" i="1"/>
  <c r="U84909" i="1"/>
  <c r="U84908" i="1"/>
  <c r="U84907" i="1"/>
  <c r="U84906" i="1"/>
  <c r="U84905" i="1"/>
  <c r="U84904" i="1"/>
  <c r="U84903" i="1"/>
  <c r="U84902" i="1"/>
  <c r="U84901" i="1"/>
  <c r="U84900" i="1"/>
  <c r="U84899" i="1"/>
  <c r="U84898" i="1"/>
  <c r="U84897" i="1"/>
  <c r="U84896" i="1"/>
  <c r="U84895" i="1"/>
  <c r="U84894" i="1"/>
  <c r="U84893" i="1"/>
  <c r="U84892" i="1"/>
  <c r="U84891" i="1"/>
  <c r="U84890" i="1"/>
  <c r="U84889" i="1"/>
  <c r="U84888" i="1"/>
  <c r="U84887" i="1"/>
  <c r="U84886" i="1"/>
  <c r="U84885" i="1"/>
  <c r="U84884" i="1"/>
  <c r="U84883" i="1"/>
  <c r="U84882" i="1"/>
  <c r="U84881" i="1"/>
  <c r="U84880" i="1"/>
  <c r="U84879" i="1"/>
  <c r="U84878" i="1"/>
  <c r="U84877" i="1"/>
  <c r="U84876" i="1"/>
  <c r="U84875" i="1"/>
  <c r="U84874" i="1"/>
  <c r="U84873" i="1"/>
  <c r="U84872" i="1"/>
  <c r="U84871" i="1"/>
  <c r="U84870" i="1"/>
  <c r="U84869" i="1"/>
  <c r="U84868" i="1"/>
  <c r="U84867" i="1"/>
  <c r="U84866" i="1"/>
  <c r="U84865" i="1"/>
  <c r="U84864" i="1"/>
  <c r="U84863" i="1"/>
  <c r="U84862" i="1"/>
  <c r="U84861" i="1"/>
  <c r="U84860" i="1"/>
  <c r="U84859" i="1"/>
  <c r="U84858" i="1"/>
  <c r="U84857" i="1"/>
  <c r="U84856" i="1"/>
  <c r="U84855" i="1"/>
  <c r="U84854" i="1"/>
  <c r="U84853" i="1"/>
  <c r="U84852" i="1"/>
  <c r="U84851" i="1"/>
  <c r="U84850" i="1"/>
  <c r="U84849" i="1"/>
  <c r="U84848" i="1"/>
  <c r="U84847" i="1"/>
  <c r="U84846" i="1"/>
  <c r="U84845" i="1"/>
  <c r="U84844" i="1"/>
  <c r="U84843" i="1"/>
  <c r="U84842" i="1"/>
  <c r="U84841" i="1"/>
  <c r="U84840" i="1"/>
  <c r="U84839" i="1"/>
  <c r="U84838" i="1"/>
  <c r="U84837" i="1"/>
  <c r="U84836" i="1"/>
  <c r="U84835" i="1"/>
  <c r="U84834" i="1"/>
  <c r="U84833" i="1"/>
  <c r="U84832" i="1"/>
  <c r="U84831" i="1"/>
  <c r="U84830" i="1"/>
  <c r="U84829" i="1"/>
  <c r="U84828" i="1"/>
  <c r="U84827" i="1"/>
  <c r="U84826" i="1"/>
  <c r="U84825" i="1"/>
  <c r="U84824" i="1"/>
  <c r="U84823" i="1"/>
  <c r="U84822" i="1"/>
  <c r="U84821" i="1"/>
  <c r="U84820" i="1"/>
  <c r="U84819" i="1"/>
  <c r="U84818" i="1"/>
  <c r="U84817" i="1"/>
  <c r="U84816" i="1"/>
  <c r="U84815" i="1"/>
  <c r="U84814" i="1"/>
  <c r="U84813" i="1"/>
  <c r="U84812" i="1"/>
  <c r="U84811" i="1"/>
  <c r="U84810" i="1"/>
  <c r="U84809" i="1"/>
  <c r="U84808" i="1"/>
  <c r="U84807" i="1"/>
  <c r="U84806" i="1"/>
  <c r="U84805" i="1"/>
  <c r="U84804" i="1"/>
  <c r="U84803" i="1"/>
  <c r="U84802" i="1"/>
  <c r="U84801" i="1"/>
  <c r="U84800" i="1"/>
  <c r="U84799" i="1"/>
  <c r="U84798" i="1"/>
  <c r="U84797" i="1"/>
  <c r="U84796" i="1"/>
  <c r="U84795" i="1"/>
  <c r="U84794" i="1"/>
  <c r="U84793" i="1"/>
  <c r="U84792" i="1"/>
  <c r="U84791" i="1"/>
  <c r="U84790" i="1"/>
  <c r="U84789" i="1"/>
  <c r="U84788" i="1"/>
  <c r="U84787" i="1"/>
  <c r="U84786" i="1"/>
  <c r="U84785" i="1"/>
  <c r="U84784" i="1"/>
  <c r="U84783" i="1"/>
  <c r="U84782" i="1"/>
  <c r="U84781" i="1"/>
  <c r="U84780" i="1"/>
  <c r="U84779" i="1"/>
  <c r="U84778" i="1"/>
  <c r="U84777" i="1"/>
  <c r="U84776" i="1"/>
  <c r="U84775" i="1"/>
  <c r="U84774" i="1"/>
  <c r="U84773" i="1"/>
  <c r="U84772" i="1"/>
  <c r="U84771" i="1"/>
  <c r="U84770" i="1"/>
  <c r="U84769" i="1"/>
  <c r="U84768" i="1"/>
  <c r="U84767" i="1"/>
  <c r="U84766" i="1"/>
  <c r="U84765" i="1"/>
  <c r="U84764" i="1"/>
  <c r="U84763" i="1"/>
  <c r="U84762" i="1"/>
  <c r="U84761" i="1"/>
  <c r="U84760" i="1"/>
  <c r="U84759" i="1"/>
  <c r="U84758" i="1"/>
  <c r="U84757" i="1"/>
  <c r="U84756" i="1"/>
  <c r="U84755" i="1"/>
  <c r="U84754" i="1"/>
  <c r="U84753" i="1"/>
  <c r="U84752" i="1"/>
  <c r="U84751" i="1"/>
  <c r="U84750" i="1"/>
  <c r="U84749" i="1"/>
  <c r="U84748" i="1"/>
  <c r="U84747" i="1"/>
  <c r="U84746" i="1"/>
  <c r="U84745" i="1"/>
  <c r="U84744" i="1"/>
  <c r="U84743" i="1"/>
  <c r="U84742" i="1"/>
  <c r="U84741" i="1"/>
  <c r="U84740" i="1"/>
  <c r="U84739" i="1"/>
  <c r="U84738" i="1"/>
  <c r="U84737" i="1"/>
  <c r="U84736" i="1"/>
  <c r="U84735" i="1"/>
  <c r="U84734" i="1"/>
  <c r="U84733" i="1"/>
  <c r="U84732" i="1"/>
  <c r="U84731" i="1"/>
  <c r="U84730" i="1"/>
  <c r="U84729" i="1"/>
  <c r="U84728" i="1"/>
  <c r="U84727" i="1"/>
  <c r="U84726" i="1"/>
  <c r="U84725" i="1"/>
  <c r="U84724" i="1"/>
  <c r="U84723" i="1"/>
  <c r="U84722" i="1"/>
  <c r="U84721" i="1"/>
  <c r="U84720" i="1"/>
  <c r="U84719" i="1"/>
  <c r="U84718" i="1"/>
  <c r="U84717" i="1"/>
  <c r="U84716" i="1"/>
  <c r="U84715" i="1"/>
  <c r="U84714" i="1"/>
  <c r="U84713" i="1"/>
  <c r="U84712" i="1"/>
  <c r="U84711" i="1"/>
  <c r="U84710" i="1"/>
  <c r="U84709" i="1"/>
  <c r="U84708" i="1"/>
  <c r="U84707" i="1"/>
  <c r="U84706" i="1"/>
  <c r="U84705" i="1"/>
  <c r="U84704" i="1"/>
  <c r="U84703" i="1"/>
  <c r="U84702" i="1"/>
  <c r="U84701" i="1"/>
  <c r="U84700" i="1"/>
  <c r="U84699" i="1"/>
  <c r="U84698" i="1"/>
  <c r="U84697" i="1"/>
  <c r="U84696" i="1"/>
  <c r="U84695" i="1"/>
  <c r="U84694" i="1"/>
  <c r="U84693" i="1"/>
  <c r="U84692" i="1"/>
  <c r="U84691" i="1"/>
  <c r="U84690" i="1"/>
  <c r="U84689" i="1"/>
  <c r="U84688" i="1"/>
  <c r="U84687" i="1"/>
  <c r="U84686" i="1"/>
  <c r="U84685" i="1"/>
  <c r="U84684" i="1"/>
  <c r="U84683" i="1"/>
  <c r="U84682" i="1"/>
  <c r="U84681" i="1"/>
  <c r="U84680" i="1"/>
  <c r="U84679" i="1"/>
  <c r="U84678" i="1"/>
  <c r="U84677" i="1"/>
  <c r="U84676" i="1"/>
  <c r="U84675" i="1"/>
  <c r="U84674" i="1"/>
  <c r="U84673" i="1"/>
  <c r="U84672" i="1"/>
  <c r="U84671" i="1"/>
  <c r="U84670" i="1"/>
  <c r="U84669" i="1"/>
  <c r="U84668" i="1"/>
  <c r="U84667" i="1"/>
  <c r="U84666" i="1"/>
  <c r="U84665" i="1"/>
  <c r="U84664" i="1"/>
  <c r="U84663" i="1"/>
  <c r="U84662" i="1"/>
  <c r="U84661" i="1"/>
  <c r="U84660" i="1"/>
  <c r="U84659" i="1"/>
  <c r="U84658" i="1"/>
  <c r="U84657" i="1"/>
  <c r="U84656" i="1"/>
  <c r="U84655" i="1"/>
  <c r="U84654" i="1"/>
  <c r="U84653" i="1"/>
  <c r="U84652" i="1"/>
  <c r="U84651" i="1"/>
  <c r="U84650" i="1"/>
  <c r="U84649" i="1"/>
  <c r="U84648" i="1"/>
  <c r="U84647" i="1"/>
  <c r="U84646" i="1"/>
  <c r="U84645" i="1"/>
  <c r="U84644" i="1"/>
  <c r="U84643" i="1"/>
  <c r="U84642" i="1"/>
  <c r="U84641" i="1"/>
  <c r="U84640" i="1"/>
  <c r="U84639" i="1"/>
  <c r="U84638" i="1"/>
  <c r="U84637" i="1"/>
  <c r="U84636" i="1"/>
  <c r="U84635" i="1"/>
  <c r="U84634" i="1"/>
  <c r="U84633" i="1"/>
  <c r="U84632" i="1"/>
  <c r="U84631" i="1"/>
  <c r="U84630" i="1"/>
  <c r="U84629" i="1"/>
  <c r="U84628" i="1"/>
  <c r="U84627" i="1"/>
  <c r="U84626" i="1"/>
  <c r="U84625" i="1"/>
  <c r="U84624" i="1"/>
  <c r="U84623" i="1"/>
  <c r="U84622" i="1"/>
  <c r="U84621" i="1"/>
  <c r="U84620" i="1"/>
  <c r="U84619" i="1"/>
  <c r="U84618" i="1"/>
  <c r="U84617" i="1"/>
  <c r="U84616" i="1"/>
  <c r="U84615" i="1"/>
  <c r="U84614" i="1"/>
  <c r="U84613" i="1"/>
  <c r="U84612" i="1"/>
  <c r="U84611" i="1"/>
  <c r="U84610" i="1"/>
  <c r="U84609" i="1"/>
  <c r="U84608" i="1"/>
  <c r="U84607" i="1"/>
  <c r="U84606" i="1"/>
  <c r="U84605" i="1"/>
  <c r="U84604" i="1"/>
  <c r="U84603" i="1"/>
  <c r="U84602" i="1"/>
  <c r="U84601" i="1"/>
  <c r="U84600" i="1"/>
  <c r="U84599" i="1"/>
  <c r="U84598" i="1"/>
  <c r="U84597" i="1"/>
  <c r="U84596" i="1"/>
  <c r="U84595" i="1"/>
  <c r="U84594" i="1"/>
  <c r="U84593" i="1"/>
  <c r="U84592" i="1"/>
  <c r="U84591" i="1"/>
  <c r="U84590" i="1"/>
  <c r="U84589" i="1"/>
  <c r="U84588" i="1"/>
  <c r="U84587" i="1"/>
  <c r="U84586" i="1"/>
  <c r="U84585" i="1"/>
  <c r="U84584" i="1"/>
  <c r="U84583" i="1"/>
  <c r="U84582" i="1"/>
  <c r="U84581" i="1"/>
  <c r="U84580" i="1"/>
  <c r="U84579" i="1"/>
  <c r="U84578" i="1"/>
  <c r="U84577" i="1"/>
  <c r="U84576" i="1"/>
  <c r="U84575" i="1"/>
  <c r="U84574" i="1"/>
  <c r="U84573" i="1"/>
  <c r="U84572" i="1"/>
  <c r="U84571" i="1"/>
  <c r="U84570" i="1"/>
  <c r="U84569" i="1"/>
  <c r="U84568" i="1"/>
  <c r="U84567" i="1"/>
  <c r="U84566" i="1"/>
  <c r="U84565" i="1"/>
  <c r="U84564" i="1"/>
  <c r="U84563" i="1"/>
  <c r="U84562" i="1"/>
  <c r="U84561" i="1"/>
  <c r="U84560" i="1"/>
  <c r="U84559" i="1"/>
  <c r="U84558" i="1"/>
  <c r="U84557" i="1"/>
  <c r="U84556" i="1"/>
  <c r="U84555" i="1"/>
  <c r="U84554" i="1"/>
  <c r="U84553" i="1"/>
  <c r="U84552" i="1"/>
  <c r="U84551" i="1"/>
  <c r="U84550" i="1"/>
  <c r="U84549" i="1"/>
  <c r="U84548" i="1"/>
  <c r="U84547" i="1"/>
  <c r="U84546" i="1"/>
  <c r="U84545" i="1"/>
  <c r="U84544" i="1"/>
  <c r="U84543" i="1"/>
  <c r="U84542" i="1"/>
  <c r="U84541" i="1"/>
  <c r="U84540" i="1"/>
  <c r="U84539" i="1"/>
  <c r="U84538" i="1"/>
  <c r="U84537" i="1"/>
  <c r="U84536" i="1"/>
  <c r="U84535" i="1"/>
  <c r="U84534" i="1"/>
  <c r="U84533" i="1"/>
  <c r="U84532" i="1"/>
  <c r="U84531" i="1"/>
  <c r="U84530" i="1"/>
  <c r="U84529" i="1"/>
  <c r="U84528" i="1"/>
  <c r="U84527" i="1"/>
  <c r="U84526" i="1"/>
  <c r="U84525" i="1"/>
  <c r="U84524" i="1"/>
  <c r="U84523" i="1"/>
  <c r="U84522" i="1"/>
  <c r="U84521" i="1"/>
  <c r="U84520" i="1"/>
  <c r="U84519" i="1"/>
  <c r="U84518" i="1"/>
  <c r="U84517" i="1"/>
  <c r="U84516" i="1"/>
  <c r="U84515" i="1"/>
  <c r="U84514" i="1"/>
  <c r="U84513" i="1"/>
  <c r="U84512" i="1"/>
  <c r="U84511" i="1"/>
  <c r="U84510" i="1"/>
  <c r="U84509" i="1"/>
  <c r="U84508" i="1"/>
  <c r="U84507" i="1"/>
  <c r="U84506" i="1"/>
  <c r="U84505" i="1"/>
  <c r="U84504" i="1"/>
  <c r="U84503" i="1"/>
  <c r="U84502" i="1"/>
  <c r="U84501" i="1"/>
  <c r="U84500" i="1"/>
  <c r="U84499" i="1"/>
  <c r="U84498" i="1"/>
  <c r="U84497" i="1"/>
  <c r="U84496" i="1"/>
  <c r="U84495" i="1"/>
  <c r="U84494" i="1"/>
  <c r="U84493" i="1"/>
  <c r="U84492" i="1"/>
  <c r="U84491" i="1"/>
  <c r="U84490" i="1"/>
  <c r="U84489" i="1"/>
  <c r="U84488" i="1"/>
  <c r="U84487" i="1"/>
  <c r="U84486" i="1"/>
  <c r="U84485" i="1"/>
  <c r="U84484" i="1"/>
  <c r="U84483" i="1"/>
  <c r="U84482" i="1"/>
  <c r="U84481" i="1"/>
  <c r="U84480" i="1"/>
  <c r="U84479" i="1"/>
  <c r="U84478" i="1"/>
  <c r="U84477" i="1"/>
  <c r="U84476" i="1"/>
  <c r="U84475" i="1"/>
  <c r="U84474" i="1"/>
  <c r="U84473" i="1"/>
  <c r="U84472" i="1"/>
  <c r="U84471" i="1"/>
  <c r="U84470" i="1"/>
  <c r="U84469" i="1"/>
  <c r="U84468" i="1"/>
  <c r="U84467" i="1"/>
  <c r="U84466" i="1"/>
  <c r="U84465" i="1"/>
  <c r="U84464" i="1"/>
  <c r="U84463" i="1"/>
  <c r="U84462" i="1"/>
  <c r="U84461" i="1"/>
  <c r="U84460" i="1"/>
  <c r="U84459" i="1"/>
  <c r="U84458" i="1"/>
  <c r="U84457" i="1"/>
  <c r="U84456" i="1"/>
  <c r="U84455" i="1"/>
  <c r="U84454" i="1"/>
  <c r="U84453" i="1"/>
  <c r="U84452" i="1"/>
  <c r="U84451" i="1"/>
  <c r="U84450" i="1"/>
  <c r="U84449" i="1"/>
  <c r="U84448" i="1"/>
  <c r="U84447" i="1"/>
  <c r="U84446" i="1"/>
  <c r="U84445" i="1"/>
  <c r="U84444" i="1"/>
  <c r="U84443" i="1"/>
  <c r="U84442" i="1"/>
  <c r="U84441" i="1"/>
  <c r="U84440" i="1"/>
  <c r="U84439" i="1"/>
  <c r="U84438" i="1"/>
  <c r="U84437" i="1"/>
  <c r="U84436" i="1"/>
  <c r="U84435" i="1"/>
  <c r="U84434" i="1"/>
  <c r="U84433" i="1"/>
  <c r="U84432" i="1"/>
  <c r="U84431" i="1"/>
  <c r="U84430" i="1"/>
  <c r="U84429" i="1"/>
  <c r="U84428" i="1"/>
  <c r="U84427" i="1"/>
  <c r="U84426" i="1"/>
  <c r="U84425" i="1"/>
  <c r="U84424" i="1"/>
  <c r="U84423" i="1"/>
  <c r="U84422" i="1"/>
  <c r="U84421" i="1"/>
  <c r="U84420" i="1"/>
  <c r="U84419" i="1"/>
  <c r="U84418" i="1"/>
  <c r="U84417" i="1"/>
  <c r="U84416" i="1"/>
  <c r="U84415" i="1"/>
  <c r="U84414" i="1"/>
  <c r="U84413" i="1"/>
  <c r="U84412" i="1"/>
  <c r="U84411" i="1"/>
  <c r="U84410" i="1"/>
  <c r="U84409" i="1"/>
  <c r="U84408" i="1"/>
  <c r="U84407" i="1"/>
  <c r="U84406" i="1"/>
  <c r="U84405" i="1"/>
  <c r="U84404" i="1"/>
  <c r="U84403" i="1"/>
  <c r="U84402" i="1"/>
  <c r="U84401" i="1"/>
  <c r="U84400" i="1"/>
  <c r="U84399" i="1"/>
  <c r="U84398" i="1"/>
  <c r="U84397" i="1"/>
  <c r="U84396" i="1"/>
  <c r="U84395" i="1"/>
  <c r="U84394" i="1"/>
  <c r="U84393" i="1"/>
  <c r="U84392" i="1"/>
  <c r="U84391" i="1"/>
  <c r="U84390" i="1"/>
  <c r="U84389" i="1"/>
  <c r="U84388" i="1"/>
  <c r="U84387" i="1"/>
  <c r="U84386" i="1"/>
  <c r="U84385" i="1"/>
  <c r="U84384" i="1"/>
  <c r="U84383" i="1"/>
  <c r="U84382" i="1"/>
  <c r="U84381" i="1"/>
  <c r="U84380" i="1"/>
  <c r="U84379" i="1"/>
  <c r="U84378" i="1"/>
  <c r="U84377" i="1"/>
  <c r="U84376" i="1"/>
  <c r="U84375" i="1"/>
  <c r="U84374" i="1"/>
  <c r="U84373" i="1"/>
  <c r="U84372" i="1"/>
  <c r="U84371" i="1"/>
  <c r="U84370" i="1"/>
  <c r="U84369" i="1"/>
  <c r="U84368" i="1"/>
  <c r="U84367" i="1"/>
  <c r="U84366" i="1"/>
  <c r="U84365" i="1"/>
  <c r="U84364" i="1"/>
  <c r="U84363" i="1"/>
  <c r="U84362" i="1"/>
  <c r="U84361" i="1"/>
  <c r="U84360" i="1"/>
  <c r="U84359" i="1"/>
  <c r="U84358" i="1"/>
  <c r="U84357" i="1"/>
  <c r="U84356" i="1"/>
  <c r="U84355" i="1"/>
  <c r="U84354" i="1"/>
  <c r="U84353" i="1"/>
  <c r="U84352" i="1"/>
  <c r="U84351" i="1"/>
  <c r="U84350" i="1"/>
  <c r="U84349" i="1"/>
  <c r="U84348" i="1"/>
  <c r="U84347" i="1"/>
  <c r="U84346" i="1"/>
  <c r="U84345" i="1"/>
  <c r="U84344" i="1"/>
  <c r="U84343" i="1"/>
  <c r="U84342" i="1"/>
  <c r="U84341" i="1"/>
  <c r="U84340" i="1"/>
  <c r="U84339" i="1"/>
  <c r="U84338" i="1"/>
  <c r="U84337" i="1"/>
  <c r="U84336" i="1"/>
  <c r="U84335" i="1"/>
  <c r="U84334" i="1"/>
  <c r="U84333" i="1"/>
  <c r="U84332" i="1"/>
  <c r="U84331" i="1"/>
  <c r="U84330" i="1"/>
  <c r="U84329" i="1"/>
  <c r="U84328" i="1"/>
  <c r="U84327" i="1"/>
  <c r="U84326" i="1"/>
  <c r="U84325" i="1"/>
  <c r="U84324" i="1"/>
  <c r="U84323" i="1"/>
  <c r="U84322" i="1"/>
  <c r="U84321" i="1"/>
  <c r="U84320" i="1"/>
  <c r="U84319" i="1"/>
  <c r="U84318" i="1"/>
  <c r="U84317" i="1"/>
  <c r="U84316" i="1"/>
  <c r="U84315" i="1"/>
  <c r="U84314" i="1"/>
  <c r="U84313" i="1"/>
  <c r="U84312" i="1"/>
  <c r="U84311" i="1"/>
  <c r="U84310" i="1"/>
  <c r="U84309" i="1"/>
  <c r="U84308" i="1"/>
  <c r="U84307" i="1"/>
  <c r="U84306" i="1"/>
  <c r="U84305" i="1"/>
  <c r="U84304" i="1"/>
  <c r="U84303" i="1"/>
  <c r="U84302" i="1"/>
  <c r="U84301" i="1"/>
  <c r="U84300" i="1"/>
  <c r="U84299" i="1"/>
  <c r="U84298" i="1"/>
  <c r="U84297" i="1"/>
  <c r="U84296" i="1"/>
  <c r="U84295" i="1"/>
  <c r="U84294" i="1"/>
  <c r="U84293" i="1"/>
  <c r="U84292" i="1"/>
  <c r="U84291" i="1"/>
  <c r="U84290" i="1"/>
  <c r="U84289" i="1"/>
  <c r="U84288" i="1"/>
  <c r="U84287" i="1"/>
  <c r="U84286" i="1"/>
  <c r="U84285" i="1"/>
  <c r="U84284" i="1"/>
  <c r="U84283" i="1"/>
  <c r="U84282" i="1"/>
  <c r="U84281" i="1"/>
  <c r="U84280" i="1"/>
  <c r="U84279" i="1"/>
  <c r="U84278" i="1"/>
  <c r="U84277" i="1"/>
  <c r="U84276" i="1"/>
  <c r="U84275" i="1"/>
  <c r="U84274" i="1"/>
  <c r="U84273" i="1"/>
  <c r="U84272" i="1"/>
  <c r="U84271" i="1"/>
  <c r="U84270" i="1"/>
  <c r="U84269" i="1"/>
  <c r="U84268" i="1"/>
  <c r="U84267" i="1"/>
  <c r="U84266" i="1"/>
  <c r="U84265" i="1"/>
  <c r="U84264" i="1"/>
  <c r="U84263" i="1"/>
  <c r="U84262" i="1"/>
  <c r="U84261" i="1"/>
  <c r="U84260" i="1"/>
  <c r="U84259" i="1"/>
  <c r="U84258" i="1"/>
  <c r="U84257" i="1"/>
  <c r="U84256" i="1"/>
  <c r="U84255" i="1"/>
  <c r="U84254" i="1"/>
  <c r="U84253" i="1"/>
  <c r="U84252" i="1"/>
  <c r="U84251" i="1"/>
  <c r="U84250" i="1"/>
  <c r="U84249" i="1"/>
  <c r="U84248" i="1"/>
  <c r="U84247" i="1"/>
  <c r="U84246" i="1"/>
  <c r="U84245" i="1"/>
  <c r="U84244" i="1"/>
  <c r="U84243" i="1"/>
  <c r="U84242" i="1"/>
  <c r="U84241" i="1"/>
  <c r="U84240" i="1"/>
  <c r="U84239" i="1"/>
  <c r="U84238" i="1"/>
  <c r="U84237" i="1"/>
  <c r="U84236" i="1"/>
  <c r="U84235" i="1"/>
  <c r="U84234" i="1"/>
  <c r="U84233" i="1"/>
  <c r="U84232" i="1"/>
  <c r="U84231" i="1"/>
  <c r="U84230" i="1"/>
  <c r="U84229" i="1"/>
  <c r="U84228" i="1"/>
  <c r="U84227" i="1"/>
  <c r="U84226" i="1"/>
  <c r="U84225" i="1"/>
  <c r="U84224" i="1"/>
  <c r="U84223" i="1"/>
  <c r="U84222" i="1"/>
  <c r="U84221" i="1"/>
  <c r="U84220" i="1"/>
  <c r="U84219" i="1"/>
  <c r="U84218" i="1"/>
  <c r="U84217" i="1"/>
  <c r="U84216" i="1"/>
  <c r="U84215" i="1"/>
  <c r="U84214" i="1"/>
  <c r="U84213" i="1"/>
  <c r="U84212" i="1"/>
  <c r="U84211" i="1"/>
  <c r="U84210" i="1"/>
  <c r="U84209" i="1"/>
  <c r="U84208" i="1"/>
  <c r="U84207" i="1"/>
  <c r="U84206" i="1"/>
  <c r="U84205" i="1"/>
  <c r="U84204" i="1"/>
  <c r="U84203" i="1"/>
  <c r="U84202" i="1"/>
  <c r="U84201" i="1"/>
  <c r="U84200" i="1"/>
  <c r="U84199" i="1"/>
  <c r="U84198" i="1"/>
  <c r="U84197" i="1"/>
  <c r="U84196" i="1"/>
  <c r="U84195" i="1"/>
  <c r="U84194" i="1"/>
  <c r="U84193" i="1"/>
  <c r="U84192" i="1"/>
  <c r="U84191" i="1"/>
  <c r="U84190" i="1"/>
  <c r="U84189" i="1"/>
  <c r="U84188" i="1"/>
  <c r="U84187" i="1"/>
  <c r="U84186" i="1"/>
  <c r="U84185" i="1"/>
  <c r="U84184" i="1"/>
  <c r="U84183" i="1"/>
  <c r="U84182" i="1"/>
  <c r="U84181" i="1"/>
  <c r="U84180" i="1"/>
  <c r="U84179" i="1"/>
  <c r="U84178" i="1"/>
  <c r="U84177" i="1"/>
  <c r="U84176" i="1"/>
  <c r="U84175" i="1"/>
  <c r="U84174" i="1"/>
  <c r="U84173" i="1"/>
  <c r="U84172" i="1"/>
  <c r="U84171" i="1"/>
  <c r="U84170" i="1"/>
  <c r="U84169" i="1"/>
  <c r="U84168" i="1"/>
  <c r="U84167" i="1"/>
  <c r="U84166" i="1"/>
  <c r="U84165" i="1"/>
  <c r="U84164" i="1"/>
  <c r="U84163" i="1"/>
  <c r="U84162" i="1"/>
  <c r="U84161" i="1"/>
  <c r="U84160" i="1"/>
  <c r="U84159" i="1"/>
  <c r="U84158" i="1"/>
  <c r="U84157" i="1"/>
  <c r="U84156" i="1"/>
  <c r="U84155" i="1"/>
  <c r="U84154" i="1"/>
  <c r="U84153" i="1"/>
  <c r="U84152" i="1"/>
  <c r="U84151" i="1"/>
  <c r="U84150" i="1"/>
  <c r="U84149" i="1"/>
  <c r="U84148" i="1"/>
  <c r="U84147" i="1"/>
  <c r="U84146" i="1"/>
  <c r="U84145" i="1"/>
  <c r="U84144" i="1"/>
  <c r="U84143" i="1"/>
  <c r="U84142" i="1"/>
  <c r="U84141" i="1"/>
  <c r="U84140" i="1"/>
  <c r="U84139" i="1"/>
  <c r="U84138" i="1"/>
  <c r="U84137" i="1"/>
  <c r="U84136" i="1"/>
  <c r="U84135" i="1"/>
  <c r="U84134" i="1"/>
  <c r="U84133" i="1"/>
  <c r="U84132" i="1"/>
  <c r="U84131" i="1"/>
  <c r="U84130" i="1"/>
  <c r="U84129" i="1"/>
  <c r="U84128" i="1"/>
  <c r="U84127" i="1"/>
  <c r="U84126" i="1"/>
  <c r="U84125" i="1"/>
  <c r="U84124" i="1"/>
  <c r="U84123" i="1"/>
  <c r="U84122" i="1"/>
  <c r="U84121" i="1"/>
  <c r="U84120" i="1"/>
  <c r="U84119" i="1"/>
  <c r="U84118" i="1"/>
  <c r="U84117" i="1"/>
  <c r="U84116" i="1"/>
  <c r="U84115" i="1"/>
  <c r="U84114" i="1"/>
  <c r="U84113" i="1"/>
  <c r="U84112" i="1"/>
  <c r="U84111" i="1"/>
  <c r="U84110" i="1"/>
  <c r="U84109" i="1"/>
  <c r="U84108" i="1"/>
  <c r="U84107" i="1"/>
  <c r="U84106" i="1"/>
  <c r="U84105" i="1"/>
  <c r="U84104" i="1"/>
  <c r="U84103" i="1"/>
  <c r="U84102" i="1"/>
  <c r="U84101" i="1"/>
  <c r="U84100" i="1"/>
  <c r="U84099" i="1"/>
  <c r="U84098" i="1"/>
  <c r="U84097" i="1"/>
  <c r="U84096" i="1"/>
  <c r="U84095" i="1"/>
  <c r="U84094" i="1"/>
  <c r="U84093" i="1"/>
  <c r="U84092" i="1"/>
  <c r="U84091" i="1"/>
  <c r="U84090" i="1"/>
  <c r="U84089" i="1"/>
  <c r="U84088" i="1"/>
  <c r="U84087" i="1"/>
  <c r="U84086" i="1"/>
  <c r="U84085" i="1"/>
  <c r="U84084" i="1"/>
  <c r="U84083" i="1"/>
  <c r="U84082" i="1"/>
  <c r="U84081" i="1"/>
  <c r="U84080" i="1"/>
  <c r="U84079" i="1"/>
  <c r="U84078" i="1"/>
  <c r="U84077" i="1"/>
  <c r="U84076" i="1"/>
  <c r="U84075" i="1"/>
  <c r="U84074" i="1"/>
  <c r="U84073" i="1"/>
  <c r="U84072" i="1"/>
  <c r="U84071" i="1"/>
  <c r="U84070" i="1"/>
  <c r="U84069" i="1"/>
  <c r="U84068" i="1"/>
  <c r="U84067" i="1"/>
  <c r="U84066" i="1"/>
  <c r="U84065" i="1"/>
  <c r="U84064" i="1"/>
  <c r="U84063" i="1"/>
  <c r="U84062" i="1"/>
  <c r="U84061" i="1"/>
  <c r="U84060" i="1"/>
  <c r="U84059" i="1"/>
  <c r="U84058" i="1"/>
  <c r="U84057" i="1"/>
  <c r="U84056" i="1"/>
  <c r="U84055" i="1"/>
  <c r="U84054" i="1"/>
  <c r="U84053" i="1"/>
  <c r="U84052" i="1"/>
  <c r="U84051" i="1"/>
  <c r="U84050" i="1"/>
  <c r="U84049" i="1"/>
  <c r="U84048" i="1"/>
  <c r="U84047" i="1"/>
  <c r="U84046" i="1"/>
  <c r="U84045" i="1"/>
  <c r="U84044" i="1"/>
  <c r="U84043" i="1"/>
  <c r="U84042" i="1"/>
  <c r="U84041" i="1"/>
  <c r="U84040" i="1"/>
  <c r="U84039" i="1"/>
  <c r="U84038" i="1"/>
  <c r="U84037" i="1"/>
  <c r="U84036" i="1"/>
  <c r="U84035" i="1"/>
  <c r="U84034" i="1"/>
  <c r="U84033" i="1"/>
  <c r="U84032" i="1"/>
  <c r="U84031" i="1"/>
  <c r="U84030" i="1"/>
  <c r="U84029" i="1"/>
  <c r="U84028" i="1"/>
  <c r="U84027" i="1"/>
  <c r="U84026" i="1"/>
  <c r="U84025" i="1"/>
  <c r="U84024" i="1"/>
  <c r="U84023" i="1"/>
  <c r="U84022" i="1"/>
  <c r="U84021" i="1"/>
  <c r="U84020" i="1"/>
  <c r="U84019" i="1"/>
  <c r="U84018" i="1"/>
  <c r="U84017" i="1"/>
  <c r="U84016" i="1"/>
  <c r="U84015" i="1"/>
  <c r="U84014" i="1"/>
  <c r="U84013" i="1"/>
  <c r="U84012" i="1"/>
  <c r="U84011" i="1"/>
  <c r="U84010" i="1"/>
  <c r="U84009" i="1"/>
  <c r="U84008" i="1"/>
  <c r="U84007" i="1"/>
  <c r="U84006" i="1"/>
  <c r="U84005" i="1"/>
  <c r="U84004" i="1"/>
  <c r="U84003" i="1"/>
  <c r="U84002" i="1"/>
  <c r="U84001" i="1"/>
  <c r="U84000" i="1"/>
  <c r="U83999" i="1"/>
  <c r="U83998" i="1"/>
  <c r="U83997" i="1"/>
  <c r="U83996" i="1"/>
  <c r="U83995" i="1"/>
  <c r="U83994" i="1"/>
  <c r="U83993" i="1"/>
  <c r="U83992" i="1"/>
  <c r="U83991" i="1"/>
  <c r="U83990" i="1"/>
  <c r="U83989" i="1"/>
  <c r="U83988" i="1"/>
  <c r="U83987" i="1"/>
  <c r="U83986" i="1"/>
  <c r="U83985" i="1"/>
  <c r="U83984" i="1"/>
  <c r="U83983" i="1"/>
  <c r="U83982" i="1"/>
  <c r="U83981" i="1"/>
  <c r="U83980" i="1"/>
  <c r="U83979" i="1"/>
  <c r="U83978" i="1"/>
  <c r="U83977" i="1"/>
  <c r="U83976" i="1"/>
  <c r="U83975" i="1"/>
  <c r="U83974" i="1"/>
  <c r="U83973" i="1"/>
  <c r="U83972" i="1"/>
  <c r="U83971" i="1"/>
  <c r="U83970" i="1"/>
  <c r="U83969" i="1"/>
  <c r="U83968" i="1"/>
  <c r="U83967" i="1"/>
  <c r="U83966" i="1"/>
  <c r="U83965" i="1"/>
  <c r="U83964" i="1"/>
  <c r="U83963" i="1"/>
  <c r="U83962" i="1"/>
  <c r="U83961" i="1"/>
  <c r="U83960" i="1"/>
  <c r="U83959" i="1"/>
  <c r="U83958" i="1"/>
  <c r="U83957" i="1"/>
  <c r="U83956" i="1"/>
  <c r="U83955" i="1"/>
  <c r="U83954" i="1"/>
  <c r="U83953" i="1"/>
  <c r="U83952" i="1"/>
  <c r="U83951" i="1"/>
  <c r="U83950" i="1"/>
  <c r="U83949" i="1"/>
  <c r="U83948" i="1"/>
  <c r="U83947" i="1"/>
  <c r="U83946" i="1"/>
  <c r="U83945" i="1"/>
  <c r="U83944" i="1"/>
  <c r="U83943" i="1"/>
  <c r="U83942" i="1"/>
  <c r="U83941" i="1"/>
  <c r="U83940" i="1"/>
  <c r="U83939" i="1"/>
  <c r="U83938" i="1"/>
  <c r="U83937" i="1"/>
  <c r="U83936" i="1"/>
  <c r="U83935" i="1"/>
  <c r="U83934" i="1"/>
  <c r="U83933" i="1"/>
  <c r="U83932" i="1"/>
  <c r="U83931" i="1"/>
  <c r="U83930" i="1"/>
  <c r="U83929" i="1"/>
  <c r="U83928" i="1"/>
  <c r="U83927" i="1"/>
  <c r="U83926" i="1"/>
  <c r="U83925" i="1"/>
  <c r="U83924" i="1"/>
  <c r="U83923" i="1"/>
  <c r="U83922" i="1"/>
  <c r="U83921" i="1"/>
  <c r="U83920" i="1"/>
  <c r="U83919" i="1"/>
  <c r="U83918" i="1"/>
  <c r="U83917" i="1"/>
  <c r="U83916" i="1"/>
  <c r="U83915" i="1"/>
  <c r="U83914" i="1"/>
  <c r="U83913" i="1"/>
  <c r="U83912" i="1"/>
  <c r="U83911" i="1"/>
  <c r="U83910" i="1"/>
  <c r="U83909" i="1"/>
  <c r="U83908" i="1"/>
  <c r="U83907" i="1"/>
  <c r="U83906" i="1"/>
  <c r="U83905" i="1"/>
  <c r="U83904" i="1"/>
  <c r="U83903" i="1"/>
  <c r="U83902" i="1"/>
  <c r="U83901" i="1"/>
  <c r="U83900" i="1"/>
  <c r="U83899" i="1"/>
  <c r="U83898" i="1"/>
  <c r="U83897" i="1"/>
  <c r="U83896" i="1"/>
  <c r="U83895" i="1"/>
  <c r="U83894" i="1"/>
  <c r="U83893" i="1"/>
  <c r="U83892" i="1"/>
  <c r="U83891" i="1"/>
  <c r="U83890" i="1"/>
  <c r="U83889" i="1"/>
  <c r="U83888" i="1"/>
  <c r="U83887" i="1"/>
  <c r="U83886" i="1"/>
  <c r="U83885" i="1"/>
  <c r="U83884" i="1"/>
  <c r="U83883" i="1"/>
  <c r="U83882" i="1"/>
  <c r="U83881" i="1"/>
  <c r="U83880" i="1"/>
  <c r="U83879" i="1"/>
  <c r="U83878" i="1"/>
  <c r="U83877" i="1"/>
  <c r="U83876" i="1"/>
  <c r="U83875" i="1"/>
  <c r="U83874" i="1"/>
  <c r="U83873" i="1"/>
  <c r="U83872" i="1"/>
  <c r="U83871" i="1"/>
  <c r="U83870" i="1"/>
  <c r="U83869" i="1"/>
  <c r="U83868" i="1"/>
  <c r="U83867" i="1"/>
  <c r="U83866" i="1"/>
  <c r="U83865" i="1"/>
  <c r="U83864" i="1"/>
  <c r="U83863" i="1"/>
  <c r="U83862" i="1"/>
  <c r="U83861" i="1"/>
  <c r="U83860" i="1"/>
  <c r="U83859" i="1"/>
  <c r="U83858" i="1"/>
  <c r="U83857" i="1"/>
  <c r="U83856" i="1"/>
  <c r="U83855" i="1"/>
  <c r="U83854" i="1"/>
  <c r="U83853" i="1"/>
  <c r="U83852" i="1"/>
  <c r="U83851" i="1"/>
  <c r="U83850" i="1"/>
  <c r="U83849" i="1"/>
  <c r="U83848" i="1"/>
  <c r="U83847" i="1"/>
  <c r="U83846" i="1"/>
  <c r="U83845" i="1"/>
  <c r="U83844" i="1"/>
  <c r="U83843" i="1"/>
  <c r="U83842" i="1"/>
  <c r="U83841" i="1"/>
  <c r="U83840" i="1"/>
  <c r="U83839" i="1"/>
  <c r="U83838" i="1"/>
  <c r="U83837" i="1"/>
  <c r="U83836" i="1"/>
  <c r="U83835" i="1"/>
  <c r="U83834" i="1"/>
  <c r="U83833" i="1"/>
  <c r="U83832" i="1"/>
  <c r="U83831" i="1"/>
  <c r="U83830" i="1"/>
  <c r="U83829" i="1"/>
  <c r="U83828" i="1"/>
  <c r="U83827" i="1"/>
  <c r="U83826" i="1"/>
  <c r="U83825" i="1"/>
  <c r="U83824" i="1"/>
  <c r="U83823" i="1"/>
  <c r="U83822" i="1"/>
  <c r="U83821" i="1"/>
  <c r="U83820" i="1"/>
  <c r="U83819" i="1"/>
  <c r="U83818" i="1"/>
  <c r="U83817" i="1"/>
  <c r="U83816" i="1"/>
  <c r="U83815" i="1"/>
  <c r="U83814" i="1"/>
  <c r="U83813" i="1"/>
  <c r="U83812" i="1"/>
  <c r="U83811" i="1"/>
  <c r="U83810" i="1"/>
  <c r="U83809" i="1"/>
  <c r="U83808" i="1"/>
  <c r="U83807" i="1"/>
  <c r="U83806" i="1"/>
  <c r="U83805" i="1"/>
  <c r="U83804" i="1"/>
  <c r="U83803" i="1"/>
  <c r="U83802" i="1"/>
  <c r="U83801" i="1"/>
  <c r="U83800" i="1"/>
  <c r="U83799" i="1"/>
  <c r="U83798" i="1"/>
  <c r="U83797" i="1"/>
  <c r="U83796" i="1"/>
  <c r="U83795" i="1"/>
  <c r="U83794" i="1"/>
  <c r="U83793" i="1"/>
  <c r="U83792" i="1"/>
  <c r="U83791" i="1"/>
  <c r="U83790" i="1"/>
  <c r="U83789" i="1"/>
  <c r="U83788" i="1"/>
  <c r="U83787" i="1"/>
  <c r="U83786" i="1"/>
  <c r="U83785" i="1"/>
  <c r="U83784" i="1"/>
  <c r="U83783" i="1"/>
  <c r="U83782" i="1"/>
  <c r="U83781" i="1"/>
  <c r="U83780" i="1"/>
  <c r="U83779" i="1"/>
  <c r="U83778" i="1"/>
  <c r="U83777" i="1"/>
  <c r="U83776" i="1"/>
  <c r="U83775" i="1"/>
  <c r="U83774" i="1"/>
  <c r="U83773" i="1"/>
  <c r="U83772" i="1"/>
  <c r="U83771" i="1"/>
  <c r="U83770" i="1"/>
  <c r="U83769" i="1"/>
  <c r="U83768" i="1"/>
  <c r="U83767" i="1"/>
  <c r="U83766" i="1"/>
  <c r="U83765" i="1"/>
  <c r="U83764" i="1"/>
  <c r="U83763" i="1"/>
  <c r="U83762" i="1"/>
  <c r="U83761" i="1"/>
  <c r="U83760" i="1"/>
  <c r="U83759" i="1"/>
  <c r="U83758" i="1"/>
  <c r="U83757" i="1"/>
  <c r="U83756" i="1"/>
  <c r="U83755" i="1"/>
  <c r="U83754" i="1"/>
  <c r="U83753" i="1"/>
  <c r="U83752" i="1"/>
  <c r="U83751" i="1"/>
  <c r="U83750" i="1"/>
  <c r="U83749" i="1"/>
  <c r="U83748" i="1"/>
  <c r="U83747" i="1"/>
  <c r="U83746" i="1"/>
  <c r="U83745" i="1"/>
  <c r="U83744" i="1"/>
  <c r="U83743" i="1"/>
  <c r="U83742" i="1"/>
  <c r="U83741" i="1"/>
  <c r="U83740" i="1"/>
  <c r="U83739" i="1"/>
  <c r="U83738" i="1"/>
  <c r="U83737" i="1"/>
  <c r="U83736" i="1"/>
  <c r="U83735" i="1"/>
  <c r="U83734" i="1"/>
  <c r="U83733" i="1"/>
  <c r="U83732" i="1"/>
  <c r="U83731" i="1"/>
  <c r="U83730" i="1"/>
  <c r="U83729" i="1"/>
  <c r="U83728" i="1"/>
  <c r="U83727" i="1"/>
  <c r="U83726" i="1"/>
  <c r="U83725" i="1"/>
  <c r="U83724" i="1"/>
  <c r="U83723" i="1"/>
  <c r="U83722" i="1"/>
  <c r="U83721" i="1"/>
  <c r="U83720" i="1"/>
  <c r="U83719" i="1"/>
  <c r="U83718" i="1"/>
  <c r="U83717" i="1"/>
  <c r="U83716" i="1"/>
  <c r="U83715" i="1"/>
  <c r="U83714" i="1"/>
  <c r="U83713" i="1"/>
  <c r="U83712" i="1"/>
  <c r="U83711" i="1"/>
  <c r="U83710" i="1"/>
  <c r="U83709" i="1"/>
  <c r="U83708" i="1"/>
  <c r="U83707" i="1"/>
  <c r="U83706" i="1"/>
  <c r="U83705" i="1"/>
  <c r="U83704" i="1"/>
  <c r="U83703" i="1"/>
  <c r="U83702" i="1"/>
  <c r="U83701" i="1"/>
  <c r="U83700" i="1"/>
  <c r="U83699" i="1"/>
  <c r="U83698" i="1"/>
  <c r="U83697" i="1"/>
  <c r="U83696" i="1"/>
  <c r="U83695" i="1"/>
  <c r="U83694" i="1"/>
  <c r="U83693" i="1"/>
  <c r="U83692" i="1"/>
  <c r="U83691" i="1"/>
  <c r="U83690" i="1"/>
  <c r="U83689" i="1"/>
  <c r="U83688" i="1"/>
  <c r="U83687" i="1"/>
  <c r="U83686" i="1"/>
  <c r="U83685" i="1"/>
  <c r="U83684" i="1"/>
  <c r="U83683" i="1"/>
  <c r="U83682" i="1"/>
  <c r="U83681" i="1"/>
  <c r="U83680" i="1"/>
  <c r="U83679" i="1"/>
  <c r="U83678" i="1"/>
  <c r="U83677" i="1"/>
  <c r="U83676" i="1"/>
  <c r="U83675" i="1"/>
  <c r="U83674" i="1"/>
  <c r="U83673" i="1"/>
  <c r="U83672" i="1"/>
  <c r="U83671" i="1"/>
  <c r="U83670" i="1"/>
  <c r="U83669" i="1"/>
  <c r="U83668" i="1"/>
  <c r="U83667" i="1"/>
  <c r="U83666" i="1"/>
  <c r="U83665" i="1"/>
  <c r="U83664" i="1"/>
  <c r="U83663" i="1"/>
  <c r="U83662" i="1"/>
  <c r="U83661" i="1"/>
  <c r="U83660" i="1"/>
  <c r="U83659" i="1"/>
  <c r="U83658" i="1"/>
  <c r="U83657" i="1"/>
  <c r="U83656" i="1"/>
  <c r="U83655" i="1"/>
  <c r="U83654" i="1"/>
  <c r="U83653" i="1"/>
  <c r="U83652" i="1"/>
  <c r="U83651" i="1"/>
  <c r="U83650" i="1"/>
  <c r="U83649" i="1"/>
  <c r="U83648" i="1"/>
  <c r="U83647" i="1"/>
  <c r="U83646" i="1"/>
  <c r="U83645" i="1"/>
  <c r="U83644" i="1"/>
  <c r="U83643" i="1"/>
  <c r="U83642" i="1"/>
  <c r="U83641" i="1"/>
  <c r="U83640" i="1"/>
  <c r="U83639" i="1"/>
  <c r="U83638" i="1"/>
  <c r="U83637" i="1"/>
  <c r="U83636" i="1"/>
  <c r="U83635" i="1"/>
  <c r="U83634" i="1"/>
  <c r="U83633" i="1"/>
  <c r="U83632" i="1"/>
  <c r="U83631" i="1"/>
  <c r="U83630" i="1"/>
  <c r="U83629" i="1"/>
  <c r="U83628" i="1"/>
  <c r="U83627" i="1"/>
  <c r="U83626" i="1"/>
  <c r="U83625" i="1"/>
  <c r="U83624" i="1"/>
  <c r="U83623" i="1"/>
  <c r="U83622" i="1"/>
  <c r="U83621" i="1"/>
  <c r="U83620" i="1"/>
  <c r="U83619" i="1"/>
  <c r="U83618" i="1"/>
  <c r="U83617" i="1"/>
  <c r="U83616" i="1"/>
  <c r="U83615" i="1"/>
  <c r="U83614" i="1"/>
  <c r="U83613" i="1"/>
  <c r="U83612" i="1"/>
  <c r="U83611" i="1"/>
  <c r="U83610" i="1"/>
  <c r="U83609" i="1"/>
  <c r="U83608" i="1"/>
  <c r="U83607" i="1"/>
  <c r="U83606" i="1"/>
  <c r="U83605" i="1"/>
  <c r="U83604" i="1"/>
  <c r="U83603" i="1"/>
  <c r="U83602" i="1"/>
  <c r="U83601" i="1"/>
  <c r="U83600" i="1"/>
  <c r="U83599" i="1"/>
  <c r="U83598" i="1"/>
  <c r="U83597" i="1"/>
  <c r="U83596" i="1"/>
  <c r="U83595" i="1"/>
  <c r="U83594" i="1"/>
  <c r="U83593" i="1"/>
  <c r="U83592" i="1"/>
  <c r="U83591" i="1"/>
  <c r="U83590" i="1"/>
  <c r="U83589" i="1"/>
  <c r="U83588" i="1"/>
  <c r="U83587" i="1"/>
  <c r="U83586" i="1"/>
  <c r="U83585" i="1"/>
  <c r="U83584" i="1"/>
  <c r="U83583" i="1"/>
  <c r="U83582" i="1"/>
  <c r="U83581" i="1"/>
  <c r="U83580" i="1"/>
  <c r="U83579" i="1"/>
  <c r="U83578" i="1"/>
  <c r="U83577" i="1"/>
  <c r="U83576" i="1"/>
  <c r="U83575" i="1"/>
  <c r="U83574" i="1"/>
  <c r="U83573" i="1"/>
  <c r="U83572" i="1"/>
  <c r="U83571" i="1"/>
  <c r="U83570" i="1"/>
  <c r="U83569" i="1"/>
  <c r="U83568" i="1"/>
  <c r="U83567" i="1"/>
  <c r="U83566" i="1"/>
  <c r="U83565" i="1"/>
  <c r="U83564" i="1"/>
  <c r="U83563" i="1"/>
  <c r="U83562" i="1"/>
  <c r="U83561" i="1"/>
  <c r="U83560" i="1"/>
  <c r="U83559" i="1"/>
  <c r="U83558" i="1"/>
  <c r="U83557" i="1"/>
  <c r="U83556" i="1"/>
  <c r="U83555" i="1"/>
  <c r="U83554" i="1"/>
  <c r="U83553" i="1"/>
  <c r="U83552" i="1"/>
  <c r="U83551" i="1"/>
  <c r="U83550" i="1"/>
  <c r="U83549" i="1"/>
  <c r="U83548" i="1"/>
  <c r="U83547" i="1"/>
  <c r="U83546" i="1"/>
  <c r="U83545" i="1"/>
  <c r="U83544" i="1"/>
  <c r="U83543" i="1"/>
  <c r="U83542" i="1"/>
  <c r="U83541" i="1"/>
  <c r="U83540" i="1"/>
  <c r="U83539" i="1"/>
  <c r="U83538" i="1"/>
  <c r="U83537" i="1"/>
  <c r="U83536" i="1"/>
  <c r="U83535" i="1"/>
  <c r="U83534" i="1"/>
  <c r="U83533" i="1"/>
  <c r="U83532" i="1"/>
  <c r="U83531" i="1"/>
  <c r="U83530" i="1"/>
  <c r="U83529" i="1"/>
  <c r="U83528" i="1"/>
  <c r="U83527" i="1"/>
  <c r="U83526" i="1"/>
  <c r="U83525" i="1"/>
  <c r="U83524" i="1"/>
  <c r="U83523" i="1"/>
  <c r="U83522" i="1"/>
  <c r="U83521" i="1"/>
  <c r="U83520" i="1"/>
  <c r="U83519" i="1"/>
  <c r="U83518" i="1"/>
  <c r="U83517" i="1"/>
  <c r="U83516" i="1"/>
  <c r="U83515" i="1"/>
  <c r="U83514" i="1"/>
  <c r="U83513" i="1"/>
  <c r="U83512" i="1"/>
  <c r="U83511" i="1"/>
  <c r="U83510" i="1"/>
  <c r="U83509" i="1"/>
  <c r="U83508" i="1"/>
  <c r="U83507" i="1"/>
  <c r="U83506" i="1"/>
  <c r="U83505" i="1"/>
  <c r="U83504" i="1"/>
  <c r="U83503" i="1"/>
  <c r="U83502" i="1"/>
  <c r="U83501" i="1"/>
  <c r="U83500" i="1"/>
  <c r="U83499" i="1"/>
  <c r="U83498" i="1"/>
  <c r="U83497" i="1"/>
  <c r="U83496" i="1"/>
  <c r="U83495" i="1"/>
  <c r="U83494" i="1"/>
  <c r="U83493" i="1"/>
  <c r="U83492" i="1"/>
  <c r="U83491" i="1"/>
  <c r="U83490" i="1"/>
  <c r="U83489" i="1"/>
  <c r="U83488" i="1"/>
  <c r="U83487" i="1"/>
  <c r="U83486" i="1"/>
  <c r="U83485" i="1"/>
  <c r="U83484" i="1"/>
  <c r="U83483" i="1"/>
  <c r="U83482" i="1"/>
  <c r="U83481" i="1"/>
  <c r="U83480" i="1"/>
  <c r="U83479" i="1"/>
  <c r="U83478" i="1"/>
  <c r="U83477" i="1"/>
  <c r="U83476" i="1"/>
  <c r="U83475" i="1"/>
  <c r="U83474" i="1"/>
  <c r="U83473" i="1"/>
  <c r="U83472" i="1"/>
  <c r="U83471" i="1"/>
  <c r="U83470" i="1"/>
  <c r="U83469" i="1"/>
  <c r="U83468" i="1"/>
  <c r="U83467" i="1"/>
  <c r="U83466" i="1"/>
  <c r="U83465" i="1"/>
  <c r="U83464" i="1"/>
  <c r="U83463" i="1"/>
  <c r="U83462" i="1"/>
  <c r="U83461" i="1"/>
  <c r="U83460" i="1"/>
  <c r="U83459" i="1"/>
  <c r="U83458" i="1"/>
  <c r="U83457" i="1"/>
  <c r="U83456" i="1"/>
  <c r="U83455" i="1"/>
  <c r="U83454" i="1"/>
  <c r="U83453" i="1"/>
  <c r="U83452" i="1"/>
  <c r="U83451" i="1"/>
  <c r="U83450" i="1"/>
  <c r="U83449" i="1"/>
  <c r="U83448" i="1"/>
  <c r="U83447" i="1"/>
  <c r="U83446" i="1"/>
  <c r="U83445" i="1"/>
  <c r="U83444" i="1"/>
  <c r="U83443" i="1"/>
  <c r="U83442" i="1"/>
  <c r="U83441" i="1"/>
  <c r="U83440" i="1"/>
  <c r="U83439" i="1"/>
  <c r="U83438" i="1"/>
  <c r="U83437" i="1"/>
  <c r="U83436" i="1"/>
  <c r="U83435" i="1"/>
  <c r="U83434" i="1"/>
  <c r="U83433" i="1"/>
  <c r="U83432" i="1"/>
  <c r="U83431" i="1"/>
  <c r="U83430" i="1"/>
  <c r="U83429" i="1"/>
  <c r="U83428" i="1"/>
  <c r="U83427" i="1"/>
  <c r="U83426" i="1"/>
  <c r="U83425" i="1"/>
  <c r="U83424" i="1"/>
  <c r="U83423" i="1"/>
  <c r="U83422" i="1"/>
  <c r="U83421" i="1"/>
  <c r="U83420" i="1"/>
  <c r="U83419" i="1"/>
  <c r="U83418" i="1"/>
  <c r="U83417" i="1"/>
  <c r="U83416" i="1"/>
  <c r="U83415" i="1"/>
  <c r="U83414" i="1"/>
  <c r="U83413" i="1"/>
  <c r="U83412" i="1"/>
  <c r="U83411" i="1"/>
  <c r="U83410" i="1"/>
  <c r="U83409" i="1"/>
  <c r="U83408" i="1"/>
  <c r="U83407" i="1"/>
  <c r="U83406" i="1"/>
  <c r="U83405" i="1"/>
  <c r="U83404" i="1"/>
  <c r="U83403" i="1"/>
  <c r="U83402" i="1"/>
  <c r="U83401" i="1"/>
  <c r="U83400" i="1"/>
  <c r="U83399" i="1"/>
  <c r="U83398" i="1"/>
  <c r="U83397" i="1"/>
  <c r="U83396" i="1"/>
  <c r="U83395" i="1"/>
  <c r="U83394" i="1"/>
  <c r="U83393" i="1"/>
  <c r="U83392" i="1"/>
  <c r="U83391" i="1"/>
  <c r="U83390" i="1"/>
  <c r="U83389" i="1"/>
  <c r="U83388" i="1"/>
  <c r="U83387" i="1"/>
  <c r="U83386" i="1"/>
  <c r="U83385" i="1"/>
  <c r="U83384" i="1"/>
  <c r="U83383" i="1"/>
  <c r="U83382" i="1"/>
  <c r="U83381" i="1"/>
  <c r="U83380" i="1"/>
  <c r="U83379" i="1"/>
  <c r="U83378" i="1"/>
  <c r="U83377" i="1"/>
  <c r="U83376" i="1"/>
  <c r="U83375" i="1"/>
  <c r="U83374" i="1"/>
  <c r="U83373" i="1"/>
  <c r="U83372" i="1"/>
  <c r="U83371" i="1"/>
  <c r="U83370" i="1"/>
  <c r="U83369" i="1"/>
  <c r="U83368" i="1"/>
  <c r="U83367" i="1"/>
  <c r="U83366" i="1"/>
  <c r="U83365" i="1"/>
  <c r="U83364" i="1"/>
  <c r="U83363" i="1"/>
  <c r="U83362" i="1"/>
  <c r="U83361" i="1"/>
  <c r="U83360" i="1"/>
  <c r="U83359" i="1"/>
  <c r="U83358" i="1"/>
  <c r="U83357" i="1"/>
  <c r="U83356" i="1"/>
  <c r="U83355" i="1"/>
  <c r="U83354" i="1"/>
  <c r="U83353" i="1"/>
  <c r="U83352" i="1"/>
  <c r="U83351" i="1"/>
  <c r="U83350" i="1"/>
  <c r="U83349" i="1"/>
  <c r="U83348" i="1"/>
  <c r="U83347" i="1"/>
  <c r="U83346" i="1"/>
  <c r="U83345" i="1"/>
  <c r="U83344" i="1"/>
  <c r="U83343" i="1"/>
  <c r="U83342" i="1"/>
  <c r="U83341" i="1"/>
  <c r="U83340" i="1"/>
  <c r="U83339" i="1"/>
  <c r="U83338" i="1"/>
  <c r="U83337" i="1"/>
  <c r="U83336" i="1"/>
  <c r="U83335" i="1"/>
  <c r="U83334" i="1"/>
  <c r="U83333" i="1"/>
  <c r="U83332" i="1"/>
  <c r="U83331" i="1"/>
  <c r="U83330" i="1"/>
  <c r="U83329" i="1"/>
  <c r="U83328" i="1"/>
  <c r="U83327" i="1"/>
  <c r="U83326" i="1"/>
  <c r="U83325" i="1"/>
  <c r="U83324" i="1"/>
  <c r="U83323" i="1"/>
  <c r="U83322" i="1"/>
  <c r="U83321" i="1"/>
  <c r="U83320" i="1"/>
  <c r="U83319" i="1"/>
  <c r="U83318" i="1"/>
  <c r="U83317" i="1"/>
  <c r="U83316" i="1"/>
  <c r="U83315" i="1"/>
  <c r="U83314" i="1"/>
  <c r="U83313" i="1"/>
  <c r="U83312" i="1"/>
  <c r="U83311" i="1"/>
  <c r="U83310" i="1"/>
  <c r="U83309" i="1"/>
  <c r="U83308" i="1"/>
  <c r="U83307" i="1"/>
  <c r="U83306" i="1"/>
  <c r="U83305" i="1"/>
  <c r="U83304" i="1"/>
  <c r="U83303" i="1"/>
  <c r="U83302" i="1"/>
  <c r="U83301" i="1"/>
  <c r="U83300" i="1"/>
  <c r="U83299" i="1"/>
  <c r="U83298" i="1"/>
  <c r="U83297" i="1"/>
  <c r="U83296" i="1"/>
  <c r="U83295" i="1"/>
  <c r="U83294" i="1"/>
  <c r="U83293" i="1"/>
  <c r="U83292" i="1"/>
  <c r="U83291" i="1"/>
  <c r="U83290" i="1"/>
  <c r="U83289" i="1"/>
  <c r="U83288" i="1"/>
  <c r="U83287" i="1"/>
  <c r="U83286" i="1"/>
  <c r="U83285" i="1"/>
  <c r="U83284" i="1"/>
  <c r="U83283" i="1"/>
  <c r="U83282" i="1"/>
  <c r="U83281" i="1"/>
  <c r="U83280" i="1"/>
  <c r="U83279" i="1"/>
  <c r="U83278" i="1"/>
  <c r="U83277" i="1"/>
  <c r="U83276" i="1"/>
  <c r="U83275" i="1"/>
  <c r="U83274" i="1"/>
  <c r="U83273" i="1"/>
  <c r="U83272" i="1"/>
  <c r="U83271" i="1"/>
  <c r="U83270" i="1"/>
  <c r="U83269" i="1"/>
  <c r="U83268" i="1"/>
  <c r="U83267" i="1"/>
  <c r="U83266" i="1"/>
  <c r="U83265" i="1"/>
  <c r="U83264" i="1"/>
  <c r="U83263" i="1"/>
  <c r="U83262" i="1"/>
  <c r="U83261" i="1"/>
  <c r="U83260" i="1"/>
  <c r="U83259" i="1"/>
  <c r="U83258" i="1"/>
  <c r="U83257" i="1"/>
  <c r="U83256" i="1"/>
  <c r="U83255" i="1"/>
  <c r="U83254" i="1"/>
  <c r="U83253" i="1"/>
  <c r="U83252" i="1"/>
  <c r="U83251" i="1"/>
  <c r="U83250" i="1"/>
  <c r="U83249" i="1"/>
  <c r="U83248" i="1"/>
  <c r="U83247" i="1"/>
  <c r="U83246" i="1"/>
  <c r="U83245" i="1"/>
  <c r="U83244" i="1"/>
  <c r="U83243" i="1"/>
  <c r="U83242" i="1"/>
  <c r="U83241" i="1"/>
  <c r="U83240" i="1"/>
  <c r="U83239" i="1"/>
  <c r="U83238" i="1"/>
  <c r="U83237" i="1"/>
  <c r="U83236" i="1"/>
  <c r="U83235" i="1"/>
  <c r="U83234" i="1"/>
  <c r="U83233" i="1"/>
  <c r="U83232" i="1"/>
  <c r="U83231" i="1"/>
  <c r="U83230" i="1"/>
  <c r="U83229" i="1"/>
  <c r="U83228" i="1"/>
  <c r="U83227" i="1"/>
  <c r="U83226" i="1"/>
  <c r="U83225" i="1"/>
  <c r="U83224" i="1"/>
  <c r="U83223" i="1"/>
  <c r="U83222" i="1"/>
  <c r="U83221" i="1"/>
  <c r="U83220" i="1"/>
  <c r="U83219" i="1"/>
  <c r="U83218" i="1"/>
  <c r="U83217" i="1"/>
  <c r="U83216" i="1"/>
  <c r="U83215" i="1"/>
  <c r="U83214" i="1"/>
  <c r="U83213" i="1"/>
  <c r="U83212" i="1"/>
  <c r="U83211" i="1"/>
  <c r="U83210" i="1"/>
  <c r="U83209" i="1"/>
  <c r="U83208" i="1"/>
  <c r="U83207" i="1"/>
  <c r="U83206" i="1"/>
  <c r="U83205" i="1"/>
  <c r="U83204" i="1"/>
  <c r="U83203" i="1"/>
  <c r="U83202" i="1"/>
  <c r="U83201" i="1"/>
  <c r="U83200" i="1"/>
  <c r="U83199" i="1"/>
  <c r="U83198" i="1"/>
  <c r="U83197" i="1"/>
  <c r="U83196" i="1"/>
  <c r="U83195" i="1"/>
  <c r="U83194" i="1"/>
  <c r="U83193" i="1"/>
  <c r="U83192" i="1"/>
  <c r="U83191" i="1"/>
  <c r="U83190" i="1"/>
  <c r="U83189" i="1"/>
  <c r="U83188" i="1"/>
  <c r="U83187" i="1"/>
  <c r="U83186" i="1"/>
  <c r="U83185" i="1"/>
  <c r="U83184" i="1"/>
  <c r="U83183" i="1"/>
  <c r="U83182" i="1"/>
  <c r="U83181" i="1"/>
  <c r="U83180" i="1"/>
  <c r="U83179" i="1"/>
  <c r="U83178" i="1"/>
  <c r="U83177" i="1"/>
  <c r="U83176" i="1"/>
  <c r="U83175" i="1"/>
  <c r="U83174" i="1"/>
  <c r="U83173" i="1"/>
  <c r="U83172" i="1"/>
  <c r="U83171" i="1"/>
  <c r="U83170" i="1"/>
  <c r="U83169" i="1"/>
  <c r="U83168" i="1"/>
  <c r="U83167" i="1"/>
  <c r="U83166" i="1"/>
  <c r="U83165" i="1"/>
  <c r="U83164" i="1"/>
  <c r="U83163" i="1"/>
  <c r="U83162" i="1"/>
  <c r="U83161" i="1"/>
  <c r="U83160" i="1"/>
  <c r="U83159" i="1"/>
  <c r="U83158" i="1"/>
  <c r="U83157" i="1"/>
  <c r="U83156" i="1"/>
  <c r="U83155" i="1"/>
  <c r="U83154" i="1"/>
  <c r="U83153" i="1"/>
  <c r="U83152" i="1"/>
  <c r="U83151" i="1"/>
  <c r="U83150" i="1"/>
  <c r="U83149" i="1"/>
  <c r="U83148" i="1"/>
  <c r="U83147" i="1"/>
  <c r="U83146" i="1"/>
  <c r="U83145" i="1"/>
  <c r="U83144" i="1"/>
  <c r="U83143" i="1"/>
  <c r="U83142" i="1"/>
  <c r="U83141" i="1"/>
  <c r="U83140" i="1"/>
  <c r="U83139" i="1"/>
  <c r="U83138" i="1"/>
  <c r="U83137" i="1"/>
  <c r="U83136" i="1"/>
  <c r="U83135" i="1"/>
  <c r="U83134" i="1"/>
  <c r="U83133" i="1"/>
  <c r="U83132" i="1"/>
  <c r="U83131" i="1"/>
  <c r="U83130" i="1"/>
  <c r="U83129" i="1"/>
  <c r="U83128" i="1"/>
  <c r="U83127" i="1"/>
  <c r="U83126" i="1"/>
  <c r="U83125" i="1"/>
  <c r="U83124" i="1"/>
  <c r="U83123" i="1"/>
  <c r="U83122" i="1"/>
  <c r="U83121" i="1"/>
  <c r="U83120" i="1"/>
  <c r="U83119" i="1"/>
  <c r="U83118" i="1"/>
  <c r="U83117" i="1"/>
  <c r="U83116" i="1"/>
  <c r="U83115" i="1"/>
  <c r="U83114" i="1"/>
  <c r="U83113" i="1"/>
  <c r="U83112" i="1"/>
  <c r="U83111" i="1"/>
  <c r="U83110" i="1"/>
  <c r="U83109" i="1"/>
  <c r="U83108" i="1"/>
  <c r="U83107" i="1"/>
  <c r="U83106" i="1"/>
  <c r="U83105" i="1"/>
  <c r="U83104" i="1"/>
  <c r="U83103" i="1"/>
  <c r="U83102" i="1"/>
  <c r="U83101" i="1"/>
  <c r="U83100" i="1"/>
  <c r="U83099" i="1"/>
  <c r="U83098" i="1"/>
  <c r="U83097" i="1"/>
  <c r="U83096" i="1"/>
  <c r="U83095" i="1"/>
  <c r="U83094" i="1"/>
  <c r="U83093" i="1"/>
  <c r="U83092" i="1"/>
  <c r="U83091" i="1"/>
  <c r="U83090" i="1"/>
  <c r="U83089" i="1"/>
  <c r="U83088" i="1"/>
  <c r="U83087" i="1"/>
  <c r="U83086" i="1"/>
  <c r="U83085" i="1"/>
  <c r="U83084" i="1"/>
  <c r="U83083" i="1"/>
  <c r="U83082" i="1"/>
  <c r="U83081" i="1"/>
  <c r="U83080" i="1"/>
  <c r="U83079" i="1"/>
  <c r="U83078" i="1"/>
  <c r="U83077" i="1"/>
  <c r="U83076" i="1"/>
  <c r="U83075" i="1"/>
  <c r="U83074" i="1"/>
  <c r="U83073" i="1"/>
  <c r="U83072" i="1"/>
  <c r="U83071" i="1"/>
  <c r="U83070" i="1"/>
  <c r="U83069" i="1"/>
  <c r="U83068" i="1"/>
  <c r="U83067" i="1"/>
  <c r="U83066" i="1"/>
  <c r="U83065" i="1"/>
  <c r="U83064" i="1"/>
  <c r="U83063" i="1"/>
  <c r="U83062" i="1"/>
  <c r="U83061" i="1"/>
  <c r="U83060" i="1"/>
  <c r="U83059" i="1"/>
  <c r="U83058" i="1"/>
  <c r="U83057" i="1"/>
  <c r="U83056" i="1"/>
  <c r="U83055" i="1"/>
  <c r="U83054" i="1"/>
  <c r="U83053" i="1"/>
  <c r="U83052" i="1"/>
  <c r="U83051" i="1"/>
  <c r="U83050" i="1"/>
  <c r="U83049" i="1"/>
  <c r="U83048" i="1"/>
  <c r="U83047" i="1"/>
  <c r="U83046" i="1"/>
  <c r="U83045" i="1"/>
  <c r="U83044" i="1"/>
  <c r="U83043" i="1"/>
  <c r="U83042" i="1"/>
  <c r="U83041" i="1"/>
  <c r="U83040" i="1"/>
  <c r="U83039" i="1"/>
  <c r="U83038" i="1"/>
  <c r="U83037" i="1"/>
  <c r="U83036" i="1"/>
  <c r="U83035" i="1"/>
  <c r="U83034" i="1"/>
  <c r="U83033" i="1"/>
  <c r="U83032" i="1"/>
  <c r="U83031" i="1"/>
  <c r="U83030" i="1"/>
  <c r="U83029" i="1"/>
  <c r="U83028" i="1"/>
  <c r="U83027" i="1"/>
  <c r="U83026" i="1"/>
  <c r="U83025" i="1"/>
  <c r="U83024" i="1"/>
  <c r="U83023" i="1"/>
  <c r="U83022" i="1"/>
  <c r="U83021" i="1"/>
  <c r="U83020" i="1"/>
  <c r="U83019" i="1"/>
  <c r="U83018" i="1"/>
  <c r="U83017" i="1"/>
  <c r="U83016" i="1"/>
  <c r="U83015" i="1"/>
  <c r="U83014" i="1"/>
  <c r="U83013" i="1"/>
  <c r="U83012" i="1"/>
  <c r="U83011" i="1"/>
  <c r="U83010" i="1"/>
  <c r="U83009" i="1"/>
  <c r="U83008" i="1"/>
  <c r="U83007" i="1"/>
  <c r="U83006" i="1"/>
  <c r="U83005" i="1"/>
  <c r="U83004" i="1"/>
  <c r="U83003" i="1"/>
  <c r="U83002" i="1"/>
  <c r="U83001" i="1"/>
  <c r="U83000" i="1"/>
  <c r="U82999" i="1"/>
  <c r="U82998" i="1"/>
  <c r="U82997" i="1"/>
  <c r="U82996" i="1"/>
  <c r="U82995" i="1"/>
  <c r="U82994" i="1"/>
  <c r="U82993" i="1"/>
  <c r="U82992" i="1"/>
  <c r="U82991" i="1"/>
  <c r="U82990" i="1"/>
  <c r="U82989" i="1"/>
  <c r="U82988" i="1"/>
  <c r="U82987" i="1"/>
  <c r="U82986" i="1"/>
  <c r="U82985" i="1"/>
  <c r="U82984" i="1"/>
  <c r="U82983" i="1"/>
  <c r="U82982" i="1"/>
  <c r="U82981" i="1"/>
  <c r="U82980" i="1"/>
  <c r="U82979" i="1"/>
  <c r="U82978" i="1"/>
  <c r="U82977" i="1"/>
  <c r="U82976" i="1"/>
  <c r="U82975" i="1"/>
  <c r="U82974" i="1"/>
  <c r="U82973" i="1"/>
  <c r="U82972" i="1"/>
  <c r="U82971" i="1"/>
  <c r="U82970" i="1"/>
  <c r="U82969" i="1"/>
  <c r="U82968" i="1"/>
  <c r="U82967" i="1"/>
  <c r="U82966" i="1"/>
  <c r="U82965" i="1"/>
  <c r="U82964" i="1"/>
  <c r="U82963" i="1"/>
  <c r="U82962" i="1"/>
  <c r="U82961" i="1"/>
  <c r="U82960" i="1"/>
  <c r="U82959" i="1"/>
  <c r="U82958" i="1"/>
  <c r="U82957" i="1"/>
  <c r="U82956" i="1"/>
  <c r="U82955" i="1"/>
  <c r="U82954" i="1"/>
  <c r="U82953" i="1"/>
  <c r="U82952" i="1"/>
  <c r="U82951" i="1"/>
  <c r="U82950" i="1"/>
  <c r="U82949" i="1"/>
  <c r="U82948" i="1"/>
  <c r="U82947" i="1"/>
  <c r="U82946" i="1"/>
  <c r="U82945" i="1"/>
  <c r="U82944" i="1"/>
  <c r="U82943" i="1"/>
  <c r="U82942" i="1"/>
  <c r="U82941" i="1"/>
  <c r="U82940" i="1"/>
  <c r="U82939" i="1"/>
  <c r="U82938" i="1"/>
  <c r="U82937" i="1"/>
  <c r="U82936" i="1"/>
  <c r="U82935" i="1"/>
  <c r="U82934" i="1"/>
  <c r="U82933" i="1"/>
  <c r="U82932" i="1"/>
  <c r="U82931" i="1"/>
  <c r="U82930" i="1"/>
  <c r="U82929" i="1"/>
  <c r="U82928" i="1"/>
  <c r="U82927" i="1"/>
  <c r="U82926" i="1"/>
  <c r="U82925" i="1"/>
  <c r="U82924" i="1"/>
  <c r="U82923" i="1"/>
  <c r="U82922" i="1"/>
  <c r="U82921" i="1"/>
  <c r="U82920" i="1"/>
  <c r="U82919" i="1"/>
  <c r="U82918" i="1"/>
  <c r="U82917" i="1"/>
  <c r="U82916" i="1"/>
  <c r="U82915" i="1"/>
  <c r="U82914" i="1"/>
  <c r="U82913" i="1"/>
  <c r="U82912" i="1"/>
  <c r="U82911" i="1"/>
  <c r="U82910" i="1"/>
  <c r="U82909" i="1"/>
  <c r="U82908" i="1"/>
  <c r="U82907" i="1"/>
  <c r="U82906" i="1"/>
  <c r="U82905" i="1"/>
  <c r="U82904" i="1"/>
  <c r="U82903" i="1"/>
  <c r="U82902" i="1"/>
  <c r="U82901" i="1"/>
  <c r="U82900" i="1"/>
  <c r="U82899" i="1"/>
  <c r="U82898" i="1"/>
  <c r="U82897" i="1"/>
  <c r="U82896" i="1"/>
  <c r="U82895" i="1"/>
  <c r="U82894" i="1"/>
  <c r="U82893" i="1"/>
  <c r="U82892" i="1"/>
  <c r="U82891" i="1"/>
  <c r="U82890" i="1"/>
  <c r="U82889" i="1"/>
  <c r="U82888" i="1"/>
  <c r="U82887" i="1"/>
  <c r="U82886" i="1"/>
  <c r="U82885" i="1"/>
  <c r="U82884" i="1"/>
  <c r="U82883" i="1"/>
  <c r="U82882" i="1"/>
  <c r="U82881" i="1"/>
  <c r="U82880" i="1"/>
  <c r="U82879" i="1"/>
  <c r="U82878" i="1"/>
  <c r="U82877" i="1"/>
  <c r="U82876" i="1"/>
  <c r="U82875" i="1"/>
  <c r="U82874" i="1"/>
  <c r="U82873" i="1"/>
  <c r="U82872" i="1"/>
  <c r="U82871" i="1"/>
  <c r="U82870" i="1"/>
  <c r="U82869" i="1"/>
  <c r="U82868" i="1"/>
  <c r="U82867" i="1"/>
  <c r="U82866" i="1"/>
  <c r="U82865" i="1"/>
  <c r="U82864" i="1"/>
  <c r="U82863" i="1"/>
  <c r="U82862" i="1"/>
  <c r="U82861" i="1"/>
  <c r="U82860" i="1"/>
  <c r="U82859" i="1"/>
  <c r="U82858" i="1"/>
  <c r="U82857" i="1"/>
  <c r="U82856" i="1"/>
  <c r="U82855" i="1"/>
  <c r="U82854" i="1"/>
  <c r="U82853" i="1"/>
  <c r="U82852" i="1"/>
  <c r="U82851" i="1"/>
  <c r="U82850" i="1"/>
  <c r="U82849" i="1"/>
  <c r="U82848" i="1"/>
  <c r="U82847" i="1"/>
  <c r="U82846" i="1"/>
  <c r="U82845" i="1"/>
  <c r="U82844" i="1"/>
  <c r="U82843" i="1"/>
  <c r="U82842" i="1"/>
  <c r="U82841" i="1"/>
  <c r="U82840" i="1"/>
  <c r="U82839" i="1"/>
  <c r="U82838" i="1"/>
  <c r="U82837" i="1"/>
  <c r="U82836" i="1"/>
  <c r="U82835" i="1"/>
  <c r="U82834" i="1"/>
  <c r="U82833" i="1"/>
  <c r="U82832" i="1"/>
  <c r="U82831" i="1"/>
  <c r="U82830" i="1"/>
  <c r="U82829" i="1"/>
  <c r="U82828" i="1"/>
  <c r="U82827" i="1"/>
  <c r="U82826" i="1"/>
  <c r="U82825" i="1"/>
  <c r="U82824" i="1"/>
  <c r="U82823" i="1"/>
  <c r="U82822" i="1"/>
  <c r="U82821" i="1"/>
  <c r="U82820" i="1"/>
  <c r="U82819" i="1"/>
  <c r="U82818" i="1"/>
  <c r="U82817" i="1"/>
  <c r="U82816" i="1"/>
  <c r="U82815" i="1"/>
  <c r="U82814" i="1"/>
  <c r="U82813" i="1"/>
  <c r="U82812" i="1"/>
  <c r="U82811" i="1"/>
  <c r="U82810" i="1"/>
  <c r="U82809" i="1"/>
  <c r="U82808" i="1"/>
  <c r="U82807" i="1"/>
  <c r="U82806" i="1"/>
  <c r="U82805" i="1"/>
  <c r="U82804" i="1"/>
  <c r="U82803" i="1"/>
  <c r="U82802" i="1"/>
  <c r="U82801" i="1"/>
  <c r="U82800" i="1"/>
  <c r="U82799" i="1"/>
  <c r="U82798" i="1"/>
  <c r="U82797" i="1"/>
  <c r="U82796" i="1"/>
  <c r="U82795" i="1"/>
  <c r="U82794" i="1"/>
  <c r="U82793" i="1"/>
  <c r="U82792" i="1"/>
  <c r="U82791" i="1"/>
  <c r="U82790" i="1"/>
  <c r="U82789" i="1"/>
  <c r="U82788" i="1"/>
  <c r="U82787" i="1"/>
  <c r="U82786" i="1"/>
  <c r="U82785" i="1"/>
  <c r="U82784" i="1"/>
  <c r="U82783" i="1"/>
  <c r="U82782" i="1"/>
  <c r="U82781" i="1"/>
  <c r="U82780" i="1"/>
  <c r="U82779" i="1"/>
  <c r="U82778" i="1"/>
  <c r="U82777" i="1"/>
  <c r="U82776" i="1"/>
  <c r="U82775" i="1"/>
  <c r="U82774" i="1"/>
  <c r="U82773" i="1"/>
  <c r="U82772" i="1"/>
  <c r="U82771" i="1"/>
  <c r="U82770" i="1"/>
  <c r="U82769" i="1"/>
  <c r="U82768" i="1"/>
  <c r="U82767" i="1"/>
  <c r="U82766" i="1"/>
  <c r="U82765" i="1"/>
  <c r="U82764" i="1"/>
  <c r="U82763" i="1"/>
  <c r="U82762" i="1"/>
  <c r="U82761" i="1"/>
  <c r="U82760" i="1"/>
  <c r="U82759" i="1"/>
  <c r="U82758" i="1"/>
  <c r="U82757" i="1"/>
  <c r="U82756" i="1"/>
  <c r="U82755" i="1"/>
  <c r="U82754" i="1"/>
  <c r="U82753" i="1"/>
  <c r="U82752" i="1"/>
  <c r="U82751" i="1"/>
  <c r="U82750" i="1"/>
  <c r="U82749" i="1"/>
  <c r="U82748" i="1"/>
  <c r="U82747" i="1"/>
  <c r="U82746" i="1"/>
  <c r="U82745" i="1"/>
  <c r="U82744" i="1"/>
  <c r="U82743" i="1"/>
  <c r="U82742" i="1"/>
  <c r="U82741" i="1"/>
  <c r="U82740" i="1"/>
  <c r="U82739" i="1"/>
  <c r="U82738" i="1"/>
  <c r="U82737" i="1"/>
  <c r="U82736" i="1"/>
  <c r="U82735" i="1"/>
  <c r="U82734" i="1"/>
  <c r="U82733" i="1"/>
  <c r="U82732" i="1"/>
  <c r="U82731" i="1"/>
  <c r="U82730" i="1"/>
  <c r="U82729" i="1"/>
  <c r="U82728" i="1"/>
  <c r="U82727" i="1"/>
  <c r="U82726" i="1"/>
  <c r="U82725" i="1"/>
  <c r="U82724" i="1"/>
  <c r="U82723" i="1"/>
  <c r="U82722" i="1"/>
  <c r="U82721" i="1"/>
  <c r="U82720" i="1"/>
  <c r="U82719" i="1"/>
  <c r="U82718" i="1"/>
  <c r="U82717" i="1"/>
  <c r="U82716" i="1"/>
  <c r="U82715" i="1"/>
  <c r="U82714" i="1"/>
  <c r="U82713" i="1"/>
  <c r="U82712" i="1"/>
  <c r="U82711" i="1"/>
  <c r="U82710" i="1"/>
  <c r="U82709" i="1"/>
  <c r="U82708" i="1"/>
  <c r="U82707" i="1"/>
  <c r="U82706" i="1"/>
  <c r="U82705" i="1"/>
  <c r="U82704" i="1"/>
  <c r="U82703" i="1"/>
  <c r="U82702" i="1"/>
  <c r="U82701" i="1"/>
  <c r="U82700" i="1"/>
  <c r="U82699" i="1"/>
  <c r="U82698" i="1"/>
  <c r="U82697" i="1"/>
  <c r="U82696" i="1"/>
  <c r="U82695" i="1"/>
  <c r="U82694" i="1"/>
  <c r="U82693" i="1"/>
  <c r="U82692" i="1"/>
  <c r="U82691" i="1"/>
  <c r="U82690" i="1"/>
  <c r="U82689" i="1"/>
  <c r="U82688" i="1"/>
  <c r="U82687" i="1"/>
  <c r="U82686" i="1"/>
  <c r="U82685" i="1"/>
  <c r="U82684" i="1"/>
  <c r="U82683" i="1"/>
  <c r="U82682" i="1"/>
  <c r="U82681" i="1"/>
  <c r="U82680" i="1"/>
  <c r="U82679" i="1"/>
  <c r="U82678" i="1"/>
  <c r="U82677" i="1"/>
  <c r="U82676" i="1"/>
  <c r="U82675" i="1"/>
  <c r="U82674" i="1"/>
  <c r="U82673" i="1"/>
  <c r="U82672" i="1"/>
  <c r="U82671" i="1"/>
  <c r="U82670" i="1"/>
  <c r="U82669" i="1"/>
  <c r="U82668" i="1"/>
  <c r="U82667" i="1"/>
  <c r="U82666" i="1"/>
  <c r="U82665" i="1"/>
  <c r="U82664" i="1"/>
  <c r="U82663" i="1"/>
  <c r="U82662" i="1"/>
  <c r="U82661" i="1"/>
  <c r="U82660" i="1"/>
  <c r="U82659" i="1"/>
  <c r="U82658" i="1"/>
  <c r="U82657" i="1"/>
  <c r="U82656" i="1"/>
  <c r="U82655" i="1"/>
  <c r="U82654" i="1"/>
  <c r="U82653" i="1"/>
  <c r="U82652" i="1"/>
  <c r="U82651" i="1"/>
  <c r="U82650" i="1"/>
  <c r="U82649" i="1"/>
  <c r="U82648" i="1"/>
  <c r="U82647" i="1"/>
  <c r="U82646" i="1"/>
  <c r="U82645" i="1"/>
  <c r="U82644" i="1"/>
  <c r="U82643" i="1"/>
  <c r="U82642" i="1"/>
  <c r="U82641" i="1"/>
  <c r="U82640" i="1"/>
  <c r="U82639" i="1"/>
  <c r="U82638" i="1"/>
  <c r="U82637" i="1"/>
  <c r="U82636" i="1"/>
  <c r="U82635" i="1"/>
  <c r="U82634" i="1"/>
  <c r="U82633" i="1"/>
  <c r="U82632" i="1"/>
  <c r="U82631" i="1"/>
  <c r="U82630" i="1"/>
  <c r="U82629" i="1"/>
  <c r="U82628" i="1"/>
  <c r="U82627" i="1"/>
  <c r="U82626" i="1"/>
  <c r="U82625" i="1"/>
  <c r="U82624" i="1"/>
  <c r="U82623" i="1"/>
  <c r="U82622" i="1"/>
  <c r="U82621" i="1"/>
  <c r="U82620" i="1"/>
  <c r="U82619" i="1"/>
  <c r="U82618" i="1"/>
  <c r="U82617" i="1"/>
  <c r="U82616" i="1"/>
  <c r="U82615" i="1"/>
  <c r="U82614" i="1"/>
  <c r="U82613" i="1"/>
  <c r="U82612" i="1"/>
  <c r="U82611" i="1"/>
  <c r="U82610" i="1"/>
  <c r="U82609" i="1"/>
  <c r="U82608" i="1"/>
  <c r="U82607" i="1"/>
  <c r="U82606" i="1"/>
  <c r="U82605" i="1"/>
  <c r="U82604" i="1"/>
  <c r="U82603" i="1"/>
  <c r="U82602" i="1"/>
  <c r="U82601" i="1"/>
  <c r="U82600" i="1"/>
  <c r="U82599" i="1"/>
  <c r="U82598" i="1"/>
  <c r="U82597" i="1"/>
  <c r="U82596" i="1"/>
  <c r="U82595" i="1"/>
  <c r="U82594" i="1"/>
  <c r="U82593" i="1"/>
  <c r="U82592" i="1"/>
  <c r="U82591" i="1"/>
  <c r="U82590" i="1"/>
  <c r="U82589" i="1"/>
  <c r="U82588" i="1"/>
  <c r="U82587" i="1"/>
  <c r="U82586" i="1"/>
  <c r="U82585" i="1"/>
  <c r="U82584" i="1"/>
  <c r="U82583" i="1"/>
  <c r="U82582" i="1"/>
  <c r="U82581" i="1"/>
  <c r="U82580" i="1"/>
  <c r="U82579" i="1"/>
  <c r="U82578" i="1"/>
  <c r="U82577" i="1"/>
  <c r="U82576" i="1"/>
  <c r="U82575" i="1"/>
  <c r="U82574" i="1"/>
  <c r="U82573" i="1"/>
  <c r="U82572" i="1"/>
  <c r="U82571" i="1"/>
  <c r="U82570" i="1"/>
  <c r="U82569" i="1"/>
  <c r="U82568" i="1"/>
  <c r="U82567" i="1"/>
  <c r="U82566" i="1"/>
  <c r="U82565" i="1"/>
  <c r="U82564" i="1"/>
  <c r="U82563" i="1"/>
  <c r="U82562" i="1"/>
  <c r="U82561" i="1"/>
  <c r="U82560" i="1"/>
  <c r="U82559" i="1"/>
  <c r="U82558" i="1"/>
  <c r="U82557" i="1"/>
  <c r="U82556" i="1"/>
  <c r="U82555" i="1"/>
  <c r="U82554" i="1"/>
  <c r="U82553" i="1"/>
  <c r="U82552" i="1"/>
  <c r="U82551" i="1"/>
  <c r="U82550" i="1"/>
  <c r="U82549" i="1"/>
  <c r="U82548" i="1"/>
  <c r="U82547" i="1"/>
  <c r="U82546" i="1"/>
  <c r="U82545" i="1"/>
  <c r="U82544" i="1"/>
  <c r="U82543" i="1"/>
  <c r="U82542" i="1"/>
  <c r="U82541" i="1"/>
  <c r="U82540" i="1"/>
  <c r="U82539" i="1"/>
  <c r="U82538" i="1"/>
  <c r="U82537" i="1"/>
  <c r="U82536" i="1"/>
  <c r="U82535" i="1"/>
  <c r="U82534" i="1"/>
  <c r="U82533" i="1"/>
  <c r="U82532" i="1"/>
  <c r="U82531" i="1"/>
  <c r="U82530" i="1"/>
  <c r="U82529" i="1"/>
  <c r="U82528" i="1"/>
  <c r="U82527" i="1"/>
  <c r="U82526" i="1"/>
  <c r="U82525" i="1"/>
  <c r="U82524" i="1"/>
  <c r="U82523" i="1"/>
  <c r="U82522" i="1"/>
  <c r="U82521" i="1"/>
  <c r="U82520" i="1"/>
  <c r="U82519" i="1"/>
  <c r="U82518" i="1"/>
  <c r="U82517" i="1"/>
  <c r="U82516" i="1"/>
  <c r="U82515" i="1"/>
  <c r="U82514" i="1"/>
  <c r="U82513" i="1"/>
  <c r="U82512" i="1"/>
  <c r="U82511" i="1"/>
  <c r="U82510" i="1"/>
  <c r="U82509" i="1"/>
  <c r="U82508" i="1"/>
  <c r="U82507" i="1"/>
  <c r="U82506" i="1"/>
  <c r="U82505" i="1"/>
  <c r="U82504" i="1"/>
  <c r="U82503" i="1"/>
  <c r="U82502" i="1"/>
  <c r="U82501" i="1"/>
  <c r="U82500" i="1"/>
  <c r="U82499" i="1"/>
  <c r="U82498" i="1"/>
  <c r="U82497" i="1"/>
  <c r="U82496" i="1"/>
  <c r="U82495" i="1"/>
  <c r="U82494" i="1"/>
  <c r="U82493" i="1"/>
  <c r="U82492" i="1"/>
  <c r="U82491" i="1"/>
  <c r="U82490" i="1"/>
  <c r="U82489" i="1"/>
  <c r="U82488" i="1"/>
  <c r="U82487" i="1"/>
  <c r="U82486" i="1"/>
  <c r="U82485" i="1"/>
  <c r="U82484" i="1"/>
  <c r="U82483" i="1"/>
  <c r="U82482" i="1"/>
  <c r="U82481" i="1"/>
  <c r="U82480" i="1"/>
  <c r="U82479" i="1"/>
  <c r="U82478" i="1"/>
  <c r="U82477" i="1"/>
  <c r="U82476" i="1"/>
  <c r="U82475" i="1"/>
  <c r="U82474" i="1"/>
  <c r="U82473" i="1"/>
  <c r="U82472" i="1"/>
  <c r="U82471" i="1"/>
  <c r="U82470" i="1"/>
  <c r="U82469" i="1"/>
  <c r="U82468" i="1"/>
  <c r="U82467" i="1"/>
  <c r="U82466" i="1"/>
  <c r="U82465" i="1"/>
  <c r="U82464" i="1"/>
  <c r="U82463" i="1"/>
  <c r="U82462" i="1"/>
  <c r="U82461" i="1"/>
  <c r="U82460" i="1"/>
  <c r="U82459" i="1"/>
  <c r="U82458" i="1"/>
  <c r="U82457" i="1"/>
  <c r="U82456" i="1"/>
  <c r="U82455" i="1"/>
  <c r="U82454" i="1"/>
  <c r="U82453" i="1"/>
  <c r="U82452" i="1"/>
  <c r="U82451" i="1"/>
  <c r="U82450" i="1"/>
  <c r="U82449" i="1"/>
  <c r="U82448" i="1"/>
  <c r="U82447" i="1"/>
  <c r="U82446" i="1"/>
  <c r="U82445" i="1"/>
  <c r="U82444" i="1"/>
  <c r="U82443" i="1"/>
  <c r="U82442" i="1"/>
  <c r="U82441" i="1"/>
  <c r="U82440" i="1"/>
  <c r="U82439" i="1"/>
  <c r="U82438" i="1"/>
  <c r="U82437" i="1"/>
  <c r="U82436" i="1"/>
  <c r="U82435" i="1"/>
  <c r="U82434" i="1"/>
  <c r="U82433" i="1"/>
  <c r="U82432" i="1"/>
  <c r="U82431" i="1"/>
  <c r="U82430" i="1"/>
  <c r="U82429" i="1"/>
  <c r="U82428" i="1"/>
  <c r="U82427" i="1"/>
  <c r="U82426" i="1"/>
  <c r="U82425" i="1"/>
  <c r="U82424" i="1"/>
  <c r="U82423" i="1"/>
  <c r="U82422" i="1"/>
  <c r="U82421" i="1"/>
  <c r="U82420" i="1"/>
  <c r="U82419" i="1"/>
  <c r="U82418" i="1"/>
  <c r="U82417" i="1"/>
  <c r="U82416" i="1"/>
  <c r="U82415" i="1"/>
  <c r="U82414" i="1"/>
  <c r="U82413" i="1"/>
  <c r="U82412" i="1"/>
  <c r="U82411" i="1"/>
  <c r="U82410" i="1"/>
  <c r="U82409" i="1"/>
  <c r="U82408" i="1"/>
  <c r="U82407" i="1"/>
  <c r="U82406" i="1"/>
  <c r="U82405" i="1"/>
  <c r="U82404" i="1"/>
  <c r="U82403" i="1"/>
  <c r="U82402" i="1"/>
  <c r="U82401" i="1"/>
  <c r="U82400" i="1"/>
  <c r="U82399" i="1"/>
  <c r="U82398" i="1"/>
  <c r="U82397" i="1"/>
  <c r="U82396" i="1"/>
  <c r="U82395" i="1"/>
  <c r="U82394" i="1"/>
  <c r="U82393" i="1"/>
  <c r="U82392" i="1"/>
  <c r="U82391" i="1"/>
  <c r="U82390" i="1"/>
  <c r="U82389" i="1"/>
  <c r="U82388" i="1"/>
  <c r="U82387" i="1"/>
  <c r="U82386" i="1"/>
  <c r="U82385" i="1"/>
  <c r="U82384" i="1"/>
  <c r="U82383" i="1"/>
  <c r="U82382" i="1"/>
  <c r="U82381" i="1"/>
  <c r="U82380" i="1"/>
  <c r="U82379" i="1"/>
  <c r="U82378" i="1"/>
  <c r="U82377" i="1"/>
  <c r="U82376" i="1"/>
  <c r="U82375" i="1"/>
  <c r="U82374" i="1"/>
  <c r="U82373" i="1"/>
  <c r="U82372" i="1"/>
  <c r="U82371" i="1"/>
  <c r="U82370" i="1"/>
  <c r="U82369" i="1"/>
  <c r="U82368" i="1"/>
  <c r="U82367" i="1"/>
  <c r="U82366" i="1"/>
  <c r="U82365" i="1"/>
  <c r="U82364" i="1"/>
  <c r="U82363" i="1"/>
  <c r="U82362" i="1"/>
  <c r="U82361" i="1"/>
  <c r="U82360" i="1"/>
  <c r="U82359" i="1"/>
  <c r="U82358" i="1"/>
  <c r="U82357" i="1"/>
  <c r="U82356" i="1"/>
  <c r="U82355" i="1"/>
  <c r="U82354" i="1"/>
  <c r="U82353" i="1"/>
  <c r="U82352" i="1"/>
  <c r="U82351" i="1"/>
  <c r="U82350" i="1"/>
  <c r="U82349" i="1"/>
  <c r="U82348" i="1"/>
  <c r="U82347" i="1"/>
  <c r="U82346" i="1"/>
  <c r="U82345" i="1"/>
  <c r="U82344" i="1"/>
  <c r="U82343" i="1"/>
  <c r="U82342" i="1"/>
  <c r="U82341" i="1"/>
  <c r="U82340" i="1"/>
  <c r="U82339" i="1"/>
  <c r="U82338" i="1"/>
  <c r="U82337" i="1"/>
  <c r="U82336" i="1"/>
  <c r="U82335" i="1"/>
  <c r="U82334" i="1"/>
  <c r="U82333" i="1"/>
  <c r="U82332" i="1"/>
  <c r="U82331" i="1"/>
  <c r="U82330" i="1"/>
  <c r="U82329" i="1"/>
  <c r="U82328" i="1"/>
  <c r="U82327" i="1"/>
  <c r="U82326" i="1"/>
  <c r="U82325" i="1"/>
  <c r="U82324" i="1"/>
  <c r="U82323" i="1"/>
  <c r="U82322" i="1"/>
  <c r="U82321" i="1"/>
  <c r="U82320" i="1"/>
  <c r="U82319" i="1"/>
  <c r="U82318" i="1"/>
  <c r="U82317" i="1"/>
  <c r="U82316" i="1"/>
  <c r="U82315" i="1"/>
  <c r="U82314" i="1"/>
  <c r="U82313" i="1"/>
  <c r="U82312" i="1"/>
  <c r="U82311" i="1"/>
  <c r="U82310" i="1"/>
  <c r="U82309" i="1"/>
  <c r="U82308" i="1"/>
  <c r="U82307" i="1"/>
  <c r="U82306" i="1"/>
  <c r="U82305" i="1"/>
  <c r="U82304" i="1"/>
  <c r="U82303" i="1"/>
  <c r="U82302" i="1"/>
  <c r="U82301" i="1"/>
  <c r="U82300" i="1"/>
  <c r="U82299" i="1"/>
  <c r="U82298" i="1"/>
  <c r="U82297" i="1"/>
  <c r="U82296" i="1"/>
  <c r="U82295" i="1"/>
  <c r="U82294" i="1"/>
  <c r="U82293" i="1"/>
  <c r="U82292" i="1"/>
  <c r="U82291" i="1"/>
  <c r="U82290" i="1"/>
  <c r="U82289" i="1"/>
  <c r="U82288" i="1"/>
  <c r="U82287" i="1"/>
  <c r="U82286" i="1"/>
  <c r="U82285" i="1"/>
  <c r="U82284" i="1"/>
  <c r="U82283" i="1"/>
  <c r="U82282" i="1"/>
  <c r="U82281" i="1"/>
  <c r="U82280" i="1"/>
  <c r="U82279" i="1"/>
  <c r="U82278" i="1"/>
  <c r="U82277" i="1"/>
  <c r="U82276" i="1"/>
  <c r="U82275" i="1"/>
  <c r="U82274" i="1"/>
  <c r="U82273" i="1"/>
  <c r="U82272" i="1"/>
  <c r="U82271" i="1"/>
  <c r="U82270" i="1"/>
  <c r="U82269" i="1"/>
  <c r="U82268" i="1"/>
  <c r="U82267" i="1"/>
  <c r="U82266" i="1"/>
  <c r="U82265" i="1"/>
  <c r="U82264" i="1"/>
  <c r="U82263" i="1"/>
  <c r="U82262" i="1"/>
  <c r="U82261" i="1"/>
  <c r="U82260" i="1"/>
  <c r="U82259" i="1"/>
  <c r="U82258" i="1"/>
  <c r="U82257" i="1"/>
  <c r="U82256" i="1"/>
  <c r="U82255" i="1"/>
  <c r="U82254" i="1"/>
  <c r="U82253" i="1"/>
  <c r="U82252" i="1"/>
  <c r="U82251" i="1"/>
  <c r="U82250" i="1"/>
  <c r="U82249" i="1"/>
  <c r="U82248" i="1"/>
  <c r="U82247" i="1"/>
  <c r="U82246" i="1"/>
  <c r="U82245" i="1"/>
  <c r="U82244" i="1"/>
  <c r="U82243" i="1"/>
  <c r="U82242" i="1"/>
  <c r="U82241" i="1"/>
  <c r="U82240" i="1"/>
  <c r="U82239" i="1"/>
  <c r="U82238" i="1"/>
  <c r="U82237" i="1"/>
  <c r="U82236" i="1"/>
  <c r="U82235" i="1"/>
  <c r="U82234" i="1"/>
  <c r="U82233" i="1"/>
  <c r="U82232" i="1"/>
  <c r="U82231" i="1"/>
  <c r="U82230" i="1"/>
  <c r="U82229" i="1"/>
  <c r="U82228" i="1"/>
  <c r="U82227" i="1"/>
  <c r="U82226" i="1"/>
  <c r="U82225" i="1"/>
  <c r="U82224" i="1"/>
  <c r="U82223" i="1"/>
  <c r="U82222" i="1"/>
  <c r="U82221" i="1"/>
  <c r="U82220" i="1"/>
  <c r="U82219" i="1"/>
  <c r="U82218" i="1"/>
  <c r="U82217" i="1"/>
  <c r="U82216" i="1"/>
  <c r="U82215" i="1"/>
  <c r="U82214" i="1"/>
  <c r="U82213" i="1"/>
  <c r="U82212" i="1"/>
  <c r="U82211" i="1"/>
  <c r="U82210" i="1"/>
  <c r="U82209" i="1"/>
  <c r="U82208" i="1"/>
  <c r="U82207" i="1"/>
  <c r="U82206" i="1"/>
  <c r="U82205" i="1"/>
  <c r="U82204" i="1"/>
  <c r="U82203" i="1"/>
  <c r="U82202" i="1"/>
  <c r="U82201" i="1"/>
  <c r="U82200" i="1"/>
  <c r="U82199" i="1"/>
  <c r="U82198" i="1"/>
  <c r="U82197" i="1"/>
  <c r="U82196" i="1"/>
  <c r="U82195" i="1"/>
  <c r="U82194" i="1"/>
  <c r="U82193" i="1"/>
  <c r="U82192" i="1"/>
  <c r="U82191" i="1"/>
  <c r="U82190" i="1"/>
  <c r="U82189" i="1"/>
  <c r="U82188" i="1"/>
  <c r="U82187" i="1"/>
  <c r="U82186" i="1"/>
  <c r="U82185" i="1"/>
  <c r="U82184" i="1"/>
  <c r="U82183" i="1"/>
  <c r="U82182" i="1"/>
  <c r="U82181" i="1"/>
  <c r="U82180" i="1"/>
  <c r="U82179" i="1"/>
  <c r="U82178" i="1"/>
  <c r="U82177" i="1"/>
  <c r="U82176" i="1"/>
  <c r="U82175" i="1"/>
  <c r="U82174" i="1"/>
  <c r="U82173" i="1"/>
  <c r="U82172" i="1"/>
  <c r="U82171" i="1"/>
  <c r="U82170" i="1"/>
  <c r="U82169" i="1"/>
  <c r="U82168" i="1"/>
  <c r="U82167" i="1"/>
  <c r="U82166" i="1"/>
  <c r="U82165" i="1"/>
  <c r="U82164" i="1"/>
  <c r="U82163" i="1"/>
  <c r="U82162" i="1"/>
  <c r="U82161" i="1"/>
  <c r="U82160" i="1"/>
  <c r="U82159" i="1"/>
  <c r="U82158" i="1"/>
  <c r="U82157" i="1"/>
  <c r="U82156" i="1"/>
  <c r="U82155" i="1"/>
  <c r="U82154" i="1"/>
  <c r="U82153" i="1"/>
  <c r="U82152" i="1"/>
  <c r="U82151" i="1"/>
  <c r="U82150" i="1"/>
  <c r="U82149" i="1"/>
  <c r="U82148" i="1"/>
  <c r="U82147" i="1"/>
  <c r="U82146" i="1"/>
  <c r="U82145" i="1"/>
  <c r="U82144" i="1"/>
  <c r="U82143" i="1"/>
  <c r="U82142" i="1"/>
  <c r="U82141" i="1"/>
  <c r="U82140" i="1"/>
  <c r="U82139" i="1"/>
  <c r="U82138" i="1"/>
  <c r="U82137" i="1"/>
  <c r="U82136" i="1"/>
  <c r="U82135" i="1"/>
  <c r="U82134" i="1"/>
  <c r="U82133" i="1"/>
  <c r="U82132" i="1"/>
  <c r="U82131" i="1"/>
  <c r="U82130" i="1"/>
  <c r="U82129" i="1"/>
  <c r="U82128" i="1"/>
  <c r="U82127" i="1"/>
  <c r="U82126" i="1"/>
  <c r="U82125" i="1"/>
  <c r="U82124" i="1"/>
  <c r="U82123" i="1"/>
  <c r="U82122" i="1"/>
  <c r="U82121" i="1"/>
  <c r="U82120" i="1"/>
  <c r="U82119" i="1"/>
  <c r="U82118" i="1"/>
  <c r="U82117" i="1"/>
  <c r="U82116" i="1"/>
  <c r="U82115" i="1"/>
  <c r="U82114" i="1"/>
  <c r="U82113" i="1"/>
  <c r="U82112" i="1"/>
  <c r="U82111" i="1"/>
  <c r="U82110" i="1"/>
  <c r="U82109" i="1"/>
  <c r="U82108" i="1"/>
  <c r="U82107" i="1"/>
  <c r="U82106" i="1"/>
  <c r="U82105" i="1"/>
  <c r="U82104" i="1"/>
  <c r="U82103" i="1"/>
  <c r="U82102" i="1"/>
  <c r="U82101" i="1"/>
  <c r="U82100" i="1"/>
  <c r="U82099" i="1"/>
  <c r="U82098" i="1"/>
  <c r="U82097" i="1"/>
  <c r="U82096" i="1"/>
  <c r="U82095" i="1"/>
  <c r="U82094" i="1"/>
  <c r="U82093" i="1"/>
  <c r="U82092" i="1"/>
  <c r="U82091" i="1"/>
  <c r="U82090" i="1"/>
  <c r="U82089" i="1"/>
  <c r="U82088" i="1"/>
  <c r="U82087" i="1"/>
  <c r="U82086" i="1"/>
  <c r="U82085" i="1"/>
  <c r="U82084" i="1"/>
  <c r="U82083" i="1"/>
  <c r="U82082" i="1"/>
  <c r="U82081" i="1"/>
  <c r="U82080" i="1"/>
  <c r="U82079" i="1"/>
  <c r="U82078" i="1"/>
  <c r="U82077" i="1"/>
  <c r="U82076" i="1"/>
  <c r="U82075" i="1"/>
  <c r="U82074" i="1"/>
  <c r="U82073" i="1"/>
  <c r="U82072" i="1"/>
  <c r="U82071" i="1"/>
  <c r="U82070" i="1"/>
  <c r="U82069" i="1"/>
  <c r="U82068" i="1"/>
  <c r="U82067" i="1"/>
  <c r="U82066" i="1"/>
  <c r="U82065" i="1"/>
  <c r="U82064" i="1"/>
  <c r="U82063" i="1"/>
  <c r="U82062" i="1"/>
  <c r="U82061" i="1"/>
  <c r="U82060" i="1"/>
  <c r="U82059" i="1"/>
  <c r="U82058" i="1"/>
  <c r="U82057" i="1"/>
  <c r="U82056" i="1"/>
  <c r="U82055" i="1"/>
  <c r="U82054" i="1"/>
  <c r="U82053" i="1"/>
  <c r="U82052" i="1"/>
  <c r="U82051" i="1"/>
  <c r="U82050" i="1"/>
  <c r="U82049" i="1"/>
  <c r="U82048" i="1"/>
  <c r="U82047" i="1"/>
  <c r="U82046" i="1"/>
  <c r="U82045" i="1"/>
  <c r="U82044" i="1"/>
  <c r="U82043" i="1"/>
  <c r="U82042" i="1"/>
  <c r="U82041" i="1"/>
  <c r="U82040" i="1"/>
  <c r="U82039" i="1"/>
  <c r="U82038" i="1"/>
  <c r="U82037" i="1"/>
  <c r="U82036" i="1"/>
  <c r="U82035" i="1"/>
  <c r="U82034" i="1"/>
  <c r="U82033" i="1"/>
  <c r="U82032" i="1"/>
  <c r="U82031" i="1"/>
  <c r="U82030" i="1"/>
  <c r="U82029" i="1"/>
  <c r="U82028" i="1"/>
  <c r="U82027" i="1"/>
  <c r="U82026" i="1"/>
  <c r="U82025" i="1"/>
  <c r="U82024" i="1"/>
  <c r="U82023" i="1"/>
  <c r="U82022" i="1"/>
  <c r="U82021" i="1"/>
  <c r="U82020" i="1"/>
  <c r="U82019" i="1"/>
  <c r="U82018" i="1"/>
  <c r="U82017" i="1"/>
  <c r="U82016" i="1"/>
  <c r="U82015" i="1"/>
  <c r="U82014" i="1"/>
  <c r="U82013" i="1"/>
  <c r="U82012" i="1"/>
  <c r="U82011" i="1"/>
  <c r="U82010" i="1"/>
  <c r="U82009" i="1"/>
  <c r="U82008" i="1"/>
  <c r="U82007" i="1"/>
  <c r="U82006" i="1"/>
  <c r="U82005" i="1"/>
  <c r="U82004" i="1"/>
  <c r="U82003" i="1"/>
  <c r="U82002" i="1"/>
  <c r="U82001" i="1"/>
  <c r="U82000" i="1"/>
  <c r="U81999" i="1"/>
  <c r="U81998" i="1"/>
  <c r="U81997" i="1"/>
  <c r="U81996" i="1"/>
  <c r="U81995" i="1"/>
  <c r="U81994" i="1"/>
  <c r="U81993" i="1"/>
  <c r="U81992" i="1"/>
  <c r="U81991" i="1"/>
  <c r="U81990" i="1"/>
  <c r="U81989" i="1"/>
  <c r="U81988" i="1"/>
  <c r="U81987" i="1"/>
  <c r="U81986" i="1"/>
  <c r="U81985" i="1"/>
  <c r="U81984" i="1"/>
  <c r="U81983" i="1"/>
  <c r="U81982" i="1"/>
  <c r="U81981" i="1"/>
  <c r="U81980" i="1"/>
  <c r="U81979" i="1"/>
  <c r="U81978" i="1"/>
  <c r="U81977" i="1"/>
  <c r="U81976" i="1"/>
  <c r="U81975" i="1"/>
  <c r="U81974" i="1"/>
  <c r="U81973" i="1"/>
  <c r="U81972" i="1"/>
  <c r="U81971" i="1"/>
  <c r="U81970" i="1"/>
  <c r="U81969" i="1"/>
  <c r="U81968" i="1"/>
  <c r="U81967" i="1"/>
  <c r="U81966" i="1"/>
  <c r="U81965" i="1"/>
  <c r="U81964" i="1"/>
  <c r="U81963" i="1"/>
  <c r="U81962" i="1"/>
  <c r="U81961" i="1"/>
  <c r="U81960" i="1"/>
  <c r="U81959" i="1"/>
  <c r="U81958" i="1"/>
  <c r="U81957" i="1"/>
  <c r="U81956" i="1"/>
  <c r="U81955" i="1"/>
  <c r="U81954" i="1"/>
  <c r="U81953" i="1"/>
  <c r="U81952" i="1"/>
  <c r="U81951" i="1"/>
  <c r="U81950" i="1"/>
  <c r="U81949" i="1"/>
  <c r="U81948" i="1"/>
  <c r="U81947" i="1"/>
  <c r="U81946" i="1"/>
  <c r="U81945" i="1"/>
  <c r="U81944" i="1"/>
  <c r="U81943" i="1"/>
  <c r="U81942" i="1"/>
  <c r="U81941" i="1"/>
  <c r="U81940" i="1"/>
  <c r="U81939" i="1"/>
  <c r="U81938" i="1"/>
  <c r="U81937" i="1"/>
  <c r="U81936" i="1"/>
  <c r="U81935" i="1"/>
  <c r="U81934" i="1"/>
  <c r="U81933" i="1"/>
  <c r="U81932" i="1"/>
  <c r="U81931" i="1"/>
  <c r="U81930" i="1"/>
  <c r="U81929" i="1"/>
  <c r="U81928" i="1"/>
  <c r="U81927" i="1"/>
  <c r="U81926" i="1"/>
  <c r="U81925" i="1"/>
  <c r="U81924" i="1"/>
  <c r="U81923" i="1"/>
  <c r="U81922" i="1"/>
  <c r="U81921" i="1"/>
  <c r="U81920" i="1"/>
  <c r="U81919" i="1"/>
  <c r="U81918" i="1"/>
  <c r="U81917" i="1"/>
  <c r="U81916" i="1"/>
  <c r="U81915" i="1"/>
  <c r="U81914" i="1"/>
  <c r="U81913" i="1"/>
  <c r="U81912" i="1"/>
  <c r="U81911" i="1"/>
  <c r="U81910" i="1"/>
  <c r="U81909" i="1"/>
  <c r="U81908" i="1"/>
  <c r="U81907" i="1"/>
  <c r="U81906" i="1"/>
  <c r="U81905" i="1"/>
  <c r="U81904" i="1"/>
  <c r="U81903" i="1"/>
  <c r="U81902" i="1"/>
  <c r="U81901" i="1"/>
  <c r="U81900" i="1"/>
  <c r="U81899" i="1"/>
  <c r="U81898" i="1"/>
  <c r="U81897" i="1"/>
  <c r="U81896" i="1"/>
  <c r="U81895" i="1"/>
  <c r="U81894" i="1"/>
  <c r="U81893" i="1"/>
  <c r="U81892" i="1"/>
  <c r="U81891" i="1"/>
  <c r="U81890" i="1"/>
  <c r="U81889" i="1"/>
  <c r="U81888" i="1"/>
  <c r="U81887" i="1"/>
  <c r="U81886" i="1"/>
  <c r="U81885" i="1"/>
  <c r="U81884" i="1"/>
  <c r="U81883" i="1"/>
  <c r="U81882" i="1"/>
  <c r="U81881" i="1"/>
  <c r="U81880" i="1"/>
  <c r="U81879" i="1"/>
  <c r="U81878" i="1"/>
  <c r="U81877" i="1"/>
  <c r="U81876" i="1"/>
  <c r="U81875" i="1"/>
  <c r="U81874" i="1"/>
  <c r="U81873" i="1"/>
  <c r="U81872" i="1"/>
  <c r="U81871" i="1"/>
  <c r="U81870" i="1"/>
  <c r="U81869" i="1"/>
  <c r="U81868" i="1"/>
  <c r="U81867" i="1"/>
  <c r="U81866" i="1"/>
  <c r="U81865" i="1"/>
  <c r="U81864" i="1"/>
  <c r="U81863" i="1"/>
  <c r="U81862" i="1"/>
  <c r="U81861" i="1"/>
  <c r="U81860" i="1"/>
  <c r="U81859" i="1"/>
  <c r="U81858" i="1"/>
  <c r="U81857" i="1"/>
  <c r="U81856" i="1"/>
  <c r="U81855" i="1"/>
  <c r="U81854" i="1"/>
  <c r="U81853" i="1"/>
  <c r="U81852" i="1"/>
  <c r="U81851" i="1"/>
  <c r="U81850" i="1"/>
  <c r="U81849" i="1"/>
  <c r="U81848" i="1"/>
  <c r="U81847" i="1"/>
  <c r="U81846" i="1"/>
  <c r="U81845" i="1"/>
  <c r="U81844" i="1"/>
  <c r="U81843" i="1"/>
  <c r="U81842" i="1"/>
  <c r="U81841" i="1"/>
  <c r="U81840" i="1"/>
  <c r="U81839" i="1"/>
  <c r="U81838" i="1"/>
  <c r="U81837" i="1"/>
  <c r="U81836" i="1"/>
  <c r="U81835" i="1"/>
  <c r="U81834" i="1"/>
  <c r="U81833" i="1"/>
  <c r="U81832" i="1"/>
  <c r="U81831" i="1"/>
  <c r="U81830" i="1"/>
  <c r="U81829" i="1"/>
  <c r="U81828" i="1"/>
  <c r="U81827" i="1"/>
  <c r="U81826" i="1"/>
  <c r="U81825" i="1"/>
  <c r="U81824" i="1"/>
  <c r="U81823" i="1"/>
  <c r="U81822" i="1"/>
  <c r="U81821" i="1"/>
  <c r="U81820" i="1"/>
  <c r="U81819" i="1"/>
  <c r="U81818" i="1"/>
  <c r="U81817" i="1"/>
  <c r="U81816" i="1"/>
  <c r="U81815" i="1"/>
  <c r="U81814" i="1"/>
  <c r="U81813" i="1"/>
  <c r="U81812" i="1"/>
  <c r="U81811" i="1"/>
  <c r="U81810" i="1"/>
  <c r="U81809" i="1"/>
  <c r="U81808" i="1"/>
  <c r="U81807" i="1"/>
  <c r="U81806" i="1"/>
  <c r="U81805" i="1"/>
  <c r="U81804" i="1"/>
  <c r="U81803" i="1"/>
  <c r="U81802" i="1"/>
  <c r="U81801" i="1"/>
  <c r="U81800" i="1"/>
  <c r="U81799" i="1"/>
  <c r="U81798" i="1"/>
  <c r="U81797" i="1"/>
  <c r="U81796" i="1"/>
  <c r="U81795" i="1"/>
  <c r="U81794" i="1"/>
  <c r="U81793" i="1"/>
  <c r="U81792" i="1"/>
  <c r="U81791" i="1"/>
  <c r="U81790" i="1"/>
  <c r="U81789" i="1"/>
  <c r="U81788" i="1"/>
  <c r="U81787" i="1"/>
  <c r="U81786" i="1"/>
  <c r="U81785" i="1"/>
  <c r="U81784" i="1"/>
  <c r="U81783" i="1"/>
  <c r="U81782" i="1"/>
  <c r="U81781" i="1"/>
  <c r="U81780" i="1"/>
  <c r="U81779" i="1"/>
  <c r="U81778" i="1"/>
  <c r="U81777" i="1"/>
  <c r="U81776" i="1"/>
  <c r="U81775" i="1"/>
  <c r="U81774" i="1"/>
  <c r="U81773" i="1"/>
  <c r="U81772" i="1"/>
  <c r="U81771" i="1"/>
  <c r="U81770" i="1"/>
  <c r="U81769" i="1"/>
  <c r="U81768" i="1"/>
  <c r="U81767" i="1"/>
  <c r="U81766" i="1"/>
  <c r="U81765" i="1"/>
  <c r="U81764" i="1"/>
  <c r="U81763" i="1"/>
  <c r="U81762" i="1"/>
  <c r="U81761" i="1"/>
  <c r="U81760" i="1"/>
  <c r="U81759" i="1"/>
  <c r="U81758" i="1"/>
  <c r="U81757" i="1"/>
  <c r="U81756" i="1"/>
  <c r="U81755" i="1"/>
  <c r="U81754" i="1"/>
  <c r="U81753" i="1"/>
  <c r="U81752" i="1"/>
  <c r="U81751" i="1"/>
  <c r="U81750" i="1"/>
  <c r="U81749" i="1"/>
  <c r="U81748" i="1"/>
  <c r="U81747" i="1"/>
  <c r="U81746" i="1"/>
  <c r="U81745" i="1"/>
  <c r="U81744" i="1"/>
  <c r="U81743" i="1"/>
  <c r="U81742" i="1"/>
  <c r="U81741" i="1"/>
  <c r="U81740" i="1"/>
  <c r="U81739" i="1"/>
  <c r="U81738" i="1"/>
  <c r="U81737" i="1"/>
  <c r="U81736" i="1"/>
  <c r="U81735" i="1"/>
  <c r="U81734" i="1"/>
  <c r="U81733" i="1"/>
  <c r="U81732" i="1"/>
  <c r="U81731" i="1"/>
  <c r="U81730" i="1"/>
  <c r="U81729" i="1"/>
  <c r="U81728" i="1"/>
  <c r="U81727" i="1"/>
  <c r="U81726" i="1"/>
  <c r="U81725" i="1"/>
  <c r="U81724" i="1"/>
  <c r="U81723" i="1"/>
  <c r="U81722" i="1"/>
  <c r="U81721" i="1"/>
  <c r="U81720" i="1"/>
  <c r="U81719" i="1"/>
  <c r="U81718" i="1"/>
  <c r="U81717" i="1"/>
  <c r="U81716" i="1"/>
  <c r="U81715" i="1"/>
  <c r="U81714" i="1"/>
  <c r="U81713" i="1"/>
  <c r="U81712" i="1"/>
  <c r="U81711" i="1"/>
  <c r="U81710" i="1"/>
  <c r="U81709" i="1"/>
  <c r="U81708" i="1"/>
  <c r="U81707" i="1"/>
  <c r="U81706" i="1"/>
  <c r="U81705" i="1"/>
  <c r="U81704" i="1"/>
  <c r="U81703" i="1"/>
  <c r="U81702" i="1"/>
  <c r="U81701" i="1"/>
  <c r="U81700" i="1"/>
  <c r="U81699" i="1"/>
  <c r="U81698" i="1"/>
  <c r="U81697" i="1"/>
  <c r="U81696" i="1"/>
  <c r="U81695" i="1"/>
  <c r="U81694" i="1"/>
  <c r="U81693" i="1"/>
  <c r="U81692" i="1"/>
  <c r="U81691" i="1"/>
  <c r="U81690" i="1"/>
  <c r="U81689" i="1"/>
  <c r="U81688" i="1"/>
  <c r="U81687" i="1"/>
  <c r="U81686" i="1"/>
  <c r="U81685" i="1"/>
  <c r="U81684" i="1"/>
  <c r="U81683" i="1"/>
  <c r="U81682" i="1"/>
  <c r="U81681" i="1"/>
  <c r="U81680" i="1"/>
  <c r="U81679" i="1"/>
  <c r="U81678" i="1"/>
  <c r="U81677" i="1"/>
  <c r="U81676" i="1"/>
  <c r="U81675" i="1"/>
  <c r="U81674" i="1"/>
  <c r="U81673" i="1"/>
  <c r="U81672" i="1"/>
  <c r="U81671" i="1"/>
  <c r="U81670" i="1"/>
  <c r="U81669" i="1"/>
  <c r="U81668" i="1"/>
  <c r="U81667" i="1"/>
  <c r="U81666" i="1"/>
  <c r="U81665" i="1"/>
  <c r="U81664" i="1"/>
  <c r="U81663" i="1"/>
  <c r="U81662" i="1"/>
  <c r="U81661" i="1"/>
  <c r="U81660" i="1"/>
  <c r="U81659" i="1"/>
  <c r="U81658" i="1"/>
  <c r="U81657" i="1"/>
  <c r="U81656" i="1"/>
  <c r="U81655" i="1"/>
  <c r="U81654" i="1"/>
  <c r="U81653" i="1"/>
  <c r="U81652" i="1"/>
  <c r="U81651" i="1"/>
  <c r="U81650" i="1"/>
  <c r="U81649" i="1"/>
  <c r="U81648" i="1"/>
  <c r="U81647" i="1"/>
  <c r="U81646" i="1"/>
  <c r="U81645" i="1"/>
  <c r="U81644" i="1"/>
  <c r="U81643" i="1"/>
  <c r="U81642" i="1"/>
  <c r="U81641" i="1"/>
  <c r="U81640" i="1"/>
  <c r="U81639" i="1"/>
  <c r="U81638" i="1"/>
  <c r="U81637" i="1"/>
  <c r="U81636" i="1"/>
  <c r="U81635" i="1"/>
  <c r="U81634" i="1"/>
  <c r="U81633" i="1"/>
  <c r="U81632" i="1"/>
  <c r="U81631" i="1"/>
  <c r="U81630" i="1"/>
  <c r="U81629" i="1"/>
  <c r="U81628" i="1"/>
  <c r="U81627" i="1"/>
  <c r="U81626" i="1"/>
  <c r="U81625" i="1"/>
  <c r="U81624" i="1"/>
  <c r="U81623" i="1"/>
  <c r="U81622" i="1"/>
  <c r="U81621" i="1"/>
  <c r="U81620" i="1"/>
  <c r="U81619" i="1"/>
  <c r="U81618" i="1"/>
  <c r="U81617" i="1"/>
  <c r="U81616" i="1"/>
  <c r="U81615" i="1"/>
  <c r="U81614" i="1"/>
  <c r="U81613" i="1"/>
  <c r="U81612" i="1"/>
  <c r="U81611" i="1"/>
  <c r="U81610" i="1"/>
  <c r="U81609" i="1"/>
  <c r="U81608" i="1"/>
  <c r="U81607" i="1"/>
  <c r="U81606" i="1"/>
  <c r="U81605" i="1"/>
  <c r="U81604" i="1"/>
  <c r="U81603" i="1"/>
  <c r="U81602" i="1"/>
  <c r="U81601" i="1"/>
  <c r="U81600" i="1"/>
  <c r="U81599" i="1"/>
  <c r="U81598" i="1"/>
  <c r="U81597" i="1"/>
  <c r="U81596" i="1"/>
  <c r="U81595" i="1"/>
  <c r="U81594" i="1"/>
  <c r="U81593" i="1"/>
  <c r="U81592" i="1"/>
  <c r="U81591" i="1"/>
  <c r="U81590" i="1"/>
  <c r="U81589" i="1"/>
  <c r="U81588" i="1"/>
  <c r="U81587" i="1"/>
  <c r="U81586" i="1"/>
  <c r="U81585" i="1"/>
  <c r="U81584" i="1"/>
  <c r="U81583" i="1"/>
  <c r="U81582" i="1"/>
  <c r="U81581" i="1"/>
  <c r="U81580" i="1"/>
  <c r="U81579" i="1"/>
  <c r="U81578" i="1"/>
  <c r="U81577" i="1"/>
  <c r="U81576" i="1"/>
  <c r="U81575" i="1"/>
  <c r="U81574" i="1"/>
  <c r="U81573" i="1"/>
  <c r="U81572" i="1"/>
  <c r="U81571" i="1"/>
  <c r="U81570" i="1"/>
  <c r="U81569" i="1"/>
  <c r="U81568" i="1"/>
  <c r="U81567" i="1"/>
  <c r="U81566" i="1"/>
  <c r="U81565" i="1"/>
  <c r="U81564" i="1"/>
  <c r="U81563" i="1"/>
  <c r="U81562" i="1"/>
  <c r="U81561" i="1"/>
  <c r="U81560" i="1"/>
  <c r="U81559" i="1"/>
  <c r="U81558" i="1"/>
  <c r="U81557" i="1"/>
  <c r="U81556" i="1"/>
  <c r="U81555" i="1"/>
  <c r="U81554" i="1"/>
  <c r="U81553" i="1"/>
  <c r="U81552" i="1"/>
  <c r="U81551" i="1"/>
  <c r="U81550" i="1"/>
  <c r="U81549" i="1"/>
  <c r="U81548" i="1"/>
  <c r="U81547" i="1"/>
  <c r="U81546" i="1"/>
  <c r="U81545" i="1"/>
  <c r="U81544" i="1"/>
  <c r="U81543" i="1"/>
  <c r="U81542" i="1"/>
  <c r="U81541" i="1"/>
  <c r="U81540" i="1"/>
  <c r="U81539" i="1"/>
  <c r="U81538" i="1"/>
  <c r="U81537" i="1"/>
  <c r="U81536" i="1"/>
  <c r="U81535" i="1"/>
  <c r="U81534" i="1"/>
  <c r="U81533" i="1"/>
  <c r="U81532" i="1"/>
  <c r="U81531" i="1"/>
  <c r="U81530" i="1"/>
  <c r="U81529" i="1"/>
  <c r="U81528" i="1"/>
  <c r="U81527" i="1"/>
  <c r="U81526" i="1"/>
  <c r="U81525" i="1"/>
  <c r="U81524" i="1"/>
  <c r="U81523" i="1"/>
  <c r="U81522" i="1"/>
  <c r="U81521" i="1"/>
  <c r="U81520" i="1"/>
  <c r="U81519" i="1"/>
  <c r="U81518" i="1"/>
  <c r="U81517" i="1"/>
  <c r="U81516" i="1"/>
  <c r="U81515" i="1"/>
  <c r="U81514" i="1"/>
  <c r="U81513" i="1"/>
  <c r="U81512" i="1"/>
  <c r="U81511" i="1"/>
  <c r="U81510" i="1"/>
  <c r="U81509" i="1"/>
  <c r="U81508" i="1"/>
  <c r="U81507" i="1"/>
  <c r="U81506" i="1"/>
  <c r="U81505" i="1"/>
  <c r="U81504" i="1"/>
  <c r="U81503" i="1"/>
  <c r="U81502" i="1"/>
  <c r="U81501" i="1"/>
  <c r="U81500" i="1"/>
  <c r="U81499" i="1"/>
  <c r="U81498" i="1"/>
  <c r="U81497" i="1"/>
  <c r="U81496" i="1"/>
  <c r="U81495" i="1"/>
  <c r="U81494" i="1"/>
  <c r="U81493" i="1"/>
  <c r="U81492" i="1"/>
  <c r="U81491" i="1"/>
  <c r="U81490" i="1"/>
  <c r="U81489" i="1"/>
  <c r="U81488" i="1"/>
  <c r="U81487" i="1"/>
  <c r="U81486" i="1"/>
  <c r="U81485" i="1"/>
  <c r="U81484" i="1"/>
  <c r="U81483" i="1"/>
  <c r="U81482" i="1"/>
  <c r="U81481" i="1"/>
  <c r="U81480" i="1"/>
  <c r="U81479" i="1"/>
  <c r="U81478" i="1"/>
  <c r="U81477" i="1"/>
  <c r="U81476" i="1"/>
  <c r="U81475" i="1"/>
  <c r="U81474" i="1"/>
  <c r="U81473" i="1"/>
  <c r="U81472" i="1"/>
  <c r="U81471" i="1"/>
  <c r="U81470" i="1"/>
  <c r="U81469" i="1"/>
  <c r="U81468" i="1"/>
  <c r="U81467" i="1"/>
  <c r="U81466" i="1"/>
  <c r="U81465" i="1"/>
  <c r="U81464" i="1"/>
  <c r="U81463" i="1"/>
  <c r="U81462" i="1"/>
  <c r="U81461" i="1"/>
  <c r="U81460" i="1"/>
  <c r="U81459" i="1"/>
  <c r="U81458" i="1"/>
  <c r="U81457" i="1"/>
  <c r="U81456" i="1"/>
  <c r="U81455" i="1"/>
  <c r="U81454" i="1"/>
  <c r="U81453" i="1"/>
  <c r="U81452" i="1"/>
  <c r="U81451" i="1"/>
  <c r="U81450" i="1"/>
  <c r="U81449" i="1"/>
  <c r="U81448" i="1"/>
  <c r="U81447" i="1"/>
  <c r="U81446" i="1"/>
  <c r="U81445" i="1"/>
  <c r="U81444" i="1"/>
  <c r="U81443" i="1"/>
  <c r="U81442" i="1"/>
  <c r="U81441" i="1"/>
  <c r="U81440" i="1"/>
  <c r="U81439" i="1"/>
  <c r="U81438" i="1"/>
  <c r="U81437" i="1"/>
  <c r="U81436" i="1"/>
  <c r="U81435" i="1"/>
  <c r="U81434" i="1"/>
  <c r="U81433" i="1"/>
  <c r="U81432" i="1"/>
  <c r="U81431" i="1"/>
  <c r="U81430" i="1"/>
  <c r="U81429" i="1"/>
  <c r="U81428" i="1"/>
  <c r="U81427" i="1"/>
  <c r="U81426" i="1"/>
  <c r="U81425" i="1"/>
  <c r="U81424" i="1"/>
  <c r="U81423" i="1"/>
  <c r="U81422" i="1"/>
  <c r="U81421" i="1"/>
  <c r="U81420" i="1"/>
  <c r="U81419" i="1"/>
  <c r="U81418" i="1"/>
  <c r="U81417" i="1"/>
  <c r="U81416" i="1"/>
  <c r="U81415" i="1"/>
  <c r="U81414" i="1"/>
  <c r="U81413" i="1"/>
  <c r="U81412" i="1"/>
  <c r="U81411" i="1"/>
  <c r="U81410" i="1"/>
  <c r="U81409" i="1"/>
  <c r="U81408" i="1"/>
  <c r="U81407" i="1"/>
  <c r="U81406" i="1"/>
  <c r="U81405" i="1"/>
  <c r="U81404" i="1"/>
  <c r="U81403" i="1"/>
  <c r="U81402" i="1"/>
  <c r="U81401" i="1"/>
  <c r="U81400" i="1"/>
  <c r="U81399" i="1"/>
  <c r="U81398" i="1"/>
  <c r="U81397" i="1"/>
  <c r="U81396" i="1"/>
  <c r="U81395" i="1"/>
  <c r="U81394" i="1"/>
  <c r="U81393" i="1"/>
  <c r="U81392" i="1"/>
  <c r="U81391" i="1"/>
  <c r="U81390" i="1"/>
  <c r="U81389" i="1"/>
  <c r="U81388" i="1"/>
  <c r="U81387" i="1"/>
  <c r="U81386" i="1"/>
  <c r="U81385" i="1"/>
  <c r="U81384" i="1"/>
  <c r="U81383" i="1"/>
  <c r="U81382" i="1"/>
  <c r="U81381" i="1"/>
  <c r="U81380" i="1"/>
  <c r="U81379" i="1"/>
  <c r="U81378" i="1"/>
  <c r="U81377" i="1"/>
  <c r="U81376" i="1"/>
  <c r="U81375" i="1"/>
  <c r="U81374" i="1"/>
  <c r="U81373" i="1"/>
  <c r="U81372" i="1"/>
  <c r="U81371" i="1"/>
  <c r="U81370" i="1"/>
  <c r="U81369" i="1"/>
  <c r="U81368" i="1"/>
  <c r="U81367" i="1"/>
  <c r="U81366" i="1"/>
  <c r="U81365" i="1"/>
  <c r="U81364" i="1"/>
  <c r="U81363" i="1"/>
  <c r="U81362" i="1"/>
  <c r="U81361" i="1"/>
  <c r="U81360" i="1"/>
  <c r="U81359" i="1"/>
  <c r="U81358" i="1"/>
  <c r="U81357" i="1"/>
  <c r="U81356" i="1"/>
  <c r="U81355" i="1"/>
  <c r="U81354" i="1"/>
  <c r="U81353" i="1"/>
  <c r="U81352" i="1"/>
  <c r="U81351" i="1"/>
  <c r="U81350" i="1"/>
  <c r="U81349" i="1"/>
  <c r="U81348" i="1"/>
  <c r="U81347" i="1"/>
  <c r="U81346" i="1"/>
  <c r="U81345" i="1"/>
  <c r="U81344" i="1"/>
  <c r="U81343" i="1"/>
  <c r="U81342" i="1"/>
  <c r="U81341" i="1"/>
  <c r="U81340" i="1"/>
  <c r="U81339" i="1"/>
  <c r="U81338" i="1"/>
  <c r="U81337" i="1"/>
  <c r="U81336" i="1"/>
  <c r="U81335" i="1"/>
  <c r="U81334" i="1"/>
  <c r="U81333" i="1"/>
  <c r="U81332" i="1"/>
  <c r="U81331" i="1"/>
  <c r="U81330" i="1"/>
  <c r="U81329" i="1"/>
  <c r="U81328" i="1"/>
  <c r="U81327" i="1"/>
  <c r="U81326" i="1"/>
  <c r="U81325" i="1"/>
  <c r="U81324" i="1"/>
  <c r="U81323" i="1"/>
  <c r="U81322" i="1"/>
  <c r="U81321" i="1"/>
  <c r="U81320" i="1"/>
  <c r="U81319" i="1"/>
  <c r="U81318" i="1"/>
  <c r="U81317" i="1"/>
  <c r="U81316" i="1"/>
  <c r="U81315" i="1"/>
  <c r="U81314" i="1"/>
  <c r="U81313" i="1"/>
  <c r="U81312" i="1"/>
  <c r="U81311" i="1"/>
  <c r="U81310" i="1"/>
  <c r="U81309" i="1"/>
  <c r="U81308" i="1"/>
  <c r="U81307" i="1"/>
  <c r="U81306" i="1"/>
  <c r="U81305" i="1"/>
  <c r="U81304" i="1"/>
  <c r="U81303" i="1"/>
  <c r="U81302" i="1"/>
  <c r="U81301" i="1"/>
  <c r="U81300" i="1"/>
  <c r="U81299" i="1"/>
  <c r="U81298" i="1"/>
  <c r="U81297" i="1"/>
  <c r="U81296" i="1"/>
  <c r="U81295" i="1"/>
  <c r="U81294" i="1"/>
  <c r="U81293" i="1"/>
  <c r="U81292" i="1"/>
  <c r="U81291" i="1"/>
  <c r="U81290" i="1"/>
  <c r="U81289" i="1"/>
  <c r="U81288" i="1"/>
  <c r="U81287" i="1"/>
  <c r="U81286" i="1"/>
  <c r="U81285" i="1"/>
  <c r="U81284" i="1"/>
  <c r="U81283" i="1"/>
  <c r="U81282" i="1"/>
  <c r="U81281" i="1"/>
  <c r="U81280" i="1"/>
  <c r="U81279" i="1"/>
  <c r="U81278" i="1"/>
  <c r="U81277" i="1"/>
  <c r="U81276" i="1"/>
  <c r="U81275" i="1"/>
  <c r="U81274" i="1"/>
  <c r="U81273" i="1"/>
  <c r="U81272" i="1"/>
  <c r="U81271" i="1"/>
  <c r="U81270" i="1"/>
  <c r="U81269" i="1"/>
  <c r="U81268" i="1"/>
  <c r="U81267" i="1"/>
  <c r="U81266" i="1"/>
  <c r="U81265" i="1"/>
  <c r="U81264" i="1"/>
  <c r="U81263" i="1"/>
  <c r="U81262" i="1"/>
  <c r="U81261" i="1"/>
  <c r="U81260" i="1"/>
  <c r="U81259" i="1"/>
  <c r="U81258" i="1"/>
  <c r="U81257" i="1"/>
  <c r="U81256" i="1"/>
  <c r="U81255" i="1"/>
  <c r="U81254" i="1"/>
  <c r="U81253" i="1"/>
  <c r="U81252" i="1"/>
  <c r="U81251" i="1"/>
  <c r="U81250" i="1"/>
  <c r="U81249" i="1"/>
  <c r="U81248" i="1"/>
  <c r="U81247" i="1"/>
  <c r="U81246" i="1"/>
  <c r="U81245" i="1"/>
  <c r="U81244" i="1"/>
  <c r="U81243" i="1"/>
  <c r="U81242" i="1"/>
  <c r="U81241" i="1"/>
  <c r="U81240" i="1"/>
  <c r="U81239" i="1"/>
  <c r="U81238" i="1"/>
  <c r="U81237" i="1"/>
  <c r="U81236" i="1"/>
  <c r="U81235" i="1"/>
  <c r="U81234" i="1"/>
  <c r="U81233" i="1"/>
  <c r="U81232" i="1"/>
  <c r="U81231" i="1"/>
  <c r="U81230" i="1"/>
  <c r="U81229" i="1"/>
  <c r="U81228" i="1"/>
  <c r="U81227" i="1"/>
  <c r="U81226" i="1"/>
  <c r="U81225" i="1"/>
  <c r="U81224" i="1"/>
  <c r="U81223" i="1"/>
  <c r="U81222" i="1"/>
  <c r="U81221" i="1"/>
  <c r="U81220" i="1"/>
  <c r="U81219" i="1"/>
  <c r="U81218" i="1"/>
  <c r="U81217" i="1"/>
  <c r="U81216" i="1"/>
  <c r="U81215" i="1"/>
  <c r="U81214" i="1"/>
  <c r="U81213" i="1"/>
  <c r="U81212" i="1"/>
  <c r="U81211" i="1"/>
  <c r="U81210" i="1"/>
  <c r="U81209" i="1"/>
  <c r="U81208" i="1"/>
  <c r="U81207" i="1"/>
  <c r="U81206" i="1"/>
  <c r="U81205" i="1"/>
  <c r="U81204" i="1"/>
  <c r="U81203" i="1"/>
  <c r="U81202" i="1"/>
  <c r="U81201" i="1"/>
  <c r="U81200" i="1"/>
  <c r="U81199" i="1"/>
  <c r="U81198" i="1"/>
  <c r="U81197" i="1"/>
  <c r="U81196" i="1"/>
  <c r="U81195" i="1"/>
  <c r="U81194" i="1"/>
  <c r="U81193" i="1"/>
  <c r="U81192" i="1"/>
  <c r="U81191" i="1"/>
  <c r="U81190" i="1"/>
  <c r="U81189" i="1"/>
  <c r="U81188" i="1"/>
  <c r="U81187" i="1"/>
  <c r="U81186" i="1"/>
  <c r="U81185" i="1"/>
  <c r="U81184" i="1"/>
  <c r="U81183" i="1"/>
  <c r="U81182" i="1"/>
  <c r="U81181" i="1"/>
  <c r="U81180" i="1"/>
  <c r="U81179" i="1"/>
  <c r="U81178" i="1"/>
  <c r="U81177" i="1"/>
  <c r="U81176" i="1"/>
  <c r="U81175" i="1"/>
  <c r="U81174" i="1"/>
  <c r="U81173" i="1"/>
  <c r="U81172" i="1"/>
  <c r="U81171" i="1"/>
  <c r="U81170" i="1"/>
  <c r="U81169" i="1"/>
  <c r="U81168" i="1"/>
  <c r="U81167" i="1"/>
  <c r="U81166" i="1"/>
  <c r="U81165" i="1"/>
  <c r="U81164" i="1"/>
  <c r="U81163" i="1"/>
  <c r="U81162" i="1"/>
  <c r="U81161" i="1"/>
  <c r="U81160" i="1"/>
  <c r="U81159" i="1"/>
  <c r="U81158" i="1"/>
  <c r="U81157" i="1"/>
  <c r="U81156" i="1"/>
  <c r="U81155" i="1"/>
  <c r="U81154" i="1"/>
  <c r="U81153" i="1"/>
  <c r="U81152" i="1"/>
  <c r="U81151" i="1"/>
  <c r="U81150" i="1"/>
  <c r="U81149" i="1"/>
  <c r="U81148" i="1"/>
  <c r="U81147" i="1"/>
  <c r="U81146" i="1"/>
  <c r="U81145" i="1"/>
  <c r="U81144" i="1"/>
  <c r="U81143" i="1"/>
  <c r="U81142" i="1"/>
  <c r="U81141" i="1"/>
  <c r="U81140" i="1"/>
  <c r="U81139" i="1"/>
  <c r="U81138" i="1"/>
  <c r="U81137" i="1"/>
  <c r="U81136" i="1"/>
  <c r="U81135" i="1"/>
  <c r="U81134" i="1"/>
  <c r="U81133" i="1"/>
  <c r="U81132" i="1"/>
  <c r="U81131" i="1"/>
  <c r="U81130" i="1"/>
  <c r="U81129" i="1"/>
  <c r="U81128" i="1"/>
  <c r="U81127" i="1"/>
  <c r="U81126" i="1"/>
  <c r="U81125" i="1"/>
  <c r="U81124" i="1"/>
  <c r="U81123" i="1"/>
  <c r="U81122" i="1"/>
  <c r="U81121" i="1"/>
  <c r="U81120" i="1"/>
  <c r="U81119" i="1"/>
  <c r="U81118" i="1"/>
  <c r="U81117" i="1"/>
  <c r="U81116" i="1"/>
  <c r="U81115" i="1"/>
  <c r="U81114" i="1"/>
  <c r="U81113" i="1"/>
  <c r="U81112" i="1"/>
  <c r="U81111" i="1"/>
  <c r="U81110" i="1"/>
  <c r="U81109" i="1"/>
  <c r="U81108" i="1"/>
  <c r="U81107" i="1"/>
  <c r="U81106" i="1"/>
  <c r="U81105" i="1"/>
  <c r="U81104" i="1"/>
  <c r="U81103" i="1"/>
  <c r="U81102" i="1"/>
  <c r="U81101" i="1"/>
  <c r="U81100" i="1"/>
  <c r="U81099" i="1"/>
  <c r="U81098" i="1"/>
  <c r="U81097" i="1"/>
  <c r="U81096" i="1"/>
  <c r="U81095" i="1"/>
  <c r="U81094" i="1"/>
  <c r="U81093" i="1"/>
  <c r="U81092" i="1"/>
  <c r="U81091" i="1"/>
  <c r="U81090" i="1"/>
  <c r="U81089" i="1"/>
  <c r="U81088" i="1"/>
  <c r="U81087" i="1"/>
  <c r="U81086" i="1"/>
  <c r="U81085" i="1"/>
  <c r="U81084" i="1"/>
  <c r="U81083" i="1"/>
  <c r="U81082" i="1"/>
  <c r="U81081" i="1"/>
  <c r="U81080" i="1"/>
  <c r="U81079" i="1"/>
  <c r="U81078" i="1"/>
  <c r="U81077" i="1"/>
  <c r="U81076" i="1"/>
  <c r="U81075" i="1"/>
  <c r="U81074" i="1"/>
  <c r="U81073" i="1"/>
  <c r="U81072" i="1"/>
  <c r="U81071" i="1"/>
  <c r="U81070" i="1"/>
  <c r="U81069" i="1"/>
  <c r="U81068" i="1"/>
  <c r="U81067" i="1"/>
  <c r="U81066" i="1"/>
  <c r="U81065" i="1"/>
  <c r="U81064" i="1"/>
  <c r="U81063" i="1"/>
  <c r="U81062" i="1"/>
  <c r="U81061" i="1"/>
  <c r="U81060" i="1"/>
  <c r="U81059" i="1"/>
  <c r="U81058" i="1"/>
  <c r="U81057" i="1"/>
  <c r="U81056" i="1"/>
  <c r="U81055" i="1"/>
  <c r="U81054" i="1"/>
  <c r="U81053" i="1"/>
  <c r="U81052" i="1"/>
  <c r="U81051" i="1"/>
  <c r="U81050" i="1"/>
  <c r="U81049" i="1"/>
  <c r="U81048" i="1"/>
  <c r="U81047" i="1"/>
  <c r="U81046" i="1"/>
  <c r="U81045" i="1"/>
  <c r="U81044" i="1"/>
  <c r="U81043" i="1"/>
  <c r="U81042" i="1"/>
  <c r="U81041" i="1"/>
  <c r="U81040" i="1"/>
  <c r="U81039" i="1"/>
  <c r="U81038" i="1"/>
  <c r="U81037" i="1"/>
  <c r="U81036" i="1"/>
  <c r="U81035" i="1"/>
  <c r="U81034" i="1"/>
  <c r="U81033" i="1"/>
  <c r="U81032" i="1"/>
  <c r="U81031" i="1"/>
  <c r="U81030" i="1"/>
  <c r="U81029" i="1"/>
  <c r="U81028" i="1"/>
  <c r="U81027" i="1"/>
  <c r="U81026" i="1"/>
  <c r="U81025" i="1"/>
  <c r="U81024" i="1"/>
  <c r="U81023" i="1"/>
  <c r="U81022" i="1"/>
  <c r="U81021" i="1"/>
  <c r="U81020" i="1"/>
  <c r="U81019" i="1"/>
  <c r="U81018" i="1"/>
  <c r="U81017" i="1"/>
  <c r="U81016" i="1"/>
  <c r="U81015" i="1"/>
  <c r="U81014" i="1"/>
  <c r="U81013" i="1"/>
  <c r="U81012" i="1"/>
  <c r="U81011" i="1"/>
  <c r="U81010" i="1"/>
  <c r="U81009" i="1"/>
  <c r="U81008" i="1"/>
  <c r="U81007" i="1"/>
  <c r="U81006" i="1"/>
  <c r="U81005" i="1"/>
  <c r="U81004" i="1"/>
  <c r="U81003" i="1"/>
  <c r="U81002" i="1"/>
  <c r="U81001" i="1"/>
  <c r="U81000" i="1"/>
  <c r="U80999" i="1"/>
  <c r="U80998" i="1"/>
  <c r="U80997" i="1"/>
  <c r="U80996" i="1"/>
  <c r="U80995" i="1"/>
  <c r="U80994" i="1"/>
  <c r="U80993" i="1"/>
  <c r="U80992" i="1"/>
  <c r="U80991" i="1"/>
  <c r="U80990" i="1"/>
  <c r="U80989" i="1"/>
  <c r="U80988" i="1"/>
  <c r="U80987" i="1"/>
  <c r="U80986" i="1"/>
  <c r="U80985" i="1"/>
  <c r="U80984" i="1"/>
  <c r="U80983" i="1"/>
  <c r="U80982" i="1"/>
  <c r="U80981" i="1"/>
  <c r="U80980" i="1"/>
  <c r="U80979" i="1"/>
  <c r="U80978" i="1"/>
  <c r="U80977" i="1"/>
  <c r="U80976" i="1"/>
  <c r="U80975" i="1"/>
  <c r="U80974" i="1"/>
  <c r="U80973" i="1"/>
  <c r="U80972" i="1"/>
  <c r="U80971" i="1"/>
  <c r="U80970" i="1"/>
  <c r="U80969" i="1"/>
  <c r="U80968" i="1"/>
  <c r="U80967" i="1"/>
  <c r="U80966" i="1"/>
  <c r="U80965" i="1"/>
  <c r="U80964" i="1"/>
  <c r="U80963" i="1"/>
  <c r="U80962" i="1"/>
  <c r="U80961" i="1"/>
  <c r="U80960" i="1"/>
  <c r="U80959" i="1"/>
  <c r="U80958" i="1"/>
  <c r="U80957" i="1"/>
  <c r="U80956" i="1"/>
  <c r="U80955" i="1"/>
  <c r="U80954" i="1"/>
  <c r="U80953" i="1"/>
  <c r="U80952" i="1"/>
  <c r="U80951" i="1"/>
  <c r="U80950" i="1"/>
  <c r="U80949" i="1"/>
  <c r="U80948" i="1"/>
  <c r="U80947" i="1"/>
  <c r="U80946" i="1"/>
  <c r="U80945" i="1"/>
  <c r="U80944" i="1"/>
  <c r="U80943" i="1"/>
  <c r="U80942" i="1"/>
  <c r="U80941" i="1"/>
  <c r="U80940" i="1"/>
  <c r="U80939" i="1"/>
  <c r="U80938" i="1"/>
  <c r="U80937" i="1"/>
  <c r="U80936" i="1"/>
  <c r="U80935" i="1"/>
  <c r="U80934" i="1"/>
  <c r="U80933" i="1"/>
  <c r="U80932" i="1"/>
  <c r="U80931" i="1"/>
  <c r="U80930" i="1"/>
  <c r="U80929" i="1"/>
  <c r="U80928" i="1"/>
  <c r="U80927" i="1"/>
  <c r="U80926" i="1"/>
  <c r="U80925" i="1"/>
  <c r="U80924" i="1"/>
  <c r="U80923" i="1"/>
  <c r="U80922" i="1"/>
  <c r="U80921" i="1"/>
  <c r="U80920" i="1"/>
  <c r="U80919" i="1"/>
  <c r="U80918" i="1"/>
  <c r="U80917" i="1"/>
  <c r="U80916" i="1"/>
  <c r="U80915" i="1"/>
  <c r="U80914" i="1"/>
  <c r="U80913" i="1"/>
  <c r="U80912" i="1"/>
  <c r="U80911" i="1"/>
  <c r="U80910" i="1"/>
  <c r="U80909" i="1"/>
  <c r="U80908" i="1"/>
  <c r="U80907" i="1"/>
  <c r="U80906" i="1"/>
  <c r="U80905" i="1"/>
  <c r="U80904" i="1"/>
  <c r="U80903" i="1"/>
  <c r="U80902" i="1"/>
  <c r="U80901" i="1"/>
  <c r="U80900" i="1"/>
  <c r="U80899" i="1"/>
  <c r="U80898" i="1"/>
  <c r="U80897" i="1"/>
  <c r="U80896" i="1"/>
  <c r="U80895" i="1"/>
  <c r="U80894" i="1"/>
  <c r="U80893" i="1"/>
  <c r="U80892" i="1"/>
  <c r="U80891" i="1"/>
  <c r="U80890" i="1"/>
  <c r="U80889" i="1"/>
  <c r="U80888" i="1"/>
  <c r="U80887" i="1"/>
  <c r="U80886" i="1"/>
  <c r="U80885" i="1"/>
  <c r="U80884" i="1"/>
  <c r="U80883" i="1"/>
  <c r="U80882" i="1"/>
  <c r="U80881" i="1"/>
  <c r="U80880" i="1"/>
  <c r="U80879" i="1"/>
  <c r="U80878" i="1"/>
  <c r="U80877" i="1"/>
  <c r="U80876" i="1"/>
  <c r="U80875" i="1"/>
  <c r="U80874" i="1"/>
  <c r="U80873" i="1"/>
  <c r="U80872" i="1"/>
  <c r="U80871" i="1"/>
  <c r="U80870" i="1"/>
  <c r="U80869" i="1"/>
  <c r="U80868" i="1"/>
  <c r="U80867" i="1"/>
  <c r="U80866" i="1"/>
  <c r="U80865" i="1"/>
  <c r="U80864" i="1"/>
  <c r="U80863" i="1"/>
  <c r="U80862" i="1"/>
  <c r="U80861" i="1"/>
  <c r="U80860" i="1"/>
  <c r="U80859" i="1"/>
  <c r="U80858" i="1"/>
  <c r="U80857" i="1"/>
  <c r="U80856" i="1"/>
  <c r="U80855" i="1"/>
  <c r="U80854" i="1"/>
  <c r="U80853" i="1"/>
  <c r="U80852" i="1"/>
  <c r="U80851" i="1"/>
  <c r="U80850" i="1"/>
  <c r="U80849" i="1"/>
  <c r="U80848" i="1"/>
  <c r="U80847" i="1"/>
  <c r="U80846" i="1"/>
  <c r="U80845" i="1"/>
  <c r="U80844" i="1"/>
  <c r="U80843" i="1"/>
  <c r="U80842" i="1"/>
  <c r="U80841" i="1"/>
  <c r="U80840" i="1"/>
  <c r="U80839" i="1"/>
  <c r="U80838" i="1"/>
  <c r="U80837" i="1"/>
  <c r="U80836" i="1"/>
  <c r="U80835" i="1"/>
  <c r="U80834" i="1"/>
  <c r="U80833" i="1"/>
  <c r="U80832" i="1"/>
  <c r="U80831" i="1"/>
  <c r="U80830" i="1"/>
  <c r="U80829" i="1"/>
  <c r="U80828" i="1"/>
  <c r="U80827" i="1"/>
  <c r="U80826" i="1"/>
  <c r="U80825" i="1"/>
  <c r="U80824" i="1"/>
  <c r="U80823" i="1"/>
  <c r="U80822" i="1"/>
  <c r="U80821" i="1"/>
  <c r="U80820" i="1"/>
  <c r="U80819" i="1"/>
  <c r="U80818" i="1"/>
  <c r="U80817" i="1"/>
  <c r="U80816" i="1"/>
  <c r="U80815" i="1"/>
  <c r="U80814" i="1"/>
  <c r="U80813" i="1"/>
  <c r="U80812" i="1"/>
  <c r="U80811" i="1"/>
  <c r="U80810" i="1"/>
  <c r="U80809" i="1"/>
  <c r="U80808" i="1"/>
  <c r="U80807" i="1"/>
  <c r="U80806" i="1"/>
  <c r="U80805" i="1"/>
  <c r="U80804" i="1"/>
  <c r="U80803" i="1"/>
  <c r="U80802" i="1"/>
  <c r="U80801" i="1"/>
  <c r="U80800" i="1"/>
  <c r="U80799" i="1"/>
  <c r="U80798" i="1"/>
  <c r="U80797" i="1"/>
  <c r="U80796" i="1"/>
  <c r="U80795" i="1"/>
  <c r="U80794" i="1"/>
  <c r="U80793" i="1"/>
  <c r="U80792" i="1"/>
  <c r="U80791" i="1"/>
  <c r="U80790" i="1"/>
  <c r="U80789" i="1"/>
  <c r="U80788" i="1"/>
  <c r="U80787" i="1"/>
  <c r="U80786" i="1"/>
  <c r="U80785" i="1"/>
  <c r="U80784" i="1"/>
  <c r="U80783" i="1"/>
  <c r="U80782" i="1"/>
  <c r="U80781" i="1"/>
  <c r="U80780" i="1"/>
  <c r="U80779" i="1"/>
  <c r="U80778" i="1"/>
  <c r="U80777" i="1"/>
  <c r="U80776" i="1"/>
  <c r="U80775" i="1"/>
  <c r="U80774" i="1"/>
  <c r="U80773" i="1"/>
  <c r="U80772" i="1"/>
  <c r="U80771" i="1"/>
  <c r="U80770" i="1"/>
  <c r="U80769" i="1"/>
  <c r="U80768" i="1"/>
  <c r="U80767" i="1"/>
  <c r="U80766" i="1"/>
  <c r="U80765" i="1"/>
  <c r="U80764" i="1"/>
  <c r="U80763" i="1"/>
  <c r="U80762" i="1"/>
  <c r="U80761" i="1"/>
  <c r="U80760" i="1"/>
  <c r="U80759" i="1"/>
  <c r="U80758" i="1"/>
  <c r="U80757" i="1"/>
  <c r="U80756" i="1"/>
  <c r="U80755" i="1"/>
  <c r="U80754" i="1"/>
  <c r="U80753" i="1"/>
  <c r="U80752" i="1"/>
  <c r="U80751" i="1"/>
  <c r="U80750" i="1"/>
  <c r="U80749" i="1"/>
  <c r="U80748" i="1"/>
  <c r="U80747" i="1"/>
  <c r="U80746" i="1"/>
  <c r="U80745" i="1"/>
  <c r="U80744" i="1"/>
  <c r="U80743" i="1"/>
  <c r="U80742" i="1"/>
  <c r="U80741" i="1"/>
  <c r="U80740" i="1"/>
  <c r="U80739" i="1"/>
  <c r="U80738" i="1"/>
  <c r="U80737" i="1"/>
  <c r="U80736" i="1"/>
  <c r="U80735" i="1"/>
  <c r="U80734" i="1"/>
  <c r="U80733" i="1"/>
  <c r="U80732" i="1"/>
  <c r="U80731" i="1"/>
  <c r="U80730" i="1"/>
  <c r="U80729" i="1"/>
  <c r="U80728" i="1"/>
  <c r="U80727" i="1"/>
  <c r="U80726" i="1"/>
  <c r="U80725" i="1"/>
  <c r="U80724" i="1"/>
  <c r="U80723" i="1"/>
  <c r="U80722" i="1"/>
  <c r="U80721" i="1"/>
  <c r="U80720" i="1"/>
  <c r="U80719" i="1"/>
  <c r="U80718" i="1"/>
  <c r="U80717" i="1"/>
  <c r="U80716" i="1"/>
  <c r="U80715" i="1"/>
  <c r="U80714" i="1"/>
  <c r="U80713" i="1"/>
  <c r="U80712" i="1"/>
  <c r="U80711" i="1"/>
  <c r="U80710" i="1"/>
  <c r="U80709" i="1"/>
  <c r="U80708" i="1"/>
  <c r="U80707" i="1"/>
  <c r="U80706" i="1"/>
  <c r="U80705" i="1"/>
  <c r="U80704" i="1"/>
  <c r="U80703" i="1"/>
  <c r="U80702" i="1"/>
  <c r="U80701" i="1"/>
  <c r="U80700" i="1"/>
  <c r="U80699" i="1"/>
  <c r="U80698" i="1"/>
  <c r="U80697" i="1"/>
  <c r="U80696" i="1"/>
  <c r="U80695" i="1"/>
  <c r="U80694" i="1"/>
  <c r="U80693" i="1"/>
  <c r="U80692" i="1"/>
  <c r="U80691" i="1"/>
  <c r="U80690" i="1"/>
  <c r="U80689" i="1"/>
  <c r="U80688" i="1"/>
  <c r="U80687" i="1"/>
  <c r="U80686" i="1"/>
  <c r="U80685" i="1"/>
  <c r="U80684" i="1"/>
  <c r="U80683" i="1"/>
  <c r="U80682" i="1"/>
  <c r="U80681" i="1"/>
  <c r="U80680" i="1"/>
  <c r="U80679" i="1"/>
  <c r="U80678" i="1"/>
  <c r="U80677" i="1"/>
  <c r="U80676" i="1"/>
  <c r="U80675" i="1"/>
  <c r="U80674" i="1"/>
  <c r="U80673" i="1"/>
  <c r="U80672" i="1"/>
  <c r="U80671" i="1"/>
  <c r="U80670" i="1"/>
  <c r="U80669" i="1"/>
  <c r="U80668" i="1"/>
  <c r="U80667" i="1"/>
  <c r="U80666" i="1"/>
  <c r="U80665" i="1"/>
  <c r="U80664" i="1"/>
  <c r="U80663" i="1"/>
  <c r="U80662" i="1"/>
  <c r="U80661" i="1"/>
  <c r="U80660" i="1"/>
  <c r="U80659" i="1"/>
  <c r="U80658" i="1"/>
  <c r="U80657" i="1"/>
  <c r="U80656" i="1"/>
  <c r="U80655" i="1"/>
  <c r="U80654" i="1"/>
  <c r="U80653" i="1"/>
  <c r="U80652" i="1"/>
  <c r="U80651" i="1"/>
  <c r="U80650" i="1"/>
  <c r="U80649" i="1"/>
  <c r="U80648" i="1"/>
  <c r="U80647" i="1"/>
  <c r="U80646" i="1"/>
  <c r="U80645" i="1"/>
  <c r="U80644" i="1"/>
  <c r="U80643" i="1"/>
  <c r="U80642" i="1"/>
  <c r="U80641" i="1"/>
  <c r="U80640" i="1"/>
  <c r="U80639" i="1"/>
  <c r="U80638" i="1"/>
  <c r="U80637" i="1"/>
  <c r="U80636" i="1"/>
  <c r="U80635" i="1"/>
  <c r="U80634" i="1"/>
  <c r="U80633" i="1"/>
  <c r="U80632" i="1"/>
  <c r="U80631" i="1"/>
  <c r="U80630" i="1"/>
  <c r="U80629" i="1"/>
  <c r="U80628" i="1"/>
  <c r="U80627" i="1"/>
  <c r="U80626" i="1"/>
  <c r="U80625" i="1"/>
  <c r="U80624" i="1"/>
  <c r="U80623" i="1"/>
  <c r="U80622" i="1"/>
  <c r="U80621" i="1"/>
  <c r="U80620" i="1"/>
  <c r="U80619" i="1"/>
  <c r="U80618" i="1"/>
  <c r="U80617" i="1"/>
  <c r="U80616" i="1"/>
  <c r="U80615" i="1"/>
  <c r="U80614" i="1"/>
  <c r="U80613" i="1"/>
  <c r="U80612" i="1"/>
  <c r="U80611" i="1"/>
  <c r="U80610" i="1"/>
  <c r="U80609" i="1"/>
  <c r="U80608" i="1"/>
  <c r="U80607" i="1"/>
  <c r="U80606" i="1"/>
  <c r="U80605" i="1"/>
  <c r="U80604" i="1"/>
  <c r="U80603" i="1"/>
  <c r="U80602" i="1"/>
  <c r="U80601" i="1"/>
  <c r="U80600" i="1"/>
  <c r="U80599" i="1"/>
  <c r="U80598" i="1"/>
  <c r="U80597" i="1"/>
  <c r="U80596" i="1"/>
  <c r="U80595" i="1"/>
  <c r="U80594" i="1"/>
  <c r="U80593" i="1"/>
  <c r="U80592" i="1"/>
  <c r="U80591" i="1"/>
  <c r="U80590" i="1"/>
  <c r="U80589" i="1"/>
  <c r="U80588" i="1"/>
  <c r="U80587" i="1"/>
  <c r="U80586" i="1"/>
  <c r="U80585" i="1"/>
  <c r="U80584" i="1"/>
  <c r="U80583" i="1"/>
  <c r="U80582" i="1"/>
  <c r="U80581" i="1"/>
  <c r="U80580" i="1"/>
  <c r="U80579" i="1"/>
  <c r="U80578" i="1"/>
  <c r="U80577" i="1"/>
  <c r="U80576" i="1"/>
  <c r="U80575" i="1"/>
  <c r="U80574" i="1"/>
  <c r="U80573" i="1"/>
  <c r="U80572" i="1"/>
  <c r="U80571" i="1"/>
  <c r="U80570" i="1"/>
  <c r="U80569" i="1"/>
  <c r="U80568" i="1"/>
  <c r="U80567" i="1"/>
  <c r="U80566" i="1"/>
  <c r="U80565" i="1"/>
  <c r="U80564" i="1"/>
  <c r="U80563" i="1"/>
  <c r="U80562" i="1"/>
  <c r="U80561" i="1"/>
  <c r="U80560" i="1"/>
  <c r="U80559" i="1"/>
  <c r="U80558" i="1"/>
  <c r="U80557" i="1"/>
  <c r="U80556" i="1"/>
  <c r="U80555" i="1"/>
  <c r="U80554" i="1"/>
  <c r="U80553" i="1"/>
  <c r="U80552" i="1"/>
  <c r="U80551" i="1"/>
  <c r="U80550" i="1"/>
  <c r="U80549" i="1"/>
  <c r="U80548" i="1"/>
  <c r="U80547" i="1"/>
  <c r="U80546" i="1"/>
  <c r="U80545" i="1"/>
  <c r="U80544" i="1"/>
  <c r="U80543" i="1"/>
  <c r="U80542" i="1"/>
  <c r="U80541" i="1"/>
  <c r="U80540" i="1"/>
  <c r="U80539" i="1"/>
  <c r="U80538" i="1"/>
  <c r="U80537" i="1"/>
  <c r="U80536" i="1"/>
  <c r="U80535" i="1"/>
  <c r="U80534" i="1"/>
  <c r="U80533" i="1"/>
  <c r="U80532" i="1"/>
  <c r="U80531" i="1"/>
  <c r="U80530" i="1"/>
  <c r="U80529" i="1"/>
  <c r="U80528" i="1"/>
  <c r="U80527" i="1"/>
  <c r="U80526" i="1"/>
  <c r="U80525" i="1"/>
  <c r="U80524" i="1"/>
  <c r="U80523" i="1"/>
  <c r="U80522" i="1"/>
  <c r="U80521" i="1"/>
  <c r="U80520" i="1"/>
  <c r="U80519" i="1"/>
  <c r="U80518" i="1"/>
  <c r="U80517" i="1"/>
  <c r="U80516" i="1"/>
  <c r="U80515" i="1"/>
  <c r="U80514" i="1"/>
  <c r="U80513" i="1"/>
  <c r="U80512" i="1"/>
  <c r="U80511" i="1"/>
  <c r="U80510" i="1"/>
  <c r="U80509" i="1"/>
  <c r="U80508" i="1"/>
  <c r="U80507" i="1"/>
  <c r="U80506" i="1"/>
  <c r="U80505" i="1"/>
  <c r="U80504" i="1"/>
  <c r="U80503" i="1"/>
  <c r="U80502" i="1"/>
  <c r="U80501" i="1"/>
  <c r="U80500" i="1"/>
  <c r="U80499" i="1"/>
  <c r="U80498" i="1"/>
  <c r="U80497" i="1"/>
  <c r="U80496" i="1"/>
  <c r="U80495" i="1"/>
  <c r="U80494" i="1"/>
  <c r="U80493" i="1"/>
  <c r="U80492" i="1"/>
  <c r="U80491" i="1"/>
  <c r="U80490" i="1"/>
  <c r="U80489" i="1"/>
  <c r="U80488" i="1"/>
  <c r="U80487" i="1"/>
  <c r="U80486" i="1"/>
  <c r="U80485" i="1"/>
  <c r="U80484" i="1"/>
  <c r="U80483" i="1"/>
  <c r="U80482" i="1"/>
  <c r="U80481" i="1"/>
  <c r="U80480" i="1"/>
  <c r="U80479" i="1"/>
  <c r="U80478" i="1"/>
  <c r="U80477" i="1"/>
  <c r="U80476" i="1"/>
  <c r="U80475" i="1"/>
  <c r="U80474" i="1"/>
  <c r="U80473" i="1"/>
  <c r="U80472" i="1"/>
  <c r="U80471" i="1"/>
  <c r="U80470" i="1"/>
  <c r="U80469" i="1"/>
  <c r="U80468" i="1"/>
  <c r="U80467" i="1"/>
  <c r="U80466" i="1"/>
  <c r="U80465" i="1"/>
  <c r="U80464" i="1"/>
  <c r="U80463" i="1"/>
  <c r="U80462" i="1"/>
  <c r="U80461" i="1"/>
  <c r="U80460" i="1"/>
  <c r="U80459" i="1"/>
  <c r="U80458" i="1"/>
  <c r="U80457" i="1"/>
  <c r="U80456" i="1"/>
  <c r="U80455" i="1"/>
  <c r="U80454" i="1"/>
  <c r="U80453" i="1"/>
  <c r="U80452" i="1"/>
  <c r="U80451" i="1"/>
  <c r="U80450" i="1"/>
  <c r="U80449" i="1"/>
  <c r="U80448" i="1"/>
  <c r="U80447" i="1"/>
  <c r="U80446" i="1"/>
  <c r="U80445" i="1"/>
  <c r="U80444" i="1"/>
  <c r="U80443" i="1"/>
  <c r="U80442" i="1"/>
  <c r="U80441" i="1"/>
  <c r="U80440" i="1"/>
  <c r="U80439" i="1"/>
  <c r="U80438" i="1"/>
  <c r="U80437" i="1"/>
  <c r="U80436" i="1"/>
  <c r="U80435" i="1"/>
  <c r="U80434" i="1"/>
  <c r="U80433" i="1"/>
  <c r="U80432" i="1"/>
  <c r="U80431" i="1"/>
  <c r="U80430" i="1"/>
  <c r="U80429" i="1"/>
  <c r="U80428" i="1"/>
  <c r="U80427" i="1"/>
  <c r="U80426" i="1"/>
  <c r="U80425" i="1"/>
  <c r="U80424" i="1"/>
  <c r="U80423" i="1"/>
  <c r="U80422" i="1"/>
  <c r="U80421" i="1"/>
  <c r="U80420" i="1"/>
  <c r="U80419" i="1"/>
  <c r="U80418" i="1"/>
  <c r="U80417" i="1"/>
  <c r="U80416" i="1"/>
  <c r="U80415" i="1"/>
  <c r="U80414" i="1"/>
  <c r="U80413" i="1"/>
  <c r="U80412" i="1"/>
  <c r="U80411" i="1"/>
  <c r="U80410" i="1"/>
  <c r="U80409" i="1"/>
  <c r="U80408" i="1"/>
  <c r="U80407" i="1"/>
  <c r="U80406" i="1"/>
  <c r="U80405" i="1"/>
  <c r="U80404" i="1"/>
  <c r="U80403" i="1"/>
  <c r="U80402" i="1"/>
  <c r="U80401" i="1"/>
  <c r="U80400" i="1"/>
  <c r="U80399" i="1"/>
  <c r="U80398" i="1"/>
  <c r="U80397" i="1"/>
  <c r="U80396" i="1"/>
  <c r="U80395" i="1"/>
  <c r="U80394" i="1"/>
  <c r="U80393" i="1"/>
  <c r="U80392" i="1"/>
  <c r="U80391" i="1"/>
  <c r="U80390" i="1"/>
  <c r="U80389" i="1"/>
  <c r="U80388" i="1"/>
  <c r="U80387" i="1"/>
  <c r="U80386" i="1"/>
  <c r="U80385" i="1"/>
  <c r="U80384" i="1"/>
  <c r="U80383" i="1"/>
  <c r="U80382" i="1"/>
  <c r="U80381" i="1"/>
  <c r="U80380" i="1"/>
  <c r="U80379" i="1"/>
  <c r="U80378" i="1"/>
  <c r="U80377" i="1"/>
  <c r="U80376" i="1"/>
  <c r="U80375" i="1"/>
  <c r="U80374" i="1"/>
  <c r="U80373" i="1"/>
  <c r="U80372" i="1"/>
  <c r="U80371" i="1"/>
  <c r="U80370" i="1"/>
  <c r="U80369" i="1"/>
  <c r="U80368" i="1"/>
  <c r="U80367" i="1"/>
  <c r="U80366" i="1"/>
  <c r="U80365" i="1"/>
  <c r="U80364" i="1"/>
  <c r="U80363" i="1"/>
  <c r="U80362" i="1"/>
  <c r="U80361" i="1"/>
  <c r="U80360" i="1"/>
  <c r="U80359" i="1"/>
  <c r="U80358" i="1"/>
  <c r="U80357" i="1"/>
  <c r="U80356" i="1"/>
  <c r="U80355" i="1"/>
  <c r="U80354" i="1"/>
  <c r="U80353" i="1"/>
  <c r="U80352" i="1"/>
  <c r="U80351" i="1"/>
  <c r="U80350" i="1"/>
  <c r="U80349" i="1"/>
  <c r="U80348" i="1"/>
  <c r="U80347" i="1"/>
  <c r="U80346" i="1"/>
  <c r="U80345" i="1"/>
  <c r="U80344" i="1"/>
  <c r="U80343" i="1"/>
  <c r="U80342" i="1"/>
  <c r="U80341" i="1"/>
  <c r="U80340" i="1"/>
  <c r="U80339" i="1"/>
  <c r="U80338" i="1"/>
  <c r="U80337" i="1"/>
  <c r="U80336" i="1"/>
  <c r="U80335" i="1"/>
  <c r="U80334" i="1"/>
  <c r="U80333" i="1"/>
  <c r="U80332" i="1"/>
  <c r="U80331" i="1"/>
  <c r="U80330" i="1"/>
  <c r="U80329" i="1"/>
  <c r="U80328" i="1"/>
  <c r="U80327" i="1"/>
  <c r="U80326" i="1"/>
  <c r="U80325" i="1"/>
  <c r="U80324" i="1"/>
  <c r="U80323" i="1"/>
  <c r="U80322" i="1"/>
  <c r="U80321" i="1"/>
  <c r="U80320" i="1"/>
  <c r="U80319" i="1"/>
  <c r="U80318" i="1"/>
  <c r="U80317" i="1"/>
  <c r="U80316" i="1"/>
  <c r="U80315" i="1"/>
  <c r="U80314" i="1"/>
  <c r="U80313" i="1"/>
  <c r="U80312" i="1"/>
  <c r="U80311" i="1"/>
  <c r="U80310" i="1"/>
  <c r="U80309" i="1"/>
  <c r="U80308" i="1"/>
  <c r="U80307" i="1"/>
  <c r="U80306" i="1"/>
  <c r="U80305" i="1"/>
  <c r="U80304" i="1"/>
  <c r="U80303" i="1"/>
  <c r="U80302" i="1"/>
  <c r="U80301" i="1"/>
  <c r="U80300" i="1"/>
  <c r="U80299" i="1"/>
  <c r="U80298" i="1"/>
  <c r="U80297" i="1"/>
  <c r="U80296" i="1"/>
  <c r="U80295" i="1"/>
  <c r="U80294" i="1"/>
  <c r="U80293" i="1"/>
  <c r="U80292" i="1"/>
  <c r="U80291" i="1"/>
  <c r="U80290" i="1"/>
  <c r="U80289" i="1"/>
  <c r="U80288" i="1"/>
  <c r="U80287" i="1"/>
  <c r="U80286" i="1"/>
  <c r="U80285" i="1"/>
  <c r="U80284" i="1"/>
  <c r="U80283" i="1"/>
  <c r="U80282" i="1"/>
  <c r="U80281" i="1"/>
  <c r="U80280" i="1"/>
  <c r="U80279" i="1"/>
  <c r="U80278" i="1"/>
  <c r="U80277" i="1"/>
  <c r="U80276" i="1"/>
  <c r="U80275" i="1"/>
  <c r="U80274" i="1"/>
  <c r="U80273" i="1"/>
  <c r="U80272" i="1"/>
  <c r="U80271" i="1"/>
  <c r="U80270" i="1"/>
  <c r="U80269" i="1"/>
  <c r="U80268" i="1"/>
  <c r="U80267" i="1"/>
  <c r="U80266" i="1"/>
  <c r="U80265" i="1"/>
  <c r="U80264" i="1"/>
  <c r="U80263" i="1"/>
  <c r="U80262" i="1"/>
  <c r="U80261" i="1"/>
  <c r="U80260" i="1"/>
  <c r="U80259" i="1"/>
  <c r="U80258" i="1"/>
  <c r="U80257" i="1"/>
  <c r="U80256" i="1"/>
  <c r="U80255" i="1"/>
  <c r="U80254" i="1"/>
  <c r="U80253" i="1"/>
  <c r="U80252" i="1"/>
  <c r="U80251" i="1"/>
  <c r="U80250" i="1"/>
  <c r="U80249" i="1"/>
  <c r="U80248" i="1"/>
  <c r="U80247" i="1"/>
  <c r="U80246" i="1"/>
  <c r="U80245" i="1"/>
  <c r="U80244" i="1"/>
  <c r="U80243" i="1"/>
  <c r="U80242" i="1"/>
  <c r="U80241" i="1"/>
  <c r="U80240" i="1"/>
  <c r="U80239" i="1"/>
  <c r="U80238" i="1"/>
  <c r="U80237" i="1"/>
  <c r="U80236" i="1"/>
  <c r="U80235" i="1"/>
  <c r="U80234" i="1"/>
  <c r="U80233" i="1"/>
  <c r="U80232" i="1"/>
  <c r="U80231" i="1"/>
  <c r="U80230" i="1"/>
  <c r="U80229" i="1"/>
  <c r="U80228" i="1"/>
  <c r="U80227" i="1"/>
  <c r="U80226" i="1"/>
  <c r="U80225" i="1"/>
  <c r="U80224" i="1"/>
  <c r="U80223" i="1"/>
  <c r="U80222" i="1"/>
  <c r="U80221" i="1"/>
  <c r="U80220" i="1"/>
  <c r="U80219" i="1"/>
  <c r="U80218" i="1"/>
  <c r="U80217" i="1"/>
  <c r="U80216" i="1"/>
  <c r="U80215" i="1"/>
  <c r="U80214" i="1"/>
  <c r="U80213" i="1"/>
  <c r="U80212" i="1"/>
  <c r="U80211" i="1"/>
  <c r="U80210" i="1"/>
  <c r="U80209" i="1"/>
  <c r="U80208" i="1"/>
  <c r="U80207" i="1"/>
  <c r="U80206" i="1"/>
  <c r="U80205" i="1"/>
  <c r="U80204" i="1"/>
  <c r="U80203" i="1"/>
  <c r="U80202" i="1"/>
  <c r="U80201" i="1"/>
  <c r="U80200" i="1"/>
  <c r="U80199" i="1"/>
  <c r="U80198" i="1"/>
  <c r="U80197" i="1"/>
  <c r="U80196" i="1"/>
  <c r="U80195" i="1"/>
  <c r="U80194" i="1"/>
  <c r="U80193" i="1"/>
  <c r="U80192" i="1"/>
  <c r="U80191" i="1"/>
  <c r="U80190" i="1"/>
  <c r="U80189" i="1"/>
  <c r="U80188" i="1"/>
  <c r="U80187" i="1"/>
  <c r="U80186" i="1"/>
  <c r="U80185" i="1"/>
  <c r="U80184" i="1"/>
  <c r="U80183" i="1"/>
  <c r="U80182" i="1"/>
  <c r="U80181" i="1"/>
  <c r="U80180" i="1"/>
  <c r="U80179" i="1"/>
  <c r="U80178" i="1"/>
  <c r="U80177" i="1"/>
  <c r="U80176" i="1"/>
  <c r="U80175" i="1"/>
  <c r="U80174" i="1"/>
  <c r="U80173" i="1"/>
  <c r="U80172" i="1"/>
  <c r="U80171" i="1"/>
  <c r="U80170" i="1"/>
  <c r="U80169" i="1"/>
  <c r="U80168" i="1"/>
  <c r="U80167" i="1"/>
  <c r="U80166" i="1"/>
  <c r="U80165" i="1"/>
  <c r="U80164" i="1"/>
  <c r="U80163" i="1"/>
  <c r="U80162" i="1"/>
  <c r="U80161" i="1"/>
  <c r="U80160" i="1"/>
  <c r="U80159" i="1"/>
  <c r="U80158" i="1"/>
  <c r="U80157" i="1"/>
  <c r="U80156" i="1"/>
  <c r="U80155" i="1"/>
  <c r="U80154" i="1"/>
  <c r="U80153" i="1"/>
  <c r="U80152" i="1"/>
  <c r="U80151" i="1"/>
  <c r="U80150" i="1"/>
  <c r="U80149" i="1"/>
  <c r="U80148" i="1"/>
  <c r="U80147" i="1"/>
  <c r="U80146" i="1"/>
  <c r="U80145" i="1"/>
  <c r="U80144" i="1"/>
  <c r="U80143" i="1"/>
  <c r="U80142" i="1"/>
  <c r="U80141" i="1"/>
  <c r="U80140" i="1"/>
  <c r="U80139" i="1"/>
  <c r="U80138" i="1"/>
  <c r="U80137" i="1"/>
  <c r="U80136" i="1"/>
  <c r="U80135" i="1"/>
  <c r="U80134" i="1"/>
  <c r="U80133" i="1"/>
  <c r="U80132" i="1"/>
  <c r="U80131" i="1"/>
  <c r="U80130" i="1"/>
  <c r="U80129" i="1"/>
  <c r="U80128" i="1"/>
  <c r="U80127" i="1"/>
  <c r="U80126" i="1"/>
  <c r="U80125" i="1"/>
  <c r="U80124" i="1"/>
  <c r="U80123" i="1"/>
  <c r="U80122" i="1"/>
  <c r="U80121" i="1"/>
  <c r="U80120" i="1"/>
  <c r="U80119" i="1"/>
  <c r="U80118" i="1"/>
  <c r="U80117" i="1"/>
  <c r="U80116" i="1"/>
  <c r="U80115" i="1"/>
  <c r="U80114" i="1"/>
  <c r="U80113" i="1"/>
  <c r="U80112" i="1"/>
  <c r="U80111" i="1"/>
  <c r="U80110" i="1"/>
  <c r="U80109" i="1"/>
  <c r="U80108" i="1"/>
  <c r="U80107" i="1"/>
  <c r="U80106" i="1"/>
  <c r="U80105" i="1"/>
  <c r="U80104" i="1"/>
  <c r="U80103" i="1"/>
  <c r="U80102" i="1"/>
  <c r="U80101" i="1"/>
  <c r="U80100" i="1"/>
  <c r="U80099" i="1"/>
  <c r="U80098" i="1"/>
  <c r="U80097" i="1"/>
  <c r="U80096" i="1"/>
  <c r="U80095" i="1"/>
  <c r="U80094" i="1"/>
  <c r="U80093" i="1"/>
  <c r="U80092" i="1"/>
  <c r="U80091" i="1"/>
  <c r="U80090" i="1"/>
  <c r="U80089" i="1"/>
  <c r="U80088" i="1"/>
  <c r="U80087" i="1"/>
  <c r="U80086" i="1"/>
  <c r="U80085" i="1"/>
  <c r="U80084" i="1"/>
  <c r="U80083" i="1"/>
  <c r="U80082" i="1"/>
  <c r="U80081" i="1"/>
  <c r="U80080" i="1"/>
  <c r="U80079" i="1"/>
  <c r="U80078" i="1"/>
  <c r="U80077" i="1"/>
  <c r="U80076" i="1"/>
  <c r="U80075" i="1"/>
  <c r="U80074" i="1"/>
  <c r="U80073" i="1"/>
  <c r="U80072" i="1"/>
  <c r="U80071" i="1"/>
  <c r="U80070" i="1"/>
  <c r="U80069" i="1"/>
  <c r="U80068" i="1"/>
  <c r="U80067" i="1"/>
  <c r="U80066" i="1"/>
  <c r="U80065" i="1"/>
  <c r="U80064" i="1"/>
  <c r="U80063" i="1"/>
  <c r="U80062" i="1"/>
  <c r="U80061" i="1"/>
  <c r="U80060" i="1"/>
  <c r="U80059" i="1"/>
  <c r="U80058" i="1"/>
  <c r="U80057" i="1"/>
  <c r="U80056" i="1"/>
  <c r="U80055" i="1"/>
  <c r="U80054" i="1"/>
  <c r="U80053" i="1"/>
  <c r="U80052" i="1"/>
  <c r="U80051" i="1"/>
  <c r="U80050" i="1"/>
  <c r="U80049" i="1"/>
  <c r="U80048" i="1"/>
  <c r="U80047" i="1"/>
  <c r="U80046" i="1"/>
  <c r="U80045" i="1"/>
  <c r="U80044" i="1"/>
  <c r="U80043" i="1"/>
  <c r="U80042" i="1"/>
  <c r="U80041" i="1"/>
  <c r="U80040" i="1"/>
  <c r="U80039" i="1"/>
  <c r="U80038" i="1"/>
  <c r="U80037" i="1"/>
  <c r="U80036" i="1"/>
  <c r="U80035" i="1"/>
  <c r="U80034" i="1"/>
  <c r="U80033" i="1"/>
  <c r="U80032" i="1"/>
  <c r="U80031" i="1"/>
  <c r="U80030" i="1"/>
  <c r="U80029" i="1"/>
  <c r="U80028" i="1"/>
  <c r="U80027" i="1"/>
  <c r="U80026" i="1"/>
  <c r="U80025" i="1"/>
  <c r="U80024" i="1"/>
  <c r="U80023" i="1"/>
  <c r="U80022" i="1"/>
  <c r="U80021" i="1"/>
  <c r="U80020" i="1"/>
  <c r="U80019" i="1"/>
  <c r="U80018" i="1"/>
  <c r="U80017" i="1"/>
  <c r="U80016" i="1"/>
  <c r="U80015" i="1"/>
  <c r="U80014" i="1"/>
  <c r="U80013" i="1"/>
  <c r="U80012" i="1"/>
  <c r="U80011" i="1"/>
  <c r="U80010" i="1"/>
  <c r="U80009" i="1"/>
  <c r="U80008" i="1"/>
  <c r="U80007" i="1"/>
  <c r="U80006" i="1"/>
  <c r="U80005" i="1"/>
  <c r="U80004" i="1"/>
  <c r="U80003" i="1"/>
  <c r="U80002" i="1"/>
  <c r="U80001" i="1"/>
  <c r="U80000" i="1"/>
  <c r="U79999" i="1"/>
  <c r="U79998" i="1"/>
  <c r="U79997" i="1"/>
  <c r="U79996" i="1"/>
  <c r="U79995" i="1"/>
  <c r="U79994" i="1"/>
  <c r="U79993" i="1"/>
  <c r="U79992" i="1"/>
  <c r="U79991" i="1"/>
  <c r="U79990" i="1"/>
  <c r="U79989" i="1"/>
  <c r="U79988" i="1"/>
  <c r="U79987" i="1"/>
  <c r="U79986" i="1"/>
  <c r="U79985" i="1"/>
  <c r="U79984" i="1"/>
  <c r="U79983" i="1"/>
  <c r="U79982" i="1"/>
  <c r="U79981" i="1"/>
  <c r="U79980" i="1"/>
  <c r="U79979" i="1"/>
  <c r="U79978" i="1"/>
  <c r="U79977" i="1"/>
  <c r="U79976" i="1"/>
  <c r="U79975" i="1"/>
  <c r="U79974" i="1"/>
  <c r="U79973" i="1"/>
  <c r="U79972" i="1"/>
  <c r="U79971" i="1"/>
  <c r="U79970" i="1"/>
  <c r="U79969" i="1"/>
  <c r="U79968" i="1"/>
  <c r="U79967" i="1"/>
  <c r="U79966" i="1"/>
  <c r="U79965" i="1"/>
  <c r="U79964" i="1"/>
  <c r="U79963" i="1"/>
  <c r="U79962" i="1"/>
  <c r="U79961" i="1"/>
  <c r="U79960" i="1"/>
  <c r="U79959" i="1"/>
  <c r="U79958" i="1"/>
  <c r="U79957" i="1"/>
  <c r="U79956" i="1"/>
  <c r="U79955" i="1"/>
  <c r="U79954" i="1"/>
  <c r="U79953" i="1"/>
  <c r="U79952" i="1"/>
  <c r="U79951" i="1"/>
  <c r="U79950" i="1"/>
  <c r="U79949" i="1"/>
  <c r="U79948" i="1"/>
  <c r="U79947" i="1"/>
  <c r="U79946" i="1"/>
  <c r="U79945" i="1"/>
  <c r="U79944" i="1"/>
  <c r="U79943" i="1"/>
  <c r="U79942" i="1"/>
  <c r="U79941" i="1"/>
  <c r="U79940" i="1"/>
  <c r="U79939" i="1"/>
  <c r="U79938" i="1"/>
  <c r="U79937" i="1"/>
  <c r="U79936" i="1"/>
  <c r="U79935" i="1"/>
  <c r="U79934" i="1"/>
  <c r="U79933" i="1"/>
  <c r="U79932" i="1"/>
  <c r="U79931" i="1"/>
  <c r="U79930" i="1"/>
  <c r="U79929" i="1"/>
  <c r="U79928" i="1"/>
  <c r="U79927" i="1"/>
  <c r="U79926" i="1"/>
  <c r="U79925" i="1"/>
  <c r="U79924" i="1"/>
  <c r="U79923" i="1"/>
  <c r="U79922" i="1"/>
  <c r="U79921" i="1"/>
  <c r="U79920" i="1"/>
  <c r="U79919" i="1"/>
  <c r="U79918" i="1"/>
  <c r="U79917" i="1"/>
  <c r="U79916" i="1"/>
  <c r="U79915" i="1"/>
  <c r="U79914" i="1"/>
  <c r="U79913" i="1"/>
  <c r="U79912" i="1"/>
  <c r="U79911" i="1"/>
  <c r="U79910" i="1"/>
  <c r="U79909" i="1"/>
  <c r="U79908" i="1"/>
  <c r="U79907" i="1"/>
  <c r="U79906" i="1"/>
  <c r="U79905" i="1"/>
  <c r="U79904" i="1"/>
  <c r="U79903" i="1"/>
  <c r="U79902" i="1"/>
  <c r="U79901" i="1"/>
  <c r="U79900" i="1"/>
  <c r="U79899" i="1"/>
  <c r="U79898" i="1"/>
  <c r="U79897" i="1"/>
  <c r="U79896" i="1"/>
  <c r="U79895" i="1"/>
  <c r="U79894" i="1"/>
  <c r="U79893" i="1"/>
  <c r="U79892" i="1"/>
  <c r="U79891" i="1"/>
  <c r="U79890" i="1"/>
  <c r="U79889" i="1"/>
  <c r="U79888" i="1"/>
  <c r="U79887" i="1"/>
  <c r="U79886" i="1"/>
  <c r="U79885" i="1"/>
  <c r="U79884" i="1"/>
  <c r="U79883" i="1"/>
  <c r="U79882" i="1"/>
  <c r="U79881" i="1"/>
  <c r="U79880" i="1"/>
  <c r="U79879" i="1"/>
  <c r="U79878" i="1"/>
  <c r="U79877" i="1"/>
  <c r="U79876" i="1"/>
  <c r="U79875" i="1"/>
  <c r="U79874" i="1"/>
  <c r="U79873" i="1"/>
  <c r="U79872" i="1"/>
  <c r="U79871" i="1"/>
  <c r="U79870" i="1"/>
  <c r="U79869" i="1"/>
  <c r="U79868" i="1"/>
  <c r="U79867" i="1"/>
  <c r="U79866" i="1"/>
  <c r="U79865" i="1"/>
  <c r="U79864" i="1"/>
  <c r="U79863" i="1"/>
  <c r="U79862" i="1"/>
  <c r="U79861" i="1"/>
  <c r="U79860" i="1"/>
  <c r="U79859" i="1"/>
  <c r="U79858" i="1"/>
  <c r="U79857" i="1"/>
  <c r="U79856" i="1"/>
  <c r="U79855" i="1"/>
  <c r="U79854" i="1"/>
  <c r="U79853" i="1"/>
  <c r="U79852" i="1"/>
  <c r="U79851" i="1"/>
  <c r="U79850" i="1"/>
  <c r="U79849" i="1"/>
  <c r="U79848" i="1"/>
  <c r="U79847" i="1"/>
  <c r="U79846" i="1"/>
  <c r="U79845" i="1"/>
  <c r="U79844" i="1"/>
  <c r="U79843" i="1"/>
  <c r="U79842" i="1"/>
  <c r="U79841" i="1"/>
  <c r="U79840" i="1"/>
  <c r="U79839" i="1"/>
  <c r="U79838" i="1"/>
  <c r="U79837" i="1"/>
  <c r="U79836" i="1"/>
  <c r="U79835" i="1"/>
  <c r="U79834" i="1"/>
  <c r="U79833" i="1"/>
  <c r="U79832" i="1"/>
  <c r="U79831" i="1"/>
  <c r="U79830" i="1"/>
  <c r="U79829" i="1"/>
  <c r="U79828" i="1"/>
  <c r="U79827" i="1"/>
  <c r="U79826" i="1"/>
  <c r="U79825" i="1"/>
  <c r="U79824" i="1"/>
  <c r="U79823" i="1"/>
  <c r="U79822" i="1"/>
  <c r="U79821" i="1"/>
  <c r="U79820" i="1"/>
  <c r="U79819" i="1"/>
  <c r="U79818" i="1"/>
  <c r="U79817" i="1"/>
  <c r="U79816" i="1"/>
  <c r="U79815" i="1"/>
  <c r="U79814" i="1"/>
  <c r="U79813" i="1"/>
  <c r="U79812" i="1"/>
  <c r="U79811" i="1"/>
  <c r="U79810" i="1"/>
  <c r="U79809" i="1"/>
  <c r="U79808" i="1"/>
  <c r="U79807" i="1"/>
  <c r="U79806" i="1"/>
  <c r="U79805" i="1"/>
  <c r="U79804" i="1"/>
  <c r="U79803" i="1"/>
  <c r="U79802" i="1"/>
  <c r="U79801" i="1"/>
  <c r="U79800" i="1"/>
  <c r="U79799" i="1"/>
  <c r="U79798" i="1"/>
  <c r="U79797" i="1"/>
  <c r="U79796" i="1"/>
  <c r="U79795" i="1"/>
  <c r="U79794" i="1"/>
  <c r="U79793" i="1"/>
  <c r="U79792" i="1"/>
  <c r="U79791" i="1"/>
  <c r="U79790" i="1"/>
  <c r="U79789" i="1"/>
  <c r="U79788" i="1"/>
  <c r="U79787" i="1"/>
  <c r="U79786" i="1"/>
  <c r="U79785" i="1"/>
  <c r="U79784" i="1"/>
  <c r="U79783" i="1"/>
  <c r="U79782" i="1"/>
  <c r="U79781" i="1"/>
  <c r="U79780" i="1"/>
  <c r="U79779" i="1"/>
  <c r="U79778" i="1"/>
  <c r="U79777" i="1"/>
  <c r="U79776" i="1"/>
  <c r="U79775" i="1"/>
  <c r="U79774" i="1"/>
  <c r="U79773" i="1"/>
  <c r="U79772" i="1"/>
  <c r="U79771" i="1"/>
  <c r="U79770" i="1"/>
  <c r="U79769" i="1"/>
  <c r="U79768" i="1"/>
  <c r="U79767" i="1"/>
  <c r="U79766" i="1"/>
  <c r="U79765" i="1"/>
  <c r="U79764" i="1"/>
  <c r="U79763" i="1"/>
  <c r="U79762" i="1"/>
  <c r="U79761" i="1"/>
  <c r="U79760" i="1"/>
  <c r="U79759" i="1"/>
  <c r="U79758" i="1"/>
  <c r="U79757" i="1"/>
  <c r="U79756" i="1"/>
  <c r="U79755" i="1"/>
  <c r="U79754" i="1"/>
  <c r="U79753" i="1"/>
  <c r="U79752" i="1"/>
  <c r="U79751" i="1"/>
  <c r="U79750" i="1"/>
  <c r="U79749" i="1"/>
  <c r="U79748" i="1"/>
  <c r="U79747" i="1"/>
  <c r="U79746" i="1"/>
  <c r="U79745" i="1"/>
  <c r="U79744" i="1"/>
  <c r="U79743" i="1"/>
  <c r="U79742" i="1"/>
  <c r="U79741" i="1"/>
  <c r="U79740" i="1"/>
  <c r="U79739" i="1"/>
  <c r="U79738" i="1"/>
  <c r="U79737" i="1"/>
  <c r="U79736" i="1"/>
  <c r="U79735" i="1"/>
  <c r="U79734" i="1"/>
  <c r="U79733" i="1"/>
  <c r="U79732" i="1"/>
  <c r="U79731" i="1"/>
  <c r="U79730" i="1"/>
  <c r="U79729" i="1"/>
  <c r="U79728" i="1"/>
  <c r="U79727" i="1"/>
  <c r="U79726" i="1"/>
  <c r="U79725" i="1"/>
  <c r="U79724" i="1"/>
  <c r="U79723" i="1"/>
  <c r="U79722" i="1"/>
  <c r="U79721" i="1"/>
  <c r="U79720" i="1"/>
  <c r="U79719" i="1"/>
  <c r="U79718" i="1"/>
  <c r="U79717" i="1"/>
  <c r="U79716" i="1"/>
  <c r="U79715" i="1"/>
  <c r="U79714" i="1"/>
  <c r="U79713" i="1"/>
  <c r="U79712" i="1"/>
  <c r="U79711" i="1"/>
  <c r="U79710" i="1"/>
  <c r="U79709" i="1"/>
  <c r="U79708" i="1"/>
  <c r="U79707" i="1"/>
  <c r="U79706" i="1"/>
  <c r="U79705" i="1"/>
  <c r="U79704" i="1"/>
  <c r="U79703" i="1"/>
  <c r="U79702" i="1"/>
  <c r="U79701" i="1"/>
  <c r="U79700" i="1"/>
  <c r="U79699" i="1"/>
  <c r="U79698" i="1"/>
  <c r="U79697" i="1"/>
  <c r="U79696" i="1"/>
  <c r="U79695" i="1"/>
  <c r="U79694" i="1"/>
  <c r="U79693" i="1"/>
  <c r="U79692" i="1"/>
  <c r="U79691" i="1"/>
  <c r="U79690" i="1"/>
  <c r="U79689" i="1"/>
  <c r="U79688" i="1"/>
  <c r="U79687" i="1"/>
  <c r="U79686" i="1"/>
  <c r="U79685" i="1"/>
  <c r="U79684" i="1"/>
  <c r="U79683" i="1"/>
  <c r="U79682" i="1"/>
  <c r="U79681" i="1"/>
  <c r="U79680" i="1"/>
  <c r="U79679" i="1"/>
  <c r="U79678" i="1"/>
  <c r="U79677" i="1"/>
  <c r="U79676" i="1"/>
  <c r="U79675" i="1"/>
  <c r="U79674" i="1"/>
  <c r="U79673" i="1"/>
  <c r="U79672" i="1"/>
  <c r="U79671" i="1"/>
  <c r="U79670" i="1"/>
  <c r="U79669" i="1"/>
  <c r="U79668" i="1"/>
  <c r="U79667" i="1"/>
  <c r="U79666" i="1"/>
  <c r="U79665" i="1"/>
  <c r="U79664" i="1"/>
  <c r="U79663" i="1"/>
  <c r="U79662" i="1"/>
  <c r="U79661" i="1"/>
  <c r="U79660" i="1"/>
  <c r="U79659" i="1"/>
  <c r="U79658" i="1"/>
  <c r="U79657" i="1"/>
  <c r="U79656" i="1"/>
  <c r="U79655" i="1"/>
  <c r="U79654" i="1"/>
  <c r="U79653" i="1"/>
  <c r="U79652" i="1"/>
  <c r="U79651" i="1"/>
  <c r="U79650" i="1"/>
  <c r="U79649" i="1"/>
  <c r="U79648" i="1"/>
  <c r="U79647" i="1"/>
  <c r="U79646" i="1"/>
  <c r="U79645" i="1"/>
  <c r="U79644" i="1"/>
  <c r="U79643" i="1"/>
  <c r="U79642" i="1"/>
  <c r="U79641" i="1"/>
  <c r="U79640" i="1"/>
  <c r="U79639" i="1"/>
  <c r="U79638" i="1"/>
  <c r="U79637" i="1"/>
  <c r="U79636" i="1"/>
  <c r="U79635" i="1"/>
  <c r="U79634" i="1"/>
  <c r="U79633" i="1"/>
  <c r="U79632" i="1"/>
  <c r="U79631" i="1"/>
  <c r="U79630" i="1"/>
  <c r="U79629" i="1"/>
  <c r="U79628" i="1"/>
  <c r="U79627" i="1"/>
  <c r="U79626" i="1"/>
  <c r="U79625" i="1"/>
  <c r="U79624" i="1"/>
  <c r="U79623" i="1"/>
  <c r="U79622" i="1"/>
  <c r="U79621" i="1"/>
  <c r="U79620" i="1"/>
  <c r="U79619" i="1"/>
  <c r="U79618" i="1"/>
  <c r="U79617" i="1"/>
  <c r="U79616" i="1"/>
  <c r="U79615" i="1"/>
  <c r="U79614" i="1"/>
  <c r="U79613" i="1"/>
  <c r="U79612" i="1"/>
  <c r="U79611" i="1"/>
  <c r="U79610" i="1"/>
  <c r="U79609" i="1"/>
  <c r="U79608" i="1"/>
  <c r="U79607" i="1"/>
  <c r="U79606" i="1"/>
  <c r="U79605" i="1"/>
  <c r="U79604" i="1"/>
  <c r="U79603" i="1"/>
  <c r="U79602" i="1"/>
  <c r="U79601" i="1"/>
  <c r="U79600" i="1"/>
  <c r="U79599" i="1"/>
  <c r="U79598" i="1"/>
  <c r="U79597" i="1"/>
  <c r="U79596" i="1"/>
  <c r="U79595" i="1"/>
  <c r="U79594" i="1"/>
  <c r="U79593" i="1"/>
  <c r="U79592" i="1"/>
  <c r="U79591" i="1"/>
  <c r="U79590" i="1"/>
  <c r="U79589" i="1"/>
  <c r="U79588" i="1"/>
  <c r="U79587" i="1"/>
  <c r="U79586" i="1"/>
  <c r="U79585" i="1"/>
  <c r="U79584" i="1"/>
  <c r="U79583" i="1"/>
  <c r="U79582" i="1"/>
  <c r="U79581" i="1"/>
  <c r="U79580" i="1"/>
  <c r="U79579" i="1"/>
  <c r="U79578" i="1"/>
  <c r="U79577" i="1"/>
  <c r="U79576" i="1"/>
  <c r="U79575" i="1"/>
  <c r="U79574" i="1"/>
  <c r="U79573" i="1"/>
  <c r="U79572" i="1"/>
  <c r="U79571" i="1"/>
  <c r="U79570" i="1"/>
  <c r="U79569" i="1"/>
  <c r="U79568" i="1"/>
  <c r="U79567" i="1"/>
  <c r="U79566" i="1"/>
  <c r="U79565" i="1"/>
  <c r="U79564" i="1"/>
  <c r="U79563" i="1"/>
  <c r="U79562" i="1"/>
  <c r="U79561" i="1"/>
  <c r="U79560" i="1"/>
  <c r="U79559" i="1"/>
  <c r="U79558" i="1"/>
  <c r="U79557" i="1"/>
  <c r="U79556" i="1"/>
  <c r="U79555" i="1"/>
  <c r="U79554" i="1"/>
  <c r="U79553" i="1"/>
  <c r="U79552" i="1"/>
  <c r="U79551" i="1"/>
  <c r="U79550" i="1"/>
  <c r="U79549" i="1"/>
  <c r="U79548" i="1"/>
  <c r="U79547" i="1"/>
  <c r="U79546" i="1"/>
  <c r="U79545" i="1"/>
  <c r="U79544" i="1"/>
  <c r="U79543" i="1"/>
  <c r="U79542" i="1"/>
  <c r="U79541" i="1"/>
  <c r="U79540" i="1"/>
  <c r="U79539" i="1"/>
  <c r="U79538" i="1"/>
  <c r="U79537" i="1"/>
  <c r="U79536" i="1"/>
  <c r="U79535" i="1"/>
  <c r="U79534" i="1"/>
  <c r="U79533" i="1"/>
  <c r="U79532" i="1"/>
  <c r="U79531" i="1"/>
  <c r="U79530" i="1"/>
  <c r="U79529" i="1"/>
  <c r="U79528" i="1"/>
  <c r="U79527" i="1"/>
  <c r="U79526" i="1"/>
  <c r="U79525" i="1"/>
  <c r="U79524" i="1"/>
  <c r="U79523" i="1"/>
  <c r="U79522" i="1"/>
  <c r="U79521" i="1"/>
  <c r="U79520" i="1"/>
  <c r="U79519" i="1"/>
  <c r="U79518" i="1"/>
  <c r="U79517" i="1"/>
  <c r="U79516" i="1"/>
  <c r="U79515" i="1"/>
  <c r="U79514" i="1"/>
  <c r="U79513" i="1"/>
  <c r="U79512" i="1"/>
  <c r="U79511" i="1"/>
  <c r="U79510" i="1"/>
  <c r="U79509" i="1"/>
  <c r="U79508" i="1"/>
  <c r="U79507" i="1"/>
  <c r="U79506" i="1"/>
  <c r="U79505" i="1"/>
  <c r="U79504" i="1"/>
  <c r="U79503" i="1"/>
  <c r="U79502" i="1"/>
  <c r="U79501" i="1"/>
  <c r="U79500" i="1"/>
  <c r="U79499" i="1"/>
  <c r="U79498" i="1"/>
  <c r="U79497" i="1"/>
  <c r="U79496" i="1"/>
  <c r="U79495" i="1"/>
  <c r="U79494" i="1"/>
  <c r="U79493" i="1"/>
  <c r="U79492" i="1"/>
  <c r="U79491" i="1"/>
  <c r="U79490" i="1"/>
  <c r="U79489" i="1"/>
  <c r="U79488" i="1"/>
  <c r="U79487" i="1"/>
  <c r="U79486" i="1"/>
  <c r="U79485" i="1"/>
  <c r="U79484" i="1"/>
  <c r="U79483" i="1"/>
  <c r="U79482" i="1"/>
  <c r="U79481" i="1"/>
  <c r="U79480" i="1"/>
  <c r="U79479" i="1"/>
  <c r="U79478" i="1"/>
  <c r="U79477" i="1"/>
  <c r="U79476" i="1"/>
  <c r="U79475" i="1"/>
  <c r="U79474" i="1"/>
  <c r="U79473" i="1"/>
  <c r="U79472" i="1"/>
  <c r="U79471" i="1"/>
  <c r="U79470" i="1"/>
  <c r="U79469" i="1"/>
  <c r="U79468" i="1"/>
  <c r="U79467" i="1"/>
  <c r="U79466" i="1"/>
  <c r="U79465" i="1"/>
  <c r="U79464" i="1"/>
  <c r="U79463" i="1"/>
  <c r="U79462" i="1"/>
  <c r="U79461" i="1"/>
  <c r="U79460" i="1"/>
  <c r="U79459" i="1"/>
  <c r="U79458" i="1"/>
  <c r="U79457" i="1"/>
  <c r="U79456" i="1"/>
  <c r="U79455" i="1"/>
  <c r="U79454" i="1"/>
  <c r="U79453" i="1"/>
  <c r="U79452" i="1"/>
  <c r="U79451" i="1"/>
  <c r="U79450" i="1"/>
  <c r="U79449" i="1"/>
  <c r="U79448" i="1"/>
  <c r="U79447" i="1"/>
  <c r="U79446" i="1"/>
  <c r="U79445" i="1"/>
  <c r="U79444" i="1"/>
  <c r="U79443" i="1"/>
  <c r="U79442" i="1"/>
  <c r="U79441" i="1"/>
  <c r="U79440" i="1"/>
  <c r="U79439" i="1"/>
  <c r="U79438" i="1"/>
  <c r="U79437" i="1"/>
  <c r="U79436" i="1"/>
  <c r="U79435" i="1"/>
  <c r="U79434" i="1"/>
  <c r="U79433" i="1"/>
  <c r="U79432" i="1"/>
  <c r="U79431" i="1"/>
  <c r="U79430" i="1"/>
  <c r="U79429" i="1"/>
  <c r="U79428" i="1"/>
  <c r="U79427" i="1"/>
  <c r="U79426" i="1"/>
  <c r="U79425" i="1"/>
  <c r="U79424" i="1"/>
  <c r="U79423" i="1"/>
  <c r="U79422" i="1"/>
  <c r="U79421" i="1"/>
  <c r="U79420" i="1"/>
  <c r="U79419" i="1"/>
  <c r="U79418" i="1"/>
  <c r="U79417" i="1"/>
  <c r="U79416" i="1"/>
  <c r="U79415" i="1"/>
  <c r="U79414" i="1"/>
  <c r="U79413" i="1"/>
  <c r="U79412" i="1"/>
  <c r="U79411" i="1"/>
  <c r="U79410" i="1"/>
  <c r="U79409" i="1"/>
  <c r="U79408" i="1"/>
  <c r="U79407" i="1"/>
  <c r="U79406" i="1"/>
  <c r="U79405" i="1"/>
  <c r="U79404" i="1"/>
  <c r="U79403" i="1"/>
  <c r="U79402" i="1"/>
  <c r="U79401" i="1"/>
  <c r="U79400" i="1"/>
  <c r="U79399" i="1"/>
  <c r="U79398" i="1"/>
  <c r="U79397" i="1"/>
  <c r="U79396" i="1"/>
  <c r="U79395" i="1"/>
  <c r="U79394" i="1"/>
  <c r="U79393" i="1"/>
  <c r="U79392" i="1"/>
  <c r="U79391" i="1"/>
  <c r="U79390" i="1"/>
  <c r="U79389" i="1"/>
  <c r="U79388" i="1"/>
  <c r="U79387" i="1"/>
  <c r="U79386" i="1"/>
  <c r="U79385" i="1"/>
  <c r="U79384" i="1"/>
  <c r="U79383" i="1"/>
  <c r="U79382" i="1"/>
  <c r="U79381" i="1"/>
  <c r="U79380" i="1"/>
  <c r="U79379" i="1"/>
  <c r="U79378" i="1"/>
  <c r="U79377" i="1"/>
  <c r="U79376" i="1"/>
  <c r="U79375" i="1"/>
  <c r="U79374" i="1"/>
  <c r="U79373" i="1"/>
  <c r="U79372" i="1"/>
  <c r="U79371" i="1"/>
  <c r="U79370" i="1"/>
  <c r="U79369" i="1"/>
  <c r="U79368" i="1"/>
  <c r="U79367" i="1"/>
  <c r="U79366" i="1"/>
  <c r="U79365" i="1"/>
  <c r="U79364" i="1"/>
  <c r="U79363" i="1"/>
  <c r="U79362" i="1"/>
  <c r="U79361" i="1"/>
  <c r="U79360" i="1"/>
  <c r="U79359" i="1"/>
  <c r="U79358" i="1"/>
  <c r="U79357" i="1"/>
  <c r="U79356" i="1"/>
  <c r="U79355" i="1"/>
  <c r="U79354" i="1"/>
  <c r="U79353" i="1"/>
  <c r="U79352" i="1"/>
  <c r="U79351" i="1"/>
  <c r="U79350" i="1"/>
  <c r="U79349" i="1"/>
  <c r="U79348" i="1"/>
  <c r="U79347" i="1"/>
  <c r="U79346" i="1"/>
  <c r="U79345" i="1"/>
  <c r="U79344" i="1"/>
  <c r="U79343" i="1"/>
  <c r="U79342" i="1"/>
  <c r="U79341" i="1"/>
  <c r="U79340" i="1"/>
  <c r="U79339" i="1"/>
  <c r="U79338" i="1"/>
  <c r="U79337" i="1"/>
  <c r="U79336" i="1"/>
  <c r="U79335" i="1"/>
  <c r="U79334" i="1"/>
  <c r="U79333" i="1"/>
  <c r="U79332" i="1"/>
  <c r="U79331" i="1"/>
  <c r="U79330" i="1"/>
  <c r="U79329" i="1"/>
  <c r="U79328" i="1"/>
  <c r="U79327" i="1"/>
  <c r="U79326" i="1"/>
  <c r="U79325" i="1"/>
  <c r="U79324" i="1"/>
  <c r="U79323" i="1"/>
  <c r="U79322" i="1"/>
  <c r="U79321" i="1"/>
  <c r="U79320" i="1"/>
  <c r="U79319" i="1"/>
  <c r="U79318" i="1"/>
  <c r="U79317" i="1"/>
  <c r="U79316" i="1"/>
  <c r="U79315" i="1"/>
  <c r="U79314" i="1"/>
  <c r="U79313" i="1"/>
  <c r="U79312" i="1"/>
  <c r="U79311" i="1"/>
  <c r="U79310" i="1"/>
  <c r="U79309" i="1"/>
  <c r="U79308" i="1"/>
  <c r="U79307" i="1"/>
  <c r="U79306" i="1"/>
  <c r="U79305" i="1"/>
  <c r="U79304" i="1"/>
  <c r="U79303" i="1"/>
  <c r="U79302" i="1"/>
  <c r="U79301" i="1"/>
  <c r="U79300" i="1"/>
  <c r="U79299" i="1"/>
  <c r="U79298" i="1"/>
  <c r="U79297" i="1"/>
  <c r="U79296" i="1"/>
  <c r="U79295" i="1"/>
  <c r="U79294" i="1"/>
  <c r="U79293" i="1"/>
  <c r="U79292" i="1"/>
  <c r="U79291" i="1"/>
  <c r="U79290" i="1"/>
  <c r="U79289" i="1"/>
  <c r="U79288" i="1"/>
  <c r="U79287" i="1"/>
  <c r="U79286" i="1"/>
  <c r="U79285" i="1"/>
  <c r="U79284" i="1"/>
  <c r="U79283" i="1"/>
  <c r="U79282" i="1"/>
  <c r="U79281" i="1"/>
  <c r="U79280" i="1"/>
  <c r="U79279" i="1"/>
  <c r="U79278" i="1"/>
  <c r="U79277" i="1"/>
  <c r="U79276" i="1"/>
  <c r="U79275" i="1"/>
  <c r="U79274" i="1"/>
  <c r="U79273" i="1"/>
  <c r="U79272" i="1"/>
  <c r="U79271" i="1"/>
  <c r="U79270" i="1"/>
  <c r="U79269" i="1"/>
  <c r="U79268" i="1"/>
  <c r="U79267" i="1"/>
  <c r="U79266" i="1"/>
  <c r="U79265" i="1"/>
  <c r="U79264" i="1"/>
  <c r="U79263" i="1"/>
  <c r="U79262" i="1"/>
  <c r="U79261" i="1"/>
  <c r="U79260" i="1"/>
  <c r="U79259" i="1"/>
  <c r="U79258" i="1"/>
  <c r="U79257" i="1"/>
  <c r="U79256" i="1"/>
  <c r="U79255" i="1"/>
  <c r="U79254" i="1"/>
  <c r="U79253" i="1"/>
  <c r="U79252" i="1"/>
  <c r="U79251" i="1"/>
  <c r="U79250" i="1"/>
  <c r="U79249" i="1"/>
  <c r="U79248" i="1"/>
  <c r="U79247" i="1"/>
  <c r="U79246" i="1"/>
  <c r="U79245" i="1"/>
  <c r="U79244" i="1"/>
  <c r="U79243" i="1"/>
  <c r="U79242" i="1"/>
  <c r="U79241" i="1"/>
  <c r="U79240" i="1"/>
  <c r="U79239" i="1"/>
  <c r="U79238" i="1"/>
  <c r="U79237" i="1"/>
  <c r="U79236" i="1"/>
  <c r="U79235" i="1"/>
  <c r="U79234" i="1"/>
  <c r="U79233" i="1"/>
  <c r="U79232" i="1"/>
  <c r="U79231" i="1"/>
  <c r="U79230" i="1"/>
  <c r="U79229" i="1"/>
  <c r="U79228" i="1"/>
  <c r="U79227" i="1"/>
  <c r="U79226" i="1"/>
  <c r="U79225" i="1"/>
  <c r="U79224" i="1"/>
  <c r="U79223" i="1"/>
  <c r="U79222" i="1"/>
  <c r="U79221" i="1"/>
  <c r="U79220" i="1"/>
  <c r="U79219" i="1"/>
  <c r="U79218" i="1"/>
  <c r="U79217" i="1"/>
  <c r="U79216" i="1"/>
  <c r="U79215" i="1"/>
  <c r="U79214" i="1"/>
  <c r="U79213" i="1"/>
  <c r="U79212" i="1"/>
  <c r="U79211" i="1"/>
  <c r="U79210" i="1"/>
  <c r="U79209" i="1"/>
  <c r="U79208" i="1"/>
  <c r="U79207" i="1"/>
  <c r="U79206" i="1"/>
  <c r="U79205" i="1"/>
  <c r="U79204" i="1"/>
  <c r="U79203" i="1"/>
  <c r="U79202" i="1"/>
  <c r="U79201" i="1"/>
  <c r="U79200" i="1"/>
  <c r="U79199" i="1"/>
  <c r="U79198" i="1"/>
  <c r="U79197" i="1"/>
  <c r="U79196" i="1"/>
  <c r="U79195" i="1"/>
  <c r="U79194" i="1"/>
  <c r="U79193" i="1"/>
  <c r="U79192" i="1"/>
  <c r="U79191" i="1"/>
  <c r="U79190" i="1"/>
  <c r="U79189" i="1"/>
  <c r="U79188" i="1"/>
  <c r="U79187" i="1"/>
  <c r="U79186" i="1"/>
  <c r="U79185" i="1"/>
  <c r="U79184" i="1"/>
  <c r="U79183" i="1"/>
  <c r="U79182" i="1"/>
  <c r="U79181" i="1"/>
  <c r="U79180" i="1"/>
  <c r="U79179" i="1"/>
  <c r="U79178" i="1"/>
  <c r="U79177" i="1"/>
  <c r="U79176" i="1"/>
  <c r="U79175" i="1"/>
  <c r="U79174" i="1"/>
  <c r="U79173" i="1"/>
  <c r="U79172" i="1"/>
  <c r="U79171" i="1"/>
  <c r="U79170" i="1"/>
  <c r="U79169" i="1"/>
  <c r="U79168" i="1"/>
  <c r="U79167" i="1"/>
  <c r="U79166" i="1"/>
  <c r="U79165" i="1"/>
  <c r="U79164" i="1"/>
  <c r="U79163" i="1"/>
  <c r="U79162" i="1"/>
  <c r="U79161" i="1"/>
  <c r="U79160" i="1"/>
  <c r="U79159" i="1"/>
  <c r="U79158" i="1"/>
  <c r="U79157" i="1"/>
  <c r="U79156" i="1"/>
  <c r="U79155" i="1"/>
  <c r="U79154" i="1"/>
  <c r="U79153" i="1"/>
  <c r="U79152" i="1"/>
  <c r="U79151" i="1"/>
  <c r="U79150" i="1"/>
  <c r="U79149" i="1"/>
  <c r="U79148" i="1"/>
  <c r="U79147" i="1"/>
  <c r="U79146" i="1"/>
  <c r="U79145" i="1"/>
  <c r="U79144" i="1"/>
  <c r="U79143" i="1"/>
  <c r="U79142" i="1"/>
  <c r="U79141" i="1"/>
  <c r="U79140" i="1"/>
  <c r="U79139" i="1"/>
  <c r="U79138" i="1"/>
  <c r="U79137" i="1"/>
  <c r="U79136" i="1"/>
  <c r="U79135" i="1"/>
  <c r="U79134" i="1"/>
  <c r="U79133" i="1"/>
  <c r="U79132" i="1"/>
  <c r="U79131" i="1"/>
  <c r="U79130" i="1"/>
  <c r="U79129" i="1"/>
  <c r="U79128" i="1"/>
  <c r="U79127" i="1"/>
  <c r="U79126" i="1"/>
  <c r="U79125" i="1"/>
  <c r="U79124" i="1"/>
  <c r="U79123" i="1"/>
  <c r="U79122" i="1"/>
  <c r="U79121" i="1"/>
  <c r="U79120" i="1"/>
  <c r="U79119" i="1"/>
  <c r="U79118" i="1"/>
  <c r="U79117" i="1"/>
  <c r="U79116" i="1"/>
  <c r="U79115" i="1"/>
  <c r="U79114" i="1"/>
  <c r="U79113" i="1"/>
  <c r="U79112" i="1"/>
  <c r="U79111" i="1"/>
  <c r="U79110" i="1"/>
  <c r="U79109" i="1"/>
  <c r="U79108" i="1"/>
  <c r="U79107" i="1"/>
  <c r="U79106" i="1"/>
  <c r="U79105" i="1"/>
  <c r="U79104" i="1"/>
  <c r="U79103" i="1"/>
  <c r="U79102" i="1"/>
  <c r="U79101" i="1"/>
  <c r="U79100" i="1"/>
  <c r="U79099" i="1"/>
  <c r="U79098" i="1"/>
  <c r="U79097" i="1"/>
  <c r="U79096" i="1"/>
  <c r="U79095" i="1"/>
  <c r="U79094" i="1"/>
  <c r="U79093" i="1"/>
  <c r="U79092" i="1"/>
  <c r="U79091" i="1"/>
  <c r="U79090" i="1"/>
  <c r="U79089" i="1"/>
  <c r="U79088" i="1"/>
  <c r="U79087" i="1"/>
  <c r="U79086" i="1"/>
  <c r="U79085" i="1"/>
  <c r="U79084" i="1"/>
  <c r="U79083" i="1"/>
  <c r="U79082" i="1"/>
  <c r="U79081" i="1"/>
  <c r="U79080" i="1"/>
  <c r="U79079" i="1"/>
  <c r="U79078" i="1"/>
  <c r="U79077" i="1"/>
  <c r="U79076" i="1"/>
  <c r="U79075" i="1"/>
  <c r="U79074" i="1"/>
  <c r="U79073" i="1"/>
  <c r="U79072" i="1"/>
  <c r="U79071" i="1"/>
  <c r="U79070" i="1"/>
  <c r="U79069" i="1"/>
  <c r="U79068" i="1"/>
  <c r="U79067" i="1"/>
  <c r="U79066" i="1"/>
  <c r="U79065" i="1"/>
  <c r="U79064" i="1"/>
  <c r="U79063" i="1"/>
  <c r="U79062" i="1"/>
  <c r="U79061" i="1"/>
  <c r="U79060" i="1"/>
  <c r="U79059" i="1"/>
  <c r="U79058" i="1"/>
  <c r="U79057" i="1"/>
  <c r="U79056" i="1"/>
  <c r="U79055" i="1"/>
  <c r="U79054" i="1"/>
  <c r="U79053" i="1"/>
  <c r="U79052" i="1"/>
  <c r="U79051" i="1"/>
  <c r="U79050" i="1"/>
  <c r="U79049" i="1"/>
  <c r="U79048" i="1"/>
  <c r="U79047" i="1"/>
  <c r="U79046" i="1"/>
  <c r="U79045" i="1"/>
  <c r="U79044" i="1"/>
  <c r="U79043" i="1"/>
  <c r="U79042" i="1"/>
  <c r="U79041" i="1"/>
  <c r="U79040" i="1"/>
  <c r="U79039" i="1"/>
  <c r="U79038" i="1"/>
  <c r="U79037" i="1"/>
  <c r="U79036" i="1"/>
  <c r="U79035" i="1"/>
  <c r="U79034" i="1"/>
  <c r="U79033" i="1"/>
  <c r="U79032" i="1"/>
  <c r="U79031" i="1"/>
  <c r="U79030" i="1"/>
  <c r="U79029" i="1"/>
  <c r="U79028" i="1"/>
  <c r="U79027" i="1"/>
  <c r="U79026" i="1"/>
  <c r="U79025" i="1"/>
  <c r="U79024" i="1"/>
  <c r="U79023" i="1"/>
  <c r="U79022" i="1"/>
  <c r="U79021" i="1"/>
  <c r="U79020" i="1"/>
  <c r="U79019" i="1"/>
  <c r="U79018" i="1"/>
  <c r="U79017" i="1"/>
  <c r="U79016" i="1"/>
  <c r="U79015" i="1"/>
  <c r="U79014" i="1"/>
  <c r="U79013" i="1"/>
  <c r="U79012" i="1"/>
  <c r="U79011" i="1"/>
  <c r="U79010" i="1"/>
  <c r="U79009" i="1"/>
  <c r="U79008" i="1"/>
  <c r="U79007" i="1"/>
  <c r="U79006" i="1"/>
  <c r="U79005" i="1"/>
  <c r="U79004" i="1"/>
  <c r="U79003" i="1"/>
  <c r="U79002" i="1"/>
  <c r="U79001" i="1"/>
  <c r="U79000" i="1"/>
  <c r="U78999" i="1"/>
  <c r="U78998" i="1"/>
  <c r="U78997" i="1"/>
  <c r="U78996" i="1"/>
  <c r="U78995" i="1"/>
  <c r="U78994" i="1"/>
  <c r="U78993" i="1"/>
  <c r="U78992" i="1"/>
  <c r="U78991" i="1"/>
  <c r="U78990" i="1"/>
  <c r="U78989" i="1"/>
  <c r="U78988" i="1"/>
  <c r="U78987" i="1"/>
  <c r="U78986" i="1"/>
  <c r="U78985" i="1"/>
  <c r="U78984" i="1"/>
  <c r="U78983" i="1"/>
  <c r="U78982" i="1"/>
  <c r="U78981" i="1"/>
  <c r="U78980" i="1"/>
  <c r="U78979" i="1"/>
  <c r="U78978" i="1"/>
  <c r="U78977" i="1"/>
  <c r="U78976" i="1"/>
  <c r="U78975" i="1"/>
  <c r="U78974" i="1"/>
  <c r="U78973" i="1"/>
  <c r="U78972" i="1"/>
  <c r="U78971" i="1"/>
  <c r="U78970" i="1"/>
  <c r="U78969" i="1"/>
  <c r="U78968" i="1"/>
  <c r="U78967" i="1"/>
  <c r="U78966" i="1"/>
  <c r="U78965" i="1"/>
  <c r="U78964" i="1"/>
  <c r="U78963" i="1"/>
  <c r="U78962" i="1"/>
  <c r="U78961" i="1"/>
  <c r="U78960" i="1"/>
  <c r="U78959" i="1"/>
  <c r="U78958" i="1"/>
  <c r="U78957" i="1"/>
  <c r="U78956" i="1"/>
  <c r="U78955" i="1"/>
  <c r="U78954" i="1"/>
  <c r="U78953" i="1"/>
  <c r="U78952" i="1"/>
  <c r="U78951" i="1"/>
  <c r="U78950" i="1"/>
  <c r="U78949" i="1"/>
  <c r="U78948" i="1"/>
  <c r="U78947" i="1"/>
  <c r="U78946" i="1"/>
  <c r="U78945" i="1"/>
  <c r="U78944" i="1"/>
  <c r="U78943" i="1"/>
  <c r="U78942" i="1"/>
  <c r="U78941" i="1"/>
  <c r="U78940" i="1"/>
  <c r="U78939" i="1"/>
  <c r="U78938" i="1"/>
  <c r="U78937" i="1"/>
  <c r="U78936" i="1"/>
  <c r="U78935" i="1"/>
  <c r="U78934" i="1"/>
  <c r="U78933" i="1"/>
  <c r="U78932" i="1"/>
  <c r="U78931" i="1"/>
  <c r="U78930" i="1"/>
  <c r="U78929" i="1"/>
  <c r="U78928" i="1"/>
  <c r="U78927" i="1"/>
  <c r="U78926" i="1"/>
  <c r="U78925" i="1"/>
  <c r="U78924" i="1"/>
  <c r="U78923" i="1"/>
  <c r="U78922" i="1"/>
  <c r="U78921" i="1"/>
  <c r="U78920" i="1"/>
  <c r="U78919" i="1"/>
  <c r="U78918" i="1"/>
  <c r="U78917" i="1"/>
  <c r="U78916" i="1"/>
  <c r="U78915" i="1"/>
  <c r="U78914" i="1"/>
  <c r="U78913" i="1"/>
  <c r="U78912" i="1"/>
  <c r="U78911" i="1"/>
  <c r="U78910" i="1"/>
  <c r="U78909" i="1"/>
  <c r="U78908" i="1"/>
  <c r="U78907" i="1"/>
  <c r="U78906" i="1"/>
  <c r="U78905" i="1"/>
  <c r="U78904" i="1"/>
  <c r="U78903" i="1"/>
  <c r="U78902" i="1"/>
  <c r="U78901" i="1"/>
  <c r="U78900" i="1"/>
  <c r="U78899" i="1"/>
  <c r="U78898" i="1"/>
  <c r="U78897" i="1"/>
  <c r="U78896" i="1"/>
  <c r="U78895" i="1"/>
  <c r="U78894" i="1"/>
  <c r="U78893" i="1"/>
  <c r="U78892" i="1"/>
  <c r="U78891" i="1"/>
  <c r="U78890" i="1"/>
  <c r="U78889" i="1"/>
  <c r="U78888" i="1"/>
  <c r="U78887" i="1"/>
  <c r="U78886" i="1"/>
  <c r="U78885" i="1"/>
  <c r="U78884" i="1"/>
  <c r="U78883" i="1"/>
  <c r="U78882" i="1"/>
  <c r="U78881" i="1"/>
  <c r="U78880" i="1"/>
  <c r="U78879" i="1"/>
  <c r="U78878" i="1"/>
  <c r="U78877" i="1"/>
  <c r="U78876" i="1"/>
  <c r="U78875" i="1"/>
  <c r="U78874" i="1"/>
  <c r="U78873" i="1"/>
  <c r="U78872" i="1"/>
  <c r="U78871" i="1"/>
  <c r="U78870" i="1"/>
  <c r="U78869" i="1"/>
  <c r="U78868" i="1"/>
  <c r="U78867" i="1"/>
  <c r="U78866" i="1"/>
  <c r="U78865" i="1"/>
  <c r="U78864" i="1"/>
  <c r="U78863" i="1"/>
  <c r="U78862" i="1"/>
  <c r="U78861" i="1"/>
  <c r="U78860" i="1"/>
  <c r="U78859" i="1"/>
  <c r="U78858" i="1"/>
  <c r="U78857" i="1"/>
  <c r="U78856" i="1"/>
  <c r="U78855" i="1"/>
  <c r="U78854" i="1"/>
  <c r="U78853" i="1"/>
  <c r="U78852" i="1"/>
  <c r="U78851" i="1"/>
  <c r="U78850" i="1"/>
  <c r="U78849" i="1"/>
  <c r="U78848" i="1"/>
  <c r="U78847" i="1"/>
  <c r="U78846" i="1"/>
  <c r="U78845" i="1"/>
  <c r="U78844" i="1"/>
  <c r="U78843" i="1"/>
  <c r="U78842" i="1"/>
  <c r="U78841" i="1"/>
  <c r="U78840" i="1"/>
  <c r="U78839" i="1"/>
  <c r="U78838" i="1"/>
  <c r="U78837" i="1"/>
  <c r="U78836" i="1"/>
  <c r="U78835" i="1"/>
  <c r="U78834" i="1"/>
  <c r="U78833" i="1"/>
  <c r="U78832" i="1"/>
  <c r="U78831" i="1"/>
  <c r="U78830" i="1"/>
  <c r="U78829" i="1"/>
  <c r="U78828" i="1"/>
  <c r="U78827" i="1"/>
  <c r="U78826" i="1"/>
  <c r="U78825" i="1"/>
  <c r="U78824" i="1"/>
  <c r="U78823" i="1"/>
  <c r="U78822" i="1"/>
  <c r="U78821" i="1"/>
  <c r="U78820" i="1"/>
  <c r="U78819" i="1"/>
  <c r="U78818" i="1"/>
  <c r="U78817" i="1"/>
  <c r="U78816" i="1"/>
  <c r="U78815" i="1"/>
  <c r="U78814" i="1"/>
  <c r="U78813" i="1"/>
  <c r="U78812" i="1"/>
  <c r="U78811" i="1"/>
  <c r="U78810" i="1"/>
  <c r="U78809" i="1"/>
  <c r="U78808" i="1"/>
  <c r="U78807" i="1"/>
  <c r="U78806" i="1"/>
  <c r="U78805" i="1"/>
  <c r="U78804" i="1"/>
  <c r="U78803" i="1"/>
  <c r="U78802" i="1"/>
  <c r="U78801" i="1"/>
  <c r="U78800" i="1"/>
  <c r="U78799" i="1"/>
  <c r="U78798" i="1"/>
  <c r="U78797" i="1"/>
  <c r="U78796" i="1"/>
  <c r="U78795" i="1"/>
  <c r="U78794" i="1"/>
  <c r="U78793" i="1"/>
  <c r="U78792" i="1"/>
  <c r="U78791" i="1"/>
  <c r="U78790" i="1"/>
  <c r="U78789" i="1"/>
  <c r="U78788" i="1"/>
  <c r="U78787" i="1"/>
  <c r="U78786" i="1"/>
  <c r="U78785" i="1"/>
  <c r="U78784" i="1"/>
  <c r="U78783" i="1"/>
  <c r="U78782" i="1"/>
  <c r="U78781" i="1"/>
  <c r="U78780" i="1"/>
  <c r="U78779" i="1"/>
  <c r="U78778" i="1"/>
  <c r="U78777" i="1"/>
  <c r="U78776" i="1"/>
  <c r="U78775" i="1"/>
  <c r="U78774" i="1"/>
  <c r="U78773" i="1"/>
  <c r="U78772" i="1"/>
  <c r="U78771" i="1"/>
  <c r="U78770" i="1"/>
  <c r="U78769" i="1"/>
  <c r="U78768" i="1"/>
  <c r="U78767" i="1"/>
  <c r="U78766" i="1"/>
  <c r="U78765" i="1"/>
  <c r="U78764" i="1"/>
  <c r="U78763" i="1"/>
  <c r="U78762" i="1"/>
  <c r="U78761" i="1"/>
  <c r="U78760" i="1"/>
  <c r="U78759" i="1"/>
  <c r="U78758" i="1"/>
  <c r="U78757" i="1"/>
  <c r="U78756" i="1"/>
  <c r="U78755" i="1"/>
  <c r="U78754" i="1"/>
  <c r="U78753" i="1"/>
  <c r="U78752" i="1"/>
  <c r="U78751" i="1"/>
  <c r="U78750" i="1"/>
  <c r="U78749" i="1"/>
  <c r="U78748" i="1"/>
  <c r="U78747" i="1"/>
  <c r="U78746" i="1"/>
  <c r="U78745" i="1"/>
  <c r="U78744" i="1"/>
  <c r="U78743" i="1"/>
  <c r="U78742" i="1"/>
  <c r="U78741" i="1"/>
  <c r="U78740" i="1"/>
  <c r="U78739" i="1"/>
  <c r="U78738" i="1"/>
  <c r="U78737" i="1"/>
  <c r="U78736" i="1"/>
  <c r="U78735" i="1"/>
  <c r="U78734" i="1"/>
  <c r="U78733" i="1"/>
  <c r="U78732" i="1"/>
  <c r="U78731" i="1"/>
  <c r="U78730" i="1"/>
  <c r="U78729" i="1"/>
  <c r="U78728" i="1"/>
  <c r="U78727" i="1"/>
  <c r="U78726" i="1"/>
  <c r="U78725" i="1"/>
  <c r="U78724" i="1"/>
  <c r="U78723" i="1"/>
  <c r="U78722" i="1"/>
  <c r="U78721" i="1"/>
  <c r="U78720" i="1"/>
  <c r="U78719" i="1"/>
  <c r="U78718" i="1"/>
  <c r="U78717" i="1"/>
  <c r="U78716" i="1"/>
  <c r="U78715" i="1"/>
  <c r="U78714" i="1"/>
  <c r="U78713" i="1"/>
  <c r="U78712" i="1"/>
  <c r="U78711" i="1"/>
  <c r="U78710" i="1"/>
  <c r="U78709" i="1"/>
  <c r="U78708" i="1"/>
  <c r="U78707" i="1"/>
  <c r="U78706" i="1"/>
  <c r="U78705" i="1"/>
  <c r="U78704" i="1"/>
  <c r="U78703" i="1"/>
  <c r="U78702" i="1"/>
  <c r="U78701" i="1"/>
  <c r="U78700" i="1"/>
  <c r="U78699" i="1"/>
  <c r="U78698" i="1"/>
  <c r="U78697" i="1"/>
  <c r="U78696" i="1"/>
  <c r="U78695" i="1"/>
  <c r="U78694" i="1"/>
  <c r="U78693" i="1"/>
  <c r="U78692" i="1"/>
  <c r="U78691" i="1"/>
  <c r="U78690" i="1"/>
  <c r="U78689" i="1"/>
  <c r="U78688" i="1"/>
  <c r="U78687" i="1"/>
  <c r="U78686" i="1"/>
  <c r="U78685" i="1"/>
  <c r="U78684" i="1"/>
  <c r="U78683" i="1"/>
  <c r="U78682" i="1"/>
  <c r="U78681" i="1"/>
  <c r="U78680" i="1"/>
  <c r="U78679" i="1"/>
  <c r="U78678" i="1"/>
  <c r="U78677" i="1"/>
  <c r="U78676" i="1"/>
  <c r="U78675" i="1"/>
  <c r="U78674" i="1"/>
  <c r="U78673" i="1"/>
  <c r="U78672" i="1"/>
  <c r="U78671" i="1"/>
  <c r="U78670" i="1"/>
  <c r="U78669" i="1"/>
  <c r="U78668" i="1"/>
  <c r="U78667" i="1"/>
  <c r="U78666" i="1"/>
  <c r="U78665" i="1"/>
  <c r="U78664" i="1"/>
  <c r="U78663" i="1"/>
  <c r="U78662" i="1"/>
  <c r="U78661" i="1"/>
  <c r="U78660" i="1"/>
  <c r="U78659" i="1"/>
  <c r="U78658" i="1"/>
  <c r="U78657" i="1"/>
  <c r="U78656" i="1"/>
  <c r="U78655" i="1"/>
  <c r="U78654" i="1"/>
  <c r="U78653" i="1"/>
  <c r="U78652" i="1"/>
  <c r="U78651" i="1"/>
  <c r="U78650" i="1"/>
  <c r="U78649" i="1"/>
  <c r="U78648" i="1"/>
  <c r="U78647" i="1"/>
  <c r="U78646" i="1"/>
  <c r="U78645" i="1"/>
  <c r="U78644" i="1"/>
  <c r="U78643" i="1"/>
  <c r="U78642" i="1"/>
  <c r="U78641" i="1"/>
  <c r="U78640" i="1"/>
  <c r="U78639" i="1"/>
  <c r="U78638" i="1"/>
  <c r="U78637" i="1"/>
  <c r="U78636" i="1"/>
  <c r="U78635" i="1"/>
  <c r="U78634" i="1"/>
  <c r="U78633" i="1"/>
  <c r="U78632" i="1"/>
  <c r="U78631" i="1"/>
  <c r="U78630" i="1"/>
  <c r="U78629" i="1"/>
  <c r="U78628" i="1"/>
  <c r="U78627" i="1"/>
  <c r="U78626" i="1"/>
  <c r="U78625" i="1"/>
  <c r="U78624" i="1"/>
  <c r="U78623" i="1"/>
  <c r="U78622" i="1"/>
  <c r="U78621" i="1"/>
  <c r="U78620" i="1"/>
  <c r="U78619" i="1"/>
  <c r="U78618" i="1"/>
  <c r="U78617" i="1"/>
  <c r="U78616" i="1"/>
  <c r="U78615" i="1"/>
  <c r="U78614" i="1"/>
  <c r="U78613" i="1"/>
  <c r="U78612" i="1"/>
  <c r="U78611" i="1"/>
  <c r="U78610" i="1"/>
  <c r="U78609" i="1"/>
  <c r="U78608" i="1"/>
  <c r="U78607" i="1"/>
  <c r="U78606" i="1"/>
  <c r="U78605" i="1"/>
  <c r="U78604" i="1"/>
  <c r="U78603" i="1"/>
  <c r="U78602" i="1"/>
  <c r="U78601" i="1"/>
  <c r="U78600" i="1"/>
  <c r="U78599" i="1"/>
  <c r="U78598" i="1"/>
  <c r="U78597" i="1"/>
  <c r="U78596" i="1"/>
  <c r="U78595" i="1"/>
  <c r="U78594" i="1"/>
  <c r="U78593" i="1"/>
  <c r="U78592" i="1"/>
  <c r="U78591" i="1"/>
  <c r="U78590" i="1"/>
  <c r="U78589" i="1"/>
  <c r="U78588" i="1"/>
  <c r="U78587" i="1"/>
  <c r="U78586" i="1"/>
  <c r="U78585" i="1"/>
  <c r="U78584" i="1"/>
  <c r="U78583" i="1"/>
  <c r="U78582" i="1"/>
  <c r="U78581" i="1"/>
  <c r="U78580" i="1"/>
  <c r="U78579" i="1"/>
  <c r="U78578" i="1"/>
  <c r="U78577" i="1"/>
  <c r="U78576" i="1"/>
  <c r="U78575" i="1"/>
  <c r="U78574" i="1"/>
  <c r="U78573" i="1"/>
  <c r="U78572" i="1"/>
  <c r="U78571" i="1"/>
  <c r="U78570" i="1"/>
  <c r="U78569" i="1"/>
  <c r="U78568" i="1"/>
  <c r="U78567" i="1"/>
  <c r="U78566" i="1"/>
  <c r="U78565" i="1"/>
  <c r="U78564" i="1"/>
  <c r="U78563" i="1"/>
  <c r="U78562" i="1"/>
  <c r="U78561" i="1"/>
  <c r="U78560" i="1"/>
  <c r="U78559" i="1"/>
  <c r="U78558" i="1"/>
  <c r="U78557" i="1"/>
  <c r="U78556" i="1"/>
  <c r="U78555" i="1"/>
  <c r="U78554" i="1"/>
  <c r="U78553" i="1"/>
  <c r="U78552" i="1"/>
  <c r="U78551" i="1"/>
  <c r="U78550" i="1"/>
  <c r="U78549" i="1"/>
  <c r="U78548" i="1"/>
  <c r="U78547" i="1"/>
  <c r="U78546" i="1"/>
  <c r="U78545" i="1"/>
  <c r="U78544" i="1"/>
  <c r="U78543" i="1"/>
  <c r="U78542" i="1"/>
  <c r="U78541" i="1"/>
  <c r="U78540" i="1"/>
  <c r="U78539" i="1"/>
  <c r="U78538" i="1"/>
  <c r="U78537" i="1"/>
  <c r="U78536" i="1"/>
  <c r="U78535" i="1"/>
  <c r="U78534" i="1"/>
  <c r="U78533" i="1"/>
  <c r="U78532" i="1"/>
  <c r="U78531" i="1"/>
  <c r="U78530" i="1"/>
  <c r="U78529" i="1"/>
  <c r="U78528" i="1"/>
  <c r="U78527" i="1"/>
  <c r="U78526" i="1"/>
  <c r="U78525" i="1"/>
  <c r="U78524" i="1"/>
  <c r="U78523" i="1"/>
  <c r="U78522" i="1"/>
  <c r="U78521" i="1"/>
  <c r="U78520" i="1"/>
  <c r="U78519" i="1"/>
  <c r="U78518" i="1"/>
  <c r="U78517" i="1"/>
  <c r="U78516" i="1"/>
  <c r="U78515" i="1"/>
  <c r="U78514" i="1"/>
  <c r="U78513" i="1"/>
  <c r="U78512" i="1"/>
  <c r="U78511" i="1"/>
  <c r="U78510" i="1"/>
  <c r="U78509" i="1"/>
  <c r="U78508" i="1"/>
  <c r="U78507" i="1"/>
  <c r="U78506" i="1"/>
  <c r="U78505" i="1"/>
  <c r="U78504" i="1"/>
  <c r="U78503" i="1"/>
  <c r="U78502" i="1"/>
  <c r="U78501" i="1"/>
  <c r="U78500" i="1"/>
  <c r="U78499" i="1"/>
  <c r="U78498" i="1"/>
  <c r="U78497" i="1"/>
  <c r="U78496" i="1"/>
  <c r="U78495" i="1"/>
  <c r="U78494" i="1"/>
  <c r="U78493" i="1"/>
  <c r="U78492" i="1"/>
  <c r="U78491" i="1"/>
  <c r="U78490" i="1"/>
  <c r="U78489" i="1"/>
  <c r="U78488" i="1"/>
  <c r="U78487" i="1"/>
  <c r="U78486" i="1"/>
  <c r="U78485" i="1"/>
  <c r="U78484" i="1"/>
  <c r="U78483" i="1"/>
  <c r="U78482" i="1"/>
  <c r="U78481" i="1"/>
  <c r="U78480" i="1"/>
  <c r="U78479" i="1"/>
  <c r="U78478" i="1"/>
  <c r="U78477" i="1"/>
  <c r="U78476" i="1"/>
  <c r="U78475" i="1"/>
  <c r="U78474" i="1"/>
  <c r="U78473" i="1"/>
  <c r="U78472" i="1"/>
  <c r="U78471" i="1"/>
  <c r="U78470" i="1"/>
  <c r="U78469" i="1"/>
  <c r="U78468" i="1"/>
  <c r="U78467" i="1"/>
  <c r="U78466" i="1"/>
  <c r="U78465" i="1"/>
  <c r="U78464" i="1"/>
  <c r="U78463" i="1"/>
  <c r="U78462" i="1"/>
  <c r="U78461" i="1"/>
  <c r="U78460" i="1"/>
  <c r="U78459" i="1"/>
  <c r="U78458" i="1"/>
  <c r="U78457" i="1"/>
  <c r="U78456" i="1"/>
  <c r="U78455" i="1"/>
  <c r="U78454" i="1"/>
  <c r="U78453" i="1"/>
  <c r="U78452" i="1"/>
  <c r="U78451" i="1"/>
  <c r="U78450" i="1"/>
  <c r="U78449" i="1"/>
  <c r="U78448" i="1"/>
  <c r="U78447" i="1"/>
  <c r="U78446" i="1"/>
  <c r="U78445" i="1"/>
  <c r="U78444" i="1"/>
  <c r="U78443" i="1"/>
  <c r="U78442" i="1"/>
  <c r="U78441" i="1"/>
  <c r="U78440" i="1"/>
  <c r="U78439" i="1"/>
  <c r="U78438" i="1"/>
  <c r="U78437" i="1"/>
  <c r="U78436" i="1"/>
  <c r="U78435" i="1"/>
  <c r="U78434" i="1"/>
  <c r="U78433" i="1"/>
  <c r="U78432" i="1"/>
  <c r="U78431" i="1"/>
  <c r="U78430" i="1"/>
  <c r="U78429" i="1"/>
  <c r="U78428" i="1"/>
  <c r="U78427" i="1"/>
  <c r="U78426" i="1"/>
  <c r="U78425" i="1"/>
  <c r="U78424" i="1"/>
  <c r="U78423" i="1"/>
  <c r="U78422" i="1"/>
  <c r="U78421" i="1"/>
  <c r="U78420" i="1"/>
  <c r="U78419" i="1"/>
  <c r="U78418" i="1"/>
  <c r="U78417" i="1"/>
  <c r="U78416" i="1"/>
  <c r="U78415" i="1"/>
  <c r="U78414" i="1"/>
  <c r="U78413" i="1"/>
  <c r="U78412" i="1"/>
  <c r="U78411" i="1"/>
  <c r="U78410" i="1"/>
  <c r="U78409" i="1"/>
  <c r="U78408" i="1"/>
  <c r="U78407" i="1"/>
  <c r="U78406" i="1"/>
  <c r="U78405" i="1"/>
  <c r="U78404" i="1"/>
  <c r="U78403" i="1"/>
  <c r="U78402" i="1"/>
  <c r="U78401" i="1"/>
  <c r="U78400" i="1"/>
  <c r="U78399" i="1"/>
  <c r="U78398" i="1"/>
  <c r="U78397" i="1"/>
  <c r="U78396" i="1"/>
  <c r="U78395" i="1"/>
  <c r="U78394" i="1"/>
  <c r="U78393" i="1"/>
  <c r="U78392" i="1"/>
  <c r="U78391" i="1"/>
  <c r="U78390" i="1"/>
  <c r="U78389" i="1"/>
  <c r="U78388" i="1"/>
  <c r="U78387" i="1"/>
  <c r="U78386" i="1"/>
  <c r="U78385" i="1"/>
  <c r="U78384" i="1"/>
  <c r="U78383" i="1"/>
  <c r="U78382" i="1"/>
  <c r="U78381" i="1"/>
  <c r="U78380" i="1"/>
  <c r="U78379" i="1"/>
  <c r="U78378" i="1"/>
  <c r="U78377" i="1"/>
  <c r="U78376" i="1"/>
  <c r="U78375" i="1"/>
  <c r="U78374" i="1"/>
  <c r="U78373" i="1"/>
  <c r="U78372" i="1"/>
  <c r="U78371" i="1"/>
  <c r="U78370" i="1"/>
  <c r="U78369" i="1"/>
  <c r="U78368" i="1"/>
  <c r="U78367" i="1"/>
  <c r="U78366" i="1"/>
  <c r="U78365" i="1"/>
  <c r="U78364" i="1"/>
  <c r="U78363" i="1"/>
  <c r="U78362" i="1"/>
  <c r="U78361" i="1"/>
  <c r="U78360" i="1"/>
  <c r="U78359" i="1"/>
  <c r="U78358" i="1"/>
  <c r="U78357" i="1"/>
  <c r="U78356" i="1"/>
  <c r="U78355" i="1"/>
  <c r="U78354" i="1"/>
  <c r="U78353" i="1"/>
  <c r="U78352" i="1"/>
  <c r="U78351" i="1"/>
  <c r="U78350" i="1"/>
  <c r="U78349" i="1"/>
  <c r="U78348" i="1"/>
  <c r="U78347" i="1"/>
  <c r="U78346" i="1"/>
  <c r="U78345" i="1"/>
  <c r="U78344" i="1"/>
  <c r="U78343" i="1"/>
  <c r="U78342" i="1"/>
  <c r="U78341" i="1"/>
  <c r="U78340" i="1"/>
  <c r="U78339" i="1"/>
  <c r="U78338" i="1"/>
  <c r="U78337" i="1"/>
  <c r="U78336" i="1"/>
  <c r="U78335" i="1"/>
  <c r="U78334" i="1"/>
  <c r="U78333" i="1"/>
  <c r="U78332" i="1"/>
  <c r="U78331" i="1"/>
  <c r="U78330" i="1"/>
  <c r="U78329" i="1"/>
  <c r="U78328" i="1"/>
  <c r="U78327" i="1"/>
  <c r="U78326" i="1"/>
  <c r="U78325" i="1"/>
  <c r="U78324" i="1"/>
  <c r="U78323" i="1"/>
  <c r="U78322" i="1"/>
  <c r="U78321" i="1"/>
  <c r="U78320" i="1"/>
  <c r="U78319" i="1"/>
  <c r="U78318" i="1"/>
  <c r="U78317" i="1"/>
  <c r="U78316" i="1"/>
  <c r="U78315" i="1"/>
  <c r="U78314" i="1"/>
  <c r="U78313" i="1"/>
  <c r="U78312" i="1"/>
  <c r="U78311" i="1"/>
  <c r="U78310" i="1"/>
  <c r="U78309" i="1"/>
  <c r="U78308" i="1"/>
  <c r="U78307" i="1"/>
  <c r="U78306" i="1"/>
  <c r="U78305" i="1"/>
  <c r="U78304" i="1"/>
  <c r="U78303" i="1"/>
  <c r="U78302" i="1"/>
  <c r="U78301" i="1"/>
  <c r="U78300" i="1"/>
  <c r="U78299" i="1"/>
  <c r="U78298" i="1"/>
  <c r="U78297" i="1"/>
  <c r="U78296" i="1"/>
  <c r="U78295" i="1"/>
  <c r="U78294" i="1"/>
  <c r="U78293" i="1"/>
  <c r="U78292" i="1"/>
  <c r="U78291" i="1"/>
  <c r="U78290" i="1"/>
  <c r="U78289" i="1"/>
  <c r="U78288" i="1"/>
  <c r="U78287" i="1"/>
  <c r="U78286" i="1"/>
  <c r="U78285" i="1"/>
  <c r="U78284" i="1"/>
  <c r="U78283" i="1"/>
  <c r="U78282" i="1"/>
  <c r="U78281" i="1"/>
  <c r="U78280" i="1"/>
  <c r="U78279" i="1"/>
  <c r="U78278" i="1"/>
  <c r="U78277" i="1"/>
  <c r="U78276" i="1"/>
  <c r="U78275" i="1"/>
  <c r="U78274" i="1"/>
  <c r="U78273" i="1"/>
  <c r="U78272" i="1"/>
  <c r="U78271" i="1"/>
  <c r="U78270" i="1"/>
  <c r="U78269" i="1"/>
  <c r="U78268" i="1"/>
  <c r="U78267" i="1"/>
  <c r="U78266" i="1"/>
  <c r="U78265" i="1"/>
  <c r="U78264" i="1"/>
  <c r="U78263" i="1"/>
  <c r="U78262" i="1"/>
  <c r="U78261" i="1"/>
  <c r="U78260" i="1"/>
  <c r="U78259" i="1"/>
  <c r="U78258" i="1"/>
  <c r="U78257" i="1"/>
  <c r="U78256" i="1"/>
  <c r="U78255" i="1"/>
  <c r="U78254" i="1"/>
  <c r="U78253" i="1"/>
  <c r="U78252" i="1"/>
  <c r="U78251" i="1"/>
  <c r="U78250" i="1"/>
  <c r="U78249" i="1"/>
  <c r="U78248" i="1"/>
  <c r="U78247" i="1"/>
  <c r="U78246" i="1"/>
  <c r="U78245" i="1"/>
  <c r="U78244" i="1"/>
  <c r="U78243" i="1"/>
  <c r="U78242" i="1"/>
  <c r="U78241" i="1"/>
  <c r="U78240" i="1"/>
  <c r="U78239" i="1"/>
  <c r="U78238" i="1"/>
  <c r="U78237" i="1"/>
  <c r="U78236" i="1"/>
  <c r="U78235" i="1"/>
  <c r="U78234" i="1"/>
  <c r="U78233" i="1"/>
  <c r="U78232" i="1"/>
  <c r="U78231" i="1"/>
  <c r="U78230" i="1"/>
  <c r="U78229" i="1"/>
  <c r="U78228" i="1"/>
  <c r="U78227" i="1"/>
  <c r="U78226" i="1"/>
  <c r="U78225" i="1"/>
  <c r="U78224" i="1"/>
  <c r="U78223" i="1"/>
  <c r="U78222" i="1"/>
  <c r="U78221" i="1"/>
  <c r="U78220" i="1"/>
  <c r="U78219" i="1"/>
  <c r="U78218" i="1"/>
  <c r="U78217" i="1"/>
  <c r="U78216" i="1"/>
  <c r="U78215" i="1"/>
  <c r="U78214" i="1"/>
  <c r="U78213" i="1"/>
  <c r="U78212" i="1"/>
  <c r="U78211" i="1"/>
  <c r="U78210" i="1"/>
  <c r="U78209" i="1"/>
  <c r="U78208" i="1"/>
  <c r="U78207" i="1"/>
  <c r="U78206" i="1"/>
  <c r="U78205" i="1"/>
  <c r="U78204" i="1"/>
  <c r="U78203" i="1"/>
  <c r="U78202" i="1"/>
  <c r="U78201" i="1"/>
  <c r="U78200" i="1"/>
  <c r="U78199" i="1"/>
  <c r="U78198" i="1"/>
  <c r="U78197" i="1"/>
  <c r="U78196" i="1"/>
  <c r="U78195" i="1"/>
  <c r="U78194" i="1"/>
  <c r="U78193" i="1"/>
  <c r="U78192" i="1"/>
  <c r="U78191" i="1"/>
  <c r="U78190" i="1"/>
  <c r="U78189" i="1"/>
  <c r="U78188" i="1"/>
  <c r="U78187" i="1"/>
  <c r="U78186" i="1"/>
  <c r="U78185" i="1"/>
  <c r="U78184" i="1"/>
  <c r="U78183" i="1"/>
  <c r="U78182" i="1"/>
  <c r="U78181" i="1"/>
  <c r="U78180" i="1"/>
  <c r="U78179" i="1"/>
  <c r="U78178" i="1"/>
  <c r="U78177" i="1"/>
  <c r="U78176" i="1"/>
  <c r="U78175" i="1"/>
  <c r="U78174" i="1"/>
  <c r="U78173" i="1"/>
  <c r="U78172" i="1"/>
  <c r="U78171" i="1"/>
  <c r="U78170" i="1"/>
  <c r="U78169" i="1"/>
  <c r="U78168" i="1"/>
  <c r="U78167" i="1"/>
  <c r="U78166" i="1"/>
  <c r="U78165" i="1"/>
  <c r="U78164" i="1"/>
  <c r="U78163" i="1"/>
  <c r="U78162" i="1"/>
  <c r="U78161" i="1"/>
  <c r="U78160" i="1"/>
  <c r="U78159" i="1"/>
  <c r="U78158" i="1"/>
  <c r="U78157" i="1"/>
  <c r="U78156" i="1"/>
  <c r="U78155" i="1"/>
  <c r="U78154" i="1"/>
  <c r="U78153" i="1"/>
  <c r="U78152" i="1"/>
  <c r="U78151" i="1"/>
  <c r="U78150" i="1"/>
  <c r="U78149" i="1"/>
  <c r="U78148" i="1"/>
  <c r="U78147" i="1"/>
  <c r="U78146" i="1"/>
  <c r="U78145" i="1"/>
  <c r="U78144" i="1"/>
  <c r="U78143" i="1"/>
  <c r="U78142" i="1"/>
  <c r="U78141" i="1"/>
  <c r="U78140" i="1"/>
  <c r="U78139" i="1"/>
  <c r="U78138" i="1"/>
  <c r="U78137" i="1"/>
  <c r="U78136" i="1"/>
  <c r="U78135" i="1"/>
  <c r="U78134" i="1"/>
  <c r="U78133" i="1"/>
  <c r="U78132" i="1"/>
  <c r="U78131" i="1"/>
  <c r="U78130" i="1"/>
  <c r="U78129" i="1"/>
  <c r="U78128" i="1"/>
  <c r="U78127" i="1"/>
  <c r="U78126" i="1"/>
  <c r="U78125" i="1"/>
  <c r="U78124" i="1"/>
  <c r="U78123" i="1"/>
  <c r="U78122" i="1"/>
  <c r="U78121" i="1"/>
  <c r="U78120" i="1"/>
  <c r="U78119" i="1"/>
  <c r="U78118" i="1"/>
  <c r="U78117" i="1"/>
  <c r="U78116" i="1"/>
  <c r="U78115" i="1"/>
  <c r="U78114" i="1"/>
  <c r="U78113" i="1"/>
  <c r="U78112" i="1"/>
  <c r="U78111" i="1"/>
  <c r="U78110" i="1"/>
  <c r="U78109" i="1"/>
  <c r="U78108" i="1"/>
  <c r="U78107" i="1"/>
  <c r="U78106" i="1"/>
  <c r="U78105" i="1"/>
  <c r="U78104" i="1"/>
  <c r="U78103" i="1"/>
  <c r="U78102" i="1"/>
  <c r="U78101" i="1"/>
  <c r="U78100" i="1"/>
  <c r="U78099" i="1"/>
  <c r="U78098" i="1"/>
  <c r="U78097" i="1"/>
  <c r="U78096" i="1"/>
  <c r="U78095" i="1"/>
  <c r="U78094" i="1"/>
  <c r="U78093" i="1"/>
  <c r="U78092" i="1"/>
  <c r="U78091" i="1"/>
  <c r="U78090" i="1"/>
  <c r="U78089" i="1"/>
  <c r="U78088" i="1"/>
  <c r="U78087" i="1"/>
  <c r="U78086" i="1"/>
  <c r="U78085" i="1"/>
  <c r="U78084" i="1"/>
  <c r="U78083" i="1"/>
  <c r="U78082" i="1"/>
  <c r="U78081" i="1"/>
  <c r="U78080" i="1"/>
  <c r="U78079" i="1"/>
  <c r="U78078" i="1"/>
  <c r="U78077" i="1"/>
  <c r="U78076" i="1"/>
  <c r="U78075" i="1"/>
  <c r="U78074" i="1"/>
  <c r="U78073" i="1"/>
  <c r="U78072" i="1"/>
  <c r="U78071" i="1"/>
  <c r="U78070" i="1"/>
  <c r="U78069" i="1"/>
  <c r="U78068" i="1"/>
  <c r="U78067" i="1"/>
  <c r="U78066" i="1"/>
  <c r="U78065" i="1"/>
  <c r="U78064" i="1"/>
  <c r="U78063" i="1"/>
  <c r="U78062" i="1"/>
  <c r="U78061" i="1"/>
  <c r="U78060" i="1"/>
  <c r="U78059" i="1"/>
  <c r="U78058" i="1"/>
  <c r="U78057" i="1"/>
  <c r="U78056" i="1"/>
  <c r="U78055" i="1"/>
  <c r="U78054" i="1"/>
  <c r="U78053" i="1"/>
  <c r="U78052" i="1"/>
  <c r="U78051" i="1"/>
  <c r="U78050" i="1"/>
  <c r="U78049" i="1"/>
  <c r="U78048" i="1"/>
  <c r="U78047" i="1"/>
  <c r="U78046" i="1"/>
  <c r="U78045" i="1"/>
  <c r="U78044" i="1"/>
  <c r="U78043" i="1"/>
  <c r="U78042" i="1"/>
  <c r="U78041" i="1"/>
  <c r="U78040" i="1"/>
  <c r="U78039" i="1"/>
  <c r="U78038" i="1"/>
  <c r="U78037" i="1"/>
  <c r="U78036" i="1"/>
  <c r="U78035" i="1"/>
  <c r="U78034" i="1"/>
  <c r="U78033" i="1"/>
  <c r="U78032" i="1"/>
  <c r="U78031" i="1"/>
  <c r="U78030" i="1"/>
  <c r="U78029" i="1"/>
  <c r="U78028" i="1"/>
  <c r="U78027" i="1"/>
  <c r="U78026" i="1"/>
  <c r="U78025" i="1"/>
  <c r="U78024" i="1"/>
  <c r="U78023" i="1"/>
  <c r="U78022" i="1"/>
  <c r="U78021" i="1"/>
  <c r="U78020" i="1"/>
  <c r="U78019" i="1"/>
  <c r="U78018" i="1"/>
  <c r="U78017" i="1"/>
  <c r="U78016" i="1"/>
  <c r="U78015" i="1"/>
  <c r="U78014" i="1"/>
  <c r="U78013" i="1"/>
  <c r="U78012" i="1"/>
  <c r="U78011" i="1"/>
  <c r="U78010" i="1"/>
  <c r="U78009" i="1"/>
  <c r="U78008" i="1"/>
  <c r="U78007" i="1"/>
  <c r="U78006" i="1"/>
  <c r="U78005" i="1"/>
  <c r="U78004" i="1"/>
  <c r="U78003" i="1"/>
  <c r="U78002" i="1"/>
  <c r="U78001" i="1"/>
  <c r="U78000" i="1"/>
  <c r="U77999" i="1"/>
  <c r="U77998" i="1"/>
  <c r="U77997" i="1"/>
  <c r="U77996" i="1"/>
  <c r="U77995" i="1"/>
  <c r="U77994" i="1"/>
  <c r="U77993" i="1"/>
  <c r="U77992" i="1"/>
  <c r="U77991" i="1"/>
  <c r="U77990" i="1"/>
  <c r="U77989" i="1"/>
  <c r="U77988" i="1"/>
  <c r="U77987" i="1"/>
  <c r="U77986" i="1"/>
  <c r="U77985" i="1"/>
  <c r="U77984" i="1"/>
  <c r="U77983" i="1"/>
  <c r="U77982" i="1"/>
  <c r="U77981" i="1"/>
  <c r="U77980" i="1"/>
  <c r="U77979" i="1"/>
  <c r="U77978" i="1"/>
  <c r="U77977" i="1"/>
  <c r="U77976" i="1"/>
  <c r="U77975" i="1"/>
  <c r="U77974" i="1"/>
  <c r="U77973" i="1"/>
  <c r="U77972" i="1"/>
  <c r="U77971" i="1"/>
  <c r="U77970" i="1"/>
  <c r="U77969" i="1"/>
  <c r="U77968" i="1"/>
  <c r="U77967" i="1"/>
  <c r="U77966" i="1"/>
  <c r="U77965" i="1"/>
  <c r="U77964" i="1"/>
  <c r="U77963" i="1"/>
  <c r="U77962" i="1"/>
  <c r="U77961" i="1"/>
  <c r="U77960" i="1"/>
  <c r="U77959" i="1"/>
  <c r="U77958" i="1"/>
  <c r="U77957" i="1"/>
  <c r="U77956" i="1"/>
  <c r="U77955" i="1"/>
  <c r="U77954" i="1"/>
  <c r="U77953" i="1"/>
  <c r="U77952" i="1"/>
  <c r="U77951" i="1"/>
  <c r="U77950" i="1"/>
  <c r="U77949" i="1"/>
  <c r="U77948" i="1"/>
  <c r="U77947" i="1"/>
  <c r="U77946" i="1"/>
  <c r="U77945" i="1"/>
  <c r="U77944" i="1"/>
  <c r="U77943" i="1"/>
  <c r="U77942" i="1"/>
  <c r="U77941" i="1"/>
  <c r="U77940" i="1"/>
  <c r="U77939" i="1"/>
  <c r="U77938" i="1"/>
  <c r="U77937" i="1"/>
  <c r="U77936" i="1"/>
  <c r="U77935" i="1"/>
  <c r="U77934" i="1"/>
  <c r="U77933" i="1"/>
  <c r="U77932" i="1"/>
  <c r="U77931" i="1"/>
  <c r="U77930" i="1"/>
  <c r="U77929" i="1"/>
  <c r="U77928" i="1"/>
  <c r="U77927" i="1"/>
  <c r="U77926" i="1"/>
  <c r="U77925" i="1"/>
  <c r="U77924" i="1"/>
  <c r="U77923" i="1"/>
  <c r="U77922" i="1"/>
  <c r="U77921" i="1"/>
  <c r="U77920" i="1"/>
  <c r="U77919" i="1"/>
  <c r="U77918" i="1"/>
  <c r="U77917" i="1"/>
  <c r="U77916" i="1"/>
  <c r="U77915" i="1"/>
  <c r="U77914" i="1"/>
  <c r="U77913" i="1"/>
  <c r="U77912" i="1"/>
  <c r="U77911" i="1"/>
  <c r="U77910" i="1"/>
  <c r="U77909" i="1"/>
  <c r="U77908" i="1"/>
  <c r="U77907" i="1"/>
  <c r="U77906" i="1"/>
  <c r="U77905" i="1"/>
  <c r="U77904" i="1"/>
  <c r="U77903" i="1"/>
  <c r="U77902" i="1"/>
  <c r="U77901" i="1"/>
  <c r="U77900" i="1"/>
  <c r="U77899" i="1"/>
  <c r="U77898" i="1"/>
  <c r="U77897" i="1"/>
  <c r="U77896" i="1"/>
  <c r="U77895" i="1"/>
  <c r="U77894" i="1"/>
  <c r="U77893" i="1"/>
  <c r="U77892" i="1"/>
  <c r="U77891" i="1"/>
  <c r="U77890" i="1"/>
  <c r="U77889" i="1"/>
  <c r="U77888" i="1"/>
  <c r="U77887" i="1"/>
  <c r="U77886" i="1"/>
  <c r="U77885" i="1"/>
  <c r="U77884" i="1"/>
  <c r="U77883" i="1"/>
  <c r="U77882" i="1"/>
  <c r="U77881" i="1"/>
  <c r="U77880" i="1"/>
  <c r="U77879" i="1"/>
  <c r="U77878" i="1"/>
  <c r="U77877" i="1"/>
  <c r="U77876" i="1"/>
  <c r="U77875" i="1"/>
  <c r="U77874" i="1"/>
  <c r="U77873" i="1"/>
  <c r="U77872" i="1"/>
  <c r="U77871" i="1"/>
  <c r="U77870" i="1"/>
  <c r="U77869" i="1"/>
  <c r="U77868" i="1"/>
  <c r="U77867" i="1"/>
  <c r="U77866" i="1"/>
  <c r="U77865" i="1"/>
  <c r="U77864" i="1"/>
  <c r="U77863" i="1"/>
  <c r="U77862" i="1"/>
  <c r="U77861" i="1"/>
  <c r="U77860" i="1"/>
  <c r="U77859" i="1"/>
  <c r="U77858" i="1"/>
  <c r="U77857" i="1"/>
  <c r="U77856" i="1"/>
  <c r="U77855" i="1"/>
  <c r="U77854" i="1"/>
  <c r="U77853" i="1"/>
  <c r="U77852" i="1"/>
  <c r="U77851" i="1"/>
  <c r="U77850" i="1"/>
  <c r="U77849" i="1"/>
  <c r="U77848" i="1"/>
  <c r="U77847" i="1"/>
  <c r="U77846" i="1"/>
  <c r="U77845" i="1"/>
  <c r="U77844" i="1"/>
  <c r="U77843" i="1"/>
  <c r="U77842" i="1"/>
  <c r="U77841" i="1"/>
  <c r="U77840" i="1"/>
  <c r="U77839" i="1"/>
  <c r="U77838" i="1"/>
  <c r="U77837" i="1"/>
  <c r="U77836" i="1"/>
  <c r="U77835" i="1"/>
  <c r="U77834" i="1"/>
  <c r="U77833" i="1"/>
  <c r="U77832" i="1"/>
  <c r="U77831" i="1"/>
  <c r="U77830" i="1"/>
  <c r="U77829" i="1"/>
  <c r="U77828" i="1"/>
  <c r="U77827" i="1"/>
  <c r="U77826" i="1"/>
  <c r="U77825" i="1"/>
  <c r="U77824" i="1"/>
  <c r="U77823" i="1"/>
  <c r="U77822" i="1"/>
  <c r="U77821" i="1"/>
  <c r="U77820" i="1"/>
  <c r="U77819" i="1"/>
  <c r="U77818" i="1"/>
  <c r="U77817" i="1"/>
  <c r="U77816" i="1"/>
  <c r="U77815" i="1"/>
  <c r="U77814" i="1"/>
  <c r="U77813" i="1"/>
  <c r="U77812" i="1"/>
  <c r="U77811" i="1"/>
  <c r="U77810" i="1"/>
  <c r="U77809" i="1"/>
  <c r="U77808" i="1"/>
  <c r="U77807" i="1"/>
  <c r="U77806" i="1"/>
  <c r="U77805" i="1"/>
  <c r="U77804" i="1"/>
  <c r="U77803" i="1"/>
  <c r="U77802" i="1"/>
  <c r="U77801" i="1"/>
  <c r="U77800" i="1"/>
  <c r="U77799" i="1"/>
  <c r="U77798" i="1"/>
  <c r="U77797" i="1"/>
  <c r="U77796" i="1"/>
  <c r="U77795" i="1"/>
  <c r="U77794" i="1"/>
  <c r="U77793" i="1"/>
  <c r="U77792" i="1"/>
  <c r="U77791" i="1"/>
  <c r="U77790" i="1"/>
  <c r="U77789" i="1"/>
  <c r="U77788" i="1"/>
  <c r="U77787" i="1"/>
  <c r="U77786" i="1"/>
  <c r="U77785" i="1"/>
  <c r="U77784" i="1"/>
  <c r="U77783" i="1"/>
  <c r="U77782" i="1"/>
  <c r="U77781" i="1"/>
  <c r="U77780" i="1"/>
  <c r="U77779" i="1"/>
  <c r="U77778" i="1"/>
  <c r="U77777" i="1"/>
  <c r="U77776" i="1"/>
  <c r="U77775" i="1"/>
  <c r="U77774" i="1"/>
  <c r="U77773" i="1"/>
  <c r="U77772" i="1"/>
  <c r="U77771" i="1"/>
  <c r="U77770" i="1"/>
  <c r="U77769" i="1"/>
  <c r="U77768" i="1"/>
  <c r="U77767" i="1"/>
  <c r="U77766" i="1"/>
  <c r="U77765" i="1"/>
  <c r="U77764" i="1"/>
  <c r="U77763" i="1"/>
  <c r="U77762" i="1"/>
  <c r="U77761" i="1"/>
  <c r="U77760" i="1"/>
  <c r="U77759" i="1"/>
  <c r="U77758" i="1"/>
  <c r="U77757" i="1"/>
  <c r="U77756" i="1"/>
  <c r="U77755" i="1"/>
  <c r="U77754" i="1"/>
  <c r="U77753" i="1"/>
  <c r="U77752" i="1"/>
  <c r="U77751" i="1"/>
  <c r="U77750" i="1"/>
  <c r="U77749" i="1"/>
  <c r="U77748" i="1"/>
  <c r="U77747" i="1"/>
  <c r="U77746" i="1"/>
  <c r="U77745" i="1"/>
  <c r="U77744" i="1"/>
  <c r="U77743" i="1"/>
  <c r="U77742" i="1"/>
  <c r="U77741" i="1"/>
  <c r="U77740" i="1"/>
  <c r="U77739" i="1"/>
  <c r="U77738" i="1"/>
  <c r="U77737" i="1"/>
  <c r="U77736" i="1"/>
  <c r="U77735" i="1"/>
  <c r="U77734" i="1"/>
  <c r="U77733" i="1"/>
  <c r="U77732" i="1"/>
  <c r="U77731" i="1"/>
  <c r="U77730" i="1"/>
  <c r="U77729" i="1"/>
  <c r="U77728" i="1"/>
  <c r="U77727" i="1"/>
  <c r="U77726" i="1"/>
  <c r="U77725" i="1"/>
  <c r="U77724" i="1"/>
  <c r="U77723" i="1"/>
  <c r="U77722" i="1"/>
  <c r="U77721" i="1"/>
  <c r="U77720" i="1"/>
  <c r="U77719" i="1"/>
  <c r="U77718" i="1"/>
  <c r="U77717" i="1"/>
  <c r="U77716" i="1"/>
  <c r="U77715" i="1"/>
  <c r="U77714" i="1"/>
  <c r="U77713" i="1"/>
  <c r="U77712" i="1"/>
  <c r="U77711" i="1"/>
  <c r="U77710" i="1"/>
  <c r="U77709" i="1"/>
  <c r="U77708" i="1"/>
  <c r="U77707" i="1"/>
  <c r="U77706" i="1"/>
  <c r="U77705" i="1"/>
  <c r="U77704" i="1"/>
  <c r="U77703" i="1"/>
  <c r="U77702" i="1"/>
  <c r="U77701" i="1"/>
  <c r="U77700" i="1"/>
  <c r="U77699" i="1"/>
  <c r="U77698" i="1"/>
  <c r="U77697" i="1"/>
  <c r="U77696" i="1"/>
  <c r="U77695" i="1"/>
  <c r="U77694" i="1"/>
  <c r="U77693" i="1"/>
  <c r="U77692" i="1"/>
  <c r="U77691" i="1"/>
  <c r="U77690" i="1"/>
  <c r="U77689" i="1"/>
  <c r="U77688" i="1"/>
  <c r="U77687" i="1"/>
  <c r="U77686" i="1"/>
  <c r="U77685" i="1"/>
  <c r="U77684" i="1"/>
  <c r="U77683" i="1"/>
  <c r="U77682" i="1"/>
  <c r="U77681" i="1"/>
  <c r="U77680" i="1"/>
  <c r="U77679" i="1"/>
  <c r="U77678" i="1"/>
  <c r="U77677" i="1"/>
  <c r="U77676" i="1"/>
  <c r="U77675" i="1"/>
  <c r="U77674" i="1"/>
  <c r="U77673" i="1"/>
  <c r="U77672" i="1"/>
  <c r="U77671" i="1"/>
  <c r="U77670" i="1"/>
  <c r="U77669" i="1"/>
  <c r="U77668" i="1"/>
  <c r="U77667" i="1"/>
  <c r="U77666" i="1"/>
  <c r="U77665" i="1"/>
  <c r="U77664" i="1"/>
  <c r="U77663" i="1"/>
  <c r="U77662" i="1"/>
  <c r="U77661" i="1"/>
  <c r="U77660" i="1"/>
  <c r="U77659" i="1"/>
  <c r="U77658" i="1"/>
  <c r="U77657" i="1"/>
  <c r="U77656" i="1"/>
  <c r="U77655" i="1"/>
  <c r="U77654" i="1"/>
  <c r="U77653" i="1"/>
  <c r="U77652" i="1"/>
  <c r="U77651" i="1"/>
  <c r="U77650" i="1"/>
  <c r="U77649" i="1"/>
  <c r="U77648" i="1"/>
  <c r="U77647" i="1"/>
  <c r="U77646" i="1"/>
  <c r="U77645" i="1"/>
  <c r="U77644" i="1"/>
  <c r="U77643" i="1"/>
  <c r="U77642" i="1"/>
  <c r="U77641" i="1"/>
  <c r="U77640" i="1"/>
  <c r="U77639" i="1"/>
  <c r="U77638" i="1"/>
  <c r="U77637" i="1"/>
  <c r="U77636" i="1"/>
  <c r="U77635" i="1"/>
  <c r="U77634" i="1"/>
  <c r="U77633" i="1"/>
  <c r="U77632" i="1"/>
  <c r="U77631" i="1"/>
  <c r="U77630" i="1"/>
  <c r="U77629" i="1"/>
  <c r="U77628" i="1"/>
  <c r="U77627" i="1"/>
  <c r="U77626" i="1"/>
  <c r="U77625" i="1"/>
  <c r="U77624" i="1"/>
  <c r="U77623" i="1"/>
  <c r="U77622" i="1"/>
  <c r="U77621" i="1"/>
  <c r="U77620" i="1"/>
  <c r="U77619" i="1"/>
  <c r="U77618" i="1"/>
  <c r="U77617" i="1"/>
  <c r="U77616" i="1"/>
  <c r="U77615" i="1"/>
  <c r="U77614" i="1"/>
  <c r="U77613" i="1"/>
  <c r="U77612" i="1"/>
  <c r="U77611" i="1"/>
  <c r="U77610" i="1"/>
  <c r="U77609" i="1"/>
  <c r="U77608" i="1"/>
  <c r="U77607" i="1"/>
  <c r="U77606" i="1"/>
  <c r="U77605" i="1"/>
  <c r="U77604" i="1"/>
  <c r="U77603" i="1"/>
  <c r="U77602" i="1"/>
  <c r="U77601" i="1"/>
  <c r="U77600" i="1"/>
  <c r="U77599" i="1"/>
  <c r="U77598" i="1"/>
  <c r="U77597" i="1"/>
  <c r="U77596" i="1"/>
  <c r="U77595" i="1"/>
  <c r="U77594" i="1"/>
  <c r="U77593" i="1"/>
  <c r="U77592" i="1"/>
  <c r="U77591" i="1"/>
  <c r="U77590" i="1"/>
  <c r="U77589" i="1"/>
  <c r="U77588" i="1"/>
  <c r="U77587" i="1"/>
  <c r="U77586" i="1"/>
  <c r="U77585" i="1"/>
  <c r="U77584" i="1"/>
  <c r="U77583" i="1"/>
  <c r="U77582" i="1"/>
  <c r="U77581" i="1"/>
  <c r="U77580" i="1"/>
  <c r="U77579" i="1"/>
  <c r="U77578" i="1"/>
  <c r="U77577" i="1"/>
  <c r="U77576" i="1"/>
  <c r="U77575" i="1"/>
  <c r="U77574" i="1"/>
  <c r="U77573" i="1"/>
  <c r="U77572" i="1"/>
  <c r="U77571" i="1"/>
  <c r="U77570" i="1"/>
  <c r="U77569" i="1"/>
  <c r="U77568" i="1"/>
  <c r="U77567" i="1"/>
  <c r="U77566" i="1"/>
  <c r="U77565" i="1"/>
  <c r="U77564" i="1"/>
  <c r="U77563" i="1"/>
  <c r="U77562" i="1"/>
  <c r="U77561" i="1"/>
  <c r="U77560" i="1"/>
  <c r="U77559" i="1"/>
  <c r="U77558" i="1"/>
  <c r="U77557" i="1"/>
  <c r="U77556" i="1"/>
  <c r="U77555" i="1"/>
  <c r="U77554" i="1"/>
  <c r="U77553" i="1"/>
  <c r="U77552" i="1"/>
  <c r="U77551" i="1"/>
  <c r="U77550" i="1"/>
  <c r="U77549" i="1"/>
  <c r="U77548" i="1"/>
  <c r="U77547" i="1"/>
  <c r="U77546" i="1"/>
  <c r="U77545" i="1"/>
  <c r="U77544" i="1"/>
  <c r="U77543" i="1"/>
  <c r="U77542" i="1"/>
  <c r="U77541" i="1"/>
  <c r="U77540" i="1"/>
  <c r="U77539" i="1"/>
  <c r="U77538" i="1"/>
  <c r="U77537" i="1"/>
  <c r="U77536" i="1"/>
  <c r="U77535" i="1"/>
  <c r="U77534" i="1"/>
  <c r="U77533" i="1"/>
  <c r="U77532" i="1"/>
  <c r="U77531" i="1"/>
  <c r="U77530" i="1"/>
  <c r="U77529" i="1"/>
  <c r="U77528" i="1"/>
  <c r="U77527" i="1"/>
  <c r="U77526" i="1"/>
  <c r="U77525" i="1"/>
  <c r="U77524" i="1"/>
  <c r="U77523" i="1"/>
  <c r="U77522" i="1"/>
  <c r="U77521" i="1"/>
  <c r="U77520" i="1"/>
  <c r="U77519" i="1"/>
  <c r="U77518" i="1"/>
  <c r="U77517" i="1"/>
  <c r="U77516" i="1"/>
  <c r="U77515" i="1"/>
  <c r="U77514" i="1"/>
  <c r="U77513" i="1"/>
  <c r="U77512" i="1"/>
  <c r="U77511" i="1"/>
  <c r="U77510" i="1"/>
  <c r="U77509" i="1"/>
  <c r="U77508" i="1"/>
  <c r="U77507" i="1"/>
  <c r="U77506" i="1"/>
  <c r="U77505" i="1"/>
  <c r="U77504" i="1"/>
  <c r="U77503" i="1"/>
  <c r="U77502" i="1"/>
  <c r="U77501" i="1"/>
  <c r="U77500" i="1"/>
  <c r="U77499" i="1"/>
  <c r="U77498" i="1"/>
  <c r="U77497" i="1"/>
  <c r="U77496" i="1"/>
  <c r="U77495" i="1"/>
  <c r="U77494" i="1"/>
  <c r="U77493" i="1"/>
  <c r="U77492" i="1"/>
  <c r="U77491" i="1"/>
  <c r="U77490" i="1"/>
  <c r="U77489" i="1"/>
  <c r="U77488" i="1"/>
  <c r="U77487" i="1"/>
  <c r="U77486" i="1"/>
  <c r="U77485" i="1"/>
  <c r="U77484" i="1"/>
  <c r="U77483" i="1"/>
  <c r="U77482" i="1"/>
  <c r="U77481" i="1"/>
  <c r="U77480" i="1"/>
  <c r="U77479" i="1"/>
  <c r="U77478" i="1"/>
  <c r="U77477" i="1"/>
  <c r="U77476" i="1"/>
  <c r="U77475" i="1"/>
  <c r="U77474" i="1"/>
  <c r="U77473" i="1"/>
  <c r="U77472" i="1"/>
  <c r="U77471" i="1"/>
  <c r="U77470" i="1"/>
  <c r="U77469" i="1"/>
  <c r="U77468" i="1"/>
  <c r="U77467" i="1"/>
  <c r="U77466" i="1"/>
  <c r="U77465" i="1"/>
  <c r="U77464" i="1"/>
  <c r="U77463" i="1"/>
  <c r="U77462" i="1"/>
  <c r="U77461" i="1"/>
  <c r="U77460" i="1"/>
  <c r="U77459" i="1"/>
  <c r="U77458" i="1"/>
  <c r="U77457" i="1"/>
  <c r="U77456" i="1"/>
  <c r="U77455" i="1"/>
  <c r="U77454" i="1"/>
  <c r="U77453" i="1"/>
  <c r="U77452" i="1"/>
  <c r="U77451" i="1"/>
  <c r="U77450" i="1"/>
  <c r="U77449" i="1"/>
  <c r="U77448" i="1"/>
  <c r="U77447" i="1"/>
  <c r="U77446" i="1"/>
  <c r="U77445" i="1"/>
  <c r="U77444" i="1"/>
  <c r="U77443" i="1"/>
  <c r="U77442" i="1"/>
  <c r="U77441" i="1"/>
  <c r="U77440" i="1"/>
  <c r="U77439" i="1"/>
  <c r="U77438" i="1"/>
  <c r="U77437" i="1"/>
  <c r="U77436" i="1"/>
  <c r="U77435" i="1"/>
  <c r="U77434" i="1"/>
  <c r="U77433" i="1"/>
  <c r="U77432" i="1"/>
  <c r="U77431" i="1"/>
  <c r="U77430" i="1"/>
  <c r="U77429" i="1"/>
  <c r="U77428" i="1"/>
  <c r="U77427" i="1"/>
  <c r="U77426" i="1"/>
  <c r="U77425" i="1"/>
  <c r="U77424" i="1"/>
  <c r="U77423" i="1"/>
  <c r="U77422" i="1"/>
  <c r="U77421" i="1"/>
  <c r="U77420" i="1"/>
  <c r="U77419" i="1"/>
  <c r="U77418" i="1"/>
  <c r="U77417" i="1"/>
  <c r="U77416" i="1"/>
  <c r="U77415" i="1"/>
  <c r="U77414" i="1"/>
  <c r="U77413" i="1"/>
  <c r="U77412" i="1"/>
  <c r="U77411" i="1"/>
  <c r="U77410" i="1"/>
  <c r="U77409" i="1"/>
  <c r="U77408" i="1"/>
  <c r="U77407" i="1"/>
  <c r="U77406" i="1"/>
  <c r="U77405" i="1"/>
  <c r="U77404" i="1"/>
  <c r="U77403" i="1"/>
  <c r="U77402" i="1"/>
  <c r="U77401" i="1"/>
  <c r="U77400" i="1"/>
  <c r="U77399" i="1"/>
  <c r="U77398" i="1"/>
  <c r="U77397" i="1"/>
  <c r="U77396" i="1"/>
  <c r="U77395" i="1"/>
  <c r="U77394" i="1"/>
  <c r="U77393" i="1"/>
  <c r="U77392" i="1"/>
  <c r="U77391" i="1"/>
  <c r="U77390" i="1"/>
  <c r="U77389" i="1"/>
  <c r="U77388" i="1"/>
  <c r="U77387" i="1"/>
  <c r="U77386" i="1"/>
  <c r="U77385" i="1"/>
  <c r="U77384" i="1"/>
  <c r="U77383" i="1"/>
  <c r="U77382" i="1"/>
  <c r="U77381" i="1"/>
  <c r="U77380" i="1"/>
  <c r="U77379" i="1"/>
  <c r="U77378" i="1"/>
  <c r="U77377" i="1"/>
  <c r="U77376" i="1"/>
  <c r="U77375" i="1"/>
  <c r="U77374" i="1"/>
  <c r="U77373" i="1"/>
  <c r="U77372" i="1"/>
  <c r="U77371" i="1"/>
  <c r="U77370" i="1"/>
  <c r="U77369" i="1"/>
  <c r="U77368" i="1"/>
  <c r="U77367" i="1"/>
  <c r="U77366" i="1"/>
  <c r="U77365" i="1"/>
  <c r="U77364" i="1"/>
  <c r="U77363" i="1"/>
  <c r="U77362" i="1"/>
  <c r="U77361" i="1"/>
  <c r="U77360" i="1"/>
  <c r="U77359" i="1"/>
  <c r="U77358" i="1"/>
  <c r="U77357" i="1"/>
  <c r="U77356" i="1"/>
  <c r="U77355" i="1"/>
  <c r="U77354" i="1"/>
  <c r="U77353" i="1"/>
  <c r="U77352" i="1"/>
  <c r="U77351" i="1"/>
  <c r="U77350" i="1"/>
  <c r="U77349" i="1"/>
  <c r="U77348" i="1"/>
  <c r="U77347" i="1"/>
  <c r="U77346" i="1"/>
  <c r="U77345" i="1"/>
  <c r="U77344" i="1"/>
  <c r="U77343" i="1"/>
  <c r="U77342" i="1"/>
  <c r="U77341" i="1"/>
  <c r="U77340" i="1"/>
  <c r="U77339" i="1"/>
  <c r="U77338" i="1"/>
  <c r="U77337" i="1"/>
  <c r="U77336" i="1"/>
  <c r="U77335" i="1"/>
  <c r="U77334" i="1"/>
  <c r="U77333" i="1"/>
  <c r="U77332" i="1"/>
  <c r="U77331" i="1"/>
  <c r="U77330" i="1"/>
  <c r="U77329" i="1"/>
  <c r="U77328" i="1"/>
  <c r="U77327" i="1"/>
  <c r="U77326" i="1"/>
  <c r="U77325" i="1"/>
  <c r="U77324" i="1"/>
  <c r="U77323" i="1"/>
  <c r="U77322" i="1"/>
  <c r="U77321" i="1"/>
  <c r="U77320" i="1"/>
  <c r="U77319" i="1"/>
  <c r="U77318" i="1"/>
  <c r="U77317" i="1"/>
  <c r="U77316" i="1"/>
  <c r="U77315" i="1"/>
  <c r="U77314" i="1"/>
  <c r="U77313" i="1"/>
  <c r="U77312" i="1"/>
  <c r="U77311" i="1"/>
  <c r="U77310" i="1"/>
  <c r="U77309" i="1"/>
  <c r="U77308" i="1"/>
  <c r="U77307" i="1"/>
  <c r="U77306" i="1"/>
  <c r="U77305" i="1"/>
  <c r="U77304" i="1"/>
  <c r="U77303" i="1"/>
  <c r="U77302" i="1"/>
  <c r="U77301" i="1"/>
  <c r="U77300" i="1"/>
  <c r="U77299" i="1"/>
  <c r="U77298" i="1"/>
  <c r="U77297" i="1"/>
  <c r="U77296" i="1"/>
  <c r="U77295" i="1"/>
  <c r="U77294" i="1"/>
  <c r="U77293" i="1"/>
  <c r="U77292" i="1"/>
  <c r="U77291" i="1"/>
  <c r="U77290" i="1"/>
  <c r="U77289" i="1"/>
  <c r="U77288" i="1"/>
  <c r="U77287" i="1"/>
  <c r="U77286" i="1"/>
  <c r="U77285" i="1"/>
  <c r="U77284" i="1"/>
  <c r="U77283" i="1"/>
  <c r="U77282" i="1"/>
  <c r="U77281" i="1"/>
  <c r="U77280" i="1"/>
  <c r="U77279" i="1"/>
  <c r="U77278" i="1"/>
  <c r="U77277" i="1"/>
  <c r="U77276" i="1"/>
  <c r="U77275" i="1"/>
  <c r="U77274" i="1"/>
  <c r="U77273" i="1"/>
  <c r="U77272" i="1"/>
  <c r="U77271" i="1"/>
  <c r="U77270" i="1"/>
  <c r="U77269" i="1"/>
  <c r="U77268" i="1"/>
  <c r="U77267" i="1"/>
  <c r="U77266" i="1"/>
  <c r="U77265" i="1"/>
  <c r="U77264" i="1"/>
  <c r="U77263" i="1"/>
  <c r="U77262" i="1"/>
  <c r="U77261" i="1"/>
  <c r="U77260" i="1"/>
  <c r="U77259" i="1"/>
  <c r="U77258" i="1"/>
  <c r="U77257" i="1"/>
  <c r="U77256" i="1"/>
  <c r="U77255" i="1"/>
  <c r="U77254" i="1"/>
  <c r="U77253" i="1"/>
  <c r="U77252" i="1"/>
  <c r="U77251" i="1"/>
  <c r="U77250" i="1"/>
  <c r="U77249" i="1"/>
  <c r="U77248" i="1"/>
  <c r="U77247" i="1"/>
  <c r="U77246" i="1"/>
  <c r="U77245" i="1"/>
  <c r="U77244" i="1"/>
  <c r="U77243" i="1"/>
  <c r="U77242" i="1"/>
  <c r="U77241" i="1"/>
  <c r="U77240" i="1"/>
  <c r="U77239" i="1"/>
  <c r="U77238" i="1"/>
  <c r="U77237" i="1"/>
  <c r="U77236" i="1"/>
  <c r="U77235" i="1"/>
  <c r="U77234" i="1"/>
  <c r="U77233" i="1"/>
  <c r="U77232" i="1"/>
  <c r="U77231" i="1"/>
  <c r="U77230" i="1"/>
  <c r="U77229" i="1"/>
  <c r="U77228" i="1"/>
  <c r="U77227" i="1"/>
  <c r="U77226" i="1"/>
  <c r="U77225" i="1"/>
  <c r="U77224" i="1"/>
  <c r="U77223" i="1"/>
  <c r="U77222" i="1"/>
  <c r="U77221" i="1"/>
  <c r="U77220" i="1"/>
  <c r="U77219" i="1"/>
  <c r="U77218" i="1"/>
  <c r="U77217" i="1"/>
  <c r="U77216" i="1"/>
  <c r="U77215" i="1"/>
  <c r="U77214" i="1"/>
  <c r="U77213" i="1"/>
  <c r="U77212" i="1"/>
  <c r="U77211" i="1"/>
  <c r="U77210" i="1"/>
  <c r="U77209" i="1"/>
  <c r="U77208" i="1"/>
  <c r="U77207" i="1"/>
  <c r="U77206" i="1"/>
  <c r="U77205" i="1"/>
  <c r="U77204" i="1"/>
  <c r="U77203" i="1"/>
  <c r="U77202" i="1"/>
  <c r="U77201" i="1"/>
  <c r="U77200" i="1"/>
  <c r="U77199" i="1"/>
  <c r="U77198" i="1"/>
  <c r="U77197" i="1"/>
  <c r="U77196" i="1"/>
  <c r="U77195" i="1"/>
  <c r="U77194" i="1"/>
  <c r="U77193" i="1"/>
  <c r="U77192" i="1"/>
  <c r="U77191" i="1"/>
  <c r="U77190" i="1"/>
  <c r="U77189" i="1"/>
  <c r="U77188" i="1"/>
  <c r="U77187" i="1"/>
  <c r="U77186" i="1"/>
  <c r="U77185" i="1"/>
  <c r="U77184" i="1"/>
  <c r="U77183" i="1"/>
  <c r="U77182" i="1"/>
  <c r="U77181" i="1"/>
  <c r="U77180" i="1"/>
  <c r="U77179" i="1"/>
  <c r="U77178" i="1"/>
  <c r="U77177" i="1"/>
  <c r="U77176" i="1"/>
  <c r="U77175" i="1"/>
  <c r="U77174" i="1"/>
  <c r="U77173" i="1"/>
  <c r="U77172" i="1"/>
  <c r="U77171" i="1"/>
  <c r="U77170" i="1"/>
  <c r="U77169" i="1"/>
  <c r="U77168" i="1"/>
  <c r="U77167" i="1"/>
  <c r="U77166" i="1"/>
  <c r="U77165" i="1"/>
  <c r="U77164" i="1"/>
  <c r="U77163" i="1"/>
  <c r="U77162" i="1"/>
  <c r="U77161" i="1"/>
  <c r="U77160" i="1"/>
  <c r="U77159" i="1"/>
  <c r="U77158" i="1"/>
  <c r="U77157" i="1"/>
  <c r="U77156" i="1"/>
  <c r="U77155" i="1"/>
  <c r="U77154" i="1"/>
  <c r="U77153" i="1"/>
  <c r="U77152" i="1"/>
  <c r="U77151" i="1"/>
  <c r="U77150" i="1"/>
  <c r="U77149" i="1"/>
  <c r="U77148" i="1"/>
  <c r="U77147" i="1"/>
  <c r="U77146" i="1"/>
  <c r="U77145" i="1"/>
  <c r="U77144" i="1"/>
  <c r="U77143" i="1"/>
  <c r="U77142" i="1"/>
  <c r="U77141" i="1"/>
  <c r="U77140" i="1"/>
  <c r="U77139" i="1"/>
  <c r="U77138" i="1"/>
  <c r="U77137" i="1"/>
  <c r="U77136" i="1"/>
  <c r="U77135" i="1"/>
  <c r="U77134" i="1"/>
  <c r="U77133" i="1"/>
  <c r="U77132" i="1"/>
  <c r="U77131" i="1"/>
  <c r="U77130" i="1"/>
  <c r="U77129" i="1"/>
  <c r="U77128" i="1"/>
  <c r="U77127" i="1"/>
  <c r="U77126" i="1"/>
  <c r="U77125" i="1"/>
  <c r="U77124" i="1"/>
  <c r="U77123" i="1"/>
  <c r="U77122" i="1"/>
  <c r="U77121" i="1"/>
  <c r="U77120" i="1"/>
  <c r="U77119" i="1"/>
  <c r="U77118" i="1"/>
  <c r="U77117" i="1"/>
  <c r="U77116" i="1"/>
  <c r="U77115" i="1"/>
  <c r="U77114" i="1"/>
  <c r="U77113" i="1"/>
  <c r="U77112" i="1"/>
  <c r="U77111" i="1"/>
  <c r="U77110" i="1"/>
  <c r="U77109" i="1"/>
  <c r="U77108" i="1"/>
  <c r="U77107" i="1"/>
  <c r="U77106" i="1"/>
  <c r="U77105" i="1"/>
  <c r="U77104" i="1"/>
  <c r="U77103" i="1"/>
  <c r="U77102" i="1"/>
  <c r="U77101" i="1"/>
  <c r="U77100" i="1"/>
  <c r="U77099" i="1"/>
  <c r="U77098" i="1"/>
  <c r="U77097" i="1"/>
  <c r="U77096" i="1"/>
  <c r="U77095" i="1"/>
  <c r="U77094" i="1"/>
  <c r="U77093" i="1"/>
  <c r="U77092" i="1"/>
  <c r="U77091" i="1"/>
  <c r="U77090" i="1"/>
  <c r="U77089" i="1"/>
  <c r="U77088" i="1"/>
  <c r="U77087" i="1"/>
  <c r="U77086" i="1"/>
  <c r="U77085" i="1"/>
  <c r="U77084" i="1"/>
  <c r="U77083" i="1"/>
  <c r="U77082" i="1"/>
  <c r="U77081" i="1"/>
  <c r="U77080" i="1"/>
  <c r="U77079" i="1"/>
  <c r="U77078" i="1"/>
  <c r="U77077" i="1"/>
  <c r="U77076" i="1"/>
  <c r="U77075" i="1"/>
  <c r="U77074" i="1"/>
  <c r="U77073" i="1"/>
  <c r="U77072" i="1"/>
  <c r="U77071" i="1"/>
  <c r="U77070" i="1"/>
  <c r="U77069" i="1"/>
  <c r="U77068" i="1"/>
  <c r="U77067" i="1"/>
  <c r="U77066" i="1"/>
  <c r="U77065" i="1"/>
  <c r="U77064" i="1"/>
  <c r="U77063" i="1"/>
  <c r="U77062" i="1"/>
  <c r="U77061" i="1"/>
  <c r="U77060" i="1"/>
  <c r="U77059" i="1"/>
  <c r="U77058" i="1"/>
  <c r="U77057" i="1"/>
  <c r="U77056" i="1"/>
  <c r="U77055" i="1"/>
  <c r="U77054" i="1"/>
  <c r="U77053" i="1"/>
  <c r="U77052" i="1"/>
  <c r="U77051" i="1"/>
  <c r="U77050" i="1"/>
  <c r="U77049" i="1"/>
  <c r="U77048" i="1"/>
  <c r="U77047" i="1"/>
  <c r="U77046" i="1"/>
  <c r="U77045" i="1"/>
  <c r="U77044" i="1"/>
  <c r="U77043" i="1"/>
  <c r="U77042" i="1"/>
  <c r="U77041" i="1"/>
  <c r="U77040" i="1"/>
  <c r="U77039" i="1"/>
  <c r="U77038" i="1"/>
  <c r="U77037" i="1"/>
  <c r="U77036" i="1"/>
  <c r="U77035" i="1"/>
  <c r="U77034" i="1"/>
  <c r="U77033" i="1"/>
  <c r="U77032" i="1"/>
  <c r="U77031" i="1"/>
  <c r="U77030" i="1"/>
  <c r="U77029" i="1"/>
  <c r="U77028" i="1"/>
  <c r="U77027" i="1"/>
  <c r="U77026" i="1"/>
  <c r="U77025" i="1"/>
  <c r="U77024" i="1"/>
  <c r="U77023" i="1"/>
  <c r="U77022" i="1"/>
  <c r="U77021" i="1"/>
  <c r="U77020" i="1"/>
  <c r="U77019" i="1"/>
  <c r="U77018" i="1"/>
  <c r="U77017" i="1"/>
  <c r="U77016" i="1"/>
  <c r="U77015" i="1"/>
  <c r="U77014" i="1"/>
  <c r="U77013" i="1"/>
  <c r="U77012" i="1"/>
  <c r="U77011" i="1"/>
  <c r="U77010" i="1"/>
  <c r="U77009" i="1"/>
  <c r="U77008" i="1"/>
  <c r="U77007" i="1"/>
  <c r="U77006" i="1"/>
  <c r="U77005" i="1"/>
  <c r="U77004" i="1"/>
  <c r="U77003" i="1"/>
  <c r="U77002" i="1"/>
  <c r="U77001" i="1"/>
  <c r="U77000" i="1"/>
  <c r="U76999" i="1"/>
  <c r="U76998" i="1"/>
  <c r="U76997" i="1"/>
  <c r="U76996" i="1"/>
  <c r="U76995" i="1"/>
  <c r="U76994" i="1"/>
  <c r="U76993" i="1"/>
  <c r="U76992" i="1"/>
  <c r="U76991" i="1"/>
  <c r="U76990" i="1"/>
  <c r="U76989" i="1"/>
  <c r="U76988" i="1"/>
  <c r="U76987" i="1"/>
  <c r="U76986" i="1"/>
  <c r="U76985" i="1"/>
  <c r="U76984" i="1"/>
  <c r="U76983" i="1"/>
  <c r="U76982" i="1"/>
  <c r="U76981" i="1"/>
  <c r="U76980" i="1"/>
  <c r="U76979" i="1"/>
  <c r="U76978" i="1"/>
  <c r="U76977" i="1"/>
  <c r="U76976" i="1"/>
  <c r="U76975" i="1"/>
  <c r="U76974" i="1"/>
  <c r="U76973" i="1"/>
  <c r="U76972" i="1"/>
  <c r="U76971" i="1"/>
  <c r="U76970" i="1"/>
  <c r="U76969" i="1"/>
  <c r="U76968" i="1"/>
  <c r="U76967" i="1"/>
  <c r="U76966" i="1"/>
  <c r="U76965" i="1"/>
  <c r="U76964" i="1"/>
  <c r="U76963" i="1"/>
  <c r="U76962" i="1"/>
  <c r="U76961" i="1"/>
  <c r="U76960" i="1"/>
  <c r="U76959" i="1"/>
  <c r="U76958" i="1"/>
  <c r="U76957" i="1"/>
  <c r="U76956" i="1"/>
  <c r="U76955" i="1"/>
  <c r="U76954" i="1"/>
  <c r="U76953" i="1"/>
  <c r="U76952" i="1"/>
  <c r="U76951" i="1"/>
  <c r="U76950" i="1"/>
  <c r="U76949" i="1"/>
  <c r="U76948" i="1"/>
  <c r="U76947" i="1"/>
  <c r="U76946" i="1"/>
  <c r="U76945" i="1"/>
  <c r="U76944" i="1"/>
  <c r="U76943" i="1"/>
  <c r="U76942" i="1"/>
  <c r="U76941" i="1"/>
  <c r="U76940" i="1"/>
  <c r="U76939" i="1"/>
  <c r="U76938" i="1"/>
  <c r="U76937" i="1"/>
  <c r="U76936" i="1"/>
  <c r="U76935" i="1"/>
  <c r="U76934" i="1"/>
  <c r="U76933" i="1"/>
  <c r="U76932" i="1"/>
  <c r="U76931" i="1"/>
  <c r="U76930" i="1"/>
  <c r="U76929" i="1"/>
  <c r="U76928" i="1"/>
  <c r="U76927" i="1"/>
  <c r="U76926" i="1"/>
  <c r="U76925" i="1"/>
  <c r="U76924" i="1"/>
  <c r="U76923" i="1"/>
  <c r="U76922" i="1"/>
  <c r="U76921" i="1"/>
  <c r="U76920" i="1"/>
  <c r="U76919" i="1"/>
  <c r="U76918" i="1"/>
  <c r="U76917" i="1"/>
  <c r="U76916" i="1"/>
  <c r="U76915" i="1"/>
  <c r="U76914" i="1"/>
  <c r="U76913" i="1"/>
  <c r="U76912" i="1"/>
  <c r="U76911" i="1"/>
  <c r="U76910" i="1"/>
  <c r="U76909" i="1"/>
  <c r="U76908" i="1"/>
  <c r="U76907" i="1"/>
  <c r="U76906" i="1"/>
  <c r="U76905" i="1"/>
  <c r="U76904" i="1"/>
  <c r="U76903" i="1"/>
  <c r="U76902" i="1"/>
  <c r="U76901" i="1"/>
  <c r="U76900" i="1"/>
  <c r="U76899" i="1"/>
  <c r="U76898" i="1"/>
  <c r="U76897" i="1"/>
  <c r="U76896" i="1"/>
  <c r="U76895" i="1"/>
  <c r="U76894" i="1"/>
  <c r="U76893" i="1"/>
  <c r="U76892" i="1"/>
  <c r="U76891" i="1"/>
  <c r="U76890" i="1"/>
  <c r="U76889" i="1"/>
  <c r="U76888" i="1"/>
  <c r="U76887" i="1"/>
  <c r="U76886" i="1"/>
  <c r="U76885" i="1"/>
  <c r="U76884" i="1"/>
  <c r="U76883" i="1"/>
  <c r="U76882" i="1"/>
  <c r="U76881" i="1"/>
  <c r="U76880" i="1"/>
  <c r="U76879" i="1"/>
  <c r="U76878" i="1"/>
  <c r="U76877" i="1"/>
  <c r="U76876" i="1"/>
  <c r="U76875" i="1"/>
  <c r="U76874" i="1"/>
  <c r="U76873" i="1"/>
  <c r="U76872" i="1"/>
  <c r="U76871" i="1"/>
  <c r="U76870" i="1"/>
  <c r="U76869" i="1"/>
  <c r="U76868" i="1"/>
  <c r="U76867" i="1"/>
  <c r="U76866" i="1"/>
  <c r="U76865" i="1"/>
  <c r="U76864" i="1"/>
  <c r="U76863" i="1"/>
  <c r="U76862" i="1"/>
  <c r="U76861" i="1"/>
  <c r="U76860" i="1"/>
  <c r="U76859" i="1"/>
  <c r="U76858" i="1"/>
  <c r="U76857" i="1"/>
  <c r="U76856" i="1"/>
  <c r="U76855" i="1"/>
  <c r="U76854" i="1"/>
  <c r="U76853" i="1"/>
  <c r="U76852" i="1"/>
  <c r="U76851" i="1"/>
  <c r="U76850" i="1"/>
  <c r="U76849" i="1"/>
  <c r="U76848" i="1"/>
  <c r="U76847" i="1"/>
  <c r="U76846" i="1"/>
  <c r="U76845" i="1"/>
  <c r="U76844" i="1"/>
  <c r="U76843" i="1"/>
  <c r="U76842" i="1"/>
  <c r="U76841" i="1"/>
  <c r="U76840" i="1"/>
  <c r="U76839" i="1"/>
  <c r="U76838" i="1"/>
  <c r="U76837" i="1"/>
  <c r="U76836" i="1"/>
  <c r="U76835" i="1"/>
  <c r="U76834" i="1"/>
  <c r="U76833" i="1"/>
  <c r="U76832" i="1"/>
  <c r="U76831" i="1"/>
  <c r="U76830" i="1"/>
  <c r="U76829" i="1"/>
  <c r="U76828" i="1"/>
  <c r="U76827" i="1"/>
  <c r="U76826" i="1"/>
  <c r="U76825" i="1"/>
  <c r="U76824" i="1"/>
  <c r="U76823" i="1"/>
  <c r="U76822" i="1"/>
  <c r="U76821" i="1"/>
  <c r="U76820" i="1"/>
  <c r="U76819" i="1"/>
  <c r="U76818" i="1"/>
  <c r="U76817" i="1"/>
  <c r="U76816" i="1"/>
  <c r="U76815" i="1"/>
  <c r="U76814" i="1"/>
  <c r="U76813" i="1"/>
  <c r="U76812" i="1"/>
  <c r="U76811" i="1"/>
  <c r="U76810" i="1"/>
  <c r="U76809" i="1"/>
  <c r="U76808" i="1"/>
  <c r="U76807" i="1"/>
  <c r="U76806" i="1"/>
  <c r="U76805" i="1"/>
  <c r="U76804" i="1"/>
  <c r="U76803" i="1"/>
  <c r="U76802" i="1"/>
  <c r="U76801" i="1"/>
  <c r="U76800" i="1"/>
  <c r="U76799" i="1"/>
  <c r="U76798" i="1"/>
  <c r="U76797" i="1"/>
  <c r="U76796" i="1"/>
  <c r="U76795" i="1"/>
  <c r="U76794" i="1"/>
  <c r="U76793" i="1"/>
  <c r="U76792" i="1"/>
  <c r="U76791" i="1"/>
  <c r="U76790" i="1"/>
  <c r="U76789" i="1"/>
  <c r="U76788" i="1"/>
  <c r="U76787" i="1"/>
  <c r="U76786" i="1"/>
  <c r="U76785" i="1"/>
  <c r="U76784" i="1"/>
  <c r="U76783" i="1"/>
  <c r="U76782" i="1"/>
  <c r="U76781" i="1"/>
  <c r="U76780" i="1"/>
  <c r="U76779" i="1"/>
  <c r="U76778" i="1"/>
  <c r="U76777" i="1"/>
  <c r="U76776" i="1"/>
  <c r="U76775" i="1"/>
  <c r="U76774" i="1"/>
  <c r="U76773" i="1"/>
  <c r="U76772" i="1"/>
  <c r="U76771" i="1"/>
  <c r="U76770" i="1"/>
  <c r="U76769" i="1"/>
  <c r="U76768" i="1"/>
  <c r="U76767" i="1"/>
  <c r="U76766" i="1"/>
  <c r="U76765" i="1"/>
  <c r="U76764" i="1"/>
  <c r="U76763" i="1"/>
  <c r="U76762" i="1"/>
  <c r="U76761" i="1"/>
  <c r="U76760" i="1"/>
  <c r="U76759" i="1"/>
  <c r="U76758" i="1"/>
  <c r="U76757" i="1"/>
  <c r="U76756" i="1"/>
  <c r="U76755" i="1"/>
  <c r="U76754" i="1"/>
  <c r="U76753" i="1"/>
  <c r="U76752" i="1"/>
  <c r="U76751" i="1"/>
  <c r="U76750" i="1"/>
  <c r="U76749" i="1"/>
  <c r="U76748" i="1"/>
  <c r="U76747" i="1"/>
  <c r="U76746" i="1"/>
  <c r="U76745" i="1"/>
  <c r="U76744" i="1"/>
  <c r="U76743" i="1"/>
  <c r="U76742" i="1"/>
  <c r="U76741" i="1"/>
  <c r="U76740" i="1"/>
  <c r="U76739" i="1"/>
  <c r="U76738" i="1"/>
  <c r="U76737" i="1"/>
  <c r="U76736" i="1"/>
  <c r="U76735" i="1"/>
  <c r="U76734" i="1"/>
  <c r="U76733" i="1"/>
  <c r="U76732" i="1"/>
  <c r="U76731" i="1"/>
  <c r="U76730" i="1"/>
  <c r="U76729" i="1"/>
  <c r="U76728" i="1"/>
  <c r="U76727" i="1"/>
  <c r="U76726" i="1"/>
  <c r="U76725" i="1"/>
  <c r="U76724" i="1"/>
  <c r="U76723" i="1"/>
  <c r="U76722" i="1"/>
  <c r="U76721" i="1"/>
  <c r="U76720" i="1"/>
  <c r="U76719" i="1"/>
  <c r="U76718" i="1"/>
  <c r="U76717" i="1"/>
  <c r="U76716" i="1"/>
  <c r="U76715" i="1"/>
  <c r="U76714" i="1"/>
  <c r="U76713" i="1"/>
  <c r="U76712" i="1"/>
  <c r="U76711" i="1"/>
  <c r="U76710" i="1"/>
  <c r="U76709" i="1"/>
  <c r="U76708" i="1"/>
  <c r="U76707" i="1"/>
  <c r="U76706" i="1"/>
  <c r="U76705" i="1"/>
  <c r="U76704" i="1"/>
  <c r="U76703" i="1"/>
  <c r="U76702" i="1"/>
  <c r="U76701" i="1"/>
  <c r="U76700" i="1"/>
  <c r="U76699" i="1"/>
  <c r="U76698" i="1"/>
  <c r="U76697" i="1"/>
  <c r="U76696" i="1"/>
  <c r="U76695" i="1"/>
  <c r="U76694" i="1"/>
  <c r="U76693" i="1"/>
  <c r="U76692" i="1"/>
  <c r="U76691" i="1"/>
  <c r="U76690" i="1"/>
  <c r="U76689" i="1"/>
  <c r="U76688" i="1"/>
  <c r="U76687" i="1"/>
  <c r="U76686" i="1"/>
  <c r="U76685" i="1"/>
  <c r="U76684" i="1"/>
  <c r="U76683" i="1"/>
  <c r="U76682" i="1"/>
  <c r="U76681" i="1"/>
  <c r="U76680" i="1"/>
  <c r="U76679" i="1"/>
  <c r="U76678" i="1"/>
  <c r="U76677" i="1"/>
  <c r="U76676" i="1"/>
  <c r="U76675" i="1"/>
  <c r="U76674" i="1"/>
  <c r="U76673" i="1"/>
  <c r="U76672" i="1"/>
  <c r="U76671" i="1"/>
  <c r="U76670" i="1"/>
  <c r="U76669" i="1"/>
  <c r="U76668" i="1"/>
  <c r="U76667" i="1"/>
  <c r="U76666" i="1"/>
  <c r="U76665" i="1"/>
  <c r="U76664" i="1"/>
  <c r="U76663" i="1"/>
  <c r="U76662" i="1"/>
  <c r="U76661" i="1"/>
  <c r="U76660" i="1"/>
  <c r="U76659" i="1"/>
  <c r="U76658" i="1"/>
  <c r="U76657" i="1"/>
  <c r="U76656" i="1"/>
  <c r="U76655" i="1"/>
  <c r="U76654" i="1"/>
  <c r="U76653" i="1"/>
  <c r="U76652" i="1"/>
  <c r="U76651" i="1"/>
  <c r="U76650" i="1"/>
  <c r="U76649" i="1"/>
  <c r="U76648" i="1"/>
  <c r="U76647" i="1"/>
  <c r="U76646" i="1"/>
  <c r="U76645" i="1"/>
  <c r="U76644" i="1"/>
  <c r="U76643" i="1"/>
  <c r="U76642" i="1"/>
  <c r="U76641" i="1"/>
  <c r="U76640" i="1"/>
  <c r="U76639" i="1"/>
  <c r="U76638" i="1"/>
  <c r="U76637" i="1"/>
  <c r="U76636" i="1"/>
  <c r="U76635" i="1"/>
  <c r="U76634" i="1"/>
  <c r="U76633" i="1"/>
  <c r="U76632" i="1"/>
  <c r="U76631" i="1"/>
  <c r="U76630" i="1"/>
  <c r="U76629" i="1"/>
  <c r="U76628" i="1"/>
  <c r="U76627" i="1"/>
  <c r="U76626" i="1"/>
  <c r="U76625" i="1"/>
  <c r="U76624" i="1"/>
  <c r="U76623" i="1"/>
  <c r="U76622" i="1"/>
  <c r="U76621" i="1"/>
  <c r="U76620" i="1"/>
  <c r="U76619" i="1"/>
  <c r="U76618" i="1"/>
  <c r="U76617" i="1"/>
  <c r="U76616" i="1"/>
  <c r="U76615" i="1"/>
  <c r="U76614" i="1"/>
  <c r="U76613" i="1"/>
  <c r="U76612" i="1"/>
  <c r="U76611" i="1"/>
  <c r="U76610" i="1"/>
  <c r="U76609" i="1"/>
  <c r="U76608" i="1"/>
  <c r="U76607" i="1"/>
  <c r="U76606" i="1"/>
  <c r="U76605" i="1"/>
  <c r="U76604" i="1"/>
  <c r="U76603" i="1"/>
  <c r="U76602" i="1"/>
  <c r="U76601" i="1"/>
  <c r="U76600" i="1"/>
  <c r="U76599" i="1"/>
  <c r="U76598" i="1"/>
  <c r="U76597" i="1"/>
  <c r="U76596" i="1"/>
  <c r="U76595" i="1"/>
  <c r="U76594" i="1"/>
  <c r="U76593" i="1"/>
  <c r="U76592" i="1"/>
  <c r="U76591" i="1"/>
  <c r="U76590" i="1"/>
  <c r="U76589" i="1"/>
  <c r="U76588" i="1"/>
  <c r="U76587" i="1"/>
  <c r="U76586" i="1"/>
  <c r="U76585" i="1"/>
  <c r="U76584" i="1"/>
  <c r="U76583" i="1"/>
  <c r="U76582" i="1"/>
  <c r="U76581" i="1"/>
  <c r="U76580" i="1"/>
  <c r="U76579" i="1"/>
  <c r="U76578" i="1"/>
  <c r="U76577" i="1"/>
  <c r="U76576" i="1"/>
  <c r="U76575" i="1"/>
  <c r="U76574" i="1"/>
  <c r="U76573" i="1"/>
  <c r="U76572" i="1"/>
  <c r="U76571" i="1"/>
  <c r="U76570" i="1"/>
  <c r="U76569" i="1"/>
  <c r="U76568" i="1"/>
  <c r="U76567" i="1"/>
  <c r="U76566" i="1"/>
  <c r="U76565" i="1"/>
  <c r="U76564" i="1"/>
  <c r="U76563" i="1"/>
  <c r="U76562" i="1"/>
  <c r="U76561" i="1"/>
  <c r="U76560" i="1"/>
  <c r="U76559" i="1"/>
  <c r="U76558" i="1"/>
  <c r="U76557" i="1"/>
  <c r="U76556" i="1"/>
  <c r="U76555" i="1"/>
  <c r="U76554" i="1"/>
  <c r="U76553" i="1"/>
  <c r="U76552" i="1"/>
  <c r="U76551" i="1"/>
  <c r="U76550" i="1"/>
  <c r="U76549" i="1"/>
  <c r="U76548" i="1"/>
  <c r="U76547" i="1"/>
  <c r="U76546" i="1"/>
  <c r="U76545" i="1"/>
  <c r="U76544" i="1"/>
  <c r="U76543" i="1"/>
  <c r="U76542" i="1"/>
  <c r="U76541" i="1"/>
  <c r="U76540" i="1"/>
  <c r="U76539" i="1"/>
  <c r="U76538" i="1"/>
  <c r="U76537" i="1"/>
  <c r="U76536" i="1"/>
  <c r="U76535" i="1"/>
  <c r="U76534" i="1"/>
  <c r="U76533" i="1"/>
  <c r="U76532" i="1"/>
  <c r="U76531" i="1"/>
  <c r="U76530" i="1"/>
  <c r="U76529" i="1"/>
  <c r="U76528" i="1"/>
  <c r="U76527" i="1"/>
  <c r="U76526" i="1"/>
  <c r="U76525" i="1"/>
  <c r="U76524" i="1"/>
  <c r="U76523" i="1"/>
  <c r="U76522" i="1"/>
  <c r="U76521" i="1"/>
  <c r="U76520" i="1"/>
  <c r="U76519" i="1"/>
  <c r="U76518" i="1"/>
  <c r="U76517" i="1"/>
  <c r="U76516" i="1"/>
  <c r="U76515" i="1"/>
  <c r="U76514" i="1"/>
  <c r="U76513" i="1"/>
  <c r="U76512" i="1"/>
  <c r="U76511" i="1"/>
  <c r="U76510" i="1"/>
  <c r="U76509" i="1"/>
  <c r="U76508" i="1"/>
  <c r="U76507" i="1"/>
  <c r="U76506" i="1"/>
  <c r="U76505" i="1"/>
  <c r="U76504" i="1"/>
  <c r="U76503" i="1"/>
  <c r="U76502" i="1"/>
  <c r="U76501" i="1"/>
  <c r="U76500" i="1"/>
  <c r="U76499" i="1"/>
  <c r="U76498" i="1"/>
  <c r="U76497" i="1"/>
  <c r="U76496" i="1"/>
  <c r="U76495" i="1"/>
  <c r="U76494" i="1"/>
  <c r="U76493" i="1"/>
  <c r="U76492" i="1"/>
  <c r="U76491" i="1"/>
  <c r="U76490" i="1"/>
  <c r="U76489" i="1"/>
  <c r="U76488" i="1"/>
  <c r="U76487" i="1"/>
  <c r="U76486" i="1"/>
  <c r="U76485" i="1"/>
  <c r="U76484" i="1"/>
  <c r="U76483" i="1"/>
  <c r="U76482" i="1"/>
  <c r="U76481" i="1"/>
  <c r="U76480" i="1"/>
  <c r="U76479" i="1"/>
  <c r="U76478" i="1"/>
  <c r="U76477" i="1"/>
  <c r="U76476" i="1"/>
  <c r="U76475" i="1"/>
  <c r="U76474" i="1"/>
  <c r="U76473" i="1"/>
  <c r="U76472" i="1"/>
  <c r="U76471" i="1"/>
  <c r="U76470" i="1"/>
  <c r="U76469" i="1"/>
  <c r="U76468" i="1"/>
  <c r="U76467" i="1"/>
  <c r="U76466" i="1"/>
  <c r="U76465" i="1"/>
  <c r="U76464" i="1"/>
  <c r="U76463" i="1"/>
  <c r="U76462" i="1"/>
  <c r="U76461" i="1"/>
  <c r="U76460" i="1"/>
  <c r="U76459" i="1"/>
  <c r="U76458" i="1"/>
  <c r="U76457" i="1"/>
  <c r="U76456" i="1"/>
  <c r="U76455" i="1"/>
  <c r="U76454" i="1"/>
  <c r="U76453" i="1"/>
  <c r="U76452" i="1"/>
  <c r="U76451" i="1"/>
  <c r="U76450" i="1"/>
  <c r="U76449" i="1"/>
  <c r="U76448" i="1"/>
  <c r="U76447" i="1"/>
  <c r="U76446" i="1"/>
  <c r="U76445" i="1"/>
  <c r="U76444" i="1"/>
  <c r="U76443" i="1"/>
  <c r="U76442" i="1"/>
  <c r="U76441" i="1"/>
  <c r="U76440" i="1"/>
  <c r="U76439" i="1"/>
  <c r="U76438" i="1"/>
  <c r="U76437" i="1"/>
  <c r="U76436" i="1"/>
  <c r="U76435" i="1"/>
  <c r="U76434" i="1"/>
  <c r="U76433" i="1"/>
  <c r="U76432" i="1"/>
  <c r="U76431" i="1"/>
  <c r="U76430" i="1"/>
  <c r="U76429" i="1"/>
  <c r="U76428" i="1"/>
  <c r="U76427" i="1"/>
  <c r="U76426" i="1"/>
  <c r="U76425" i="1"/>
  <c r="U76424" i="1"/>
  <c r="U76423" i="1"/>
  <c r="U76422" i="1"/>
  <c r="U76421" i="1"/>
  <c r="U76420" i="1"/>
  <c r="U76419" i="1"/>
  <c r="U76418" i="1"/>
  <c r="U76417" i="1"/>
  <c r="U76416" i="1"/>
  <c r="U76415" i="1"/>
  <c r="U76414" i="1"/>
  <c r="U76413" i="1"/>
  <c r="U76412" i="1"/>
  <c r="U76411" i="1"/>
  <c r="U76410" i="1"/>
  <c r="U76409" i="1"/>
  <c r="U76408" i="1"/>
  <c r="U76407" i="1"/>
  <c r="U76406" i="1"/>
  <c r="U76405" i="1"/>
  <c r="U76404" i="1"/>
  <c r="U76403" i="1"/>
  <c r="U76402" i="1"/>
  <c r="U76401" i="1"/>
  <c r="U76400" i="1"/>
  <c r="U76399" i="1"/>
  <c r="U76398" i="1"/>
  <c r="U76397" i="1"/>
  <c r="U76396" i="1"/>
  <c r="U76395" i="1"/>
  <c r="U76394" i="1"/>
  <c r="U76393" i="1"/>
  <c r="U76392" i="1"/>
  <c r="U76391" i="1"/>
  <c r="U76390" i="1"/>
  <c r="U76389" i="1"/>
  <c r="U76388" i="1"/>
  <c r="U76387" i="1"/>
  <c r="U76386" i="1"/>
  <c r="U76385" i="1"/>
  <c r="U76384" i="1"/>
  <c r="U76383" i="1"/>
  <c r="U76382" i="1"/>
  <c r="U76381" i="1"/>
  <c r="U76380" i="1"/>
  <c r="U76379" i="1"/>
  <c r="U76378" i="1"/>
  <c r="U76377" i="1"/>
  <c r="U76376" i="1"/>
  <c r="U76375" i="1"/>
  <c r="U76374" i="1"/>
  <c r="U76373" i="1"/>
  <c r="U76372" i="1"/>
  <c r="U76371" i="1"/>
  <c r="U76370" i="1"/>
  <c r="U76369" i="1"/>
  <c r="U76368" i="1"/>
  <c r="U76367" i="1"/>
  <c r="U76366" i="1"/>
  <c r="U76365" i="1"/>
  <c r="U76364" i="1"/>
  <c r="U76363" i="1"/>
  <c r="U76362" i="1"/>
  <c r="U76361" i="1"/>
  <c r="U76360" i="1"/>
  <c r="U76359" i="1"/>
  <c r="U76358" i="1"/>
  <c r="U76357" i="1"/>
  <c r="U76356" i="1"/>
  <c r="U76355" i="1"/>
  <c r="U76354" i="1"/>
  <c r="U76353" i="1"/>
  <c r="U76352" i="1"/>
  <c r="U76351" i="1"/>
  <c r="U76350" i="1"/>
  <c r="U76349" i="1"/>
  <c r="U76348" i="1"/>
  <c r="U76347" i="1"/>
  <c r="U76346" i="1"/>
  <c r="U76345" i="1"/>
  <c r="U76344" i="1"/>
  <c r="U76343" i="1"/>
  <c r="U76342" i="1"/>
  <c r="U76341" i="1"/>
  <c r="U76340" i="1"/>
  <c r="U76339" i="1"/>
  <c r="U76338" i="1"/>
  <c r="U76337" i="1"/>
  <c r="U76336" i="1"/>
  <c r="U76335" i="1"/>
  <c r="U76334" i="1"/>
  <c r="U76333" i="1"/>
  <c r="U76332" i="1"/>
  <c r="U76331" i="1"/>
  <c r="U76330" i="1"/>
  <c r="U76329" i="1"/>
  <c r="U76328" i="1"/>
  <c r="U76327" i="1"/>
  <c r="U76326" i="1"/>
  <c r="U76325" i="1"/>
  <c r="U76324" i="1"/>
  <c r="U76323" i="1"/>
  <c r="U76322" i="1"/>
  <c r="U76321" i="1"/>
  <c r="U76320" i="1"/>
  <c r="U76319" i="1"/>
  <c r="U76318" i="1"/>
  <c r="U76317" i="1"/>
  <c r="U76316" i="1"/>
  <c r="U76315" i="1"/>
  <c r="U76314" i="1"/>
  <c r="U76313" i="1"/>
  <c r="U76312" i="1"/>
  <c r="U76311" i="1"/>
  <c r="U76310" i="1"/>
  <c r="U76309" i="1"/>
  <c r="U76308" i="1"/>
  <c r="U76307" i="1"/>
  <c r="U76306" i="1"/>
  <c r="U76305" i="1"/>
  <c r="U76304" i="1"/>
  <c r="U76303" i="1"/>
  <c r="U76302" i="1"/>
  <c r="U76301" i="1"/>
  <c r="U76300" i="1"/>
  <c r="U76299" i="1"/>
  <c r="U76298" i="1"/>
  <c r="U76297" i="1"/>
  <c r="U76296" i="1"/>
  <c r="U76295" i="1"/>
  <c r="U76294" i="1"/>
  <c r="U76293" i="1"/>
  <c r="U76292" i="1"/>
  <c r="U76291" i="1"/>
  <c r="U76290" i="1"/>
  <c r="U76289" i="1"/>
  <c r="U76288" i="1"/>
  <c r="U76287" i="1"/>
  <c r="U76286" i="1"/>
  <c r="U76285" i="1"/>
  <c r="U76284" i="1"/>
  <c r="U76283" i="1"/>
  <c r="U76282" i="1"/>
  <c r="U76281" i="1"/>
  <c r="U76280" i="1"/>
  <c r="U76279" i="1"/>
  <c r="U76278" i="1"/>
  <c r="U76277" i="1"/>
  <c r="U76276" i="1"/>
  <c r="U76275" i="1"/>
  <c r="U76274" i="1"/>
  <c r="U76273" i="1"/>
  <c r="U76272" i="1"/>
  <c r="U76271" i="1"/>
  <c r="U76270" i="1"/>
  <c r="U76269" i="1"/>
  <c r="U76268" i="1"/>
  <c r="U76267" i="1"/>
  <c r="U76266" i="1"/>
  <c r="U76265" i="1"/>
  <c r="U76264" i="1"/>
  <c r="U76263" i="1"/>
  <c r="U76262" i="1"/>
  <c r="U76261" i="1"/>
  <c r="U76260" i="1"/>
  <c r="U76259" i="1"/>
  <c r="U76258" i="1"/>
  <c r="U76257" i="1"/>
  <c r="U76256" i="1"/>
  <c r="U76255" i="1"/>
  <c r="U76254" i="1"/>
  <c r="U76253" i="1"/>
  <c r="U76252" i="1"/>
  <c r="U76251" i="1"/>
  <c r="U76250" i="1"/>
  <c r="U76249" i="1"/>
  <c r="U76248" i="1"/>
  <c r="U76247" i="1"/>
  <c r="U76246" i="1"/>
  <c r="U76245" i="1"/>
  <c r="U76244" i="1"/>
  <c r="U76243" i="1"/>
  <c r="U76242" i="1"/>
  <c r="U76241" i="1"/>
  <c r="U76240" i="1"/>
  <c r="U76239" i="1"/>
  <c r="U76238" i="1"/>
  <c r="U76237" i="1"/>
  <c r="U76236" i="1"/>
  <c r="U76235" i="1"/>
  <c r="U76234" i="1"/>
  <c r="U76233" i="1"/>
  <c r="U76232" i="1"/>
  <c r="U76231" i="1"/>
  <c r="U76230" i="1"/>
  <c r="U76229" i="1"/>
  <c r="U76228" i="1"/>
  <c r="U76227" i="1"/>
  <c r="U76226" i="1"/>
  <c r="U76225" i="1"/>
  <c r="U76224" i="1"/>
  <c r="U76223" i="1"/>
  <c r="U76222" i="1"/>
  <c r="U76221" i="1"/>
  <c r="U76220" i="1"/>
  <c r="U76219" i="1"/>
  <c r="U76218" i="1"/>
  <c r="U76217" i="1"/>
  <c r="U76216" i="1"/>
  <c r="U76215" i="1"/>
  <c r="U76214" i="1"/>
  <c r="U76213" i="1"/>
  <c r="U76212" i="1"/>
  <c r="U76211" i="1"/>
  <c r="U76210" i="1"/>
  <c r="U76209" i="1"/>
  <c r="U76208" i="1"/>
  <c r="U76207" i="1"/>
  <c r="U76206" i="1"/>
  <c r="U76205" i="1"/>
  <c r="U76204" i="1"/>
  <c r="U76203" i="1"/>
  <c r="U76202" i="1"/>
  <c r="U76201" i="1"/>
  <c r="U76200" i="1"/>
  <c r="U76199" i="1"/>
  <c r="U76198" i="1"/>
  <c r="U76197" i="1"/>
  <c r="U76196" i="1"/>
  <c r="U76195" i="1"/>
  <c r="U76194" i="1"/>
  <c r="U76193" i="1"/>
  <c r="U76192" i="1"/>
  <c r="U76191" i="1"/>
  <c r="U76190" i="1"/>
  <c r="U76189" i="1"/>
  <c r="U76188" i="1"/>
  <c r="U76187" i="1"/>
  <c r="U76186" i="1"/>
  <c r="U76185" i="1"/>
  <c r="U76184" i="1"/>
  <c r="U76183" i="1"/>
  <c r="U76182" i="1"/>
  <c r="U76181" i="1"/>
  <c r="U76180" i="1"/>
  <c r="U76179" i="1"/>
  <c r="U76178" i="1"/>
  <c r="U76177" i="1"/>
  <c r="U76176" i="1"/>
  <c r="U76175" i="1"/>
  <c r="U76174" i="1"/>
  <c r="U76173" i="1"/>
  <c r="U76172" i="1"/>
  <c r="U76171" i="1"/>
  <c r="U76170" i="1"/>
  <c r="U76169" i="1"/>
  <c r="U76168" i="1"/>
  <c r="U76167" i="1"/>
  <c r="U76166" i="1"/>
  <c r="U76165" i="1"/>
  <c r="U76164" i="1"/>
  <c r="U76163" i="1"/>
  <c r="U76162" i="1"/>
  <c r="U76161" i="1"/>
  <c r="U76160" i="1"/>
  <c r="U76159" i="1"/>
  <c r="U76158" i="1"/>
  <c r="U76157" i="1"/>
  <c r="U76156" i="1"/>
  <c r="U76155" i="1"/>
  <c r="U76154" i="1"/>
  <c r="U76153" i="1"/>
  <c r="U76152" i="1"/>
  <c r="U76151" i="1"/>
  <c r="U76150" i="1"/>
  <c r="U76149" i="1"/>
  <c r="U76148" i="1"/>
  <c r="U76147" i="1"/>
  <c r="U76146" i="1"/>
  <c r="U76145" i="1"/>
  <c r="U76144" i="1"/>
  <c r="U76143" i="1"/>
  <c r="U76142" i="1"/>
  <c r="U76141" i="1"/>
  <c r="U76140" i="1"/>
  <c r="U76139" i="1"/>
  <c r="U76138" i="1"/>
  <c r="U76137" i="1"/>
  <c r="U76136" i="1"/>
  <c r="U76135" i="1"/>
  <c r="U76134" i="1"/>
  <c r="U76133" i="1"/>
  <c r="U76132" i="1"/>
  <c r="U76131" i="1"/>
  <c r="U76130" i="1"/>
  <c r="U76129" i="1"/>
  <c r="U76128" i="1"/>
  <c r="U76127" i="1"/>
  <c r="U76126" i="1"/>
  <c r="U76125" i="1"/>
  <c r="U76124" i="1"/>
  <c r="U76123" i="1"/>
  <c r="U76122" i="1"/>
  <c r="U76121" i="1"/>
  <c r="U76120" i="1"/>
  <c r="U76119" i="1"/>
  <c r="U76118" i="1"/>
  <c r="U76117" i="1"/>
  <c r="U76116" i="1"/>
  <c r="U76115" i="1"/>
  <c r="U76114" i="1"/>
  <c r="U76113" i="1"/>
  <c r="U76112" i="1"/>
  <c r="U76111" i="1"/>
  <c r="U76110" i="1"/>
  <c r="U76109" i="1"/>
  <c r="U76108" i="1"/>
  <c r="U76107" i="1"/>
  <c r="U76106" i="1"/>
  <c r="U76105" i="1"/>
  <c r="U76104" i="1"/>
  <c r="U76103" i="1"/>
  <c r="U76102" i="1"/>
  <c r="U76101" i="1"/>
  <c r="U76100" i="1"/>
  <c r="U76099" i="1"/>
  <c r="U76098" i="1"/>
  <c r="U76097" i="1"/>
  <c r="U76096" i="1"/>
  <c r="U76095" i="1"/>
  <c r="U76094" i="1"/>
  <c r="U76093" i="1"/>
  <c r="U76092" i="1"/>
  <c r="U76091" i="1"/>
  <c r="U76090" i="1"/>
  <c r="U76089" i="1"/>
  <c r="U76088" i="1"/>
  <c r="U76087" i="1"/>
  <c r="U76086" i="1"/>
  <c r="U76085" i="1"/>
  <c r="U76084" i="1"/>
  <c r="U76083" i="1"/>
  <c r="U76082" i="1"/>
  <c r="U76081" i="1"/>
  <c r="U76080" i="1"/>
  <c r="U76079" i="1"/>
  <c r="U76078" i="1"/>
  <c r="U76077" i="1"/>
  <c r="U76076" i="1"/>
  <c r="U76075" i="1"/>
  <c r="U76074" i="1"/>
  <c r="U76073" i="1"/>
  <c r="U76072" i="1"/>
  <c r="U76071" i="1"/>
  <c r="U76070" i="1"/>
  <c r="U76069" i="1"/>
  <c r="U76068" i="1"/>
  <c r="U76067" i="1"/>
  <c r="U76066" i="1"/>
  <c r="U76065" i="1"/>
  <c r="U76064" i="1"/>
  <c r="U76063" i="1"/>
  <c r="U76062" i="1"/>
  <c r="U76061" i="1"/>
  <c r="U76060" i="1"/>
  <c r="U76059" i="1"/>
  <c r="U76058" i="1"/>
  <c r="U76057" i="1"/>
  <c r="U76056" i="1"/>
  <c r="U76055" i="1"/>
  <c r="U76054" i="1"/>
  <c r="U76053" i="1"/>
  <c r="U76052" i="1"/>
  <c r="U76051" i="1"/>
  <c r="U76050" i="1"/>
  <c r="U76049" i="1"/>
  <c r="U76048" i="1"/>
  <c r="U76047" i="1"/>
  <c r="U76046" i="1"/>
  <c r="U76045" i="1"/>
  <c r="U76044" i="1"/>
  <c r="U76043" i="1"/>
  <c r="U76042" i="1"/>
  <c r="U76041" i="1"/>
  <c r="U76040" i="1"/>
  <c r="U76039" i="1"/>
  <c r="U76038" i="1"/>
  <c r="U76037" i="1"/>
  <c r="U76036" i="1"/>
  <c r="U76035" i="1"/>
  <c r="U76034" i="1"/>
  <c r="U76033" i="1"/>
  <c r="U76032" i="1"/>
  <c r="U76031" i="1"/>
  <c r="U76030" i="1"/>
  <c r="U76029" i="1"/>
  <c r="U76028" i="1"/>
  <c r="U76027" i="1"/>
  <c r="U76026" i="1"/>
  <c r="U76025" i="1"/>
  <c r="U76024" i="1"/>
  <c r="U76023" i="1"/>
  <c r="U76022" i="1"/>
  <c r="U76021" i="1"/>
  <c r="U76020" i="1"/>
  <c r="U76019" i="1"/>
  <c r="U76018" i="1"/>
  <c r="U76017" i="1"/>
  <c r="U76016" i="1"/>
  <c r="U76015" i="1"/>
  <c r="U76014" i="1"/>
  <c r="U76013" i="1"/>
  <c r="U76012" i="1"/>
  <c r="U76011" i="1"/>
  <c r="U76010" i="1"/>
  <c r="U76009" i="1"/>
  <c r="U76008" i="1"/>
  <c r="U76007" i="1"/>
  <c r="U76006" i="1"/>
  <c r="U76005" i="1"/>
  <c r="U76004" i="1"/>
  <c r="U76003" i="1"/>
  <c r="U76002" i="1"/>
  <c r="U76001" i="1"/>
  <c r="U76000" i="1"/>
  <c r="U75999" i="1"/>
  <c r="U75998" i="1"/>
  <c r="U75997" i="1"/>
  <c r="U75996" i="1"/>
  <c r="U75995" i="1"/>
  <c r="U75994" i="1"/>
  <c r="U75993" i="1"/>
  <c r="U75992" i="1"/>
  <c r="U75991" i="1"/>
  <c r="U75990" i="1"/>
  <c r="U75989" i="1"/>
  <c r="U75988" i="1"/>
  <c r="U75987" i="1"/>
  <c r="U75986" i="1"/>
  <c r="U75985" i="1"/>
  <c r="U75984" i="1"/>
  <c r="U75983" i="1"/>
  <c r="U75982" i="1"/>
  <c r="U75981" i="1"/>
  <c r="U75980" i="1"/>
  <c r="U75979" i="1"/>
  <c r="U75978" i="1"/>
  <c r="U75977" i="1"/>
  <c r="U75976" i="1"/>
  <c r="U75975" i="1"/>
  <c r="U75974" i="1"/>
  <c r="U75973" i="1"/>
  <c r="U75972" i="1"/>
  <c r="U75971" i="1"/>
  <c r="U75970" i="1"/>
  <c r="U75969" i="1"/>
  <c r="U75968" i="1"/>
  <c r="U75967" i="1"/>
  <c r="U75966" i="1"/>
  <c r="U75965" i="1"/>
  <c r="U75964" i="1"/>
  <c r="U75963" i="1"/>
  <c r="U75962" i="1"/>
  <c r="U75961" i="1"/>
  <c r="U75960" i="1"/>
  <c r="U75959" i="1"/>
  <c r="U75958" i="1"/>
  <c r="U75957" i="1"/>
  <c r="U75956" i="1"/>
  <c r="U75955" i="1"/>
  <c r="U75954" i="1"/>
  <c r="U75953" i="1"/>
  <c r="U75952" i="1"/>
  <c r="U75951" i="1"/>
  <c r="U75950" i="1"/>
  <c r="U75949" i="1"/>
  <c r="U75948" i="1"/>
  <c r="U75947" i="1"/>
  <c r="U75946" i="1"/>
  <c r="U75945" i="1"/>
  <c r="U75944" i="1"/>
  <c r="U75943" i="1"/>
  <c r="U75942" i="1"/>
  <c r="U75941" i="1"/>
  <c r="U75940" i="1"/>
  <c r="U75939" i="1"/>
  <c r="U75938" i="1"/>
  <c r="U75937" i="1"/>
  <c r="U75936" i="1"/>
  <c r="U75935" i="1"/>
  <c r="U75934" i="1"/>
  <c r="U75933" i="1"/>
  <c r="U75932" i="1"/>
  <c r="U75931" i="1"/>
  <c r="U75930" i="1"/>
  <c r="U75929" i="1"/>
  <c r="U75928" i="1"/>
  <c r="U75927" i="1"/>
  <c r="U75926" i="1"/>
  <c r="U75925" i="1"/>
  <c r="U75924" i="1"/>
  <c r="U75923" i="1"/>
  <c r="U75922" i="1"/>
  <c r="U75921" i="1"/>
  <c r="U75920" i="1"/>
  <c r="U75919" i="1"/>
  <c r="U75918" i="1"/>
  <c r="U75917" i="1"/>
  <c r="U75916" i="1"/>
  <c r="U75915" i="1"/>
  <c r="U75914" i="1"/>
  <c r="U75913" i="1"/>
  <c r="U75912" i="1"/>
  <c r="U75911" i="1"/>
  <c r="U75910" i="1"/>
  <c r="U75909" i="1"/>
  <c r="U75908" i="1"/>
  <c r="U75907" i="1"/>
  <c r="U75906" i="1"/>
  <c r="U75905" i="1"/>
  <c r="U75904" i="1"/>
  <c r="U75903" i="1"/>
  <c r="U75902" i="1"/>
  <c r="U75901" i="1"/>
  <c r="U75900" i="1"/>
  <c r="U75899" i="1"/>
  <c r="U75898" i="1"/>
  <c r="U75897" i="1"/>
  <c r="U75896" i="1"/>
  <c r="U75895" i="1"/>
  <c r="U75894" i="1"/>
  <c r="U75893" i="1"/>
  <c r="U75892" i="1"/>
  <c r="U75891" i="1"/>
  <c r="U75890" i="1"/>
  <c r="U75889" i="1"/>
  <c r="U75888" i="1"/>
  <c r="U75887" i="1"/>
  <c r="U75886" i="1"/>
  <c r="U75885" i="1"/>
  <c r="U75884" i="1"/>
  <c r="U75883" i="1"/>
  <c r="U75882" i="1"/>
  <c r="U75881" i="1"/>
  <c r="U75880" i="1"/>
  <c r="U75879" i="1"/>
  <c r="U75878" i="1"/>
  <c r="U75877" i="1"/>
  <c r="U75876" i="1"/>
  <c r="U75875" i="1"/>
  <c r="U75874" i="1"/>
  <c r="U75873" i="1"/>
  <c r="U75872" i="1"/>
  <c r="U75871" i="1"/>
  <c r="U75870" i="1"/>
  <c r="U75869" i="1"/>
  <c r="U75868" i="1"/>
  <c r="U75867" i="1"/>
  <c r="U75866" i="1"/>
  <c r="U75865" i="1"/>
  <c r="U75864" i="1"/>
  <c r="U75863" i="1"/>
  <c r="U75862" i="1"/>
  <c r="U75861" i="1"/>
  <c r="U75860" i="1"/>
  <c r="U75859" i="1"/>
  <c r="U75858" i="1"/>
  <c r="U75857" i="1"/>
  <c r="U75856" i="1"/>
  <c r="U75855" i="1"/>
  <c r="U75854" i="1"/>
  <c r="U75853" i="1"/>
  <c r="U75852" i="1"/>
  <c r="U75851" i="1"/>
  <c r="U75850" i="1"/>
  <c r="U75849" i="1"/>
  <c r="U75848" i="1"/>
  <c r="U75847" i="1"/>
  <c r="U75846" i="1"/>
  <c r="U75845" i="1"/>
  <c r="U75844" i="1"/>
  <c r="U75843" i="1"/>
  <c r="U75842" i="1"/>
  <c r="U75841" i="1"/>
  <c r="U75840" i="1"/>
  <c r="U75839" i="1"/>
  <c r="U75838" i="1"/>
  <c r="U75837" i="1"/>
  <c r="U75836" i="1"/>
  <c r="U75835" i="1"/>
  <c r="U75834" i="1"/>
  <c r="U75833" i="1"/>
  <c r="U75832" i="1"/>
  <c r="U75831" i="1"/>
  <c r="U75830" i="1"/>
  <c r="U75829" i="1"/>
  <c r="U75828" i="1"/>
  <c r="U75827" i="1"/>
  <c r="U75826" i="1"/>
  <c r="U75825" i="1"/>
  <c r="U75824" i="1"/>
  <c r="U75823" i="1"/>
  <c r="U75822" i="1"/>
  <c r="U75821" i="1"/>
  <c r="U75820" i="1"/>
  <c r="U75819" i="1"/>
  <c r="U75818" i="1"/>
  <c r="U75817" i="1"/>
  <c r="U75816" i="1"/>
  <c r="U75815" i="1"/>
  <c r="U75814" i="1"/>
  <c r="U75813" i="1"/>
  <c r="U75812" i="1"/>
  <c r="U75811" i="1"/>
  <c r="U75810" i="1"/>
  <c r="U75809" i="1"/>
  <c r="U75808" i="1"/>
  <c r="U75807" i="1"/>
  <c r="U75806" i="1"/>
  <c r="U75805" i="1"/>
  <c r="U75804" i="1"/>
  <c r="U75803" i="1"/>
  <c r="U75802" i="1"/>
  <c r="U75801" i="1"/>
  <c r="U75800" i="1"/>
  <c r="U75799" i="1"/>
  <c r="U75798" i="1"/>
  <c r="U75797" i="1"/>
  <c r="U75796" i="1"/>
  <c r="U75795" i="1"/>
  <c r="U75794" i="1"/>
  <c r="U75793" i="1"/>
  <c r="U75792" i="1"/>
  <c r="U75791" i="1"/>
  <c r="U75790" i="1"/>
  <c r="U75789" i="1"/>
  <c r="U75788" i="1"/>
  <c r="U75787" i="1"/>
  <c r="U75786" i="1"/>
  <c r="U75785" i="1"/>
  <c r="U75784" i="1"/>
  <c r="U75783" i="1"/>
  <c r="U75782" i="1"/>
  <c r="U75781" i="1"/>
  <c r="U75780" i="1"/>
  <c r="U75779" i="1"/>
  <c r="U75778" i="1"/>
  <c r="U75777" i="1"/>
  <c r="U75776" i="1"/>
  <c r="U75775" i="1"/>
  <c r="U75774" i="1"/>
  <c r="U75773" i="1"/>
  <c r="U75772" i="1"/>
  <c r="U75771" i="1"/>
  <c r="U75770" i="1"/>
  <c r="U75769" i="1"/>
  <c r="U75768" i="1"/>
  <c r="U75767" i="1"/>
  <c r="U75766" i="1"/>
  <c r="U75765" i="1"/>
  <c r="U75764" i="1"/>
  <c r="U75763" i="1"/>
  <c r="U75762" i="1"/>
  <c r="U75761" i="1"/>
  <c r="U75760" i="1"/>
  <c r="U75759" i="1"/>
  <c r="U75758" i="1"/>
  <c r="U75757" i="1"/>
  <c r="U75756" i="1"/>
  <c r="U75755" i="1"/>
  <c r="U75754" i="1"/>
  <c r="U75753" i="1"/>
  <c r="U75752" i="1"/>
  <c r="U75751" i="1"/>
  <c r="U75750" i="1"/>
  <c r="U75749" i="1"/>
  <c r="U75748" i="1"/>
  <c r="U75747" i="1"/>
  <c r="U75746" i="1"/>
  <c r="U75745" i="1"/>
  <c r="U75744" i="1"/>
  <c r="U75743" i="1"/>
  <c r="U75742" i="1"/>
  <c r="U75741" i="1"/>
  <c r="U75740" i="1"/>
  <c r="U75739" i="1"/>
  <c r="U75738" i="1"/>
  <c r="U75737" i="1"/>
  <c r="U75736" i="1"/>
  <c r="U75735" i="1"/>
  <c r="U75734" i="1"/>
  <c r="U75733" i="1"/>
  <c r="U75732" i="1"/>
  <c r="U75731" i="1"/>
  <c r="U75730" i="1"/>
  <c r="U75729" i="1"/>
  <c r="U75728" i="1"/>
  <c r="U75727" i="1"/>
  <c r="U75726" i="1"/>
  <c r="U75725" i="1"/>
  <c r="U75724" i="1"/>
  <c r="U75723" i="1"/>
  <c r="U75722" i="1"/>
  <c r="U75721" i="1"/>
  <c r="U75720" i="1"/>
  <c r="U75719" i="1"/>
  <c r="U75718" i="1"/>
  <c r="U75717" i="1"/>
  <c r="U75716" i="1"/>
  <c r="U75715" i="1"/>
  <c r="U75714" i="1"/>
  <c r="U75713" i="1"/>
  <c r="U75712" i="1"/>
  <c r="U75711" i="1"/>
  <c r="U75710" i="1"/>
  <c r="U75709" i="1"/>
  <c r="U75708" i="1"/>
  <c r="U75707" i="1"/>
  <c r="U75706" i="1"/>
  <c r="U75705" i="1"/>
  <c r="U75704" i="1"/>
  <c r="U75703" i="1"/>
  <c r="U75702" i="1"/>
  <c r="U75701" i="1"/>
  <c r="U75700" i="1"/>
  <c r="U75699" i="1"/>
  <c r="U75698" i="1"/>
  <c r="U75697" i="1"/>
  <c r="U75696" i="1"/>
  <c r="U75695" i="1"/>
  <c r="U75694" i="1"/>
  <c r="U75693" i="1"/>
  <c r="U75692" i="1"/>
  <c r="U75691" i="1"/>
  <c r="U75690" i="1"/>
  <c r="U75689" i="1"/>
  <c r="U75688" i="1"/>
  <c r="U75687" i="1"/>
  <c r="U75686" i="1"/>
  <c r="U75685" i="1"/>
  <c r="U75684" i="1"/>
  <c r="U75683" i="1"/>
  <c r="U75682" i="1"/>
  <c r="U75681" i="1"/>
  <c r="U75680" i="1"/>
  <c r="U75679" i="1"/>
  <c r="U75678" i="1"/>
  <c r="U75677" i="1"/>
  <c r="U75676" i="1"/>
  <c r="U75675" i="1"/>
  <c r="U75674" i="1"/>
  <c r="U75673" i="1"/>
  <c r="U75672" i="1"/>
  <c r="U75671" i="1"/>
  <c r="U75670" i="1"/>
  <c r="U75669" i="1"/>
  <c r="U75668" i="1"/>
  <c r="U75667" i="1"/>
  <c r="U75666" i="1"/>
  <c r="U75665" i="1"/>
  <c r="U75664" i="1"/>
  <c r="U75663" i="1"/>
  <c r="U75662" i="1"/>
  <c r="U75661" i="1"/>
  <c r="U75660" i="1"/>
  <c r="U75659" i="1"/>
  <c r="U75658" i="1"/>
  <c r="U75657" i="1"/>
  <c r="U75656" i="1"/>
  <c r="U75655" i="1"/>
  <c r="U75654" i="1"/>
  <c r="U75653" i="1"/>
  <c r="U75652" i="1"/>
  <c r="U75651" i="1"/>
  <c r="U75650" i="1"/>
  <c r="U75649" i="1"/>
  <c r="U75648" i="1"/>
  <c r="U75647" i="1"/>
  <c r="U75646" i="1"/>
  <c r="U75645" i="1"/>
  <c r="U75644" i="1"/>
  <c r="U75643" i="1"/>
  <c r="U75642" i="1"/>
  <c r="U75641" i="1"/>
  <c r="U75640" i="1"/>
  <c r="U75639" i="1"/>
  <c r="U75638" i="1"/>
  <c r="U75637" i="1"/>
  <c r="U75636" i="1"/>
  <c r="U75635" i="1"/>
  <c r="U75634" i="1"/>
  <c r="U75633" i="1"/>
  <c r="U75632" i="1"/>
  <c r="U75631" i="1"/>
  <c r="U75630" i="1"/>
  <c r="U75629" i="1"/>
  <c r="U75628" i="1"/>
  <c r="U75627" i="1"/>
  <c r="U75626" i="1"/>
  <c r="U75625" i="1"/>
  <c r="U75624" i="1"/>
  <c r="U75623" i="1"/>
  <c r="U75622" i="1"/>
  <c r="U75621" i="1"/>
  <c r="U75620" i="1"/>
  <c r="U75619" i="1"/>
  <c r="U75618" i="1"/>
  <c r="U75617" i="1"/>
  <c r="U75616" i="1"/>
  <c r="U75615" i="1"/>
  <c r="U75614" i="1"/>
  <c r="U75613" i="1"/>
  <c r="U75612" i="1"/>
  <c r="U75611" i="1"/>
  <c r="U75610" i="1"/>
  <c r="U75609" i="1"/>
  <c r="U75608" i="1"/>
  <c r="U75607" i="1"/>
  <c r="U75606" i="1"/>
  <c r="U75605" i="1"/>
  <c r="U75604" i="1"/>
  <c r="U75603" i="1"/>
  <c r="U75602" i="1"/>
  <c r="U75601" i="1"/>
  <c r="U75600" i="1"/>
  <c r="U75599" i="1"/>
  <c r="U75598" i="1"/>
  <c r="U75597" i="1"/>
  <c r="U75596" i="1"/>
  <c r="U75595" i="1"/>
  <c r="U75594" i="1"/>
  <c r="U75593" i="1"/>
  <c r="U75592" i="1"/>
  <c r="U75591" i="1"/>
  <c r="U75590" i="1"/>
  <c r="U75589" i="1"/>
  <c r="U75588" i="1"/>
  <c r="U75587" i="1"/>
  <c r="U75586" i="1"/>
  <c r="U75585" i="1"/>
  <c r="U75584" i="1"/>
  <c r="U75583" i="1"/>
  <c r="U75582" i="1"/>
  <c r="U75581" i="1"/>
  <c r="U75580" i="1"/>
  <c r="U75579" i="1"/>
  <c r="U75578" i="1"/>
  <c r="U75577" i="1"/>
  <c r="U75576" i="1"/>
  <c r="U75575" i="1"/>
  <c r="U75574" i="1"/>
  <c r="U75573" i="1"/>
  <c r="U75572" i="1"/>
  <c r="U75571" i="1"/>
  <c r="U75570" i="1"/>
  <c r="U75569" i="1"/>
  <c r="U75568" i="1"/>
  <c r="U75567" i="1"/>
  <c r="U75566" i="1"/>
  <c r="U75565" i="1"/>
  <c r="U75564" i="1"/>
  <c r="U75563" i="1"/>
  <c r="U75562" i="1"/>
  <c r="U75561" i="1"/>
  <c r="U75560" i="1"/>
  <c r="U75559" i="1"/>
  <c r="U75558" i="1"/>
  <c r="U75557" i="1"/>
  <c r="U75556" i="1"/>
  <c r="U75555" i="1"/>
  <c r="U75554" i="1"/>
  <c r="U75553" i="1"/>
  <c r="U75552" i="1"/>
  <c r="U75551" i="1"/>
  <c r="U75550" i="1"/>
  <c r="U75549" i="1"/>
  <c r="U75548" i="1"/>
  <c r="U75547" i="1"/>
  <c r="U75546" i="1"/>
  <c r="U75545" i="1"/>
  <c r="U75544" i="1"/>
  <c r="U75543" i="1"/>
  <c r="U75542" i="1"/>
  <c r="U75541" i="1"/>
  <c r="U75540" i="1"/>
  <c r="U75539" i="1"/>
  <c r="U75538" i="1"/>
  <c r="U75537" i="1"/>
  <c r="U75536" i="1"/>
  <c r="U75535" i="1"/>
  <c r="U75534" i="1"/>
  <c r="U75533" i="1"/>
  <c r="U75532" i="1"/>
  <c r="U75531" i="1"/>
  <c r="U75530" i="1"/>
  <c r="U75529" i="1"/>
  <c r="U75528" i="1"/>
  <c r="U75527" i="1"/>
  <c r="U75526" i="1"/>
  <c r="U75525" i="1"/>
  <c r="U75524" i="1"/>
  <c r="U75523" i="1"/>
  <c r="U75522" i="1"/>
  <c r="U75521" i="1"/>
  <c r="U75520" i="1"/>
  <c r="U75519" i="1"/>
  <c r="U75518" i="1"/>
  <c r="U75517" i="1"/>
  <c r="U75516" i="1"/>
  <c r="U75515" i="1"/>
  <c r="U75514" i="1"/>
  <c r="U75513" i="1"/>
  <c r="U75512" i="1"/>
  <c r="U75511" i="1"/>
  <c r="U75510" i="1"/>
  <c r="U75509" i="1"/>
  <c r="U75508" i="1"/>
  <c r="U75507" i="1"/>
  <c r="U75506" i="1"/>
  <c r="U75505" i="1"/>
  <c r="U75504" i="1"/>
  <c r="U75503" i="1"/>
  <c r="U75502" i="1"/>
  <c r="U75501" i="1"/>
  <c r="U75500" i="1"/>
  <c r="U75499" i="1"/>
  <c r="U75498" i="1"/>
  <c r="U75497" i="1"/>
  <c r="U75496" i="1"/>
  <c r="U75495" i="1"/>
  <c r="U75494" i="1"/>
  <c r="U75493" i="1"/>
  <c r="U75492" i="1"/>
  <c r="U75491" i="1"/>
  <c r="U75490" i="1"/>
  <c r="U75489" i="1"/>
  <c r="U75488" i="1"/>
  <c r="U75487" i="1"/>
  <c r="U75486" i="1"/>
  <c r="U75485" i="1"/>
  <c r="U75484" i="1"/>
  <c r="U75483" i="1"/>
  <c r="U75482" i="1"/>
  <c r="U75481" i="1"/>
  <c r="U75480" i="1"/>
  <c r="U75479" i="1"/>
  <c r="U75478" i="1"/>
  <c r="U75477" i="1"/>
  <c r="U75476" i="1"/>
  <c r="U75475" i="1"/>
  <c r="U75474" i="1"/>
  <c r="U75473" i="1"/>
  <c r="U75472" i="1"/>
  <c r="U75471" i="1"/>
  <c r="U75470" i="1"/>
  <c r="U75469" i="1"/>
  <c r="U75468" i="1"/>
  <c r="U75467" i="1"/>
  <c r="U75466" i="1"/>
  <c r="U75465" i="1"/>
  <c r="U75464" i="1"/>
  <c r="U75463" i="1"/>
  <c r="U75462" i="1"/>
  <c r="U75461" i="1"/>
  <c r="U75460" i="1"/>
  <c r="U75459" i="1"/>
  <c r="U75458" i="1"/>
  <c r="U75457" i="1"/>
  <c r="U75456" i="1"/>
  <c r="U75455" i="1"/>
  <c r="U75454" i="1"/>
  <c r="U75453" i="1"/>
  <c r="U75452" i="1"/>
  <c r="U75451" i="1"/>
  <c r="U75450" i="1"/>
  <c r="U75449" i="1"/>
  <c r="U75448" i="1"/>
  <c r="U75447" i="1"/>
  <c r="U75446" i="1"/>
  <c r="U75445" i="1"/>
  <c r="U75444" i="1"/>
  <c r="U75443" i="1"/>
  <c r="U75442" i="1"/>
  <c r="U75441" i="1"/>
  <c r="U75440" i="1"/>
  <c r="U75439" i="1"/>
  <c r="U75438" i="1"/>
  <c r="U75437" i="1"/>
  <c r="U75436" i="1"/>
  <c r="U75435" i="1"/>
  <c r="U75434" i="1"/>
  <c r="U75433" i="1"/>
  <c r="U75432" i="1"/>
  <c r="U75431" i="1"/>
  <c r="U75430" i="1"/>
  <c r="U75429" i="1"/>
  <c r="U75428" i="1"/>
  <c r="U75427" i="1"/>
  <c r="U75426" i="1"/>
  <c r="U75425" i="1"/>
  <c r="U75424" i="1"/>
  <c r="U75423" i="1"/>
  <c r="U75422" i="1"/>
  <c r="U75421" i="1"/>
  <c r="U75420" i="1"/>
  <c r="U75419" i="1"/>
  <c r="U75418" i="1"/>
  <c r="U75417" i="1"/>
  <c r="U75416" i="1"/>
  <c r="U75415" i="1"/>
  <c r="U75414" i="1"/>
  <c r="U75413" i="1"/>
  <c r="U75412" i="1"/>
  <c r="U75411" i="1"/>
  <c r="U75410" i="1"/>
  <c r="U75409" i="1"/>
  <c r="U75408" i="1"/>
  <c r="U75407" i="1"/>
  <c r="U75406" i="1"/>
  <c r="U75405" i="1"/>
  <c r="U75404" i="1"/>
  <c r="U75403" i="1"/>
  <c r="U75402" i="1"/>
  <c r="U75401" i="1"/>
  <c r="U75400" i="1"/>
  <c r="U75399" i="1"/>
  <c r="U75398" i="1"/>
  <c r="U75397" i="1"/>
  <c r="U75396" i="1"/>
  <c r="U75395" i="1"/>
  <c r="U75394" i="1"/>
  <c r="U75393" i="1"/>
  <c r="U75392" i="1"/>
  <c r="U75391" i="1"/>
  <c r="U75390" i="1"/>
  <c r="U75389" i="1"/>
  <c r="U75388" i="1"/>
  <c r="U75387" i="1"/>
  <c r="U75386" i="1"/>
  <c r="U75385" i="1"/>
  <c r="U75384" i="1"/>
  <c r="U75383" i="1"/>
  <c r="U75382" i="1"/>
  <c r="U75381" i="1"/>
  <c r="U75380" i="1"/>
  <c r="U75379" i="1"/>
  <c r="U75378" i="1"/>
  <c r="U75377" i="1"/>
  <c r="U75376" i="1"/>
  <c r="U75375" i="1"/>
  <c r="U75374" i="1"/>
  <c r="U75373" i="1"/>
  <c r="U75372" i="1"/>
  <c r="U75371" i="1"/>
  <c r="U75370" i="1"/>
  <c r="U75369" i="1"/>
  <c r="U75368" i="1"/>
  <c r="U75367" i="1"/>
  <c r="U75366" i="1"/>
  <c r="U75365" i="1"/>
  <c r="U75364" i="1"/>
  <c r="U75363" i="1"/>
  <c r="U75362" i="1"/>
  <c r="U75361" i="1"/>
  <c r="U75360" i="1"/>
  <c r="U75359" i="1"/>
  <c r="U75358" i="1"/>
  <c r="U75357" i="1"/>
  <c r="U75356" i="1"/>
  <c r="U75355" i="1"/>
  <c r="U75354" i="1"/>
  <c r="U75353" i="1"/>
  <c r="U75352" i="1"/>
  <c r="U75351" i="1"/>
  <c r="U75350" i="1"/>
  <c r="U75349" i="1"/>
  <c r="U75348" i="1"/>
  <c r="U75347" i="1"/>
  <c r="U75346" i="1"/>
  <c r="U75345" i="1"/>
  <c r="U75344" i="1"/>
  <c r="U75343" i="1"/>
  <c r="U75342" i="1"/>
  <c r="U75341" i="1"/>
  <c r="U75340" i="1"/>
  <c r="U75339" i="1"/>
  <c r="U75338" i="1"/>
  <c r="U75337" i="1"/>
  <c r="U75336" i="1"/>
  <c r="U75335" i="1"/>
  <c r="U75334" i="1"/>
  <c r="U75333" i="1"/>
  <c r="U75332" i="1"/>
  <c r="U75331" i="1"/>
  <c r="U75330" i="1"/>
  <c r="U75329" i="1"/>
  <c r="U75328" i="1"/>
  <c r="U75327" i="1"/>
  <c r="U75326" i="1"/>
  <c r="U75325" i="1"/>
  <c r="U75324" i="1"/>
  <c r="U75323" i="1"/>
  <c r="U75322" i="1"/>
  <c r="U75321" i="1"/>
  <c r="U75320" i="1"/>
  <c r="U75319" i="1"/>
  <c r="U75318" i="1"/>
  <c r="U75317" i="1"/>
  <c r="U75316" i="1"/>
  <c r="U75315" i="1"/>
  <c r="U75314" i="1"/>
  <c r="U75313" i="1"/>
  <c r="U75312" i="1"/>
  <c r="U75311" i="1"/>
  <c r="U75310" i="1"/>
  <c r="U75309" i="1"/>
  <c r="U75308" i="1"/>
  <c r="U75307" i="1"/>
  <c r="U75306" i="1"/>
  <c r="U75305" i="1"/>
  <c r="U75304" i="1"/>
  <c r="U75303" i="1"/>
  <c r="U75302" i="1"/>
  <c r="U75301" i="1"/>
  <c r="U75300" i="1"/>
  <c r="U75299" i="1"/>
  <c r="U75298" i="1"/>
  <c r="U75297" i="1"/>
  <c r="U75296" i="1"/>
  <c r="U75295" i="1"/>
  <c r="U75294" i="1"/>
  <c r="U75293" i="1"/>
  <c r="U75292" i="1"/>
  <c r="U75291" i="1"/>
  <c r="U75290" i="1"/>
  <c r="U75289" i="1"/>
  <c r="U75288" i="1"/>
  <c r="U75287" i="1"/>
  <c r="U75286" i="1"/>
  <c r="U75285" i="1"/>
  <c r="U75284" i="1"/>
  <c r="U75283" i="1"/>
  <c r="U75282" i="1"/>
  <c r="U75281" i="1"/>
  <c r="U75280" i="1"/>
  <c r="U75279" i="1"/>
  <c r="U75278" i="1"/>
  <c r="U75277" i="1"/>
  <c r="U75276" i="1"/>
  <c r="U75275" i="1"/>
  <c r="U75274" i="1"/>
  <c r="U75273" i="1"/>
  <c r="U75272" i="1"/>
  <c r="U75271" i="1"/>
  <c r="U75270" i="1"/>
  <c r="U75269" i="1"/>
  <c r="U75268" i="1"/>
  <c r="U75267" i="1"/>
  <c r="U75266" i="1"/>
  <c r="U75265" i="1"/>
  <c r="U75264" i="1"/>
  <c r="U75263" i="1"/>
  <c r="U75262" i="1"/>
  <c r="U75261" i="1"/>
  <c r="U75260" i="1"/>
  <c r="U75259" i="1"/>
  <c r="U75258" i="1"/>
  <c r="U75257" i="1"/>
  <c r="U75256" i="1"/>
  <c r="U75255" i="1"/>
  <c r="U75254" i="1"/>
  <c r="U75253" i="1"/>
  <c r="U75252" i="1"/>
  <c r="U75251" i="1"/>
  <c r="U75250" i="1"/>
  <c r="U75249" i="1"/>
  <c r="U75248" i="1"/>
  <c r="U75247" i="1"/>
  <c r="U75246" i="1"/>
  <c r="U75245" i="1"/>
  <c r="U75244" i="1"/>
  <c r="U75243" i="1"/>
  <c r="U75242" i="1"/>
  <c r="U75241" i="1"/>
  <c r="U75240" i="1"/>
  <c r="U75239" i="1"/>
  <c r="U75238" i="1"/>
  <c r="U75237" i="1"/>
  <c r="U75236" i="1"/>
  <c r="U75235" i="1"/>
  <c r="U75234" i="1"/>
  <c r="U75233" i="1"/>
  <c r="U75232" i="1"/>
  <c r="U75231" i="1"/>
  <c r="U75230" i="1"/>
  <c r="U75229" i="1"/>
  <c r="U75228" i="1"/>
  <c r="U75227" i="1"/>
  <c r="U75226" i="1"/>
  <c r="U75225" i="1"/>
  <c r="U75224" i="1"/>
  <c r="U75223" i="1"/>
  <c r="U75222" i="1"/>
  <c r="U75221" i="1"/>
  <c r="U75220" i="1"/>
  <c r="U75219" i="1"/>
  <c r="U75218" i="1"/>
  <c r="U75217" i="1"/>
  <c r="U75216" i="1"/>
  <c r="U75215" i="1"/>
  <c r="U75214" i="1"/>
  <c r="U75213" i="1"/>
  <c r="U75212" i="1"/>
  <c r="U75211" i="1"/>
  <c r="U75210" i="1"/>
  <c r="U75209" i="1"/>
  <c r="U75208" i="1"/>
  <c r="U75207" i="1"/>
  <c r="U75206" i="1"/>
  <c r="U75205" i="1"/>
  <c r="U75204" i="1"/>
  <c r="U75203" i="1"/>
  <c r="U75202" i="1"/>
  <c r="U75201" i="1"/>
  <c r="U75200" i="1"/>
  <c r="U75199" i="1"/>
  <c r="U75198" i="1"/>
  <c r="U75197" i="1"/>
  <c r="U75196" i="1"/>
  <c r="U75195" i="1"/>
  <c r="U75194" i="1"/>
  <c r="U75193" i="1"/>
  <c r="U75192" i="1"/>
  <c r="U75191" i="1"/>
  <c r="U75190" i="1"/>
  <c r="U75189" i="1"/>
  <c r="U75188" i="1"/>
  <c r="U75187" i="1"/>
  <c r="U75186" i="1"/>
  <c r="U75185" i="1"/>
  <c r="U75184" i="1"/>
  <c r="U75183" i="1"/>
  <c r="U75182" i="1"/>
  <c r="U75181" i="1"/>
  <c r="U75180" i="1"/>
  <c r="U75179" i="1"/>
  <c r="U75178" i="1"/>
  <c r="U75177" i="1"/>
  <c r="U75176" i="1"/>
  <c r="U75175" i="1"/>
  <c r="U75174" i="1"/>
  <c r="U75173" i="1"/>
  <c r="U75172" i="1"/>
  <c r="U75171" i="1"/>
  <c r="U75170" i="1"/>
  <c r="U75169" i="1"/>
  <c r="U75168" i="1"/>
  <c r="U75167" i="1"/>
  <c r="U75166" i="1"/>
  <c r="U75165" i="1"/>
  <c r="U75164" i="1"/>
  <c r="U75163" i="1"/>
  <c r="U75162" i="1"/>
  <c r="U75161" i="1"/>
  <c r="U75160" i="1"/>
  <c r="U75159" i="1"/>
  <c r="U75158" i="1"/>
  <c r="U75157" i="1"/>
  <c r="U75156" i="1"/>
  <c r="U75155" i="1"/>
  <c r="U75154" i="1"/>
  <c r="U75153" i="1"/>
  <c r="U75152" i="1"/>
  <c r="U75151" i="1"/>
  <c r="U75150" i="1"/>
  <c r="U75149" i="1"/>
  <c r="U75148" i="1"/>
  <c r="U75147" i="1"/>
  <c r="U75146" i="1"/>
  <c r="U75145" i="1"/>
  <c r="U75144" i="1"/>
  <c r="U75143" i="1"/>
  <c r="U75142" i="1"/>
  <c r="U75141" i="1"/>
  <c r="U75140" i="1"/>
  <c r="U75139" i="1"/>
  <c r="U75138" i="1"/>
  <c r="U75137" i="1"/>
  <c r="U75136" i="1"/>
  <c r="U75135" i="1"/>
  <c r="U75134" i="1"/>
  <c r="U75133" i="1"/>
  <c r="U75132" i="1"/>
  <c r="U75131" i="1"/>
  <c r="U75130" i="1"/>
  <c r="U75129" i="1"/>
  <c r="U75128" i="1"/>
  <c r="U75127" i="1"/>
  <c r="U75126" i="1"/>
  <c r="U75125" i="1"/>
  <c r="U75124" i="1"/>
  <c r="U75123" i="1"/>
  <c r="U75122" i="1"/>
  <c r="U75121" i="1"/>
  <c r="U75120" i="1"/>
  <c r="U75119" i="1"/>
  <c r="U75118" i="1"/>
  <c r="U75117" i="1"/>
  <c r="U75116" i="1"/>
  <c r="U75115" i="1"/>
  <c r="U75114" i="1"/>
  <c r="U75113" i="1"/>
  <c r="U75112" i="1"/>
  <c r="U75111" i="1"/>
  <c r="U75110" i="1"/>
  <c r="U75109" i="1"/>
  <c r="U75108" i="1"/>
  <c r="U75107" i="1"/>
  <c r="U75106" i="1"/>
  <c r="U75105" i="1"/>
  <c r="U75104" i="1"/>
  <c r="U75103" i="1"/>
  <c r="U75102" i="1"/>
  <c r="U75101" i="1"/>
  <c r="U75100" i="1"/>
  <c r="U75099" i="1"/>
  <c r="U75098" i="1"/>
  <c r="U75097" i="1"/>
  <c r="U75096" i="1"/>
  <c r="U75095" i="1"/>
  <c r="U75094" i="1"/>
  <c r="U75093" i="1"/>
  <c r="U75092" i="1"/>
  <c r="U75091" i="1"/>
  <c r="U75090" i="1"/>
  <c r="U75089" i="1"/>
  <c r="U75088" i="1"/>
  <c r="U75087" i="1"/>
  <c r="U75086" i="1"/>
  <c r="U75085" i="1"/>
  <c r="U75084" i="1"/>
  <c r="U75083" i="1"/>
  <c r="U75082" i="1"/>
  <c r="U75081" i="1"/>
  <c r="U75080" i="1"/>
  <c r="U75079" i="1"/>
  <c r="U75078" i="1"/>
  <c r="U75077" i="1"/>
  <c r="U75076" i="1"/>
  <c r="U75075" i="1"/>
  <c r="U75074" i="1"/>
  <c r="U75073" i="1"/>
  <c r="U75072" i="1"/>
  <c r="U75071" i="1"/>
  <c r="U75070" i="1"/>
  <c r="U75069" i="1"/>
  <c r="U75068" i="1"/>
  <c r="U75067" i="1"/>
  <c r="U75066" i="1"/>
  <c r="U75065" i="1"/>
  <c r="U75064" i="1"/>
  <c r="U75063" i="1"/>
  <c r="U75062" i="1"/>
  <c r="U75061" i="1"/>
  <c r="U75060" i="1"/>
  <c r="U75059" i="1"/>
  <c r="U75058" i="1"/>
  <c r="U75057" i="1"/>
  <c r="U75056" i="1"/>
  <c r="U75055" i="1"/>
  <c r="U75054" i="1"/>
  <c r="U75053" i="1"/>
  <c r="U75052" i="1"/>
  <c r="U75051" i="1"/>
  <c r="U75050" i="1"/>
  <c r="U75049" i="1"/>
  <c r="U75048" i="1"/>
  <c r="U75047" i="1"/>
  <c r="U75046" i="1"/>
  <c r="U75045" i="1"/>
  <c r="U75044" i="1"/>
  <c r="U75043" i="1"/>
  <c r="U75042" i="1"/>
  <c r="U75041" i="1"/>
  <c r="U75040" i="1"/>
  <c r="U75039" i="1"/>
  <c r="U75038" i="1"/>
  <c r="U75037" i="1"/>
  <c r="U75036" i="1"/>
  <c r="U75035" i="1"/>
  <c r="U75034" i="1"/>
  <c r="U75033" i="1"/>
  <c r="U75032" i="1"/>
  <c r="U75031" i="1"/>
  <c r="U75030" i="1"/>
  <c r="U75029" i="1"/>
  <c r="U75028" i="1"/>
  <c r="U75027" i="1"/>
  <c r="U75026" i="1"/>
  <c r="U75025" i="1"/>
  <c r="U75024" i="1"/>
  <c r="U75023" i="1"/>
  <c r="U75022" i="1"/>
  <c r="U75021" i="1"/>
  <c r="U75020" i="1"/>
  <c r="U75019" i="1"/>
  <c r="U75018" i="1"/>
  <c r="U75017" i="1"/>
  <c r="U75016" i="1"/>
  <c r="U75015" i="1"/>
  <c r="U75014" i="1"/>
  <c r="U75013" i="1"/>
  <c r="U75012" i="1"/>
  <c r="U75011" i="1"/>
  <c r="U75010" i="1"/>
  <c r="U75009" i="1"/>
  <c r="U75008" i="1"/>
  <c r="U75007" i="1"/>
  <c r="U75006" i="1"/>
  <c r="U75005" i="1"/>
  <c r="U75004" i="1"/>
  <c r="U75003" i="1"/>
  <c r="U75002" i="1"/>
  <c r="U75001" i="1"/>
  <c r="U75000" i="1"/>
  <c r="U74999" i="1"/>
  <c r="U74998" i="1"/>
  <c r="U74997" i="1"/>
  <c r="U74996" i="1"/>
  <c r="U74995" i="1"/>
  <c r="U74994" i="1"/>
  <c r="U74993" i="1"/>
  <c r="U74992" i="1"/>
  <c r="U74991" i="1"/>
  <c r="U74990" i="1"/>
  <c r="U74989" i="1"/>
  <c r="U74988" i="1"/>
  <c r="U74987" i="1"/>
  <c r="U74986" i="1"/>
  <c r="U74985" i="1"/>
  <c r="U74984" i="1"/>
  <c r="U74983" i="1"/>
  <c r="U74982" i="1"/>
  <c r="U74981" i="1"/>
  <c r="U74980" i="1"/>
  <c r="U74979" i="1"/>
  <c r="U74978" i="1"/>
  <c r="U74977" i="1"/>
  <c r="U74976" i="1"/>
  <c r="U74975" i="1"/>
  <c r="U74974" i="1"/>
  <c r="U74973" i="1"/>
  <c r="U74972" i="1"/>
  <c r="U74971" i="1"/>
  <c r="U74970" i="1"/>
  <c r="U74969" i="1"/>
  <c r="U74968" i="1"/>
  <c r="U74967" i="1"/>
  <c r="U74966" i="1"/>
  <c r="U74965" i="1"/>
  <c r="U74964" i="1"/>
  <c r="U74963" i="1"/>
  <c r="U74962" i="1"/>
  <c r="U74961" i="1"/>
  <c r="U74960" i="1"/>
  <c r="U74959" i="1"/>
  <c r="U74958" i="1"/>
  <c r="U74957" i="1"/>
  <c r="U74956" i="1"/>
  <c r="U74955" i="1"/>
  <c r="U74954" i="1"/>
  <c r="U74953" i="1"/>
  <c r="U74952" i="1"/>
  <c r="U74951" i="1"/>
  <c r="U74950" i="1"/>
  <c r="U74949" i="1"/>
  <c r="U74948" i="1"/>
  <c r="U74947" i="1"/>
  <c r="U74946" i="1"/>
  <c r="U74945" i="1"/>
  <c r="U74944" i="1"/>
  <c r="U74943" i="1"/>
  <c r="U74942" i="1"/>
  <c r="U74941" i="1"/>
  <c r="U74940" i="1"/>
  <c r="U74939" i="1"/>
  <c r="U74938" i="1"/>
  <c r="U74937" i="1"/>
  <c r="U74936" i="1"/>
  <c r="U74935" i="1"/>
  <c r="U74934" i="1"/>
  <c r="U74933" i="1"/>
  <c r="U74932" i="1"/>
  <c r="U74931" i="1"/>
  <c r="U74930" i="1"/>
  <c r="U74929" i="1"/>
  <c r="U74928" i="1"/>
  <c r="U74927" i="1"/>
  <c r="U74926" i="1"/>
  <c r="U74925" i="1"/>
  <c r="U74924" i="1"/>
  <c r="U74923" i="1"/>
  <c r="U74922" i="1"/>
  <c r="U74921" i="1"/>
  <c r="U74920" i="1"/>
  <c r="U74919" i="1"/>
  <c r="U74918" i="1"/>
  <c r="U74917" i="1"/>
  <c r="U74916" i="1"/>
  <c r="U74915" i="1"/>
  <c r="U74914" i="1"/>
  <c r="U74913" i="1"/>
  <c r="U74912" i="1"/>
  <c r="U74911" i="1"/>
  <c r="U74910" i="1"/>
  <c r="U74909" i="1"/>
  <c r="U74908" i="1"/>
  <c r="U74907" i="1"/>
  <c r="U74906" i="1"/>
  <c r="U74905" i="1"/>
  <c r="U74904" i="1"/>
  <c r="U74903" i="1"/>
  <c r="U74902" i="1"/>
  <c r="U74901" i="1"/>
  <c r="U74900" i="1"/>
  <c r="U74899" i="1"/>
  <c r="U74898" i="1"/>
  <c r="U74897" i="1"/>
  <c r="U74896" i="1"/>
  <c r="U74895" i="1"/>
  <c r="U74894" i="1"/>
  <c r="U74893" i="1"/>
  <c r="U74892" i="1"/>
  <c r="U74891" i="1"/>
  <c r="U74890" i="1"/>
  <c r="U74889" i="1"/>
  <c r="U74888" i="1"/>
  <c r="U74887" i="1"/>
  <c r="U74886" i="1"/>
  <c r="U74885" i="1"/>
  <c r="U74884" i="1"/>
  <c r="U74883" i="1"/>
  <c r="U74882" i="1"/>
  <c r="U74881" i="1"/>
  <c r="U74880" i="1"/>
  <c r="U74879" i="1"/>
  <c r="U74878" i="1"/>
  <c r="U74877" i="1"/>
  <c r="U74876" i="1"/>
  <c r="U74875" i="1"/>
  <c r="U74874" i="1"/>
  <c r="U74873" i="1"/>
  <c r="U74872" i="1"/>
  <c r="U74871" i="1"/>
  <c r="U74870" i="1"/>
  <c r="U74869" i="1"/>
  <c r="U74868" i="1"/>
  <c r="U74867" i="1"/>
  <c r="U74866" i="1"/>
  <c r="U74865" i="1"/>
  <c r="U74864" i="1"/>
  <c r="U74863" i="1"/>
  <c r="U74862" i="1"/>
  <c r="U74861" i="1"/>
  <c r="U74860" i="1"/>
  <c r="U74859" i="1"/>
  <c r="U74858" i="1"/>
  <c r="U74857" i="1"/>
  <c r="U74856" i="1"/>
  <c r="U74855" i="1"/>
  <c r="U74854" i="1"/>
  <c r="U74853" i="1"/>
  <c r="U74852" i="1"/>
  <c r="U74851" i="1"/>
  <c r="U74850" i="1"/>
  <c r="U74849" i="1"/>
  <c r="U74848" i="1"/>
  <c r="U74847" i="1"/>
  <c r="U74846" i="1"/>
  <c r="U74845" i="1"/>
  <c r="U74844" i="1"/>
  <c r="U74843" i="1"/>
  <c r="U74842" i="1"/>
  <c r="U74841" i="1"/>
  <c r="U74840" i="1"/>
  <c r="U74839" i="1"/>
  <c r="U74838" i="1"/>
  <c r="U74837" i="1"/>
  <c r="U74836" i="1"/>
  <c r="U74835" i="1"/>
  <c r="U74834" i="1"/>
  <c r="U74833" i="1"/>
  <c r="U74832" i="1"/>
  <c r="U74831" i="1"/>
  <c r="U74830" i="1"/>
  <c r="U74829" i="1"/>
  <c r="U74828" i="1"/>
  <c r="U74827" i="1"/>
  <c r="U74826" i="1"/>
  <c r="U74825" i="1"/>
  <c r="U74824" i="1"/>
  <c r="U74823" i="1"/>
  <c r="U74822" i="1"/>
  <c r="U74821" i="1"/>
  <c r="U74820" i="1"/>
  <c r="U74819" i="1"/>
  <c r="U74818" i="1"/>
  <c r="U74817" i="1"/>
  <c r="U74816" i="1"/>
  <c r="U74815" i="1"/>
  <c r="U74814" i="1"/>
  <c r="U74813" i="1"/>
  <c r="U74812" i="1"/>
  <c r="U74811" i="1"/>
  <c r="U74810" i="1"/>
  <c r="U74809" i="1"/>
  <c r="U74808" i="1"/>
  <c r="U74807" i="1"/>
  <c r="U74806" i="1"/>
  <c r="U74805" i="1"/>
  <c r="U74804" i="1"/>
  <c r="U74803" i="1"/>
  <c r="U74802" i="1"/>
  <c r="U74801" i="1"/>
  <c r="U74800" i="1"/>
  <c r="U74799" i="1"/>
  <c r="U74798" i="1"/>
  <c r="U74797" i="1"/>
  <c r="U74796" i="1"/>
  <c r="U74795" i="1"/>
  <c r="U74794" i="1"/>
  <c r="U74793" i="1"/>
  <c r="U74792" i="1"/>
  <c r="U74791" i="1"/>
  <c r="U74790" i="1"/>
  <c r="U74789" i="1"/>
  <c r="U74788" i="1"/>
  <c r="U74787" i="1"/>
  <c r="U74786" i="1"/>
  <c r="U74785" i="1"/>
  <c r="U74784" i="1"/>
  <c r="U74783" i="1"/>
  <c r="U74782" i="1"/>
  <c r="U74781" i="1"/>
  <c r="U74780" i="1"/>
  <c r="U74779" i="1"/>
  <c r="U74778" i="1"/>
  <c r="U74777" i="1"/>
  <c r="U74776" i="1"/>
  <c r="U74775" i="1"/>
  <c r="U74774" i="1"/>
  <c r="U74773" i="1"/>
  <c r="U74772" i="1"/>
  <c r="U74771" i="1"/>
  <c r="U74770" i="1"/>
  <c r="U74769" i="1"/>
  <c r="U74768" i="1"/>
  <c r="U74767" i="1"/>
  <c r="U74766" i="1"/>
  <c r="U74765" i="1"/>
  <c r="U74764" i="1"/>
  <c r="U74763" i="1"/>
  <c r="U74762" i="1"/>
  <c r="U74761" i="1"/>
  <c r="U74760" i="1"/>
  <c r="U74759" i="1"/>
  <c r="U74758" i="1"/>
  <c r="U74757" i="1"/>
  <c r="U74756" i="1"/>
  <c r="U74755" i="1"/>
  <c r="U74754" i="1"/>
  <c r="U74753" i="1"/>
  <c r="U74752" i="1"/>
  <c r="U74751" i="1"/>
  <c r="U74750" i="1"/>
  <c r="U74749" i="1"/>
  <c r="U74748" i="1"/>
  <c r="U74747" i="1"/>
  <c r="U74746" i="1"/>
  <c r="U74745" i="1"/>
  <c r="U74744" i="1"/>
  <c r="U74743" i="1"/>
  <c r="U74742" i="1"/>
  <c r="U74741" i="1"/>
  <c r="U74740" i="1"/>
  <c r="U74739" i="1"/>
  <c r="U74738" i="1"/>
  <c r="U74737" i="1"/>
  <c r="U74736" i="1"/>
  <c r="U74735" i="1"/>
  <c r="U74734" i="1"/>
  <c r="U74733" i="1"/>
  <c r="U74732" i="1"/>
  <c r="U74731" i="1"/>
  <c r="U74730" i="1"/>
  <c r="U74729" i="1"/>
  <c r="U74728" i="1"/>
  <c r="U74727" i="1"/>
  <c r="U74726" i="1"/>
  <c r="U74725" i="1"/>
  <c r="U74724" i="1"/>
  <c r="U74723" i="1"/>
  <c r="U74722" i="1"/>
  <c r="U74721" i="1"/>
  <c r="U74720" i="1"/>
  <c r="U74719" i="1"/>
  <c r="U74718" i="1"/>
  <c r="U74717" i="1"/>
  <c r="U74716" i="1"/>
  <c r="U74715" i="1"/>
  <c r="U74714" i="1"/>
  <c r="U74713" i="1"/>
  <c r="U74712" i="1"/>
  <c r="U74711" i="1"/>
  <c r="U74710" i="1"/>
  <c r="U74709" i="1"/>
  <c r="U74708" i="1"/>
  <c r="U74707" i="1"/>
  <c r="U74706" i="1"/>
  <c r="U74705" i="1"/>
  <c r="U74704" i="1"/>
  <c r="U74703" i="1"/>
  <c r="U74702" i="1"/>
  <c r="U74701" i="1"/>
  <c r="U74700" i="1"/>
  <c r="U74699" i="1"/>
  <c r="U74698" i="1"/>
  <c r="U74697" i="1"/>
  <c r="U74696" i="1"/>
  <c r="U74695" i="1"/>
  <c r="U74694" i="1"/>
  <c r="U74693" i="1"/>
  <c r="U74692" i="1"/>
  <c r="U74691" i="1"/>
  <c r="U74690" i="1"/>
  <c r="U74689" i="1"/>
  <c r="U74688" i="1"/>
  <c r="U74687" i="1"/>
  <c r="U74686" i="1"/>
  <c r="U74685" i="1"/>
  <c r="U74684" i="1"/>
  <c r="U74683" i="1"/>
  <c r="U74682" i="1"/>
  <c r="U74681" i="1"/>
  <c r="U74680" i="1"/>
  <c r="U74679" i="1"/>
  <c r="U74678" i="1"/>
  <c r="U74677" i="1"/>
  <c r="U74676" i="1"/>
  <c r="U74675" i="1"/>
  <c r="U74674" i="1"/>
  <c r="U74673" i="1"/>
  <c r="U74672" i="1"/>
  <c r="U74671" i="1"/>
  <c r="U74670" i="1"/>
  <c r="U74669" i="1"/>
  <c r="U74668" i="1"/>
  <c r="U74667" i="1"/>
  <c r="U74666" i="1"/>
  <c r="U74665" i="1"/>
  <c r="U74664" i="1"/>
  <c r="U74663" i="1"/>
  <c r="U74662" i="1"/>
  <c r="U74661" i="1"/>
  <c r="U74660" i="1"/>
  <c r="U74659" i="1"/>
  <c r="U74658" i="1"/>
  <c r="U74657" i="1"/>
  <c r="U74656" i="1"/>
  <c r="U74655" i="1"/>
  <c r="U74654" i="1"/>
  <c r="U74653" i="1"/>
  <c r="U74652" i="1"/>
  <c r="U74651" i="1"/>
  <c r="U74650" i="1"/>
  <c r="U74649" i="1"/>
  <c r="U74648" i="1"/>
  <c r="U74647" i="1"/>
  <c r="U74646" i="1"/>
  <c r="U74645" i="1"/>
  <c r="U74644" i="1"/>
  <c r="U74643" i="1"/>
  <c r="U74642" i="1"/>
  <c r="U74641" i="1"/>
  <c r="U74640" i="1"/>
  <c r="U74639" i="1"/>
  <c r="U74638" i="1"/>
  <c r="U74637" i="1"/>
  <c r="U74636" i="1"/>
  <c r="U74635" i="1"/>
  <c r="U74634" i="1"/>
  <c r="U74633" i="1"/>
  <c r="U74632" i="1"/>
  <c r="U74631" i="1"/>
  <c r="U74630" i="1"/>
  <c r="U74629" i="1"/>
  <c r="U74628" i="1"/>
  <c r="U74627" i="1"/>
  <c r="U74626" i="1"/>
  <c r="U74625" i="1"/>
  <c r="U74624" i="1"/>
  <c r="U74623" i="1"/>
  <c r="U74622" i="1"/>
  <c r="U74621" i="1"/>
  <c r="U74620" i="1"/>
  <c r="U74619" i="1"/>
  <c r="U74618" i="1"/>
  <c r="U74617" i="1"/>
  <c r="U74616" i="1"/>
  <c r="U74615" i="1"/>
  <c r="U74614" i="1"/>
  <c r="U74613" i="1"/>
  <c r="U74612" i="1"/>
  <c r="U74611" i="1"/>
  <c r="U74610" i="1"/>
  <c r="U74609" i="1"/>
  <c r="U74608" i="1"/>
  <c r="U74607" i="1"/>
  <c r="U74606" i="1"/>
  <c r="U74605" i="1"/>
  <c r="U74604" i="1"/>
  <c r="U74603" i="1"/>
  <c r="U74602" i="1"/>
  <c r="U74601" i="1"/>
  <c r="U74600" i="1"/>
  <c r="U74599" i="1"/>
  <c r="U74598" i="1"/>
  <c r="U74597" i="1"/>
  <c r="U74596" i="1"/>
  <c r="U74595" i="1"/>
  <c r="U74594" i="1"/>
  <c r="U74593" i="1"/>
  <c r="U74592" i="1"/>
  <c r="U74591" i="1"/>
  <c r="U74590" i="1"/>
  <c r="U74589" i="1"/>
  <c r="U74588" i="1"/>
  <c r="U74587" i="1"/>
  <c r="U74586" i="1"/>
  <c r="U74585" i="1"/>
  <c r="U74584" i="1"/>
  <c r="U74583" i="1"/>
  <c r="U74582" i="1"/>
  <c r="U74581" i="1"/>
  <c r="U74580" i="1"/>
  <c r="U74579" i="1"/>
  <c r="U74578" i="1"/>
  <c r="U74577" i="1"/>
  <c r="U74576" i="1"/>
  <c r="U74575" i="1"/>
  <c r="U74574" i="1"/>
  <c r="U74573" i="1"/>
  <c r="U74572" i="1"/>
  <c r="U74571" i="1"/>
  <c r="U74570" i="1"/>
  <c r="U74569" i="1"/>
  <c r="U74568" i="1"/>
  <c r="U74567" i="1"/>
  <c r="U74566" i="1"/>
  <c r="U74565" i="1"/>
  <c r="U74564" i="1"/>
  <c r="U74563" i="1"/>
  <c r="U74562" i="1"/>
  <c r="U74561" i="1"/>
  <c r="U74560" i="1"/>
  <c r="U74559" i="1"/>
  <c r="U74558" i="1"/>
  <c r="U74557" i="1"/>
  <c r="U74556" i="1"/>
  <c r="U74555" i="1"/>
  <c r="U74554" i="1"/>
  <c r="U74553" i="1"/>
  <c r="U74552" i="1"/>
  <c r="U74551" i="1"/>
  <c r="U74550" i="1"/>
  <c r="U74549" i="1"/>
  <c r="U74548" i="1"/>
  <c r="U74547" i="1"/>
  <c r="U74546" i="1"/>
  <c r="U74545" i="1"/>
  <c r="U74544" i="1"/>
  <c r="U74543" i="1"/>
  <c r="U74542" i="1"/>
  <c r="U74541" i="1"/>
  <c r="U74540" i="1"/>
  <c r="U74539" i="1"/>
  <c r="U74538" i="1"/>
  <c r="U74537" i="1"/>
  <c r="U74536" i="1"/>
  <c r="U74535" i="1"/>
  <c r="U74534" i="1"/>
  <c r="U74533" i="1"/>
  <c r="U74532" i="1"/>
  <c r="U74531" i="1"/>
  <c r="U74530" i="1"/>
  <c r="U74529" i="1"/>
  <c r="U74528" i="1"/>
  <c r="U74527" i="1"/>
  <c r="U74526" i="1"/>
  <c r="U74525" i="1"/>
  <c r="U74524" i="1"/>
  <c r="U74523" i="1"/>
  <c r="U74522" i="1"/>
  <c r="U74521" i="1"/>
  <c r="U74520" i="1"/>
  <c r="U74519" i="1"/>
  <c r="U74518" i="1"/>
  <c r="U74517" i="1"/>
  <c r="U74516" i="1"/>
  <c r="U74515" i="1"/>
  <c r="U74514" i="1"/>
  <c r="U74513" i="1"/>
  <c r="U74512" i="1"/>
  <c r="U74511" i="1"/>
  <c r="U74510" i="1"/>
  <c r="U74509" i="1"/>
  <c r="U74508" i="1"/>
  <c r="U74507" i="1"/>
  <c r="U74506" i="1"/>
  <c r="U74505" i="1"/>
  <c r="U74504" i="1"/>
  <c r="U74503" i="1"/>
  <c r="U74502" i="1"/>
  <c r="U74501" i="1"/>
  <c r="U74500" i="1"/>
  <c r="U74499" i="1"/>
  <c r="U74498" i="1"/>
  <c r="U74497" i="1"/>
  <c r="U74496" i="1"/>
  <c r="U74495" i="1"/>
  <c r="U74494" i="1"/>
  <c r="U74493" i="1"/>
  <c r="U74492" i="1"/>
  <c r="U74491" i="1"/>
  <c r="U74490" i="1"/>
  <c r="U74489" i="1"/>
  <c r="U74488" i="1"/>
  <c r="U74487" i="1"/>
  <c r="U74486" i="1"/>
  <c r="U74485" i="1"/>
  <c r="U74484" i="1"/>
  <c r="U74483" i="1"/>
  <c r="U74482" i="1"/>
  <c r="U74481" i="1"/>
  <c r="U74480" i="1"/>
  <c r="U74479" i="1"/>
  <c r="U74478" i="1"/>
  <c r="U74477" i="1"/>
  <c r="U74476" i="1"/>
  <c r="U74475" i="1"/>
  <c r="U74474" i="1"/>
  <c r="U74473" i="1"/>
  <c r="U74472" i="1"/>
  <c r="U74471" i="1"/>
  <c r="U74470" i="1"/>
  <c r="U74469" i="1"/>
  <c r="U74468" i="1"/>
  <c r="U74467" i="1"/>
  <c r="U74466" i="1"/>
  <c r="U74465" i="1"/>
  <c r="U74464" i="1"/>
  <c r="U74463" i="1"/>
  <c r="U74462" i="1"/>
  <c r="U74461" i="1"/>
  <c r="U74460" i="1"/>
  <c r="U74459" i="1"/>
  <c r="U74458" i="1"/>
  <c r="U74457" i="1"/>
  <c r="U74456" i="1"/>
  <c r="U74455" i="1"/>
  <c r="U74454" i="1"/>
  <c r="U74453" i="1"/>
  <c r="U74452" i="1"/>
  <c r="U74451" i="1"/>
  <c r="U74450" i="1"/>
  <c r="U74449" i="1"/>
  <c r="U74448" i="1"/>
  <c r="U74447" i="1"/>
  <c r="U74446" i="1"/>
  <c r="U74445" i="1"/>
  <c r="U74444" i="1"/>
  <c r="U74443" i="1"/>
  <c r="U74442" i="1"/>
  <c r="U74441" i="1"/>
  <c r="U74440" i="1"/>
  <c r="U74439" i="1"/>
  <c r="U74438" i="1"/>
  <c r="U74437" i="1"/>
  <c r="U74436" i="1"/>
  <c r="U74435" i="1"/>
  <c r="U74434" i="1"/>
  <c r="U74433" i="1"/>
  <c r="U74432" i="1"/>
  <c r="U74431" i="1"/>
  <c r="U74430" i="1"/>
  <c r="U74429" i="1"/>
  <c r="U74428" i="1"/>
  <c r="U74427" i="1"/>
  <c r="U74426" i="1"/>
  <c r="U74425" i="1"/>
  <c r="U74424" i="1"/>
  <c r="U74423" i="1"/>
  <c r="U74422" i="1"/>
  <c r="U74421" i="1"/>
  <c r="U74420" i="1"/>
  <c r="U74419" i="1"/>
  <c r="U74418" i="1"/>
  <c r="U74417" i="1"/>
  <c r="U74416" i="1"/>
  <c r="U74415" i="1"/>
  <c r="U74414" i="1"/>
  <c r="U74413" i="1"/>
  <c r="U74412" i="1"/>
  <c r="U74411" i="1"/>
  <c r="U74410" i="1"/>
  <c r="U74409" i="1"/>
  <c r="U74408" i="1"/>
  <c r="U74407" i="1"/>
  <c r="U74406" i="1"/>
  <c r="U74405" i="1"/>
  <c r="U74404" i="1"/>
  <c r="U74403" i="1"/>
  <c r="U74402" i="1"/>
  <c r="U74401" i="1"/>
  <c r="U74400" i="1"/>
  <c r="U74399" i="1"/>
  <c r="U74398" i="1"/>
  <c r="U74397" i="1"/>
  <c r="U74396" i="1"/>
  <c r="U74395" i="1"/>
  <c r="U74394" i="1"/>
  <c r="U74393" i="1"/>
  <c r="U74392" i="1"/>
  <c r="U74391" i="1"/>
  <c r="U74390" i="1"/>
  <c r="U74389" i="1"/>
  <c r="U74388" i="1"/>
  <c r="U74387" i="1"/>
  <c r="U74386" i="1"/>
  <c r="U74385" i="1"/>
  <c r="U74384" i="1"/>
  <c r="U74383" i="1"/>
  <c r="U74382" i="1"/>
  <c r="U74381" i="1"/>
  <c r="U74380" i="1"/>
  <c r="U74379" i="1"/>
  <c r="U74378" i="1"/>
  <c r="U74377" i="1"/>
  <c r="U74376" i="1"/>
  <c r="U74375" i="1"/>
  <c r="U74374" i="1"/>
  <c r="U74373" i="1"/>
  <c r="U74372" i="1"/>
  <c r="U74371" i="1"/>
  <c r="U74370" i="1"/>
  <c r="U74369" i="1"/>
  <c r="U74368" i="1"/>
  <c r="U74367" i="1"/>
  <c r="U74366" i="1"/>
  <c r="U74365" i="1"/>
  <c r="U74364" i="1"/>
  <c r="U74363" i="1"/>
  <c r="U74362" i="1"/>
  <c r="U74361" i="1"/>
  <c r="U74360" i="1"/>
  <c r="U74359" i="1"/>
  <c r="U74358" i="1"/>
  <c r="U74357" i="1"/>
  <c r="U74356" i="1"/>
  <c r="U74355" i="1"/>
  <c r="U74354" i="1"/>
  <c r="U74353" i="1"/>
  <c r="U74352" i="1"/>
  <c r="U74351" i="1"/>
  <c r="U74350" i="1"/>
  <c r="U74349" i="1"/>
  <c r="U74348" i="1"/>
  <c r="U74347" i="1"/>
  <c r="U74346" i="1"/>
  <c r="U74345" i="1"/>
  <c r="U74344" i="1"/>
  <c r="U74343" i="1"/>
  <c r="U74342" i="1"/>
  <c r="U74341" i="1"/>
  <c r="U74340" i="1"/>
  <c r="U74339" i="1"/>
  <c r="U74338" i="1"/>
  <c r="U74337" i="1"/>
  <c r="U74336" i="1"/>
  <c r="U74335" i="1"/>
  <c r="U74334" i="1"/>
  <c r="U74333" i="1"/>
  <c r="U74332" i="1"/>
  <c r="U74331" i="1"/>
  <c r="U74330" i="1"/>
  <c r="U74329" i="1"/>
  <c r="U74328" i="1"/>
  <c r="U74327" i="1"/>
  <c r="U74326" i="1"/>
  <c r="U74325" i="1"/>
  <c r="U74324" i="1"/>
  <c r="U74323" i="1"/>
  <c r="U74322" i="1"/>
  <c r="U74321" i="1"/>
  <c r="U74320" i="1"/>
  <c r="U74319" i="1"/>
  <c r="U74318" i="1"/>
  <c r="U74317" i="1"/>
  <c r="U74316" i="1"/>
  <c r="U74315" i="1"/>
  <c r="U74314" i="1"/>
  <c r="U74313" i="1"/>
  <c r="U74312" i="1"/>
  <c r="U74311" i="1"/>
  <c r="U74310" i="1"/>
  <c r="U74309" i="1"/>
  <c r="U74308" i="1"/>
  <c r="U74307" i="1"/>
  <c r="U74306" i="1"/>
  <c r="U74305" i="1"/>
  <c r="U74304" i="1"/>
  <c r="U74303" i="1"/>
  <c r="U74302" i="1"/>
  <c r="U74301" i="1"/>
  <c r="U74300" i="1"/>
  <c r="U74299" i="1"/>
  <c r="U74298" i="1"/>
  <c r="U74297" i="1"/>
  <c r="U74296" i="1"/>
  <c r="U74295" i="1"/>
  <c r="U74294" i="1"/>
  <c r="U74293" i="1"/>
  <c r="U74292" i="1"/>
  <c r="U74291" i="1"/>
  <c r="U74290" i="1"/>
  <c r="U74289" i="1"/>
  <c r="U74288" i="1"/>
  <c r="U74287" i="1"/>
  <c r="U74286" i="1"/>
  <c r="U74285" i="1"/>
  <c r="U74284" i="1"/>
  <c r="U74283" i="1"/>
  <c r="U74282" i="1"/>
  <c r="U74281" i="1"/>
  <c r="U74280" i="1"/>
  <c r="U74279" i="1"/>
  <c r="U74278" i="1"/>
  <c r="U74277" i="1"/>
  <c r="U74276" i="1"/>
  <c r="U74275" i="1"/>
  <c r="U74274" i="1"/>
  <c r="U74273" i="1"/>
  <c r="U74272" i="1"/>
  <c r="U74271" i="1"/>
  <c r="U74270" i="1"/>
  <c r="U74269" i="1"/>
  <c r="U74268" i="1"/>
  <c r="U74267" i="1"/>
  <c r="U74266" i="1"/>
  <c r="U74265" i="1"/>
  <c r="U74264" i="1"/>
  <c r="U74263" i="1"/>
  <c r="U74262" i="1"/>
  <c r="U74261" i="1"/>
  <c r="U74260" i="1"/>
  <c r="U74259" i="1"/>
  <c r="U74258" i="1"/>
  <c r="U74257" i="1"/>
  <c r="U74256" i="1"/>
  <c r="U74255" i="1"/>
  <c r="U74254" i="1"/>
  <c r="U74253" i="1"/>
  <c r="U74252" i="1"/>
  <c r="U74251" i="1"/>
  <c r="U74250" i="1"/>
  <c r="U74249" i="1"/>
  <c r="U74248" i="1"/>
  <c r="U74247" i="1"/>
  <c r="U74246" i="1"/>
  <c r="U74245" i="1"/>
  <c r="U74244" i="1"/>
  <c r="U74243" i="1"/>
  <c r="U74242" i="1"/>
  <c r="U74241" i="1"/>
  <c r="U74240" i="1"/>
  <c r="U74239" i="1"/>
  <c r="U74238" i="1"/>
  <c r="U74237" i="1"/>
  <c r="U74236" i="1"/>
  <c r="U74235" i="1"/>
  <c r="U74234" i="1"/>
  <c r="U74233" i="1"/>
  <c r="U74232" i="1"/>
  <c r="U74231" i="1"/>
  <c r="U74230" i="1"/>
  <c r="U74229" i="1"/>
  <c r="U74228" i="1"/>
  <c r="U74227" i="1"/>
  <c r="U74226" i="1"/>
  <c r="U74225" i="1"/>
  <c r="U74224" i="1"/>
  <c r="U74223" i="1"/>
  <c r="U74222" i="1"/>
  <c r="U74221" i="1"/>
  <c r="U74220" i="1"/>
  <c r="U74219" i="1"/>
  <c r="U74218" i="1"/>
  <c r="U74217" i="1"/>
  <c r="U74216" i="1"/>
  <c r="U74215" i="1"/>
  <c r="U74214" i="1"/>
  <c r="U74213" i="1"/>
  <c r="U74212" i="1"/>
  <c r="U74211" i="1"/>
  <c r="U74210" i="1"/>
  <c r="U74209" i="1"/>
  <c r="U74208" i="1"/>
  <c r="U74207" i="1"/>
  <c r="U74206" i="1"/>
  <c r="U74205" i="1"/>
  <c r="U74204" i="1"/>
  <c r="U74203" i="1"/>
  <c r="U74202" i="1"/>
  <c r="U74201" i="1"/>
  <c r="U74200" i="1"/>
  <c r="U74199" i="1"/>
  <c r="U74198" i="1"/>
  <c r="U74197" i="1"/>
  <c r="U74196" i="1"/>
  <c r="U74195" i="1"/>
  <c r="U74194" i="1"/>
  <c r="U74193" i="1"/>
  <c r="U74192" i="1"/>
  <c r="U74191" i="1"/>
  <c r="U74190" i="1"/>
  <c r="U74189" i="1"/>
  <c r="U74188" i="1"/>
  <c r="U74187" i="1"/>
  <c r="U74186" i="1"/>
  <c r="U74185" i="1"/>
  <c r="U74184" i="1"/>
  <c r="U74183" i="1"/>
  <c r="U74182" i="1"/>
  <c r="U74181" i="1"/>
  <c r="U74180" i="1"/>
  <c r="U74179" i="1"/>
  <c r="U74178" i="1"/>
  <c r="U74177" i="1"/>
  <c r="U74176" i="1"/>
  <c r="U74175" i="1"/>
  <c r="U74174" i="1"/>
  <c r="U74173" i="1"/>
  <c r="U74172" i="1"/>
  <c r="U74171" i="1"/>
  <c r="U74170" i="1"/>
  <c r="U74169" i="1"/>
  <c r="U74168" i="1"/>
  <c r="U74167" i="1"/>
  <c r="U74166" i="1"/>
  <c r="U74165" i="1"/>
  <c r="U74164" i="1"/>
  <c r="U74163" i="1"/>
  <c r="U74162" i="1"/>
  <c r="U74161" i="1"/>
  <c r="U74160" i="1"/>
  <c r="U74159" i="1"/>
  <c r="U74158" i="1"/>
  <c r="U74157" i="1"/>
  <c r="U74156" i="1"/>
  <c r="U74155" i="1"/>
  <c r="U74154" i="1"/>
  <c r="U74153" i="1"/>
  <c r="U74152" i="1"/>
  <c r="U74151" i="1"/>
  <c r="U74150" i="1"/>
  <c r="U74149" i="1"/>
  <c r="U74148" i="1"/>
  <c r="U74147" i="1"/>
  <c r="U74146" i="1"/>
  <c r="U74145" i="1"/>
  <c r="U74144" i="1"/>
  <c r="U74143" i="1"/>
  <c r="U74142" i="1"/>
  <c r="U74141" i="1"/>
  <c r="U74140" i="1"/>
  <c r="U74139" i="1"/>
  <c r="U74138" i="1"/>
  <c r="U74137" i="1"/>
  <c r="U74136" i="1"/>
  <c r="U74135" i="1"/>
  <c r="U74134" i="1"/>
  <c r="U74133" i="1"/>
  <c r="U74132" i="1"/>
  <c r="U74131" i="1"/>
  <c r="U74130" i="1"/>
  <c r="U74129" i="1"/>
  <c r="U74128" i="1"/>
  <c r="U74127" i="1"/>
  <c r="U74126" i="1"/>
  <c r="U74125" i="1"/>
  <c r="U74124" i="1"/>
  <c r="U74123" i="1"/>
  <c r="U74122" i="1"/>
  <c r="U74121" i="1"/>
  <c r="U74120" i="1"/>
  <c r="U74119" i="1"/>
  <c r="U74118" i="1"/>
  <c r="U74117" i="1"/>
  <c r="U74116" i="1"/>
  <c r="U74115" i="1"/>
  <c r="U74114" i="1"/>
  <c r="U74113" i="1"/>
  <c r="U74112" i="1"/>
  <c r="U74111" i="1"/>
  <c r="U74110" i="1"/>
  <c r="U74109" i="1"/>
  <c r="U74108" i="1"/>
  <c r="U74107" i="1"/>
  <c r="U74106" i="1"/>
  <c r="U74105" i="1"/>
  <c r="U74104" i="1"/>
  <c r="U74103" i="1"/>
  <c r="U74102" i="1"/>
  <c r="U74101" i="1"/>
  <c r="U74100" i="1"/>
  <c r="U74099" i="1"/>
  <c r="U74098" i="1"/>
  <c r="U74097" i="1"/>
  <c r="U74096" i="1"/>
  <c r="U74095" i="1"/>
  <c r="U74094" i="1"/>
  <c r="U74093" i="1"/>
  <c r="U74092" i="1"/>
  <c r="U74091" i="1"/>
  <c r="U74090" i="1"/>
  <c r="U74089" i="1"/>
  <c r="U74088" i="1"/>
  <c r="U74087" i="1"/>
  <c r="U74086" i="1"/>
  <c r="U74085" i="1"/>
  <c r="U74084" i="1"/>
  <c r="U74083" i="1"/>
  <c r="U74082" i="1"/>
  <c r="U74081" i="1"/>
  <c r="U74080" i="1"/>
  <c r="U74079" i="1"/>
  <c r="U74078" i="1"/>
  <c r="U74077" i="1"/>
  <c r="U74076" i="1"/>
  <c r="U74075" i="1"/>
  <c r="U74074" i="1"/>
  <c r="U74073" i="1"/>
  <c r="U74072" i="1"/>
  <c r="U74071" i="1"/>
  <c r="U74070" i="1"/>
  <c r="U74069" i="1"/>
  <c r="U74068" i="1"/>
  <c r="U74067" i="1"/>
  <c r="U74066" i="1"/>
  <c r="U74065" i="1"/>
  <c r="U74064" i="1"/>
  <c r="U74063" i="1"/>
  <c r="U74062" i="1"/>
  <c r="U74061" i="1"/>
  <c r="U74060" i="1"/>
  <c r="U74059" i="1"/>
  <c r="U74058" i="1"/>
  <c r="U74057" i="1"/>
  <c r="U74056" i="1"/>
  <c r="U74055" i="1"/>
  <c r="U74054" i="1"/>
  <c r="U74053" i="1"/>
  <c r="U74052" i="1"/>
  <c r="U74051" i="1"/>
  <c r="U74050" i="1"/>
  <c r="U74049" i="1"/>
  <c r="U74048" i="1"/>
  <c r="U74047" i="1"/>
  <c r="U74046" i="1"/>
  <c r="U74045" i="1"/>
  <c r="U74044" i="1"/>
  <c r="U74043" i="1"/>
  <c r="U74042" i="1"/>
  <c r="U74041" i="1"/>
  <c r="U74040" i="1"/>
  <c r="U74039" i="1"/>
  <c r="U74038" i="1"/>
  <c r="U74037" i="1"/>
  <c r="U74036" i="1"/>
  <c r="U74035" i="1"/>
  <c r="U74034" i="1"/>
  <c r="U74033" i="1"/>
  <c r="U74032" i="1"/>
  <c r="U74031" i="1"/>
  <c r="U74030" i="1"/>
  <c r="U74029" i="1"/>
  <c r="U74028" i="1"/>
  <c r="U74027" i="1"/>
  <c r="U74026" i="1"/>
  <c r="U74025" i="1"/>
  <c r="U74024" i="1"/>
  <c r="U74023" i="1"/>
  <c r="U74022" i="1"/>
  <c r="U74021" i="1"/>
  <c r="U74020" i="1"/>
  <c r="U74019" i="1"/>
  <c r="U74018" i="1"/>
  <c r="U74017" i="1"/>
  <c r="U74016" i="1"/>
  <c r="U74015" i="1"/>
  <c r="U74014" i="1"/>
  <c r="U74013" i="1"/>
  <c r="U74012" i="1"/>
  <c r="U74011" i="1"/>
  <c r="U74010" i="1"/>
  <c r="U74009" i="1"/>
  <c r="U74008" i="1"/>
  <c r="U74007" i="1"/>
  <c r="U74006" i="1"/>
  <c r="U74005" i="1"/>
  <c r="U74004" i="1"/>
  <c r="U74003" i="1"/>
  <c r="U74002" i="1"/>
  <c r="U74001" i="1"/>
  <c r="U74000" i="1"/>
  <c r="U73999" i="1"/>
  <c r="U73998" i="1"/>
  <c r="U73997" i="1"/>
  <c r="U73996" i="1"/>
  <c r="U73995" i="1"/>
  <c r="U73994" i="1"/>
  <c r="U73993" i="1"/>
  <c r="U73992" i="1"/>
  <c r="U73991" i="1"/>
  <c r="U73990" i="1"/>
  <c r="U73989" i="1"/>
  <c r="U73988" i="1"/>
  <c r="U73987" i="1"/>
  <c r="U73986" i="1"/>
  <c r="U73985" i="1"/>
  <c r="U73984" i="1"/>
  <c r="U73983" i="1"/>
  <c r="U73982" i="1"/>
  <c r="U73981" i="1"/>
  <c r="U73980" i="1"/>
  <c r="U73979" i="1"/>
  <c r="U73978" i="1"/>
  <c r="U73977" i="1"/>
  <c r="U73976" i="1"/>
  <c r="U73975" i="1"/>
  <c r="U73974" i="1"/>
  <c r="U73973" i="1"/>
  <c r="U73972" i="1"/>
  <c r="U73971" i="1"/>
  <c r="U73970" i="1"/>
  <c r="U73969" i="1"/>
  <c r="U73968" i="1"/>
  <c r="U73967" i="1"/>
  <c r="U73966" i="1"/>
  <c r="U73965" i="1"/>
  <c r="U73964" i="1"/>
  <c r="U73963" i="1"/>
  <c r="U73962" i="1"/>
  <c r="U73961" i="1"/>
  <c r="U73960" i="1"/>
  <c r="U73959" i="1"/>
  <c r="U73958" i="1"/>
  <c r="U73957" i="1"/>
  <c r="U73956" i="1"/>
  <c r="U73955" i="1"/>
  <c r="U73954" i="1"/>
  <c r="U73953" i="1"/>
  <c r="U73952" i="1"/>
  <c r="U73951" i="1"/>
  <c r="U73950" i="1"/>
  <c r="U73949" i="1"/>
  <c r="U73948" i="1"/>
  <c r="U73947" i="1"/>
  <c r="U73946" i="1"/>
  <c r="U73945" i="1"/>
  <c r="U73944" i="1"/>
  <c r="U73943" i="1"/>
  <c r="U73942" i="1"/>
  <c r="U73941" i="1"/>
  <c r="U73940" i="1"/>
  <c r="U73939" i="1"/>
  <c r="U73938" i="1"/>
  <c r="U73937" i="1"/>
  <c r="U73936" i="1"/>
  <c r="U73935" i="1"/>
  <c r="U73934" i="1"/>
  <c r="U73933" i="1"/>
  <c r="U73932" i="1"/>
  <c r="U73931" i="1"/>
  <c r="U73930" i="1"/>
  <c r="U73929" i="1"/>
  <c r="U73928" i="1"/>
  <c r="U73927" i="1"/>
  <c r="U73926" i="1"/>
  <c r="U73925" i="1"/>
  <c r="U73924" i="1"/>
  <c r="U73923" i="1"/>
  <c r="U73922" i="1"/>
  <c r="U73921" i="1"/>
  <c r="U73920" i="1"/>
  <c r="U73919" i="1"/>
  <c r="U73918" i="1"/>
  <c r="U73917" i="1"/>
  <c r="U73916" i="1"/>
  <c r="U73915" i="1"/>
  <c r="U73914" i="1"/>
  <c r="U73913" i="1"/>
  <c r="U73912" i="1"/>
  <c r="U73911" i="1"/>
  <c r="U73910" i="1"/>
  <c r="U73909" i="1"/>
  <c r="U73908" i="1"/>
  <c r="U73907" i="1"/>
  <c r="U73906" i="1"/>
  <c r="U73905" i="1"/>
  <c r="U73904" i="1"/>
  <c r="U73903" i="1"/>
  <c r="U73902" i="1"/>
  <c r="U73901" i="1"/>
  <c r="U73900" i="1"/>
  <c r="U73899" i="1"/>
  <c r="U73898" i="1"/>
  <c r="U73897" i="1"/>
  <c r="U73896" i="1"/>
  <c r="U73895" i="1"/>
  <c r="U73894" i="1"/>
  <c r="U73893" i="1"/>
  <c r="U73892" i="1"/>
  <c r="U73891" i="1"/>
  <c r="U73890" i="1"/>
  <c r="U73889" i="1"/>
  <c r="U73888" i="1"/>
  <c r="U73887" i="1"/>
  <c r="U73886" i="1"/>
  <c r="U73885" i="1"/>
  <c r="U73884" i="1"/>
  <c r="U73883" i="1"/>
  <c r="U73882" i="1"/>
  <c r="U73881" i="1"/>
  <c r="U73880" i="1"/>
  <c r="U73879" i="1"/>
  <c r="U73878" i="1"/>
  <c r="U73877" i="1"/>
  <c r="U73876" i="1"/>
  <c r="U73875" i="1"/>
  <c r="U73874" i="1"/>
  <c r="U73873" i="1"/>
  <c r="U73872" i="1"/>
  <c r="U73871" i="1"/>
  <c r="U73870" i="1"/>
  <c r="U73869" i="1"/>
  <c r="U73868" i="1"/>
  <c r="U73867" i="1"/>
  <c r="U73866" i="1"/>
  <c r="U73865" i="1"/>
  <c r="U73864" i="1"/>
  <c r="U73863" i="1"/>
  <c r="U73862" i="1"/>
  <c r="U73861" i="1"/>
  <c r="U73860" i="1"/>
  <c r="U73859" i="1"/>
  <c r="U73858" i="1"/>
  <c r="U73857" i="1"/>
  <c r="U73856" i="1"/>
  <c r="U73855" i="1"/>
  <c r="U73854" i="1"/>
  <c r="U73853" i="1"/>
  <c r="U73852" i="1"/>
  <c r="U73851" i="1"/>
  <c r="U73850" i="1"/>
  <c r="U73849" i="1"/>
  <c r="U73848" i="1"/>
  <c r="U73847" i="1"/>
  <c r="U73846" i="1"/>
  <c r="U73845" i="1"/>
  <c r="U73844" i="1"/>
  <c r="U73843" i="1"/>
  <c r="U73842" i="1"/>
  <c r="U73841" i="1"/>
  <c r="U73840" i="1"/>
  <c r="U73839" i="1"/>
  <c r="U73838" i="1"/>
  <c r="U73837" i="1"/>
  <c r="U73836" i="1"/>
  <c r="U73835" i="1"/>
  <c r="U73834" i="1"/>
  <c r="U73833" i="1"/>
  <c r="U73832" i="1"/>
  <c r="U73831" i="1"/>
  <c r="U73830" i="1"/>
  <c r="U73829" i="1"/>
  <c r="U73828" i="1"/>
  <c r="U73827" i="1"/>
  <c r="U73826" i="1"/>
  <c r="U73825" i="1"/>
  <c r="U73824" i="1"/>
  <c r="U73823" i="1"/>
  <c r="U73822" i="1"/>
  <c r="U73821" i="1"/>
  <c r="U73820" i="1"/>
  <c r="U73819" i="1"/>
  <c r="U73818" i="1"/>
  <c r="U73817" i="1"/>
  <c r="U73816" i="1"/>
  <c r="U73815" i="1"/>
  <c r="U73814" i="1"/>
  <c r="U73813" i="1"/>
  <c r="U73812" i="1"/>
  <c r="U73811" i="1"/>
  <c r="U73810" i="1"/>
  <c r="U73809" i="1"/>
  <c r="U73808" i="1"/>
  <c r="U73807" i="1"/>
  <c r="U73806" i="1"/>
  <c r="U73805" i="1"/>
  <c r="U73804" i="1"/>
  <c r="U73803" i="1"/>
  <c r="U73802" i="1"/>
  <c r="U73801" i="1"/>
  <c r="U73800" i="1"/>
  <c r="U73799" i="1"/>
  <c r="U73798" i="1"/>
  <c r="U73797" i="1"/>
  <c r="U73796" i="1"/>
  <c r="U73795" i="1"/>
  <c r="U73794" i="1"/>
  <c r="U73793" i="1"/>
  <c r="U73792" i="1"/>
  <c r="U73791" i="1"/>
  <c r="U73790" i="1"/>
  <c r="U73789" i="1"/>
  <c r="U73788" i="1"/>
  <c r="U73787" i="1"/>
  <c r="U73786" i="1"/>
  <c r="U73785" i="1"/>
  <c r="U73784" i="1"/>
  <c r="U73783" i="1"/>
  <c r="U73782" i="1"/>
  <c r="U73781" i="1"/>
  <c r="U73780" i="1"/>
  <c r="U73779" i="1"/>
  <c r="U73778" i="1"/>
  <c r="U73777" i="1"/>
  <c r="U73776" i="1"/>
  <c r="U73775" i="1"/>
  <c r="U73774" i="1"/>
  <c r="U73773" i="1"/>
  <c r="U73772" i="1"/>
  <c r="U73771" i="1"/>
  <c r="U73770" i="1"/>
  <c r="U73769" i="1"/>
  <c r="U73768" i="1"/>
  <c r="U73767" i="1"/>
  <c r="U73766" i="1"/>
  <c r="U73765" i="1"/>
  <c r="U73764" i="1"/>
  <c r="U73763" i="1"/>
  <c r="U73762" i="1"/>
  <c r="U73761" i="1"/>
  <c r="U73760" i="1"/>
  <c r="U73759" i="1"/>
  <c r="U73758" i="1"/>
  <c r="U73757" i="1"/>
  <c r="U73756" i="1"/>
  <c r="U73755" i="1"/>
  <c r="U73754" i="1"/>
  <c r="U73753" i="1"/>
  <c r="U73752" i="1"/>
  <c r="U73751" i="1"/>
  <c r="U73750" i="1"/>
  <c r="U73749" i="1"/>
  <c r="U73748" i="1"/>
  <c r="U73747" i="1"/>
  <c r="U73746" i="1"/>
  <c r="U73745" i="1"/>
  <c r="U73744" i="1"/>
  <c r="U73743" i="1"/>
  <c r="U73742" i="1"/>
  <c r="U73741" i="1"/>
  <c r="U73740" i="1"/>
  <c r="U73739" i="1"/>
  <c r="U73738" i="1"/>
  <c r="U73737" i="1"/>
  <c r="U73736" i="1"/>
  <c r="U73735" i="1"/>
  <c r="U73734" i="1"/>
  <c r="U73733" i="1"/>
  <c r="U73732" i="1"/>
  <c r="U73731" i="1"/>
  <c r="U73730" i="1"/>
  <c r="U73729" i="1"/>
  <c r="U73728" i="1"/>
  <c r="U73727" i="1"/>
  <c r="U73726" i="1"/>
  <c r="U73725" i="1"/>
  <c r="U73724" i="1"/>
  <c r="U73723" i="1"/>
  <c r="U73722" i="1"/>
  <c r="U73721" i="1"/>
  <c r="U73720" i="1"/>
  <c r="U73719" i="1"/>
  <c r="U73718" i="1"/>
  <c r="U73717" i="1"/>
  <c r="U73716" i="1"/>
  <c r="U73715" i="1"/>
  <c r="U73714" i="1"/>
  <c r="U73713" i="1"/>
  <c r="U73712" i="1"/>
  <c r="U73711" i="1"/>
  <c r="U73710" i="1"/>
  <c r="U73709" i="1"/>
  <c r="U73708" i="1"/>
  <c r="U73707" i="1"/>
  <c r="U73706" i="1"/>
  <c r="U73705" i="1"/>
  <c r="U73704" i="1"/>
  <c r="U73703" i="1"/>
  <c r="U73702" i="1"/>
  <c r="U73701" i="1"/>
  <c r="U73700" i="1"/>
  <c r="U73699" i="1"/>
  <c r="U73698" i="1"/>
  <c r="U73697" i="1"/>
  <c r="U73696" i="1"/>
  <c r="U73695" i="1"/>
  <c r="U73694" i="1"/>
  <c r="U73693" i="1"/>
  <c r="U73692" i="1"/>
  <c r="U73691" i="1"/>
  <c r="U73690" i="1"/>
  <c r="U73689" i="1"/>
  <c r="U73688" i="1"/>
  <c r="U73687" i="1"/>
  <c r="U73686" i="1"/>
  <c r="U73685" i="1"/>
  <c r="U73684" i="1"/>
  <c r="U73683" i="1"/>
  <c r="U73682" i="1"/>
  <c r="U73681" i="1"/>
  <c r="U73680" i="1"/>
  <c r="U73679" i="1"/>
  <c r="U73678" i="1"/>
  <c r="U73677" i="1"/>
  <c r="U73676" i="1"/>
  <c r="U73675" i="1"/>
  <c r="U73674" i="1"/>
  <c r="U73673" i="1"/>
  <c r="U73672" i="1"/>
  <c r="U73671" i="1"/>
  <c r="U73670" i="1"/>
  <c r="U73669" i="1"/>
  <c r="U73668" i="1"/>
  <c r="U73667" i="1"/>
  <c r="U73666" i="1"/>
  <c r="U73665" i="1"/>
  <c r="U73664" i="1"/>
  <c r="U73663" i="1"/>
  <c r="U73662" i="1"/>
  <c r="U73661" i="1"/>
  <c r="U73660" i="1"/>
  <c r="U73659" i="1"/>
  <c r="U73658" i="1"/>
  <c r="U73657" i="1"/>
  <c r="U73656" i="1"/>
  <c r="U73655" i="1"/>
  <c r="U73654" i="1"/>
  <c r="U73653" i="1"/>
  <c r="U73652" i="1"/>
  <c r="U73651" i="1"/>
  <c r="U73650" i="1"/>
  <c r="U73649" i="1"/>
  <c r="U73648" i="1"/>
  <c r="U73647" i="1"/>
  <c r="U73646" i="1"/>
  <c r="U73645" i="1"/>
  <c r="U73644" i="1"/>
  <c r="U73643" i="1"/>
  <c r="U73642" i="1"/>
  <c r="U73641" i="1"/>
  <c r="U73640" i="1"/>
  <c r="U73639" i="1"/>
  <c r="U73638" i="1"/>
  <c r="U73637" i="1"/>
  <c r="U73636" i="1"/>
  <c r="U73635" i="1"/>
  <c r="U73634" i="1"/>
  <c r="U73633" i="1"/>
  <c r="U73632" i="1"/>
  <c r="U73631" i="1"/>
  <c r="U73630" i="1"/>
  <c r="U73629" i="1"/>
  <c r="U73628" i="1"/>
  <c r="U73627" i="1"/>
  <c r="U73626" i="1"/>
  <c r="U73625" i="1"/>
  <c r="U73624" i="1"/>
  <c r="U73623" i="1"/>
  <c r="U73622" i="1"/>
  <c r="U73621" i="1"/>
  <c r="U73620" i="1"/>
  <c r="U73619" i="1"/>
  <c r="U73618" i="1"/>
  <c r="U73617" i="1"/>
  <c r="U73616" i="1"/>
  <c r="U73615" i="1"/>
  <c r="U73614" i="1"/>
  <c r="U73613" i="1"/>
  <c r="U73612" i="1"/>
  <c r="U73611" i="1"/>
  <c r="U73610" i="1"/>
  <c r="U73609" i="1"/>
  <c r="U73608" i="1"/>
  <c r="U73607" i="1"/>
  <c r="U73606" i="1"/>
  <c r="U73605" i="1"/>
  <c r="U73604" i="1"/>
  <c r="U73603" i="1"/>
  <c r="U73602" i="1"/>
  <c r="U73601" i="1"/>
  <c r="U73600" i="1"/>
  <c r="U73599" i="1"/>
  <c r="U73598" i="1"/>
  <c r="U73597" i="1"/>
  <c r="U73596" i="1"/>
  <c r="U73595" i="1"/>
  <c r="U73594" i="1"/>
  <c r="U73593" i="1"/>
  <c r="U73592" i="1"/>
  <c r="U73591" i="1"/>
  <c r="U73590" i="1"/>
  <c r="U73589" i="1"/>
  <c r="U73588" i="1"/>
  <c r="U73587" i="1"/>
  <c r="U73586" i="1"/>
  <c r="U73585" i="1"/>
  <c r="U73584" i="1"/>
  <c r="U73583" i="1"/>
  <c r="U73582" i="1"/>
  <c r="U73581" i="1"/>
  <c r="U73580" i="1"/>
  <c r="U73579" i="1"/>
  <c r="U73578" i="1"/>
  <c r="U73577" i="1"/>
  <c r="U73576" i="1"/>
  <c r="U73575" i="1"/>
  <c r="U73574" i="1"/>
  <c r="U73573" i="1"/>
  <c r="U73572" i="1"/>
  <c r="U73571" i="1"/>
  <c r="U73570" i="1"/>
  <c r="U73569" i="1"/>
  <c r="U73568" i="1"/>
  <c r="U73567" i="1"/>
  <c r="U73566" i="1"/>
  <c r="U73565" i="1"/>
  <c r="U73564" i="1"/>
  <c r="U73563" i="1"/>
  <c r="U73562" i="1"/>
  <c r="U73561" i="1"/>
  <c r="U73560" i="1"/>
  <c r="U73559" i="1"/>
  <c r="U73558" i="1"/>
  <c r="U73557" i="1"/>
  <c r="U73556" i="1"/>
  <c r="U73555" i="1"/>
  <c r="U73554" i="1"/>
  <c r="U73553" i="1"/>
  <c r="U73552" i="1"/>
  <c r="U73551" i="1"/>
  <c r="U73550" i="1"/>
  <c r="U73549" i="1"/>
  <c r="U73548" i="1"/>
  <c r="U73547" i="1"/>
  <c r="U73546" i="1"/>
  <c r="U73545" i="1"/>
  <c r="U73544" i="1"/>
  <c r="U73543" i="1"/>
  <c r="U73542" i="1"/>
  <c r="U73541" i="1"/>
  <c r="U73540" i="1"/>
  <c r="U73539" i="1"/>
  <c r="U73538" i="1"/>
  <c r="U73537" i="1"/>
  <c r="U73536" i="1"/>
  <c r="U73535" i="1"/>
  <c r="U73534" i="1"/>
  <c r="U73533" i="1"/>
  <c r="U73532" i="1"/>
  <c r="U73531" i="1"/>
  <c r="U73530" i="1"/>
  <c r="U73529" i="1"/>
  <c r="U73528" i="1"/>
  <c r="U73527" i="1"/>
  <c r="U73526" i="1"/>
  <c r="U73525" i="1"/>
  <c r="U73524" i="1"/>
  <c r="U73523" i="1"/>
  <c r="U73522" i="1"/>
  <c r="U73521" i="1"/>
  <c r="U73520" i="1"/>
  <c r="U73519" i="1"/>
  <c r="U73518" i="1"/>
  <c r="U73517" i="1"/>
  <c r="U73516" i="1"/>
  <c r="U73515" i="1"/>
  <c r="U73514" i="1"/>
  <c r="U73513" i="1"/>
  <c r="U73512" i="1"/>
  <c r="U73511" i="1"/>
  <c r="U73510" i="1"/>
  <c r="U73509" i="1"/>
  <c r="U73508" i="1"/>
  <c r="U73507" i="1"/>
  <c r="U73506" i="1"/>
  <c r="U73505" i="1"/>
  <c r="U73504" i="1"/>
  <c r="U73503" i="1"/>
  <c r="U73502" i="1"/>
  <c r="U73501" i="1"/>
  <c r="U73500" i="1"/>
  <c r="U73499" i="1"/>
  <c r="U73498" i="1"/>
  <c r="U73497" i="1"/>
  <c r="U73496" i="1"/>
  <c r="U73495" i="1"/>
  <c r="U73494" i="1"/>
  <c r="U73493" i="1"/>
  <c r="U73492" i="1"/>
  <c r="U73491" i="1"/>
  <c r="U73490" i="1"/>
  <c r="U73489" i="1"/>
  <c r="U73488" i="1"/>
  <c r="U73487" i="1"/>
  <c r="U73486" i="1"/>
  <c r="U73485" i="1"/>
  <c r="U73484" i="1"/>
  <c r="U73483" i="1"/>
  <c r="U73482" i="1"/>
  <c r="U73481" i="1"/>
  <c r="U73480" i="1"/>
  <c r="U73479" i="1"/>
  <c r="U73478" i="1"/>
  <c r="U73477" i="1"/>
  <c r="U73476" i="1"/>
  <c r="U73475" i="1"/>
  <c r="U73474" i="1"/>
  <c r="U73473" i="1"/>
  <c r="U73472" i="1"/>
  <c r="U73471" i="1"/>
  <c r="U73470" i="1"/>
  <c r="U73469" i="1"/>
  <c r="U73468" i="1"/>
  <c r="U73467" i="1"/>
  <c r="U73466" i="1"/>
  <c r="U73465" i="1"/>
  <c r="U73464" i="1"/>
  <c r="U73463" i="1"/>
  <c r="U73462" i="1"/>
  <c r="U73461" i="1"/>
  <c r="U73460" i="1"/>
  <c r="U73459" i="1"/>
  <c r="U73458" i="1"/>
  <c r="U73457" i="1"/>
  <c r="U73456" i="1"/>
  <c r="U73455" i="1"/>
  <c r="U73454" i="1"/>
  <c r="U73453" i="1"/>
  <c r="U73452" i="1"/>
  <c r="U73451" i="1"/>
  <c r="U73450" i="1"/>
  <c r="U73449" i="1"/>
  <c r="U73448" i="1"/>
  <c r="U73447" i="1"/>
  <c r="U73446" i="1"/>
  <c r="U73445" i="1"/>
  <c r="U73444" i="1"/>
  <c r="U73443" i="1"/>
  <c r="U73442" i="1"/>
  <c r="U73441" i="1"/>
  <c r="U73440" i="1"/>
  <c r="U73439" i="1"/>
  <c r="U73438" i="1"/>
  <c r="U73437" i="1"/>
  <c r="U73436" i="1"/>
  <c r="U73435" i="1"/>
  <c r="U73434" i="1"/>
  <c r="U73433" i="1"/>
  <c r="U73432" i="1"/>
  <c r="U73431" i="1"/>
  <c r="U73430" i="1"/>
  <c r="U73429" i="1"/>
  <c r="U73428" i="1"/>
  <c r="U73427" i="1"/>
  <c r="U73426" i="1"/>
  <c r="U73425" i="1"/>
  <c r="U73424" i="1"/>
  <c r="U73423" i="1"/>
  <c r="U73422" i="1"/>
  <c r="U73421" i="1"/>
  <c r="U73420" i="1"/>
  <c r="U73419" i="1"/>
  <c r="U73418" i="1"/>
  <c r="U73417" i="1"/>
  <c r="U73416" i="1"/>
  <c r="U73415" i="1"/>
  <c r="U73414" i="1"/>
  <c r="U73413" i="1"/>
  <c r="U73412" i="1"/>
  <c r="U73411" i="1"/>
  <c r="U73410" i="1"/>
  <c r="U73409" i="1"/>
  <c r="U73408" i="1"/>
  <c r="U73407" i="1"/>
  <c r="U73406" i="1"/>
  <c r="U73405" i="1"/>
  <c r="U73404" i="1"/>
  <c r="U73403" i="1"/>
  <c r="U73402" i="1"/>
  <c r="U73401" i="1"/>
  <c r="U73400" i="1"/>
  <c r="U73399" i="1"/>
  <c r="U73398" i="1"/>
  <c r="U73397" i="1"/>
  <c r="U73396" i="1"/>
  <c r="U73395" i="1"/>
  <c r="U73394" i="1"/>
  <c r="U73393" i="1"/>
  <c r="U73392" i="1"/>
  <c r="U73391" i="1"/>
  <c r="U73390" i="1"/>
  <c r="U73389" i="1"/>
  <c r="U73388" i="1"/>
  <c r="U73387" i="1"/>
  <c r="U73386" i="1"/>
  <c r="U73385" i="1"/>
  <c r="U73384" i="1"/>
  <c r="U73383" i="1"/>
  <c r="U73382" i="1"/>
  <c r="U73381" i="1"/>
  <c r="U73380" i="1"/>
  <c r="U73379" i="1"/>
  <c r="U73378" i="1"/>
  <c r="U73377" i="1"/>
  <c r="U73376" i="1"/>
  <c r="U73375" i="1"/>
  <c r="U73374" i="1"/>
  <c r="U73373" i="1"/>
  <c r="U73372" i="1"/>
  <c r="U73371" i="1"/>
  <c r="U73370" i="1"/>
  <c r="U73369" i="1"/>
  <c r="U73368" i="1"/>
  <c r="U73367" i="1"/>
  <c r="U73366" i="1"/>
  <c r="U73365" i="1"/>
  <c r="U73364" i="1"/>
  <c r="U73363" i="1"/>
  <c r="U73362" i="1"/>
  <c r="U73361" i="1"/>
  <c r="U73360" i="1"/>
  <c r="U73359" i="1"/>
  <c r="U73358" i="1"/>
  <c r="U73357" i="1"/>
  <c r="U73356" i="1"/>
  <c r="U73355" i="1"/>
  <c r="U73354" i="1"/>
  <c r="U73353" i="1"/>
  <c r="U73352" i="1"/>
  <c r="U73351" i="1"/>
  <c r="U73350" i="1"/>
  <c r="U73349" i="1"/>
  <c r="U73348" i="1"/>
  <c r="U73347" i="1"/>
  <c r="U73346" i="1"/>
  <c r="U73345" i="1"/>
  <c r="U73344" i="1"/>
  <c r="U73343" i="1"/>
  <c r="U73342" i="1"/>
  <c r="U73341" i="1"/>
  <c r="U73340" i="1"/>
  <c r="U73339" i="1"/>
  <c r="U73338" i="1"/>
  <c r="U73337" i="1"/>
  <c r="U73336" i="1"/>
  <c r="U73335" i="1"/>
  <c r="U73334" i="1"/>
  <c r="U73333" i="1"/>
  <c r="U73332" i="1"/>
  <c r="U73331" i="1"/>
  <c r="U73330" i="1"/>
  <c r="U73329" i="1"/>
  <c r="U73328" i="1"/>
  <c r="U73327" i="1"/>
  <c r="U73326" i="1"/>
  <c r="U73325" i="1"/>
  <c r="U73324" i="1"/>
  <c r="U73323" i="1"/>
  <c r="U73322" i="1"/>
  <c r="U73321" i="1"/>
  <c r="U73320" i="1"/>
  <c r="U73319" i="1"/>
  <c r="U73318" i="1"/>
  <c r="U73317" i="1"/>
  <c r="U73316" i="1"/>
  <c r="U73315" i="1"/>
  <c r="U73314" i="1"/>
  <c r="U73313" i="1"/>
  <c r="U73312" i="1"/>
  <c r="U73311" i="1"/>
  <c r="U73310" i="1"/>
  <c r="U73309" i="1"/>
  <c r="U73308" i="1"/>
  <c r="U73307" i="1"/>
  <c r="U73306" i="1"/>
  <c r="U73305" i="1"/>
  <c r="U73304" i="1"/>
  <c r="U73303" i="1"/>
  <c r="U73302" i="1"/>
  <c r="U73301" i="1"/>
  <c r="U73300" i="1"/>
  <c r="U73299" i="1"/>
  <c r="U73298" i="1"/>
  <c r="U73297" i="1"/>
  <c r="U73296" i="1"/>
  <c r="U73295" i="1"/>
  <c r="U73294" i="1"/>
  <c r="U73293" i="1"/>
  <c r="U73292" i="1"/>
  <c r="U73291" i="1"/>
  <c r="U73290" i="1"/>
  <c r="U73289" i="1"/>
  <c r="U73288" i="1"/>
  <c r="U73287" i="1"/>
  <c r="U73286" i="1"/>
  <c r="U73285" i="1"/>
  <c r="U73284" i="1"/>
  <c r="U73283" i="1"/>
  <c r="U73282" i="1"/>
  <c r="U73281" i="1"/>
  <c r="U73280" i="1"/>
  <c r="U73279" i="1"/>
  <c r="U73278" i="1"/>
  <c r="U73277" i="1"/>
  <c r="U73276" i="1"/>
  <c r="U73275" i="1"/>
  <c r="U73274" i="1"/>
  <c r="U73273" i="1"/>
  <c r="U73272" i="1"/>
  <c r="U73271" i="1"/>
  <c r="U73270" i="1"/>
  <c r="U73269" i="1"/>
  <c r="U73268" i="1"/>
  <c r="U73267" i="1"/>
  <c r="U73266" i="1"/>
  <c r="U73265" i="1"/>
  <c r="U73264" i="1"/>
  <c r="U73263" i="1"/>
  <c r="U73262" i="1"/>
  <c r="U73261" i="1"/>
  <c r="U73260" i="1"/>
  <c r="U73259" i="1"/>
  <c r="U73258" i="1"/>
  <c r="U73257" i="1"/>
  <c r="U73256" i="1"/>
  <c r="U73255" i="1"/>
  <c r="U73254" i="1"/>
  <c r="U73253" i="1"/>
  <c r="U73252" i="1"/>
  <c r="U73251" i="1"/>
  <c r="U73250" i="1"/>
  <c r="U73249" i="1"/>
  <c r="U73248" i="1"/>
  <c r="U73247" i="1"/>
  <c r="U73246" i="1"/>
  <c r="U73245" i="1"/>
  <c r="U73244" i="1"/>
  <c r="U73243" i="1"/>
  <c r="U73242" i="1"/>
  <c r="U73241" i="1"/>
  <c r="U73240" i="1"/>
  <c r="U73239" i="1"/>
  <c r="U73238" i="1"/>
  <c r="U73237" i="1"/>
  <c r="U73236" i="1"/>
  <c r="U73235" i="1"/>
  <c r="U73234" i="1"/>
  <c r="U73233" i="1"/>
  <c r="U73232" i="1"/>
  <c r="U73231" i="1"/>
  <c r="U73230" i="1"/>
  <c r="U73229" i="1"/>
  <c r="U73228" i="1"/>
  <c r="U73227" i="1"/>
  <c r="U73226" i="1"/>
  <c r="U73225" i="1"/>
  <c r="U73224" i="1"/>
  <c r="U73223" i="1"/>
  <c r="U73222" i="1"/>
  <c r="U73221" i="1"/>
  <c r="U73220" i="1"/>
  <c r="U73219" i="1"/>
  <c r="U73218" i="1"/>
  <c r="U73217" i="1"/>
  <c r="U73216" i="1"/>
  <c r="U73215" i="1"/>
  <c r="U73214" i="1"/>
  <c r="U73213" i="1"/>
  <c r="U73212" i="1"/>
  <c r="U73211" i="1"/>
  <c r="U73210" i="1"/>
  <c r="U73209" i="1"/>
  <c r="U73208" i="1"/>
  <c r="U73207" i="1"/>
  <c r="U73206" i="1"/>
  <c r="U73205" i="1"/>
  <c r="U73204" i="1"/>
  <c r="U73203" i="1"/>
  <c r="U73202" i="1"/>
  <c r="U73201" i="1"/>
  <c r="U73200" i="1"/>
  <c r="U73199" i="1"/>
  <c r="U73198" i="1"/>
  <c r="U73197" i="1"/>
  <c r="U73196" i="1"/>
  <c r="U73195" i="1"/>
  <c r="U73194" i="1"/>
  <c r="U73193" i="1"/>
  <c r="U73192" i="1"/>
  <c r="U73191" i="1"/>
  <c r="U73190" i="1"/>
  <c r="U73189" i="1"/>
  <c r="U73188" i="1"/>
  <c r="U73187" i="1"/>
  <c r="U73186" i="1"/>
  <c r="U73185" i="1"/>
  <c r="U73184" i="1"/>
  <c r="U73183" i="1"/>
  <c r="U73182" i="1"/>
  <c r="U73181" i="1"/>
  <c r="U73180" i="1"/>
  <c r="U73179" i="1"/>
  <c r="U73178" i="1"/>
  <c r="U73177" i="1"/>
  <c r="U73176" i="1"/>
  <c r="U73175" i="1"/>
  <c r="U73174" i="1"/>
  <c r="U73173" i="1"/>
  <c r="U73172" i="1"/>
  <c r="U73171" i="1"/>
  <c r="U73170" i="1"/>
  <c r="U73169" i="1"/>
  <c r="U73168" i="1"/>
  <c r="U73167" i="1"/>
  <c r="U73166" i="1"/>
  <c r="U73165" i="1"/>
  <c r="U73164" i="1"/>
  <c r="U73163" i="1"/>
  <c r="U73162" i="1"/>
  <c r="U73161" i="1"/>
  <c r="U73160" i="1"/>
  <c r="U73159" i="1"/>
  <c r="U73158" i="1"/>
  <c r="U73157" i="1"/>
  <c r="U73156" i="1"/>
  <c r="U73155" i="1"/>
  <c r="U73154" i="1"/>
  <c r="U73153" i="1"/>
  <c r="U73152" i="1"/>
  <c r="U73151" i="1"/>
  <c r="U73150" i="1"/>
  <c r="U73149" i="1"/>
  <c r="U73148" i="1"/>
  <c r="U73147" i="1"/>
  <c r="U73146" i="1"/>
  <c r="U73145" i="1"/>
  <c r="U73144" i="1"/>
  <c r="U73143" i="1"/>
  <c r="U73142" i="1"/>
  <c r="U73141" i="1"/>
  <c r="U73140" i="1"/>
  <c r="U73139" i="1"/>
  <c r="U73138" i="1"/>
  <c r="U73137" i="1"/>
  <c r="U73136" i="1"/>
  <c r="U73135" i="1"/>
  <c r="U73134" i="1"/>
  <c r="U73133" i="1"/>
  <c r="U73132" i="1"/>
  <c r="U73131" i="1"/>
  <c r="U73130" i="1"/>
  <c r="U73129" i="1"/>
  <c r="U73128" i="1"/>
  <c r="U73127" i="1"/>
  <c r="U73126" i="1"/>
  <c r="U73125" i="1"/>
  <c r="U73124" i="1"/>
  <c r="U73123" i="1"/>
  <c r="U73122" i="1"/>
  <c r="U73121" i="1"/>
  <c r="U73120" i="1"/>
  <c r="U73119" i="1"/>
  <c r="U73118" i="1"/>
  <c r="U73117" i="1"/>
  <c r="U73116" i="1"/>
  <c r="U73115" i="1"/>
  <c r="U73114" i="1"/>
  <c r="U73113" i="1"/>
  <c r="U73112" i="1"/>
  <c r="U73111" i="1"/>
  <c r="U73110" i="1"/>
  <c r="U73109" i="1"/>
  <c r="U73108" i="1"/>
  <c r="U73107" i="1"/>
  <c r="U73106" i="1"/>
  <c r="U73105" i="1"/>
  <c r="U73104" i="1"/>
  <c r="U73103" i="1"/>
  <c r="U73102" i="1"/>
  <c r="U73101" i="1"/>
  <c r="U73100" i="1"/>
  <c r="U73099" i="1"/>
  <c r="U73098" i="1"/>
  <c r="U73097" i="1"/>
  <c r="U73096" i="1"/>
  <c r="U73095" i="1"/>
  <c r="U73094" i="1"/>
  <c r="U73093" i="1"/>
  <c r="U73092" i="1"/>
  <c r="U73091" i="1"/>
  <c r="U73090" i="1"/>
  <c r="U73089" i="1"/>
  <c r="U73088" i="1"/>
  <c r="U73087" i="1"/>
  <c r="U73086" i="1"/>
  <c r="U73085" i="1"/>
  <c r="U73084" i="1"/>
  <c r="U73083" i="1"/>
  <c r="U73082" i="1"/>
  <c r="U73081" i="1"/>
  <c r="U73080" i="1"/>
  <c r="U73079" i="1"/>
  <c r="U73078" i="1"/>
  <c r="U73077" i="1"/>
  <c r="U73076" i="1"/>
  <c r="U73075" i="1"/>
  <c r="U73074" i="1"/>
  <c r="U73073" i="1"/>
  <c r="U73072" i="1"/>
  <c r="U73071" i="1"/>
  <c r="U73070" i="1"/>
  <c r="U73069" i="1"/>
  <c r="U73068" i="1"/>
  <c r="U73067" i="1"/>
  <c r="U73066" i="1"/>
  <c r="U73065" i="1"/>
  <c r="U73064" i="1"/>
  <c r="U73063" i="1"/>
  <c r="U73062" i="1"/>
  <c r="U73061" i="1"/>
  <c r="U73060" i="1"/>
  <c r="U73059" i="1"/>
  <c r="U73058" i="1"/>
  <c r="U73057" i="1"/>
  <c r="U73056" i="1"/>
  <c r="U73055" i="1"/>
  <c r="U73054" i="1"/>
  <c r="U73053" i="1"/>
  <c r="U73052" i="1"/>
  <c r="U73051" i="1"/>
  <c r="U73050" i="1"/>
  <c r="U73049" i="1"/>
  <c r="U73048" i="1"/>
  <c r="U73047" i="1"/>
  <c r="U73046" i="1"/>
  <c r="U73045" i="1"/>
  <c r="U73044" i="1"/>
  <c r="U73043" i="1"/>
  <c r="U73042" i="1"/>
  <c r="U73041" i="1"/>
  <c r="U73040" i="1"/>
  <c r="U73039" i="1"/>
  <c r="U73038" i="1"/>
  <c r="U73037" i="1"/>
  <c r="U73036" i="1"/>
  <c r="U73035" i="1"/>
  <c r="U73034" i="1"/>
  <c r="U73033" i="1"/>
  <c r="U73032" i="1"/>
  <c r="U73031" i="1"/>
  <c r="U73030" i="1"/>
  <c r="U73029" i="1"/>
  <c r="U73028" i="1"/>
  <c r="U73027" i="1"/>
  <c r="U73026" i="1"/>
  <c r="U73025" i="1"/>
  <c r="U73024" i="1"/>
  <c r="U73023" i="1"/>
  <c r="U73022" i="1"/>
  <c r="U73021" i="1"/>
  <c r="U73020" i="1"/>
  <c r="U73019" i="1"/>
  <c r="U73018" i="1"/>
  <c r="U73017" i="1"/>
  <c r="U73016" i="1"/>
  <c r="U73015" i="1"/>
  <c r="U73014" i="1"/>
  <c r="U73013" i="1"/>
  <c r="U73012" i="1"/>
  <c r="U73011" i="1"/>
  <c r="U73010" i="1"/>
  <c r="U73009" i="1"/>
  <c r="U73008" i="1"/>
  <c r="U73007" i="1"/>
  <c r="U73006" i="1"/>
  <c r="U73005" i="1"/>
  <c r="U73004" i="1"/>
  <c r="U73003" i="1"/>
  <c r="U73002" i="1"/>
  <c r="U73001" i="1"/>
  <c r="U73000" i="1"/>
  <c r="U72999" i="1"/>
  <c r="U72998" i="1"/>
  <c r="U72997" i="1"/>
  <c r="U72996" i="1"/>
  <c r="U72995" i="1"/>
  <c r="U72994" i="1"/>
  <c r="U72993" i="1"/>
  <c r="U72992" i="1"/>
  <c r="U72991" i="1"/>
  <c r="U72990" i="1"/>
  <c r="U72989" i="1"/>
  <c r="U72988" i="1"/>
  <c r="U72987" i="1"/>
  <c r="U72986" i="1"/>
  <c r="U72985" i="1"/>
  <c r="U72984" i="1"/>
  <c r="U72983" i="1"/>
  <c r="U72982" i="1"/>
  <c r="U72981" i="1"/>
  <c r="U72980" i="1"/>
  <c r="U72979" i="1"/>
  <c r="U72978" i="1"/>
  <c r="U72977" i="1"/>
  <c r="U72976" i="1"/>
  <c r="U72975" i="1"/>
  <c r="U72974" i="1"/>
  <c r="U72973" i="1"/>
  <c r="U72972" i="1"/>
  <c r="U72971" i="1"/>
  <c r="U72970" i="1"/>
  <c r="U72969" i="1"/>
  <c r="U72968" i="1"/>
  <c r="U72967" i="1"/>
  <c r="U72966" i="1"/>
  <c r="U72965" i="1"/>
  <c r="U72964" i="1"/>
  <c r="U72963" i="1"/>
  <c r="U72962" i="1"/>
  <c r="U72961" i="1"/>
  <c r="U72960" i="1"/>
  <c r="U72959" i="1"/>
  <c r="U72958" i="1"/>
  <c r="U72957" i="1"/>
  <c r="U72956" i="1"/>
  <c r="U72955" i="1"/>
  <c r="U72954" i="1"/>
  <c r="U72953" i="1"/>
  <c r="U72952" i="1"/>
  <c r="U72951" i="1"/>
  <c r="U72950" i="1"/>
  <c r="U72949" i="1"/>
  <c r="U72948" i="1"/>
  <c r="U72947" i="1"/>
  <c r="U72946" i="1"/>
  <c r="U72945" i="1"/>
  <c r="U72944" i="1"/>
  <c r="U72943" i="1"/>
  <c r="U72942" i="1"/>
  <c r="U72941" i="1"/>
  <c r="U72940" i="1"/>
  <c r="U72939" i="1"/>
  <c r="U72938" i="1"/>
  <c r="U72937" i="1"/>
  <c r="U72936" i="1"/>
  <c r="U72935" i="1"/>
  <c r="U72934" i="1"/>
  <c r="U72933" i="1"/>
  <c r="U72932" i="1"/>
  <c r="U72931" i="1"/>
  <c r="U72930" i="1"/>
  <c r="U72929" i="1"/>
  <c r="U72928" i="1"/>
  <c r="U72927" i="1"/>
  <c r="U72926" i="1"/>
  <c r="U72925" i="1"/>
  <c r="U72924" i="1"/>
  <c r="U72923" i="1"/>
  <c r="U72922" i="1"/>
  <c r="U72921" i="1"/>
  <c r="U72920" i="1"/>
  <c r="U72919" i="1"/>
  <c r="U72918" i="1"/>
  <c r="U72917" i="1"/>
  <c r="U72916" i="1"/>
  <c r="U72915" i="1"/>
  <c r="U72914" i="1"/>
  <c r="U72913" i="1"/>
  <c r="U72912" i="1"/>
  <c r="U72911" i="1"/>
  <c r="U72910" i="1"/>
  <c r="U72909" i="1"/>
  <c r="U72908" i="1"/>
  <c r="U72907" i="1"/>
  <c r="U72906" i="1"/>
  <c r="U72905" i="1"/>
  <c r="U72904" i="1"/>
  <c r="U72903" i="1"/>
  <c r="U72902" i="1"/>
  <c r="U72901" i="1"/>
  <c r="U72900" i="1"/>
  <c r="U72899" i="1"/>
  <c r="U72898" i="1"/>
  <c r="U72897" i="1"/>
  <c r="U72896" i="1"/>
  <c r="U72895" i="1"/>
  <c r="U72894" i="1"/>
  <c r="U72893" i="1"/>
  <c r="U72892" i="1"/>
  <c r="U72891" i="1"/>
  <c r="U72890" i="1"/>
  <c r="U72889" i="1"/>
  <c r="U72888" i="1"/>
  <c r="U72887" i="1"/>
  <c r="U72886" i="1"/>
  <c r="U72885" i="1"/>
  <c r="U72884" i="1"/>
  <c r="U72883" i="1"/>
  <c r="U72882" i="1"/>
  <c r="U72881" i="1"/>
  <c r="U72880" i="1"/>
  <c r="U72879" i="1"/>
  <c r="U72878" i="1"/>
  <c r="U72877" i="1"/>
  <c r="U72876" i="1"/>
  <c r="U72875" i="1"/>
  <c r="U72874" i="1"/>
  <c r="U72873" i="1"/>
  <c r="U72872" i="1"/>
  <c r="U72871" i="1"/>
  <c r="U72870" i="1"/>
  <c r="U72869" i="1"/>
  <c r="U72868" i="1"/>
  <c r="U72867" i="1"/>
  <c r="U72866" i="1"/>
  <c r="U72865" i="1"/>
  <c r="U72864" i="1"/>
  <c r="U72863" i="1"/>
  <c r="U72862" i="1"/>
  <c r="U72861" i="1"/>
  <c r="U72860" i="1"/>
  <c r="U72859" i="1"/>
  <c r="U72858" i="1"/>
  <c r="U72857" i="1"/>
  <c r="U72856" i="1"/>
  <c r="U72855" i="1"/>
  <c r="U72854" i="1"/>
  <c r="U72853" i="1"/>
  <c r="U72852" i="1"/>
  <c r="U72851" i="1"/>
  <c r="U72850" i="1"/>
  <c r="U72849" i="1"/>
  <c r="U72848" i="1"/>
  <c r="U72847" i="1"/>
  <c r="U72846" i="1"/>
  <c r="U72845" i="1"/>
  <c r="U72844" i="1"/>
  <c r="U72843" i="1"/>
  <c r="U72842" i="1"/>
  <c r="U72841" i="1"/>
  <c r="U72840" i="1"/>
  <c r="U72839" i="1"/>
  <c r="U72838" i="1"/>
  <c r="U72837" i="1"/>
  <c r="U72836" i="1"/>
  <c r="U72835" i="1"/>
  <c r="U72834" i="1"/>
  <c r="U72833" i="1"/>
  <c r="U72832" i="1"/>
  <c r="U72831" i="1"/>
  <c r="U72830" i="1"/>
  <c r="U72829" i="1"/>
  <c r="U72828" i="1"/>
  <c r="U72827" i="1"/>
  <c r="U72826" i="1"/>
  <c r="U72825" i="1"/>
  <c r="U72824" i="1"/>
  <c r="U72823" i="1"/>
  <c r="U72822" i="1"/>
  <c r="U72821" i="1"/>
  <c r="U72820" i="1"/>
  <c r="U72819" i="1"/>
  <c r="U72818" i="1"/>
  <c r="U72817" i="1"/>
  <c r="U72816" i="1"/>
  <c r="U72815" i="1"/>
  <c r="U72814" i="1"/>
  <c r="U72813" i="1"/>
  <c r="U72812" i="1"/>
  <c r="U72811" i="1"/>
  <c r="U72810" i="1"/>
  <c r="U72809" i="1"/>
  <c r="U72808" i="1"/>
  <c r="U72807" i="1"/>
  <c r="U72806" i="1"/>
  <c r="U72805" i="1"/>
  <c r="U72804" i="1"/>
  <c r="U72803" i="1"/>
  <c r="U72802" i="1"/>
  <c r="U72801" i="1"/>
  <c r="U72800" i="1"/>
  <c r="U72799" i="1"/>
  <c r="U72798" i="1"/>
  <c r="U72797" i="1"/>
  <c r="U72796" i="1"/>
  <c r="U72795" i="1"/>
  <c r="U72794" i="1"/>
  <c r="U72793" i="1"/>
  <c r="U72792" i="1"/>
  <c r="U72791" i="1"/>
  <c r="U72790" i="1"/>
  <c r="U72789" i="1"/>
  <c r="U72788" i="1"/>
  <c r="U72787" i="1"/>
  <c r="U72786" i="1"/>
  <c r="U72785" i="1"/>
  <c r="U72784" i="1"/>
  <c r="U72783" i="1"/>
  <c r="U72782" i="1"/>
  <c r="U72781" i="1"/>
  <c r="U72780" i="1"/>
  <c r="U72779" i="1"/>
  <c r="U72778" i="1"/>
  <c r="U72777" i="1"/>
  <c r="U72776" i="1"/>
  <c r="U72775" i="1"/>
  <c r="U72774" i="1"/>
  <c r="U72773" i="1"/>
  <c r="U72772" i="1"/>
  <c r="U72771" i="1"/>
  <c r="U72770" i="1"/>
  <c r="U72769" i="1"/>
  <c r="U72768" i="1"/>
  <c r="U72767" i="1"/>
  <c r="U72766" i="1"/>
  <c r="U72765" i="1"/>
  <c r="U72764" i="1"/>
  <c r="U72763" i="1"/>
  <c r="U72762" i="1"/>
  <c r="U72761" i="1"/>
  <c r="U72760" i="1"/>
  <c r="U72759" i="1"/>
  <c r="U72758" i="1"/>
  <c r="U72757" i="1"/>
  <c r="U72756" i="1"/>
  <c r="U72755" i="1"/>
  <c r="U72754" i="1"/>
  <c r="U72753" i="1"/>
  <c r="U72752" i="1"/>
  <c r="U72751" i="1"/>
  <c r="U72750" i="1"/>
  <c r="U72749" i="1"/>
  <c r="U72748" i="1"/>
  <c r="U72747" i="1"/>
  <c r="U72746" i="1"/>
  <c r="U72745" i="1"/>
  <c r="U72744" i="1"/>
  <c r="U72743" i="1"/>
  <c r="U72742" i="1"/>
  <c r="U72741" i="1"/>
  <c r="U72740" i="1"/>
  <c r="U72739" i="1"/>
  <c r="U72738" i="1"/>
  <c r="U72737" i="1"/>
  <c r="U72736" i="1"/>
  <c r="U72735" i="1"/>
  <c r="U72734" i="1"/>
  <c r="U72733" i="1"/>
  <c r="U72732" i="1"/>
  <c r="U72731" i="1"/>
  <c r="U72730" i="1"/>
  <c r="U72729" i="1"/>
  <c r="U72728" i="1"/>
  <c r="U72727" i="1"/>
  <c r="U72726" i="1"/>
  <c r="U72725" i="1"/>
  <c r="U72724" i="1"/>
  <c r="U72723" i="1"/>
  <c r="U72722" i="1"/>
  <c r="U72721" i="1"/>
  <c r="U72720" i="1"/>
  <c r="U72719" i="1"/>
  <c r="U72718" i="1"/>
  <c r="U72717" i="1"/>
  <c r="U72716" i="1"/>
  <c r="U72715" i="1"/>
  <c r="U72714" i="1"/>
  <c r="U72713" i="1"/>
  <c r="U72712" i="1"/>
  <c r="U72711" i="1"/>
  <c r="U72710" i="1"/>
  <c r="U72709" i="1"/>
  <c r="U72708" i="1"/>
  <c r="U72707" i="1"/>
  <c r="U72706" i="1"/>
  <c r="U72705" i="1"/>
  <c r="U72704" i="1"/>
  <c r="U72703" i="1"/>
  <c r="U72702" i="1"/>
  <c r="U72701" i="1"/>
  <c r="U72700" i="1"/>
  <c r="U72699" i="1"/>
  <c r="U72698" i="1"/>
  <c r="U72697" i="1"/>
  <c r="U72696" i="1"/>
  <c r="U72695" i="1"/>
  <c r="U72694" i="1"/>
  <c r="U72693" i="1"/>
  <c r="U72692" i="1"/>
  <c r="U72691" i="1"/>
  <c r="U72690" i="1"/>
  <c r="U72689" i="1"/>
  <c r="U72688" i="1"/>
  <c r="U72687" i="1"/>
  <c r="U72686" i="1"/>
  <c r="U72685" i="1"/>
  <c r="U72684" i="1"/>
  <c r="U72683" i="1"/>
  <c r="U72682" i="1"/>
  <c r="U72681" i="1"/>
  <c r="U72680" i="1"/>
  <c r="U72679" i="1"/>
  <c r="U72678" i="1"/>
  <c r="U72677" i="1"/>
  <c r="U72676" i="1"/>
  <c r="U72675" i="1"/>
  <c r="U72674" i="1"/>
  <c r="U72673" i="1"/>
  <c r="U72672" i="1"/>
  <c r="U72671" i="1"/>
  <c r="U72670" i="1"/>
  <c r="U72669" i="1"/>
  <c r="U72668" i="1"/>
  <c r="U72667" i="1"/>
  <c r="U72666" i="1"/>
  <c r="U72665" i="1"/>
  <c r="U72664" i="1"/>
  <c r="U72663" i="1"/>
  <c r="U72662" i="1"/>
  <c r="U72661" i="1"/>
  <c r="U72660" i="1"/>
  <c r="U72659" i="1"/>
  <c r="U72658" i="1"/>
  <c r="U72657" i="1"/>
  <c r="U72656" i="1"/>
  <c r="U72655" i="1"/>
  <c r="U72654" i="1"/>
  <c r="U72653" i="1"/>
  <c r="U72652" i="1"/>
  <c r="U72651" i="1"/>
  <c r="U72650" i="1"/>
  <c r="U72649" i="1"/>
  <c r="U72648" i="1"/>
  <c r="U72647" i="1"/>
  <c r="U72646" i="1"/>
  <c r="U72645" i="1"/>
  <c r="U72644" i="1"/>
  <c r="U72643" i="1"/>
  <c r="U72642" i="1"/>
  <c r="U72641" i="1"/>
  <c r="U72640" i="1"/>
  <c r="U72639" i="1"/>
  <c r="U72638" i="1"/>
  <c r="U72637" i="1"/>
  <c r="U72636" i="1"/>
  <c r="U72635" i="1"/>
  <c r="U72634" i="1"/>
  <c r="U72633" i="1"/>
  <c r="U72632" i="1"/>
  <c r="U72631" i="1"/>
  <c r="U72630" i="1"/>
  <c r="U72629" i="1"/>
  <c r="U72628" i="1"/>
  <c r="U72627" i="1"/>
  <c r="U72626" i="1"/>
  <c r="U72625" i="1"/>
  <c r="U72624" i="1"/>
  <c r="U72623" i="1"/>
  <c r="U72622" i="1"/>
  <c r="U72621" i="1"/>
  <c r="U72620" i="1"/>
  <c r="U72619" i="1"/>
  <c r="U72618" i="1"/>
  <c r="U72617" i="1"/>
  <c r="U72616" i="1"/>
  <c r="U72615" i="1"/>
  <c r="U72614" i="1"/>
  <c r="U72613" i="1"/>
  <c r="U72612" i="1"/>
  <c r="U72611" i="1"/>
  <c r="U72610" i="1"/>
  <c r="U72609" i="1"/>
  <c r="U72608" i="1"/>
  <c r="U72607" i="1"/>
  <c r="U72606" i="1"/>
  <c r="U72605" i="1"/>
  <c r="U72604" i="1"/>
  <c r="U72603" i="1"/>
  <c r="U72602" i="1"/>
  <c r="U72601" i="1"/>
  <c r="U72600" i="1"/>
  <c r="U72599" i="1"/>
  <c r="U72598" i="1"/>
  <c r="U72597" i="1"/>
  <c r="U72596" i="1"/>
  <c r="U72595" i="1"/>
  <c r="U72594" i="1"/>
  <c r="U72593" i="1"/>
  <c r="U72592" i="1"/>
  <c r="U72591" i="1"/>
  <c r="U72590" i="1"/>
  <c r="U72589" i="1"/>
  <c r="U72588" i="1"/>
  <c r="U72587" i="1"/>
  <c r="U72586" i="1"/>
  <c r="U72585" i="1"/>
  <c r="U72584" i="1"/>
  <c r="U72583" i="1"/>
  <c r="U72582" i="1"/>
  <c r="U72581" i="1"/>
  <c r="U72580" i="1"/>
  <c r="U72579" i="1"/>
  <c r="U72578" i="1"/>
  <c r="U72577" i="1"/>
  <c r="U72576" i="1"/>
  <c r="U72575" i="1"/>
  <c r="U72574" i="1"/>
  <c r="U72573" i="1"/>
  <c r="U72572" i="1"/>
  <c r="U72571" i="1"/>
  <c r="U72570" i="1"/>
  <c r="U72569" i="1"/>
  <c r="U72568" i="1"/>
  <c r="U72567" i="1"/>
  <c r="U72566" i="1"/>
  <c r="U72565" i="1"/>
  <c r="U72564" i="1"/>
  <c r="U72563" i="1"/>
  <c r="U72562" i="1"/>
  <c r="U72561" i="1"/>
  <c r="U72560" i="1"/>
  <c r="U72559" i="1"/>
  <c r="U72558" i="1"/>
  <c r="U72557" i="1"/>
  <c r="U72556" i="1"/>
  <c r="U72555" i="1"/>
  <c r="U72554" i="1"/>
  <c r="U72553" i="1"/>
  <c r="U72552" i="1"/>
  <c r="U72551" i="1"/>
  <c r="U72550" i="1"/>
  <c r="U72549" i="1"/>
  <c r="U72548" i="1"/>
  <c r="U72547" i="1"/>
  <c r="U72546" i="1"/>
  <c r="U72545" i="1"/>
  <c r="U72544" i="1"/>
  <c r="U72543" i="1"/>
  <c r="U72542" i="1"/>
  <c r="U72541" i="1"/>
  <c r="U72540" i="1"/>
  <c r="U72539" i="1"/>
  <c r="U72538" i="1"/>
  <c r="U72537" i="1"/>
  <c r="U72536" i="1"/>
  <c r="U72535" i="1"/>
  <c r="U72534" i="1"/>
  <c r="U72533" i="1"/>
  <c r="U72532" i="1"/>
  <c r="U72531" i="1"/>
  <c r="U72530" i="1"/>
  <c r="U72529" i="1"/>
  <c r="U72528" i="1"/>
  <c r="U72527" i="1"/>
  <c r="U72526" i="1"/>
  <c r="U72525" i="1"/>
  <c r="U72524" i="1"/>
  <c r="U72523" i="1"/>
  <c r="U72522" i="1"/>
  <c r="U72521" i="1"/>
  <c r="U72520" i="1"/>
  <c r="U72519" i="1"/>
  <c r="U72518" i="1"/>
  <c r="U72517" i="1"/>
  <c r="U72516" i="1"/>
  <c r="U72515" i="1"/>
  <c r="U72514" i="1"/>
  <c r="U72513" i="1"/>
  <c r="U72512" i="1"/>
  <c r="U72511" i="1"/>
  <c r="U72510" i="1"/>
  <c r="U72509" i="1"/>
  <c r="U72508" i="1"/>
  <c r="U72507" i="1"/>
  <c r="U72506" i="1"/>
  <c r="U72505" i="1"/>
  <c r="U72504" i="1"/>
  <c r="U72503" i="1"/>
  <c r="U72502" i="1"/>
  <c r="U72501" i="1"/>
  <c r="U72500" i="1"/>
  <c r="U72499" i="1"/>
  <c r="U72498" i="1"/>
  <c r="U72497" i="1"/>
  <c r="U72496" i="1"/>
  <c r="U72495" i="1"/>
  <c r="U72494" i="1"/>
  <c r="U72493" i="1"/>
  <c r="U72492" i="1"/>
  <c r="U72491" i="1"/>
  <c r="U72490" i="1"/>
  <c r="U72489" i="1"/>
  <c r="U72488" i="1"/>
  <c r="U72487" i="1"/>
  <c r="U72486" i="1"/>
  <c r="U72485" i="1"/>
  <c r="U72484" i="1"/>
  <c r="U72483" i="1"/>
  <c r="U72482" i="1"/>
  <c r="U72481" i="1"/>
  <c r="U72480" i="1"/>
  <c r="U72479" i="1"/>
  <c r="U72478" i="1"/>
  <c r="U72477" i="1"/>
  <c r="U72476" i="1"/>
  <c r="U72475" i="1"/>
  <c r="U72474" i="1"/>
  <c r="U72473" i="1"/>
  <c r="U72472" i="1"/>
  <c r="U72471" i="1"/>
  <c r="U72470" i="1"/>
  <c r="U72469" i="1"/>
  <c r="U72468" i="1"/>
  <c r="U72467" i="1"/>
  <c r="U72466" i="1"/>
  <c r="U72465" i="1"/>
  <c r="U72464" i="1"/>
  <c r="U72463" i="1"/>
  <c r="U72462" i="1"/>
  <c r="U72461" i="1"/>
  <c r="U72460" i="1"/>
  <c r="U72459" i="1"/>
  <c r="U72458" i="1"/>
  <c r="U72457" i="1"/>
  <c r="U72456" i="1"/>
  <c r="U72455" i="1"/>
  <c r="U72454" i="1"/>
  <c r="U72453" i="1"/>
  <c r="U72452" i="1"/>
  <c r="U72451" i="1"/>
  <c r="U72450" i="1"/>
  <c r="U72449" i="1"/>
  <c r="U72448" i="1"/>
  <c r="U72447" i="1"/>
  <c r="U72446" i="1"/>
  <c r="U72445" i="1"/>
  <c r="U72444" i="1"/>
  <c r="U72443" i="1"/>
  <c r="U72442" i="1"/>
  <c r="U72441" i="1"/>
  <c r="U72440" i="1"/>
  <c r="U72439" i="1"/>
  <c r="U72438" i="1"/>
  <c r="U72437" i="1"/>
  <c r="U72436" i="1"/>
  <c r="U72435" i="1"/>
  <c r="U72434" i="1"/>
  <c r="U72433" i="1"/>
  <c r="U72432" i="1"/>
  <c r="U72431" i="1"/>
  <c r="U72430" i="1"/>
  <c r="U72429" i="1"/>
  <c r="U72428" i="1"/>
  <c r="U72427" i="1"/>
  <c r="U72426" i="1"/>
  <c r="U72425" i="1"/>
  <c r="U72424" i="1"/>
  <c r="U72423" i="1"/>
  <c r="U72422" i="1"/>
  <c r="U72421" i="1"/>
  <c r="U72420" i="1"/>
  <c r="U72419" i="1"/>
  <c r="U72418" i="1"/>
  <c r="U72417" i="1"/>
  <c r="U72416" i="1"/>
  <c r="U72415" i="1"/>
  <c r="U72414" i="1"/>
  <c r="U72413" i="1"/>
  <c r="U72412" i="1"/>
  <c r="U72411" i="1"/>
  <c r="U72410" i="1"/>
  <c r="U72409" i="1"/>
  <c r="U72408" i="1"/>
  <c r="U72407" i="1"/>
  <c r="U72406" i="1"/>
  <c r="U72405" i="1"/>
  <c r="U72404" i="1"/>
  <c r="U72403" i="1"/>
  <c r="U72402" i="1"/>
  <c r="U72401" i="1"/>
  <c r="U72400" i="1"/>
  <c r="U72399" i="1"/>
  <c r="U72398" i="1"/>
  <c r="U72397" i="1"/>
  <c r="U72396" i="1"/>
  <c r="U72395" i="1"/>
  <c r="U72394" i="1"/>
  <c r="U72393" i="1"/>
  <c r="U72392" i="1"/>
  <c r="U72391" i="1"/>
  <c r="U72390" i="1"/>
  <c r="U72389" i="1"/>
  <c r="U72388" i="1"/>
  <c r="U72387" i="1"/>
  <c r="U72386" i="1"/>
  <c r="U72385" i="1"/>
  <c r="U72384" i="1"/>
  <c r="U72383" i="1"/>
  <c r="U72382" i="1"/>
  <c r="U72381" i="1"/>
  <c r="U72380" i="1"/>
  <c r="U72379" i="1"/>
  <c r="U72378" i="1"/>
  <c r="U72377" i="1"/>
  <c r="U72376" i="1"/>
  <c r="U72375" i="1"/>
  <c r="U72374" i="1"/>
  <c r="U72373" i="1"/>
  <c r="U72372" i="1"/>
  <c r="U72371" i="1"/>
  <c r="U72370" i="1"/>
  <c r="U72369" i="1"/>
  <c r="U72368" i="1"/>
  <c r="U72367" i="1"/>
  <c r="U72366" i="1"/>
  <c r="U72365" i="1"/>
  <c r="U72364" i="1"/>
  <c r="U72363" i="1"/>
  <c r="U72362" i="1"/>
  <c r="U72361" i="1"/>
  <c r="U72360" i="1"/>
  <c r="U72359" i="1"/>
  <c r="U72358" i="1"/>
  <c r="U72357" i="1"/>
  <c r="U72356" i="1"/>
  <c r="U72355" i="1"/>
  <c r="U72354" i="1"/>
  <c r="U72353" i="1"/>
  <c r="U72352" i="1"/>
  <c r="U72351" i="1"/>
  <c r="U72350" i="1"/>
  <c r="U72349" i="1"/>
  <c r="U72348" i="1"/>
  <c r="U72347" i="1"/>
  <c r="U72346" i="1"/>
  <c r="U72345" i="1"/>
  <c r="U72344" i="1"/>
  <c r="U72343" i="1"/>
  <c r="U72342" i="1"/>
  <c r="U72341" i="1"/>
  <c r="U72340" i="1"/>
  <c r="U72339" i="1"/>
  <c r="U72338" i="1"/>
  <c r="U72337" i="1"/>
  <c r="U72336" i="1"/>
  <c r="U72335" i="1"/>
  <c r="U72334" i="1"/>
  <c r="U72333" i="1"/>
  <c r="U72332" i="1"/>
  <c r="U72331" i="1"/>
  <c r="U72330" i="1"/>
  <c r="U72329" i="1"/>
  <c r="U72328" i="1"/>
  <c r="U72327" i="1"/>
  <c r="U72326" i="1"/>
  <c r="U72325" i="1"/>
  <c r="U72324" i="1"/>
  <c r="U72323" i="1"/>
  <c r="U72322" i="1"/>
  <c r="U72321" i="1"/>
  <c r="U72320" i="1"/>
  <c r="U72319" i="1"/>
  <c r="U72318" i="1"/>
  <c r="U72317" i="1"/>
  <c r="U72316" i="1"/>
  <c r="U72315" i="1"/>
  <c r="U72314" i="1"/>
  <c r="U72313" i="1"/>
  <c r="U72312" i="1"/>
  <c r="U72311" i="1"/>
  <c r="U72310" i="1"/>
  <c r="U72309" i="1"/>
  <c r="U72308" i="1"/>
  <c r="U72307" i="1"/>
  <c r="U72306" i="1"/>
  <c r="U72305" i="1"/>
  <c r="U72304" i="1"/>
  <c r="U72303" i="1"/>
  <c r="U72302" i="1"/>
  <c r="U72301" i="1"/>
  <c r="U72300" i="1"/>
  <c r="U72299" i="1"/>
  <c r="U72298" i="1"/>
  <c r="U72297" i="1"/>
  <c r="U72296" i="1"/>
  <c r="U72295" i="1"/>
  <c r="U72294" i="1"/>
  <c r="U72293" i="1"/>
  <c r="U72292" i="1"/>
  <c r="U72291" i="1"/>
  <c r="U72290" i="1"/>
  <c r="U72289" i="1"/>
  <c r="U72288" i="1"/>
  <c r="U72287" i="1"/>
  <c r="U72286" i="1"/>
  <c r="U72285" i="1"/>
  <c r="U72284" i="1"/>
  <c r="U72283" i="1"/>
  <c r="U72282" i="1"/>
  <c r="U72281" i="1"/>
  <c r="U72280" i="1"/>
  <c r="U72279" i="1"/>
  <c r="U72278" i="1"/>
  <c r="U72277" i="1"/>
  <c r="U72276" i="1"/>
  <c r="U72275" i="1"/>
  <c r="U72274" i="1"/>
  <c r="U72273" i="1"/>
  <c r="U72272" i="1"/>
  <c r="U72271" i="1"/>
  <c r="U72270" i="1"/>
  <c r="U72269" i="1"/>
  <c r="U72268" i="1"/>
  <c r="U72267" i="1"/>
  <c r="U72266" i="1"/>
  <c r="U72265" i="1"/>
  <c r="U72264" i="1"/>
  <c r="U72263" i="1"/>
  <c r="U72262" i="1"/>
  <c r="U72261" i="1"/>
  <c r="U72260" i="1"/>
  <c r="U72259" i="1"/>
  <c r="U72258" i="1"/>
  <c r="U72257" i="1"/>
  <c r="U72256" i="1"/>
  <c r="U72255" i="1"/>
  <c r="U72254" i="1"/>
  <c r="U72253" i="1"/>
  <c r="U72252" i="1"/>
  <c r="U72251" i="1"/>
  <c r="U72250" i="1"/>
  <c r="U72249" i="1"/>
  <c r="U72248" i="1"/>
  <c r="U72247" i="1"/>
  <c r="U72246" i="1"/>
  <c r="U72245" i="1"/>
  <c r="U72244" i="1"/>
  <c r="U72243" i="1"/>
  <c r="U72242" i="1"/>
  <c r="U72241" i="1"/>
  <c r="U72240" i="1"/>
  <c r="U72239" i="1"/>
  <c r="U72238" i="1"/>
  <c r="U72237" i="1"/>
  <c r="U72236" i="1"/>
  <c r="U72235" i="1"/>
  <c r="U72234" i="1"/>
  <c r="U72233" i="1"/>
  <c r="U72232" i="1"/>
  <c r="U72231" i="1"/>
  <c r="U72230" i="1"/>
  <c r="U72229" i="1"/>
  <c r="U72228" i="1"/>
  <c r="U72227" i="1"/>
  <c r="U72226" i="1"/>
  <c r="U72225" i="1"/>
  <c r="U72224" i="1"/>
  <c r="U72223" i="1"/>
  <c r="U72222" i="1"/>
  <c r="U72221" i="1"/>
  <c r="U72220" i="1"/>
  <c r="U72219" i="1"/>
  <c r="U72218" i="1"/>
  <c r="U72217" i="1"/>
  <c r="U72216" i="1"/>
  <c r="U72215" i="1"/>
  <c r="U72214" i="1"/>
  <c r="U72213" i="1"/>
  <c r="U72212" i="1"/>
  <c r="U72211" i="1"/>
  <c r="U72210" i="1"/>
  <c r="U72209" i="1"/>
  <c r="U72208" i="1"/>
  <c r="U72207" i="1"/>
  <c r="U72206" i="1"/>
  <c r="U72205" i="1"/>
  <c r="U72204" i="1"/>
  <c r="U72203" i="1"/>
  <c r="U72202" i="1"/>
  <c r="U72201" i="1"/>
  <c r="U72200" i="1"/>
  <c r="U72199" i="1"/>
  <c r="U72198" i="1"/>
  <c r="U72197" i="1"/>
  <c r="U72196" i="1"/>
  <c r="U72195" i="1"/>
  <c r="U72194" i="1"/>
  <c r="U72193" i="1"/>
  <c r="U72192" i="1"/>
  <c r="U72191" i="1"/>
  <c r="U72190" i="1"/>
  <c r="U72189" i="1"/>
  <c r="U72188" i="1"/>
  <c r="U72187" i="1"/>
  <c r="U72186" i="1"/>
  <c r="U72185" i="1"/>
  <c r="U72184" i="1"/>
  <c r="U72183" i="1"/>
  <c r="U72182" i="1"/>
  <c r="U72181" i="1"/>
  <c r="U72180" i="1"/>
  <c r="U72179" i="1"/>
  <c r="U72178" i="1"/>
  <c r="U72177" i="1"/>
  <c r="U72176" i="1"/>
  <c r="U72175" i="1"/>
  <c r="U72174" i="1"/>
  <c r="U72173" i="1"/>
  <c r="U72172" i="1"/>
  <c r="U72171" i="1"/>
  <c r="U72170" i="1"/>
  <c r="U72169" i="1"/>
  <c r="U72168" i="1"/>
  <c r="U72167" i="1"/>
  <c r="U72166" i="1"/>
  <c r="U72165" i="1"/>
  <c r="U72164" i="1"/>
  <c r="U72163" i="1"/>
  <c r="U72162" i="1"/>
  <c r="U72161" i="1"/>
  <c r="U72160" i="1"/>
  <c r="U72159" i="1"/>
  <c r="U72158" i="1"/>
  <c r="U72157" i="1"/>
  <c r="U72156" i="1"/>
  <c r="U72155" i="1"/>
  <c r="U72154" i="1"/>
  <c r="U72153" i="1"/>
  <c r="U72152" i="1"/>
  <c r="U72151" i="1"/>
  <c r="U72150" i="1"/>
  <c r="U72149" i="1"/>
  <c r="U72148" i="1"/>
  <c r="U72147" i="1"/>
  <c r="U72146" i="1"/>
  <c r="U72145" i="1"/>
  <c r="U72144" i="1"/>
  <c r="U72143" i="1"/>
  <c r="U72142" i="1"/>
  <c r="U72141" i="1"/>
  <c r="U72140" i="1"/>
  <c r="U72139" i="1"/>
  <c r="U72138" i="1"/>
  <c r="U72137" i="1"/>
  <c r="U72136" i="1"/>
  <c r="U72135" i="1"/>
  <c r="U72134" i="1"/>
  <c r="U72133" i="1"/>
  <c r="U72132" i="1"/>
  <c r="U72131" i="1"/>
  <c r="U72130" i="1"/>
  <c r="U72129" i="1"/>
  <c r="U72128" i="1"/>
  <c r="U72127" i="1"/>
  <c r="U72126" i="1"/>
  <c r="U72125" i="1"/>
  <c r="U72124" i="1"/>
  <c r="U72123" i="1"/>
  <c r="U72122" i="1"/>
  <c r="U72121" i="1"/>
  <c r="U72120" i="1"/>
  <c r="U72119" i="1"/>
  <c r="U72118" i="1"/>
  <c r="U72117" i="1"/>
  <c r="U72116" i="1"/>
  <c r="U72115" i="1"/>
  <c r="U72114" i="1"/>
  <c r="U72113" i="1"/>
  <c r="U72112" i="1"/>
  <c r="U72111" i="1"/>
  <c r="U72110" i="1"/>
  <c r="U72109" i="1"/>
  <c r="U72108" i="1"/>
  <c r="U72107" i="1"/>
  <c r="U72106" i="1"/>
  <c r="U72105" i="1"/>
  <c r="U72104" i="1"/>
  <c r="U72103" i="1"/>
  <c r="U72102" i="1"/>
  <c r="U72101" i="1"/>
  <c r="U72100" i="1"/>
  <c r="U72099" i="1"/>
  <c r="U72098" i="1"/>
  <c r="U72097" i="1"/>
  <c r="U72096" i="1"/>
  <c r="U72095" i="1"/>
  <c r="U72094" i="1"/>
  <c r="U72093" i="1"/>
  <c r="U72092" i="1"/>
  <c r="U72091" i="1"/>
  <c r="U72090" i="1"/>
  <c r="U72089" i="1"/>
  <c r="U72088" i="1"/>
  <c r="U72087" i="1"/>
  <c r="U72086" i="1"/>
  <c r="U72085" i="1"/>
  <c r="U72084" i="1"/>
  <c r="U72083" i="1"/>
  <c r="U72082" i="1"/>
  <c r="U72081" i="1"/>
  <c r="U72080" i="1"/>
  <c r="U72079" i="1"/>
  <c r="U72078" i="1"/>
  <c r="U72077" i="1"/>
  <c r="U72076" i="1"/>
  <c r="U72075" i="1"/>
  <c r="U72074" i="1"/>
  <c r="U72073" i="1"/>
  <c r="U72072" i="1"/>
  <c r="U72071" i="1"/>
  <c r="U72070" i="1"/>
  <c r="U72069" i="1"/>
  <c r="U72068" i="1"/>
  <c r="U72067" i="1"/>
  <c r="U72066" i="1"/>
  <c r="U72065" i="1"/>
  <c r="U72064" i="1"/>
  <c r="U72063" i="1"/>
  <c r="U72062" i="1"/>
  <c r="U72061" i="1"/>
  <c r="U72060" i="1"/>
  <c r="U72059" i="1"/>
  <c r="U72058" i="1"/>
  <c r="U72057" i="1"/>
  <c r="U72056" i="1"/>
  <c r="U72055" i="1"/>
  <c r="U72054" i="1"/>
  <c r="U72053" i="1"/>
  <c r="U72052" i="1"/>
  <c r="U72051" i="1"/>
  <c r="U72050" i="1"/>
  <c r="U72049" i="1"/>
  <c r="U72048" i="1"/>
  <c r="U72047" i="1"/>
  <c r="U72046" i="1"/>
  <c r="U72045" i="1"/>
  <c r="U72044" i="1"/>
  <c r="U72043" i="1"/>
  <c r="U72042" i="1"/>
  <c r="U72041" i="1"/>
  <c r="U72040" i="1"/>
  <c r="U72039" i="1"/>
  <c r="U72038" i="1"/>
  <c r="U72037" i="1"/>
  <c r="U72036" i="1"/>
  <c r="U72035" i="1"/>
  <c r="U72034" i="1"/>
  <c r="U72033" i="1"/>
  <c r="U72032" i="1"/>
  <c r="U72031" i="1"/>
  <c r="U72030" i="1"/>
  <c r="U72029" i="1"/>
  <c r="U72028" i="1"/>
  <c r="U72027" i="1"/>
  <c r="U72026" i="1"/>
  <c r="U72025" i="1"/>
  <c r="U72024" i="1"/>
  <c r="U72023" i="1"/>
  <c r="U72022" i="1"/>
  <c r="U72021" i="1"/>
  <c r="U72020" i="1"/>
  <c r="U72019" i="1"/>
  <c r="U72018" i="1"/>
  <c r="U72017" i="1"/>
  <c r="U72016" i="1"/>
  <c r="U72015" i="1"/>
  <c r="U72014" i="1"/>
  <c r="U72013" i="1"/>
  <c r="U72012" i="1"/>
  <c r="U72011" i="1"/>
  <c r="U72010" i="1"/>
  <c r="U72009" i="1"/>
  <c r="U72008" i="1"/>
  <c r="U72007" i="1"/>
  <c r="U72006" i="1"/>
  <c r="U72005" i="1"/>
  <c r="U72004" i="1"/>
  <c r="U72003" i="1"/>
  <c r="U72002" i="1"/>
  <c r="U72001" i="1"/>
  <c r="U72000" i="1"/>
  <c r="U71999" i="1"/>
  <c r="U71998" i="1"/>
  <c r="U71997" i="1"/>
  <c r="U71996" i="1"/>
  <c r="U71995" i="1"/>
  <c r="U71994" i="1"/>
  <c r="U71993" i="1"/>
  <c r="U71992" i="1"/>
  <c r="U71991" i="1"/>
  <c r="U71990" i="1"/>
  <c r="U71989" i="1"/>
  <c r="U71988" i="1"/>
  <c r="U71987" i="1"/>
  <c r="U71986" i="1"/>
  <c r="U71985" i="1"/>
  <c r="U71984" i="1"/>
  <c r="U71983" i="1"/>
  <c r="U71982" i="1"/>
  <c r="U71981" i="1"/>
  <c r="U71980" i="1"/>
  <c r="U71979" i="1"/>
  <c r="U71978" i="1"/>
  <c r="U71977" i="1"/>
  <c r="U71976" i="1"/>
  <c r="U71975" i="1"/>
  <c r="U71974" i="1"/>
  <c r="U71973" i="1"/>
  <c r="U71972" i="1"/>
  <c r="U71971" i="1"/>
  <c r="U71970" i="1"/>
  <c r="U71969" i="1"/>
  <c r="U71968" i="1"/>
  <c r="U71967" i="1"/>
  <c r="U71966" i="1"/>
  <c r="U71965" i="1"/>
  <c r="U71964" i="1"/>
  <c r="U71963" i="1"/>
  <c r="U71962" i="1"/>
  <c r="U71961" i="1"/>
  <c r="U71960" i="1"/>
  <c r="U71959" i="1"/>
  <c r="U71958" i="1"/>
  <c r="U71957" i="1"/>
  <c r="U71956" i="1"/>
  <c r="U71955" i="1"/>
  <c r="U71954" i="1"/>
  <c r="U71953" i="1"/>
  <c r="U71952" i="1"/>
  <c r="U71951" i="1"/>
  <c r="U71950" i="1"/>
  <c r="U71949" i="1"/>
  <c r="U71948" i="1"/>
  <c r="U71947" i="1"/>
  <c r="U71946" i="1"/>
  <c r="U71945" i="1"/>
  <c r="U71944" i="1"/>
  <c r="U71943" i="1"/>
  <c r="U71942" i="1"/>
  <c r="U71941" i="1"/>
  <c r="U71940" i="1"/>
  <c r="U71939" i="1"/>
  <c r="U71938" i="1"/>
  <c r="U71937" i="1"/>
  <c r="U71936" i="1"/>
  <c r="U71935" i="1"/>
  <c r="U71934" i="1"/>
  <c r="U71933" i="1"/>
  <c r="U71932" i="1"/>
  <c r="U71931" i="1"/>
  <c r="U71930" i="1"/>
  <c r="U71929" i="1"/>
  <c r="U71928" i="1"/>
  <c r="U71927" i="1"/>
  <c r="U71926" i="1"/>
  <c r="U71925" i="1"/>
  <c r="U71924" i="1"/>
  <c r="U71923" i="1"/>
  <c r="U71922" i="1"/>
  <c r="U71921" i="1"/>
  <c r="U71920" i="1"/>
  <c r="U71919" i="1"/>
  <c r="U71918" i="1"/>
  <c r="U71917" i="1"/>
  <c r="U71916" i="1"/>
  <c r="U71915" i="1"/>
  <c r="U71914" i="1"/>
  <c r="U71913" i="1"/>
  <c r="U71912" i="1"/>
  <c r="U71911" i="1"/>
  <c r="U71910" i="1"/>
  <c r="U71909" i="1"/>
  <c r="U71908" i="1"/>
  <c r="U71907" i="1"/>
  <c r="U71906" i="1"/>
  <c r="U71905" i="1"/>
  <c r="U71904" i="1"/>
  <c r="U71903" i="1"/>
  <c r="U71902" i="1"/>
  <c r="U71901" i="1"/>
  <c r="U71900" i="1"/>
  <c r="U71899" i="1"/>
  <c r="U71898" i="1"/>
  <c r="U71897" i="1"/>
  <c r="U71896" i="1"/>
  <c r="U71895" i="1"/>
  <c r="U71894" i="1"/>
  <c r="U71893" i="1"/>
  <c r="U71892" i="1"/>
  <c r="U71891" i="1"/>
  <c r="U71890" i="1"/>
  <c r="U71889" i="1"/>
  <c r="U71888" i="1"/>
  <c r="U71887" i="1"/>
  <c r="U71886" i="1"/>
  <c r="U71885" i="1"/>
  <c r="U71884" i="1"/>
  <c r="U71883" i="1"/>
  <c r="U71882" i="1"/>
  <c r="U71881" i="1"/>
  <c r="U71880" i="1"/>
  <c r="U71879" i="1"/>
  <c r="U71878" i="1"/>
  <c r="U71877" i="1"/>
  <c r="U71876" i="1"/>
  <c r="U71875" i="1"/>
  <c r="U71874" i="1"/>
  <c r="U71873" i="1"/>
  <c r="U71872" i="1"/>
  <c r="U71871" i="1"/>
  <c r="U71870" i="1"/>
  <c r="U71869" i="1"/>
  <c r="U71868" i="1"/>
  <c r="U71867" i="1"/>
  <c r="U71866" i="1"/>
  <c r="U71865" i="1"/>
  <c r="U71864" i="1"/>
  <c r="U71863" i="1"/>
  <c r="U71862" i="1"/>
  <c r="U71861" i="1"/>
  <c r="U71860" i="1"/>
  <c r="U71859" i="1"/>
  <c r="U71858" i="1"/>
  <c r="U71857" i="1"/>
  <c r="U71856" i="1"/>
  <c r="U71855" i="1"/>
  <c r="U71854" i="1"/>
  <c r="U71853" i="1"/>
  <c r="U71852" i="1"/>
  <c r="U71851" i="1"/>
  <c r="U71850" i="1"/>
  <c r="U71849" i="1"/>
  <c r="U71848" i="1"/>
  <c r="U71847" i="1"/>
  <c r="U71846" i="1"/>
  <c r="U71845" i="1"/>
  <c r="U71844" i="1"/>
  <c r="U71843" i="1"/>
  <c r="U71842" i="1"/>
  <c r="U71841" i="1"/>
  <c r="U71840" i="1"/>
  <c r="U71839" i="1"/>
  <c r="U71838" i="1"/>
  <c r="U71837" i="1"/>
  <c r="U71836" i="1"/>
  <c r="U71835" i="1"/>
  <c r="U71834" i="1"/>
  <c r="U71833" i="1"/>
  <c r="U71832" i="1"/>
  <c r="U71831" i="1"/>
  <c r="U71830" i="1"/>
  <c r="U71829" i="1"/>
  <c r="U71828" i="1"/>
  <c r="U71827" i="1"/>
  <c r="U71826" i="1"/>
  <c r="U71825" i="1"/>
  <c r="U71824" i="1"/>
  <c r="U71823" i="1"/>
  <c r="U71822" i="1"/>
  <c r="U71821" i="1"/>
  <c r="U71820" i="1"/>
  <c r="U71819" i="1"/>
  <c r="U71818" i="1"/>
  <c r="U71817" i="1"/>
  <c r="U71816" i="1"/>
  <c r="U71815" i="1"/>
  <c r="U71814" i="1"/>
  <c r="U71813" i="1"/>
  <c r="U71812" i="1"/>
  <c r="U71811" i="1"/>
  <c r="U71810" i="1"/>
  <c r="U71809" i="1"/>
  <c r="U71808" i="1"/>
  <c r="U71807" i="1"/>
  <c r="U71806" i="1"/>
  <c r="U71805" i="1"/>
  <c r="U71804" i="1"/>
  <c r="U71803" i="1"/>
  <c r="U71802" i="1"/>
  <c r="U71801" i="1"/>
  <c r="U71800" i="1"/>
  <c r="U71799" i="1"/>
  <c r="U71798" i="1"/>
  <c r="U71797" i="1"/>
  <c r="U71796" i="1"/>
  <c r="U71795" i="1"/>
  <c r="U71794" i="1"/>
  <c r="U71793" i="1"/>
  <c r="U71792" i="1"/>
  <c r="U71791" i="1"/>
  <c r="U71790" i="1"/>
  <c r="U71789" i="1"/>
  <c r="U71788" i="1"/>
  <c r="U71787" i="1"/>
  <c r="U71786" i="1"/>
  <c r="U71785" i="1"/>
  <c r="U71784" i="1"/>
  <c r="U71783" i="1"/>
  <c r="U71782" i="1"/>
  <c r="U71781" i="1"/>
  <c r="U71780" i="1"/>
  <c r="U71779" i="1"/>
  <c r="U71778" i="1"/>
  <c r="U71777" i="1"/>
  <c r="U71776" i="1"/>
  <c r="U71775" i="1"/>
  <c r="U71774" i="1"/>
  <c r="U71773" i="1"/>
  <c r="U71772" i="1"/>
  <c r="U71771" i="1"/>
  <c r="U71770" i="1"/>
  <c r="U71769" i="1"/>
  <c r="U71768" i="1"/>
  <c r="U71767" i="1"/>
  <c r="U71766" i="1"/>
  <c r="U71765" i="1"/>
  <c r="U71764" i="1"/>
  <c r="U71763" i="1"/>
  <c r="U71762" i="1"/>
  <c r="U71761" i="1"/>
  <c r="U71760" i="1"/>
  <c r="U71759" i="1"/>
  <c r="U71758" i="1"/>
  <c r="U71757" i="1"/>
  <c r="U71756" i="1"/>
  <c r="U71755" i="1"/>
  <c r="U71754" i="1"/>
  <c r="U71753" i="1"/>
  <c r="U71752" i="1"/>
  <c r="U71751" i="1"/>
  <c r="U71750" i="1"/>
  <c r="U71749" i="1"/>
  <c r="U71748" i="1"/>
  <c r="U71747" i="1"/>
  <c r="U71746" i="1"/>
  <c r="U71745" i="1"/>
  <c r="U71744" i="1"/>
  <c r="U71743" i="1"/>
  <c r="U71742" i="1"/>
  <c r="U71741" i="1"/>
  <c r="U71740" i="1"/>
  <c r="U71739" i="1"/>
  <c r="U71738" i="1"/>
  <c r="U71737" i="1"/>
  <c r="U71736" i="1"/>
  <c r="U71735" i="1"/>
  <c r="U71734" i="1"/>
  <c r="U71733" i="1"/>
  <c r="U71732" i="1"/>
  <c r="U71731" i="1"/>
  <c r="U71730" i="1"/>
  <c r="U71729" i="1"/>
  <c r="U71728" i="1"/>
  <c r="U71727" i="1"/>
  <c r="U71726" i="1"/>
  <c r="U71725" i="1"/>
  <c r="U71724" i="1"/>
  <c r="U71723" i="1"/>
  <c r="U71722" i="1"/>
  <c r="U71721" i="1"/>
  <c r="U71720" i="1"/>
  <c r="U71719" i="1"/>
  <c r="U71718" i="1"/>
  <c r="U71717" i="1"/>
  <c r="U71716" i="1"/>
  <c r="U71715" i="1"/>
  <c r="U71714" i="1"/>
  <c r="U71713" i="1"/>
  <c r="U71712" i="1"/>
  <c r="U71711" i="1"/>
  <c r="U71710" i="1"/>
  <c r="U71709" i="1"/>
  <c r="U71708" i="1"/>
  <c r="U71707" i="1"/>
  <c r="U71706" i="1"/>
  <c r="U71705" i="1"/>
  <c r="U71704" i="1"/>
  <c r="U71703" i="1"/>
  <c r="U71702" i="1"/>
  <c r="U71701" i="1"/>
  <c r="U71700" i="1"/>
  <c r="U71699" i="1"/>
  <c r="U71698" i="1"/>
  <c r="U71697" i="1"/>
  <c r="U71696" i="1"/>
  <c r="U71695" i="1"/>
  <c r="U71694" i="1"/>
  <c r="U71693" i="1"/>
  <c r="U71692" i="1"/>
  <c r="U71691" i="1"/>
  <c r="U71690" i="1"/>
  <c r="U71689" i="1"/>
  <c r="U71688" i="1"/>
  <c r="U71687" i="1"/>
  <c r="U71686" i="1"/>
  <c r="U71685" i="1"/>
  <c r="U71684" i="1"/>
  <c r="U71683" i="1"/>
  <c r="U71682" i="1"/>
  <c r="U71681" i="1"/>
  <c r="U71680" i="1"/>
  <c r="U71679" i="1"/>
  <c r="U71678" i="1"/>
  <c r="U71677" i="1"/>
  <c r="U71676" i="1"/>
  <c r="U71675" i="1"/>
  <c r="U71674" i="1"/>
  <c r="U71673" i="1"/>
  <c r="U71672" i="1"/>
  <c r="U71671" i="1"/>
  <c r="U71670" i="1"/>
  <c r="U71669" i="1"/>
  <c r="U71668" i="1"/>
  <c r="U71667" i="1"/>
  <c r="U71666" i="1"/>
  <c r="U71665" i="1"/>
  <c r="U71664" i="1"/>
  <c r="U71663" i="1"/>
  <c r="U71662" i="1"/>
  <c r="U71661" i="1"/>
  <c r="U71660" i="1"/>
  <c r="U71659" i="1"/>
  <c r="U71658" i="1"/>
  <c r="U71657" i="1"/>
  <c r="U71656" i="1"/>
  <c r="U71655" i="1"/>
  <c r="U71654" i="1"/>
  <c r="U71653" i="1"/>
  <c r="U71652" i="1"/>
  <c r="U71651" i="1"/>
  <c r="U71650" i="1"/>
  <c r="U71649" i="1"/>
  <c r="U71648" i="1"/>
  <c r="U71647" i="1"/>
  <c r="U71646" i="1"/>
  <c r="U71645" i="1"/>
  <c r="U71644" i="1"/>
  <c r="U71643" i="1"/>
  <c r="U71642" i="1"/>
  <c r="U71641" i="1"/>
  <c r="U71640" i="1"/>
  <c r="U71639" i="1"/>
  <c r="U71638" i="1"/>
  <c r="U71637" i="1"/>
  <c r="U71636" i="1"/>
  <c r="U71635" i="1"/>
  <c r="U71634" i="1"/>
  <c r="U71633" i="1"/>
  <c r="U71632" i="1"/>
  <c r="U71631" i="1"/>
  <c r="U71630" i="1"/>
  <c r="U71629" i="1"/>
  <c r="U71628" i="1"/>
  <c r="U71627" i="1"/>
  <c r="U71626" i="1"/>
  <c r="U71625" i="1"/>
  <c r="U71624" i="1"/>
  <c r="U71623" i="1"/>
  <c r="U71622" i="1"/>
  <c r="U71621" i="1"/>
  <c r="U71620" i="1"/>
  <c r="U71619" i="1"/>
  <c r="U71618" i="1"/>
  <c r="U71617" i="1"/>
  <c r="U71616" i="1"/>
  <c r="U71615" i="1"/>
  <c r="U71614" i="1"/>
  <c r="U71613" i="1"/>
  <c r="U71612" i="1"/>
  <c r="U71611" i="1"/>
  <c r="U71610" i="1"/>
  <c r="U71609" i="1"/>
  <c r="U71608" i="1"/>
  <c r="U71607" i="1"/>
  <c r="U71606" i="1"/>
  <c r="U71605" i="1"/>
  <c r="U71604" i="1"/>
  <c r="U71603" i="1"/>
  <c r="U71602" i="1"/>
  <c r="U71601" i="1"/>
  <c r="U71600" i="1"/>
  <c r="U71599" i="1"/>
  <c r="U71598" i="1"/>
  <c r="U71597" i="1"/>
  <c r="U71596" i="1"/>
  <c r="U71595" i="1"/>
  <c r="U71594" i="1"/>
  <c r="U71593" i="1"/>
  <c r="U71592" i="1"/>
  <c r="U71591" i="1"/>
  <c r="U71590" i="1"/>
  <c r="U71589" i="1"/>
  <c r="U71588" i="1"/>
  <c r="U71587" i="1"/>
  <c r="U71586" i="1"/>
  <c r="U71585" i="1"/>
  <c r="U71584" i="1"/>
  <c r="U71583" i="1"/>
  <c r="U71582" i="1"/>
  <c r="U71581" i="1"/>
  <c r="U71580" i="1"/>
  <c r="U71579" i="1"/>
  <c r="U71578" i="1"/>
  <c r="U71577" i="1"/>
  <c r="U71576" i="1"/>
  <c r="U71575" i="1"/>
  <c r="U71574" i="1"/>
  <c r="U71573" i="1"/>
  <c r="U71572" i="1"/>
  <c r="U71571" i="1"/>
  <c r="U71570" i="1"/>
  <c r="U71569" i="1"/>
  <c r="U71568" i="1"/>
  <c r="U71567" i="1"/>
  <c r="U71566" i="1"/>
  <c r="U71565" i="1"/>
  <c r="U71564" i="1"/>
  <c r="U71563" i="1"/>
  <c r="U71562" i="1"/>
  <c r="U71561" i="1"/>
  <c r="U71560" i="1"/>
  <c r="U71559" i="1"/>
  <c r="U71558" i="1"/>
  <c r="U71557" i="1"/>
  <c r="U71556" i="1"/>
  <c r="U71555" i="1"/>
  <c r="U71554" i="1"/>
  <c r="U71553" i="1"/>
  <c r="U71552" i="1"/>
  <c r="U71551" i="1"/>
  <c r="U71550" i="1"/>
  <c r="U71549" i="1"/>
  <c r="U71548" i="1"/>
  <c r="U71547" i="1"/>
  <c r="U71546" i="1"/>
  <c r="U71545" i="1"/>
  <c r="U71544" i="1"/>
  <c r="U71543" i="1"/>
  <c r="U71542" i="1"/>
  <c r="U71541" i="1"/>
  <c r="U71540" i="1"/>
  <c r="U71539" i="1"/>
  <c r="U71538" i="1"/>
  <c r="U71537" i="1"/>
  <c r="U71536" i="1"/>
  <c r="U71535" i="1"/>
  <c r="U71534" i="1"/>
  <c r="U71533" i="1"/>
  <c r="U71532" i="1"/>
  <c r="U71531" i="1"/>
  <c r="U71530" i="1"/>
  <c r="U71529" i="1"/>
  <c r="U71528" i="1"/>
  <c r="U71527" i="1"/>
  <c r="U71526" i="1"/>
  <c r="U71525" i="1"/>
  <c r="U71524" i="1"/>
  <c r="U71523" i="1"/>
  <c r="U71522" i="1"/>
  <c r="U71521" i="1"/>
  <c r="U71520" i="1"/>
  <c r="U71519" i="1"/>
  <c r="U71518" i="1"/>
  <c r="U71517" i="1"/>
  <c r="U71516" i="1"/>
  <c r="U71515" i="1"/>
  <c r="U71514" i="1"/>
  <c r="U71513" i="1"/>
  <c r="U71512" i="1"/>
  <c r="U71511" i="1"/>
  <c r="U71510" i="1"/>
  <c r="U71509" i="1"/>
  <c r="U71508" i="1"/>
  <c r="U71507" i="1"/>
  <c r="U71506" i="1"/>
  <c r="U71505" i="1"/>
  <c r="U71504" i="1"/>
  <c r="U71503" i="1"/>
  <c r="U71502" i="1"/>
  <c r="U71501" i="1"/>
  <c r="U71500" i="1"/>
  <c r="U71499" i="1"/>
  <c r="U71498" i="1"/>
  <c r="U71497" i="1"/>
  <c r="U71496" i="1"/>
  <c r="U71495" i="1"/>
  <c r="U71494" i="1"/>
  <c r="U71493" i="1"/>
  <c r="U71492" i="1"/>
  <c r="U71491" i="1"/>
  <c r="U71490" i="1"/>
  <c r="U71489" i="1"/>
  <c r="U71488" i="1"/>
  <c r="U71487" i="1"/>
  <c r="U71486" i="1"/>
  <c r="U71485" i="1"/>
  <c r="U71484" i="1"/>
  <c r="U71483" i="1"/>
  <c r="U71482" i="1"/>
  <c r="U71481" i="1"/>
  <c r="U71480" i="1"/>
  <c r="U71479" i="1"/>
  <c r="U71478" i="1"/>
  <c r="U71477" i="1"/>
  <c r="U71476" i="1"/>
  <c r="U71475" i="1"/>
  <c r="U71474" i="1"/>
  <c r="U71473" i="1"/>
  <c r="U71472" i="1"/>
  <c r="U71471" i="1"/>
  <c r="U71470" i="1"/>
  <c r="U71469" i="1"/>
  <c r="U71468" i="1"/>
  <c r="U71467" i="1"/>
  <c r="U71466" i="1"/>
  <c r="U71465" i="1"/>
  <c r="U71464" i="1"/>
  <c r="U71463" i="1"/>
  <c r="U71462" i="1"/>
  <c r="U71461" i="1"/>
  <c r="U71460" i="1"/>
  <c r="U71459" i="1"/>
  <c r="U71458" i="1"/>
  <c r="U71457" i="1"/>
  <c r="U71456" i="1"/>
  <c r="U71455" i="1"/>
  <c r="U71454" i="1"/>
  <c r="U71453" i="1"/>
  <c r="U71452" i="1"/>
  <c r="U71451" i="1"/>
  <c r="U71450" i="1"/>
  <c r="U71449" i="1"/>
  <c r="U71448" i="1"/>
  <c r="U71447" i="1"/>
  <c r="U71446" i="1"/>
  <c r="U71445" i="1"/>
  <c r="U71444" i="1"/>
  <c r="U71443" i="1"/>
  <c r="U71442" i="1"/>
  <c r="U71441" i="1"/>
  <c r="U71440" i="1"/>
  <c r="U71439" i="1"/>
  <c r="U71438" i="1"/>
  <c r="U71437" i="1"/>
  <c r="U71436" i="1"/>
  <c r="U71435" i="1"/>
  <c r="U71434" i="1"/>
  <c r="U71433" i="1"/>
  <c r="U71432" i="1"/>
  <c r="U71431" i="1"/>
  <c r="U71430" i="1"/>
  <c r="U71429" i="1"/>
  <c r="U71428" i="1"/>
  <c r="U71427" i="1"/>
  <c r="U71426" i="1"/>
  <c r="U71425" i="1"/>
  <c r="U71424" i="1"/>
  <c r="U71423" i="1"/>
  <c r="U71422" i="1"/>
  <c r="U71421" i="1"/>
  <c r="U71420" i="1"/>
  <c r="U71419" i="1"/>
  <c r="U71418" i="1"/>
  <c r="U71417" i="1"/>
  <c r="U71416" i="1"/>
  <c r="U71415" i="1"/>
  <c r="U71414" i="1"/>
  <c r="U71413" i="1"/>
  <c r="U71412" i="1"/>
  <c r="U71411" i="1"/>
  <c r="U71410" i="1"/>
  <c r="U71409" i="1"/>
  <c r="U71408" i="1"/>
  <c r="U71407" i="1"/>
  <c r="U71406" i="1"/>
  <c r="U71405" i="1"/>
  <c r="U71404" i="1"/>
  <c r="U71403" i="1"/>
  <c r="U71402" i="1"/>
  <c r="U71401" i="1"/>
  <c r="U71400" i="1"/>
  <c r="U71399" i="1"/>
  <c r="U71398" i="1"/>
  <c r="U71397" i="1"/>
  <c r="U71396" i="1"/>
  <c r="U71395" i="1"/>
  <c r="U71394" i="1"/>
  <c r="U71393" i="1"/>
  <c r="U71392" i="1"/>
  <c r="U71391" i="1"/>
  <c r="U71390" i="1"/>
  <c r="U71389" i="1"/>
  <c r="U71388" i="1"/>
  <c r="U71387" i="1"/>
  <c r="U71386" i="1"/>
  <c r="U71385" i="1"/>
  <c r="U71384" i="1"/>
  <c r="U71383" i="1"/>
  <c r="U71382" i="1"/>
  <c r="U71381" i="1"/>
  <c r="U71380" i="1"/>
  <c r="U71379" i="1"/>
  <c r="U71378" i="1"/>
  <c r="U71377" i="1"/>
  <c r="U71376" i="1"/>
  <c r="U71375" i="1"/>
  <c r="U71374" i="1"/>
  <c r="U71373" i="1"/>
  <c r="U71372" i="1"/>
  <c r="U71371" i="1"/>
  <c r="U71370" i="1"/>
  <c r="U71369" i="1"/>
  <c r="U71368" i="1"/>
  <c r="U71367" i="1"/>
  <c r="U71366" i="1"/>
  <c r="U71365" i="1"/>
  <c r="U71364" i="1"/>
  <c r="U71363" i="1"/>
  <c r="U71362" i="1"/>
  <c r="U71361" i="1"/>
  <c r="U71360" i="1"/>
  <c r="U71359" i="1"/>
  <c r="U71358" i="1"/>
  <c r="U71357" i="1"/>
  <c r="U71356" i="1"/>
  <c r="U71355" i="1"/>
  <c r="U71354" i="1"/>
  <c r="U71353" i="1"/>
  <c r="U71352" i="1"/>
  <c r="U71351" i="1"/>
  <c r="U71350" i="1"/>
  <c r="U71349" i="1"/>
  <c r="U71348" i="1"/>
  <c r="U71347" i="1"/>
  <c r="U71346" i="1"/>
  <c r="U71345" i="1"/>
  <c r="U71344" i="1"/>
  <c r="U71343" i="1"/>
  <c r="U71342" i="1"/>
  <c r="U71341" i="1"/>
  <c r="U71340" i="1"/>
  <c r="U71339" i="1"/>
  <c r="U71338" i="1"/>
  <c r="U71337" i="1"/>
  <c r="U71336" i="1"/>
  <c r="U71335" i="1"/>
  <c r="U71334" i="1"/>
  <c r="U71333" i="1"/>
  <c r="U71332" i="1"/>
  <c r="U71331" i="1"/>
  <c r="U71330" i="1"/>
  <c r="U71329" i="1"/>
  <c r="U71328" i="1"/>
  <c r="U71327" i="1"/>
  <c r="U71326" i="1"/>
  <c r="U71325" i="1"/>
  <c r="U71324" i="1"/>
  <c r="U71323" i="1"/>
  <c r="U71322" i="1"/>
  <c r="U71321" i="1"/>
  <c r="U71320" i="1"/>
  <c r="U71319" i="1"/>
  <c r="U71318" i="1"/>
  <c r="U71317" i="1"/>
  <c r="U71316" i="1"/>
  <c r="U71315" i="1"/>
  <c r="U71314" i="1"/>
  <c r="U71313" i="1"/>
  <c r="U71312" i="1"/>
  <c r="U71311" i="1"/>
  <c r="U71310" i="1"/>
  <c r="U71309" i="1"/>
  <c r="U71308" i="1"/>
  <c r="U71307" i="1"/>
  <c r="U71306" i="1"/>
  <c r="U71305" i="1"/>
  <c r="U71304" i="1"/>
  <c r="U71303" i="1"/>
  <c r="U71302" i="1"/>
  <c r="U71301" i="1"/>
  <c r="U71300" i="1"/>
  <c r="U71299" i="1"/>
  <c r="U71298" i="1"/>
  <c r="U71297" i="1"/>
  <c r="U71296" i="1"/>
  <c r="U71295" i="1"/>
  <c r="U71294" i="1"/>
  <c r="U71293" i="1"/>
  <c r="U71292" i="1"/>
  <c r="U71291" i="1"/>
  <c r="U71290" i="1"/>
  <c r="U71289" i="1"/>
  <c r="U71288" i="1"/>
  <c r="U71287" i="1"/>
  <c r="U71286" i="1"/>
  <c r="U71285" i="1"/>
  <c r="U71284" i="1"/>
  <c r="U71283" i="1"/>
  <c r="U71282" i="1"/>
  <c r="U71281" i="1"/>
  <c r="U71280" i="1"/>
  <c r="U71279" i="1"/>
  <c r="U71278" i="1"/>
  <c r="U71277" i="1"/>
  <c r="U71276" i="1"/>
  <c r="U71275" i="1"/>
  <c r="U71274" i="1"/>
  <c r="U71273" i="1"/>
  <c r="U71272" i="1"/>
  <c r="U71271" i="1"/>
  <c r="U71270" i="1"/>
  <c r="U71269" i="1"/>
  <c r="U71268" i="1"/>
  <c r="U71267" i="1"/>
  <c r="U71266" i="1"/>
  <c r="U71265" i="1"/>
  <c r="U71264" i="1"/>
  <c r="U71263" i="1"/>
  <c r="U71262" i="1"/>
  <c r="U71261" i="1"/>
  <c r="U71260" i="1"/>
  <c r="U71259" i="1"/>
  <c r="U71258" i="1"/>
  <c r="U71257" i="1"/>
  <c r="U71256" i="1"/>
  <c r="U71255" i="1"/>
  <c r="U71254" i="1"/>
  <c r="U71253" i="1"/>
  <c r="U71252" i="1"/>
  <c r="U71251" i="1"/>
  <c r="U71250" i="1"/>
  <c r="U71249" i="1"/>
  <c r="U71248" i="1"/>
  <c r="U71247" i="1"/>
  <c r="U71246" i="1"/>
  <c r="U71245" i="1"/>
  <c r="U71244" i="1"/>
  <c r="U71243" i="1"/>
  <c r="U71242" i="1"/>
  <c r="U71241" i="1"/>
  <c r="U71240" i="1"/>
  <c r="U71239" i="1"/>
  <c r="U71238" i="1"/>
  <c r="U71237" i="1"/>
  <c r="U71236" i="1"/>
  <c r="U71235" i="1"/>
  <c r="U71234" i="1"/>
  <c r="U71233" i="1"/>
  <c r="U71232" i="1"/>
  <c r="U71231" i="1"/>
  <c r="U71230" i="1"/>
  <c r="U71229" i="1"/>
  <c r="U71228" i="1"/>
  <c r="U71227" i="1"/>
  <c r="U71226" i="1"/>
  <c r="U71225" i="1"/>
  <c r="U71224" i="1"/>
  <c r="U71223" i="1"/>
  <c r="U71222" i="1"/>
  <c r="U71221" i="1"/>
  <c r="U71220" i="1"/>
  <c r="U71219" i="1"/>
  <c r="U71218" i="1"/>
  <c r="U71217" i="1"/>
  <c r="U71216" i="1"/>
  <c r="U71215" i="1"/>
  <c r="U71214" i="1"/>
  <c r="U71213" i="1"/>
  <c r="U71212" i="1"/>
  <c r="U71211" i="1"/>
  <c r="U71210" i="1"/>
  <c r="U71209" i="1"/>
  <c r="U71208" i="1"/>
  <c r="U71207" i="1"/>
  <c r="U71206" i="1"/>
  <c r="U71205" i="1"/>
  <c r="U71204" i="1"/>
  <c r="U71203" i="1"/>
  <c r="U71202" i="1"/>
  <c r="U71201" i="1"/>
  <c r="U71200" i="1"/>
  <c r="U71199" i="1"/>
  <c r="U71198" i="1"/>
  <c r="U71197" i="1"/>
  <c r="U71196" i="1"/>
  <c r="U71195" i="1"/>
  <c r="U71194" i="1"/>
  <c r="U71193" i="1"/>
  <c r="U71192" i="1"/>
  <c r="U71191" i="1"/>
  <c r="U71190" i="1"/>
  <c r="U71189" i="1"/>
  <c r="U71188" i="1"/>
  <c r="U71187" i="1"/>
  <c r="U71186" i="1"/>
  <c r="U71185" i="1"/>
  <c r="U71184" i="1"/>
  <c r="U71183" i="1"/>
  <c r="U71182" i="1"/>
  <c r="U71181" i="1"/>
  <c r="U71180" i="1"/>
  <c r="U71179" i="1"/>
  <c r="U71178" i="1"/>
  <c r="U71177" i="1"/>
  <c r="U71176" i="1"/>
  <c r="U71175" i="1"/>
  <c r="U71174" i="1"/>
  <c r="U71173" i="1"/>
  <c r="U71172" i="1"/>
  <c r="U71171" i="1"/>
  <c r="U71170" i="1"/>
  <c r="U71169" i="1"/>
  <c r="U71168" i="1"/>
  <c r="U71167" i="1"/>
  <c r="U71166" i="1"/>
  <c r="U71165" i="1"/>
  <c r="U71164" i="1"/>
  <c r="U71163" i="1"/>
  <c r="U71162" i="1"/>
  <c r="U71161" i="1"/>
  <c r="U71160" i="1"/>
  <c r="U71159" i="1"/>
  <c r="U71158" i="1"/>
  <c r="U71157" i="1"/>
  <c r="U71156" i="1"/>
  <c r="U71155" i="1"/>
  <c r="U71154" i="1"/>
  <c r="U71153" i="1"/>
  <c r="U71152" i="1"/>
  <c r="U71151" i="1"/>
  <c r="U71150" i="1"/>
  <c r="U71149" i="1"/>
  <c r="U71148" i="1"/>
  <c r="U71147" i="1"/>
  <c r="U71146" i="1"/>
  <c r="U71145" i="1"/>
  <c r="U71144" i="1"/>
  <c r="U71143" i="1"/>
  <c r="U71142" i="1"/>
  <c r="U71141" i="1"/>
  <c r="U71140" i="1"/>
  <c r="U71139" i="1"/>
  <c r="U71138" i="1"/>
  <c r="U71137" i="1"/>
  <c r="U71136" i="1"/>
  <c r="U71135" i="1"/>
  <c r="U71134" i="1"/>
  <c r="U71133" i="1"/>
  <c r="U71132" i="1"/>
  <c r="U71131" i="1"/>
  <c r="U71130" i="1"/>
  <c r="U71129" i="1"/>
  <c r="U71128" i="1"/>
  <c r="U71127" i="1"/>
  <c r="U71126" i="1"/>
  <c r="U71125" i="1"/>
  <c r="U71124" i="1"/>
  <c r="U71123" i="1"/>
  <c r="U71122" i="1"/>
  <c r="U71121" i="1"/>
  <c r="U71120" i="1"/>
  <c r="U71119" i="1"/>
  <c r="U71118" i="1"/>
  <c r="U71117" i="1"/>
  <c r="U71116" i="1"/>
  <c r="U71115" i="1"/>
  <c r="U71114" i="1"/>
  <c r="U71113" i="1"/>
  <c r="U71112" i="1"/>
  <c r="U71111" i="1"/>
  <c r="U71110" i="1"/>
  <c r="U71109" i="1"/>
  <c r="U71108" i="1"/>
  <c r="U71107" i="1"/>
  <c r="U71106" i="1"/>
  <c r="U71105" i="1"/>
  <c r="U71104" i="1"/>
  <c r="U71103" i="1"/>
  <c r="U71102" i="1"/>
  <c r="U71101" i="1"/>
  <c r="U71100" i="1"/>
  <c r="U71099" i="1"/>
  <c r="U71098" i="1"/>
  <c r="U71097" i="1"/>
  <c r="U71096" i="1"/>
  <c r="U71095" i="1"/>
  <c r="U71094" i="1"/>
  <c r="U71093" i="1"/>
  <c r="U71092" i="1"/>
  <c r="U71091" i="1"/>
  <c r="U71090" i="1"/>
  <c r="U71089" i="1"/>
  <c r="U71088" i="1"/>
  <c r="U71087" i="1"/>
  <c r="U71086" i="1"/>
  <c r="U71085" i="1"/>
  <c r="U71084" i="1"/>
  <c r="U71083" i="1"/>
  <c r="U71082" i="1"/>
  <c r="U71081" i="1"/>
  <c r="U71080" i="1"/>
  <c r="U71079" i="1"/>
  <c r="U71078" i="1"/>
  <c r="U71077" i="1"/>
  <c r="U71076" i="1"/>
  <c r="U71075" i="1"/>
  <c r="U71074" i="1"/>
  <c r="U71073" i="1"/>
  <c r="U71072" i="1"/>
  <c r="U71071" i="1"/>
  <c r="U71070" i="1"/>
  <c r="U71069" i="1"/>
  <c r="U71068" i="1"/>
  <c r="U71067" i="1"/>
  <c r="U71066" i="1"/>
  <c r="U71065" i="1"/>
  <c r="U71064" i="1"/>
  <c r="U71063" i="1"/>
  <c r="U71062" i="1"/>
  <c r="U71061" i="1"/>
  <c r="U71060" i="1"/>
  <c r="U71059" i="1"/>
  <c r="U71058" i="1"/>
  <c r="U71057" i="1"/>
  <c r="U71056" i="1"/>
  <c r="U71055" i="1"/>
  <c r="U71054" i="1"/>
  <c r="U71053" i="1"/>
  <c r="U71052" i="1"/>
  <c r="U71051" i="1"/>
  <c r="U71050" i="1"/>
  <c r="U71049" i="1"/>
  <c r="U71048" i="1"/>
  <c r="U71047" i="1"/>
  <c r="U71046" i="1"/>
  <c r="U71045" i="1"/>
  <c r="U71044" i="1"/>
  <c r="U71043" i="1"/>
  <c r="U71042" i="1"/>
  <c r="U71041" i="1"/>
  <c r="U71040" i="1"/>
  <c r="U71039" i="1"/>
  <c r="U71038" i="1"/>
  <c r="U71037" i="1"/>
  <c r="U71036" i="1"/>
  <c r="U71035" i="1"/>
  <c r="U71034" i="1"/>
  <c r="U71033" i="1"/>
  <c r="U71032" i="1"/>
  <c r="U71031" i="1"/>
  <c r="U71030" i="1"/>
  <c r="U71029" i="1"/>
  <c r="U71028" i="1"/>
  <c r="U71027" i="1"/>
  <c r="U71026" i="1"/>
  <c r="U71025" i="1"/>
  <c r="U71024" i="1"/>
  <c r="U71023" i="1"/>
  <c r="U71022" i="1"/>
  <c r="U71021" i="1"/>
  <c r="U71020" i="1"/>
  <c r="U71019" i="1"/>
  <c r="U71018" i="1"/>
  <c r="U71017" i="1"/>
  <c r="U71016" i="1"/>
  <c r="U71015" i="1"/>
  <c r="U71014" i="1"/>
  <c r="U71013" i="1"/>
  <c r="U71012" i="1"/>
  <c r="U71011" i="1"/>
  <c r="U71010" i="1"/>
  <c r="U71009" i="1"/>
  <c r="U71008" i="1"/>
  <c r="U71007" i="1"/>
  <c r="U71006" i="1"/>
  <c r="U71005" i="1"/>
  <c r="U71004" i="1"/>
  <c r="U71003" i="1"/>
  <c r="U71002" i="1"/>
  <c r="U71001" i="1"/>
  <c r="U71000" i="1"/>
  <c r="U70999" i="1"/>
  <c r="U70998" i="1"/>
  <c r="U70997" i="1"/>
  <c r="U70996" i="1"/>
  <c r="U70995" i="1"/>
  <c r="U70994" i="1"/>
  <c r="U70993" i="1"/>
  <c r="U70992" i="1"/>
  <c r="U70991" i="1"/>
  <c r="U70990" i="1"/>
  <c r="U70989" i="1"/>
  <c r="U70988" i="1"/>
  <c r="U70987" i="1"/>
  <c r="U70986" i="1"/>
  <c r="U70985" i="1"/>
  <c r="U70984" i="1"/>
  <c r="U70983" i="1"/>
  <c r="U70982" i="1"/>
  <c r="U70981" i="1"/>
  <c r="U70980" i="1"/>
  <c r="U70979" i="1"/>
  <c r="U70978" i="1"/>
  <c r="U70977" i="1"/>
  <c r="U70976" i="1"/>
  <c r="U70975" i="1"/>
  <c r="U70974" i="1"/>
  <c r="U70973" i="1"/>
  <c r="U70972" i="1"/>
  <c r="U70971" i="1"/>
  <c r="U70970" i="1"/>
  <c r="U70969" i="1"/>
  <c r="U70968" i="1"/>
  <c r="U70967" i="1"/>
  <c r="U70966" i="1"/>
  <c r="U70965" i="1"/>
  <c r="U70964" i="1"/>
  <c r="U70963" i="1"/>
  <c r="U70962" i="1"/>
  <c r="U70961" i="1"/>
  <c r="U70960" i="1"/>
  <c r="U70959" i="1"/>
  <c r="U70958" i="1"/>
  <c r="U70957" i="1"/>
  <c r="U70956" i="1"/>
  <c r="U70955" i="1"/>
  <c r="U70954" i="1"/>
  <c r="U70953" i="1"/>
  <c r="U70952" i="1"/>
  <c r="U70951" i="1"/>
  <c r="U70950" i="1"/>
  <c r="U70949" i="1"/>
  <c r="U70948" i="1"/>
  <c r="U70947" i="1"/>
  <c r="U70946" i="1"/>
  <c r="U70945" i="1"/>
  <c r="U70944" i="1"/>
  <c r="U70943" i="1"/>
  <c r="U70942" i="1"/>
  <c r="U70941" i="1"/>
  <c r="U70940" i="1"/>
  <c r="U70939" i="1"/>
  <c r="U70938" i="1"/>
  <c r="U70937" i="1"/>
  <c r="U70936" i="1"/>
  <c r="U70935" i="1"/>
  <c r="U70934" i="1"/>
  <c r="U70933" i="1"/>
  <c r="U70932" i="1"/>
  <c r="U70931" i="1"/>
  <c r="U70930" i="1"/>
  <c r="U70929" i="1"/>
  <c r="U70928" i="1"/>
  <c r="U70927" i="1"/>
  <c r="U70926" i="1"/>
  <c r="U70925" i="1"/>
  <c r="U70924" i="1"/>
  <c r="U70923" i="1"/>
  <c r="U70922" i="1"/>
  <c r="U70921" i="1"/>
  <c r="U70920" i="1"/>
  <c r="U70919" i="1"/>
  <c r="U70918" i="1"/>
  <c r="U70917" i="1"/>
  <c r="U70916" i="1"/>
  <c r="U70915" i="1"/>
  <c r="U70914" i="1"/>
  <c r="U70913" i="1"/>
  <c r="U70912" i="1"/>
  <c r="U70911" i="1"/>
  <c r="U70910" i="1"/>
  <c r="U70909" i="1"/>
  <c r="U70908" i="1"/>
  <c r="U70907" i="1"/>
  <c r="U70906" i="1"/>
  <c r="U70905" i="1"/>
  <c r="U70904" i="1"/>
  <c r="U70903" i="1"/>
  <c r="U70902" i="1"/>
  <c r="U70901" i="1"/>
  <c r="U70900" i="1"/>
  <c r="U70899" i="1"/>
  <c r="U70898" i="1"/>
  <c r="U70897" i="1"/>
  <c r="U70896" i="1"/>
  <c r="U70895" i="1"/>
  <c r="U70894" i="1"/>
  <c r="U70893" i="1"/>
  <c r="U70892" i="1"/>
  <c r="U70891" i="1"/>
  <c r="U70890" i="1"/>
  <c r="U70889" i="1"/>
  <c r="U70888" i="1"/>
  <c r="U70887" i="1"/>
  <c r="U70886" i="1"/>
  <c r="U70885" i="1"/>
  <c r="U70884" i="1"/>
  <c r="U70883" i="1"/>
  <c r="U70882" i="1"/>
  <c r="U70881" i="1"/>
  <c r="U70880" i="1"/>
  <c r="U70879" i="1"/>
  <c r="U70878" i="1"/>
  <c r="U70877" i="1"/>
  <c r="U70876" i="1"/>
  <c r="U70875" i="1"/>
  <c r="U70874" i="1"/>
  <c r="U70873" i="1"/>
  <c r="U70872" i="1"/>
  <c r="U70871" i="1"/>
  <c r="U70870" i="1"/>
  <c r="U70869" i="1"/>
  <c r="U70868" i="1"/>
  <c r="U70867" i="1"/>
  <c r="U70866" i="1"/>
  <c r="U70865" i="1"/>
  <c r="U70864" i="1"/>
  <c r="U70863" i="1"/>
  <c r="U70862" i="1"/>
  <c r="U70861" i="1"/>
  <c r="U70860" i="1"/>
  <c r="U70859" i="1"/>
  <c r="U70858" i="1"/>
  <c r="U70857" i="1"/>
  <c r="U70856" i="1"/>
  <c r="U70855" i="1"/>
  <c r="U70854" i="1"/>
  <c r="U70853" i="1"/>
  <c r="U70852" i="1"/>
  <c r="U70851" i="1"/>
  <c r="U70850" i="1"/>
  <c r="U70849" i="1"/>
  <c r="U70848" i="1"/>
  <c r="U70847" i="1"/>
  <c r="U70846" i="1"/>
  <c r="U70845" i="1"/>
  <c r="U70844" i="1"/>
  <c r="U70843" i="1"/>
  <c r="U70842" i="1"/>
  <c r="U70841" i="1"/>
  <c r="U70840" i="1"/>
  <c r="U70839" i="1"/>
  <c r="U70838" i="1"/>
  <c r="U70837" i="1"/>
  <c r="U70836" i="1"/>
  <c r="U70835" i="1"/>
  <c r="U70834" i="1"/>
  <c r="U70833" i="1"/>
  <c r="U70832" i="1"/>
  <c r="U70831" i="1"/>
  <c r="U70830" i="1"/>
  <c r="U70829" i="1"/>
  <c r="U70828" i="1"/>
  <c r="U70827" i="1"/>
  <c r="U70826" i="1"/>
  <c r="U70825" i="1"/>
  <c r="U70824" i="1"/>
  <c r="U70823" i="1"/>
  <c r="U70822" i="1"/>
  <c r="U70821" i="1"/>
  <c r="U70820" i="1"/>
  <c r="U70819" i="1"/>
  <c r="U70818" i="1"/>
  <c r="U70817" i="1"/>
  <c r="U70816" i="1"/>
  <c r="U70815" i="1"/>
  <c r="U70814" i="1"/>
  <c r="U70813" i="1"/>
  <c r="U70812" i="1"/>
  <c r="U70811" i="1"/>
  <c r="U70810" i="1"/>
  <c r="U70809" i="1"/>
  <c r="U70808" i="1"/>
  <c r="U70807" i="1"/>
  <c r="U70806" i="1"/>
  <c r="U70805" i="1"/>
  <c r="U70804" i="1"/>
  <c r="U70803" i="1"/>
  <c r="U70802" i="1"/>
  <c r="U70801" i="1"/>
  <c r="U70800" i="1"/>
  <c r="U70799" i="1"/>
  <c r="U70798" i="1"/>
  <c r="U70797" i="1"/>
  <c r="U70796" i="1"/>
  <c r="U70795" i="1"/>
  <c r="U70794" i="1"/>
  <c r="U70793" i="1"/>
  <c r="U70792" i="1"/>
  <c r="U70791" i="1"/>
  <c r="U70790" i="1"/>
  <c r="U70789" i="1"/>
  <c r="U70788" i="1"/>
  <c r="U70787" i="1"/>
  <c r="U70786" i="1"/>
  <c r="U70785" i="1"/>
  <c r="U70784" i="1"/>
  <c r="U70783" i="1"/>
  <c r="U70782" i="1"/>
  <c r="U70781" i="1"/>
  <c r="U70780" i="1"/>
  <c r="U70779" i="1"/>
  <c r="U70778" i="1"/>
  <c r="U70777" i="1"/>
  <c r="U70776" i="1"/>
  <c r="U70775" i="1"/>
  <c r="U70774" i="1"/>
  <c r="U70773" i="1"/>
  <c r="U70772" i="1"/>
  <c r="U70771" i="1"/>
  <c r="U70770" i="1"/>
  <c r="U70769" i="1"/>
  <c r="U70768" i="1"/>
  <c r="U70767" i="1"/>
  <c r="U70766" i="1"/>
  <c r="U70765" i="1"/>
  <c r="U70764" i="1"/>
  <c r="U70763" i="1"/>
  <c r="U70762" i="1"/>
  <c r="U70761" i="1"/>
  <c r="U70760" i="1"/>
  <c r="U70759" i="1"/>
  <c r="U70758" i="1"/>
  <c r="U70757" i="1"/>
  <c r="U70756" i="1"/>
  <c r="U70755" i="1"/>
  <c r="U70754" i="1"/>
  <c r="U70753" i="1"/>
  <c r="U70752" i="1"/>
  <c r="U70751" i="1"/>
  <c r="U70750" i="1"/>
  <c r="U70749" i="1"/>
  <c r="U70748" i="1"/>
  <c r="U70747" i="1"/>
  <c r="U70746" i="1"/>
  <c r="U70745" i="1"/>
  <c r="U70744" i="1"/>
  <c r="U70743" i="1"/>
  <c r="U70742" i="1"/>
  <c r="U70741" i="1"/>
  <c r="U70740" i="1"/>
  <c r="U70739" i="1"/>
  <c r="U70738" i="1"/>
  <c r="U70737" i="1"/>
  <c r="U70736" i="1"/>
  <c r="U70735" i="1"/>
  <c r="U70734" i="1"/>
  <c r="U70733" i="1"/>
  <c r="U70732" i="1"/>
  <c r="U70731" i="1"/>
  <c r="U70730" i="1"/>
  <c r="U70729" i="1"/>
  <c r="U70728" i="1"/>
  <c r="U70727" i="1"/>
  <c r="U70726" i="1"/>
  <c r="U70725" i="1"/>
  <c r="U70724" i="1"/>
  <c r="U70723" i="1"/>
  <c r="U70722" i="1"/>
  <c r="U70721" i="1"/>
  <c r="U70720" i="1"/>
  <c r="U70719" i="1"/>
  <c r="U70718" i="1"/>
  <c r="U70717" i="1"/>
  <c r="U70716" i="1"/>
  <c r="U70715" i="1"/>
  <c r="U70714" i="1"/>
  <c r="U70713" i="1"/>
  <c r="U70712" i="1"/>
  <c r="U70711" i="1"/>
  <c r="U70710" i="1"/>
  <c r="U70709" i="1"/>
  <c r="U70708" i="1"/>
  <c r="U70707" i="1"/>
  <c r="U70706" i="1"/>
  <c r="U70705" i="1"/>
  <c r="U70704" i="1"/>
  <c r="U70703" i="1"/>
  <c r="U70702" i="1"/>
  <c r="U70701" i="1"/>
  <c r="U70700" i="1"/>
  <c r="U70699" i="1"/>
  <c r="U70698" i="1"/>
  <c r="U70697" i="1"/>
  <c r="U70696" i="1"/>
  <c r="U70695" i="1"/>
  <c r="U70694" i="1"/>
  <c r="U70693" i="1"/>
  <c r="U70692" i="1"/>
  <c r="U70691" i="1"/>
  <c r="U70690" i="1"/>
  <c r="U70689" i="1"/>
  <c r="U70688" i="1"/>
  <c r="U70687" i="1"/>
  <c r="U70686" i="1"/>
  <c r="U70685" i="1"/>
  <c r="U70684" i="1"/>
  <c r="U70683" i="1"/>
  <c r="U70682" i="1"/>
  <c r="U70681" i="1"/>
  <c r="U70680" i="1"/>
  <c r="U70679" i="1"/>
  <c r="U70678" i="1"/>
  <c r="U70677" i="1"/>
  <c r="U70676" i="1"/>
  <c r="U70675" i="1"/>
  <c r="U70674" i="1"/>
  <c r="U70673" i="1"/>
  <c r="U70672" i="1"/>
  <c r="U70671" i="1"/>
  <c r="U70670" i="1"/>
  <c r="U70669" i="1"/>
  <c r="U70668" i="1"/>
  <c r="U70667" i="1"/>
  <c r="U70666" i="1"/>
  <c r="U70665" i="1"/>
  <c r="U70664" i="1"/>
  <c r="U70663" i="1"/>
  <c r="U70662" i="1"/>
  <c r="U70661" i="1"/>
  <c r="U70660" i="1"/>
  <c r="U70659" i="1"/>
  <c r="U70658" i="1"/>
  <c r="U70657" i="1"/>
  <c r="U70656" i="1"/>
  <c r="U70655" i="1"/>
  <c r="U70654" i="1"/>
  <c r="U70653" i="1"/>
  <c r="U70652" i="1"/>
  <c r="U70651" i="1"/>
  <c r="U70650" i="1"/>
  <c r="U70649" i="1"/>
  <c r="U70648" i="1"/>
  <c r="U70647" i="1"/>
  <c r="U70646" i="1"/>
  <c r="U70645" i="1"/>
  <c r="U70644" i="1"/>
  <c r="U70643" i="1"/>
  <c r="U70642" i="1"/>
  <c r="U70641" i="1"/>
  <c r="U70640" i="1"/>
  <c r="U70639" i="1"/>
  <c r="U70638" i="1"/>
  <c r="U70637" i="1"/>
  <c r="U70636" i="1"/>
  <c r="U70635" i="1"/>
  <c r="U70634" i="1"/>
  <c r="U70633" i="1"/>
  <c r="U70632" i="1"/>
  <c r="U70631" i="1"/>
  <c r="U70630" i="1"/>
  <c r="U70629" i="1"/>
  <c r="U70628" i="1"/>
  <c r="U70627" i="1"/>
  <c r="U70626" i="1"/>
  <c r="U70625" i="1"/>
  <c r="U70624" i="1"/>
  <c r="U70623" i="1"/>
  <c r="U70622" i="1"/>
  <c r="U70621" i="1"/>
  <c r="U70620" i="1"/>
  <c r="U70619" i="1"/>
  <c r="U70618" i="1"/>
  <c r="U70617" i="1"/>
  <c r="U70616" i="1"/>
  <c r="U70615" i="1"/>
  <c r="U70614" i="1"/>
  <c r="U70613" i="1"/>
  <c r="U70612" i="1"/>
  <c r="U70611" i="1"/>
  <c r="U70610" i="1"/>
  <c r="U70609" i="1"/>
  <c r="U70608" i="1"/>
  <c r="U70607" i="1"/>
  <c r="U70606" i="1"/>
  <c r="U70605" i="1"/>
  <c r="U70604" i="1"/>
  <c r="U70603" i="1"/>
  <c r="U70602" i="1"/>
  <c r="U70601" i="1"/>
  <c r="U70600" i="1"/>
  <c r="U70599" i="1"/>
  <c r="U70598" i="1"/>
  <c r="U70597" i="1"/>
  <c r="U70596" i="1"/>
  <c r="U70595" i="1"/>
  <c r="U70594" i="1"/>
  <c r="U70593" i="1"/>
  <c r="U70592" i="1"/>
  <c r="U70591" i="1"/>
  <c r="U70590" i="1"/>
  <c r="U70589" i="1"/>
  <c r="U70588" i="1"/>
  <c r="U70587" i="1"/>
  <c r="U70586" i="1"/>
  <c r="U70585" i="1"/>
  <c r="U70584" i="1"/>
  <c r="U70583" i="1"/>
  <c r="U70582" i="1"/>
  <c r="U70581" i="1"/>
  <c r="U70580" i="1"/>
  <c r="U70579" i="1"/>
  <c r="U70578" i="1"/>
  <c r="U70577" i="1"/>
  <c r="U70576" i="1"/>
  <c r="U70575" i="1"/>
  <c r="U70574" i="1"/>
  <c r="U70573" i="1"/>
  <c r="U70572" i="1"/>
  <c r="U70571" i="1"/>
  <c r="U70570" i="1"/>
  <c r="U70569" i="1"/>
  <c r="U70568" i="1"/>
  <c r="U70567" i="1"/>
  <c r="U70566" i="1"/>
  <c r="U70565" i="1"/>
  <c r="U70564" i="1"/>
  <c r="U70563" i="1"/>
  <c r="U70562" i="1"/>
  <c r="U70561" i="1"/>
  <c r="U70560" i="1"/>
  <c r="U70559" i="1"/>
  <c r="U70558" i="1"/>
  <c r="U70557" i="1"/>
  <c r="U70556" i="1"/>
  <c r="U70555" i="1"/>
  <c r="U70554" i="1"/>
  <c r="U70553" i="1"/>
  <c r="U70552" i="1"/>
  <c r="U70551" i="1"/>
  <c r="U70550" i="1"/>
  <c r="U70549" i="1"/>
  <c r="U70548" i="1"/>
  <c r="U70547" i="1"/>
  <c r="U70546" i="1"/>
  <c r="U70545" i="1"/>
  <c r="U70544" i="1"/>
  <c r="U70543" i="1"/>
  <c r="U70542" i="1"/>
  <c r="U70541" i="1"/>
  <c r="U70540" i="1"/>
  <c r="U70539" i="1"/>
  <c r="U70538" i="1"/>
  <c r="U70537" i="1"/>
  <c r="U70536" i="1"/>
  <c r="U70535" i="1"/>
  <c r="U70534" i="1"/>
  <c r="U70533" i="1"/>
  <c r="U70532" i="1"/>
  <c r="U70531" i="1"/>
  <c r="U70530" i="1"/>
  <c r="U70529" i="1"/>
  <c r="U70528" i="1"/>
  <c r="U70527" i="1"/>
  <c r="U70526" i="1"/>
  <c r="U70525" i="1"/>
  <c r="U70524" i="1"/>
  <c r="U70523" i="1"/>
  <c r="U70522" i="1"/>
  <c r="U70521" i="1"/>
  <c r="U70520" i="1"/>
  <c r="U70519" i="1"/>
  <c r="U70518" i="1"/>
  <c r="U70517" i="1"/>
  <c r="U70516" i="1"/>
  <c r="U70515" i="1"/>
  <c r="U70514" i="1"/>
  <c r="U70513" i="1"/>
  <c r="U70512" i="1"/>
  <c r="U70511" i="1"/>
  <c r="U70510" i="1"/>
  <c r="U70509" i="1"/>
  <c r="U70508" i="1"/>
  <c r="U70507" i="1"/>
  <c r="U70506" i="1"/>
  <c r="U70505" i="1"/>
  <c r="U70504" i="1"/>
  <c r="U70503" i="1"/>
  <c r="U70502" i="1"/>
  <c r="U70501" i="1"/>
  <c r="U70500" i="1"/>
  <c r="U70499" i="1"/>
  <c r="U70498" i="1"/>
  <c r="U70497" i="1"/>
  <c r="U70496" i="1"/>
  <c r="U70495" i="1"/>
  <c r="U70494" i="1"/>
  <c r="U70493" i="1"/>
  <c r="U70492" i="1"/>
  <c r="U70491" i="1"/>
  <c r="U70490" i="1"/>
  <c r="U70489" i="1"/>
  <c r="U70488" i="1"/>
  <c r="U70487" i="1"/>
  <c r="U70486" i="1"/>
  <c r="U70485" i="1"/>
  <c r="U70484" i="1"/>
  <c r="U70483" i="1"/>
  <c r="U70482" i="1"/>
  <c r="U70481" i="1"/>
  <c r="U70480" i="1"/>
  <c r="U70479" i="1"/>
  <c r="U70478" i="1"/>
  <c r="U70477" i="1"/>
  <c r="U70476" i="1"/>
  <c r="U70475" i="1"/>
  <c r="U70474" i="1"/>
  <c r="U70473" i="1"/>
  <c r="U70472" i="1"/>
  <c r="U70471" i="1"/>
  <c r="U70470" i="1"/>
  <c r="U70469" i="1"/>
  <c r="U70468" i="1"/>
  <c r="U70467" i="1"/>
  <c r="U70466" i="1"/>
  <c r="U70465" i="1"/>
  <c r="U70464" i="1"/>
  <c r="U70463" i="1"/>
  <c r="U70462" i="1"/>
  <c r="U70461" i="1"/>
  <c r="U70460" i="1"/>
  <c r="U70459" i="1"/>
  <c r="U70458" i="1"/>
  <c r="U70457" i="1"/>
  <c r="U70456" i="1"/>
  <c r="U70455" i="1"/>
  <c r="U70454" i="1"/>
  <c r="U70453" i="1"/>
  <c r="U70452" i="1"/>
  <c r="U70451" i="1"/>
  <c r="U70450" i="1"/>
  <c r="U70449" i="1"/>
  <c r="U70448" i="1"/>
  <c r="U70447" i="1"/>
  <c r="U70446" i="1"/>
  <c r="U70445" i="1"/>
  <c r="U70444" i="1"/>
  <c r="U70443" i="1"/>
  <c r="U70442" i="1"/>
  <c r="U70441" i="1"/>
  <c r="U70440" i="1"/>
  <c r="U70439" i="1"/>
  <c r="U70438" i="1"/>
  <c r="U70437" i="1"/>
  <c r="U70436" i="1"/>
  <c r="U70435" i="1"/>
  <c r="U70434" i="1"/>
  <c r="U70433" i="1"/>
  <c r="U70432" i="1"/>
  <c r="U70431" i="1"/>
  <c r="U70430" i="1"/>
  <c r="U70429" i="1"/>
  <c r="U70428" i="1"/>
  <c r="U70427" i="1"/>
  <c r="U70426" i="1"/>
  <c r="U70425" i="1"/>
  <c r="U70424" i="1"/>
  <c r="U70423" i="1"/>
  <c r="U70422" i="1"/>
  <c r="U70421" i="1"/>
  <c r="U70420" i="1"/>
  <c r="U70419" i="1"/>
  <c r="U70418" i="1"/>
  <c r="U70417" i="1"/>
  <c r="U70416" i="1"/>
  <c r="U70415" i="1"/>
  <c r="U70414" i="1"/>
  <c r="U70413" i="1"/>
  <c r="U70412" i="1"/>
  <c r="U70411" i="1"/>
  <c r="U70410" i="1"/>
  <c r="U70409" i="1"/>
  <c r="U70408" i="1"/>
  <c r="U70407" i="1"/>
  <c r="U70406" i="1"/>
  <c r="U70405" i="1"/>
  <c r="U70404" i="1"/>
  <c r="U70403" i="1"/>
  <c r="U70402" i="1"/>
  <c r="U70401" i="1"/>
  <c r="U70400" i="1"/>
  <c r="U70399" i="1"/>
  <c r="U70398" i="1"/>
  <c r="U70397" i="1"/>
  <c r="U70396" i="1"/>
  <c r="U70395" i="1"/>
  <c r="U70394" i="1"/>
  <c r="U70393" i="1"/>
  <c r="U70392" i="1"/>
  <c r="U70391" i="1"/>
  <c r="U70390" i="1"/>
  <c r="U70389" i="1"/>
  <c r="U70388" i="1"/>
  <c r="U70387" i="1"/>
  <c r="U70386" i="1"/>
  <c r="U70385" i="1"/>
  <c r="U70384" i="1"/>
  <c r="U70383" i="1"/>
  <c r="U70382" i="1"/>
  <c r="U70381" i="1"/>
  <c r="U70380" i="1"/>
  <c r="U70379" i="1"/>
  <c r="U70378" i="1"/>
  <c r="U70377" i="1"/>
  <c r="U70376" i="1"/>
  <c r="U70375" i="1"/>
  <c r="U70374" i="1"/>
  <c r="U70373" i="1"/>
  <c r="U70372" i="1"/>
  <c r="U70371" i="1"/>
  <c r="U70370" i="1"/>
  <c r="U70369" i="1"/>
  <c r="U70368" i="1"/>
  <c r="U70367" i="1"/>
  <c r="U70366" i="1"/>
  <c r="U70365" i="1"/>
  <c r="U70364" i="1"/>
  <c r="U70363" i="1"/>
  <c r="U70362" i="1"/>
  <c r="U70361" i="1"/>
  <c r="U70360" i="1"/>
  <c r="U70359" i="1"/>
  <c r="U70358" i="1"/>
  <c r="U70357" i="1"/>
  <c r="U70356" i="1"/>
  <c r="U70355" i="1"/>
  <c r="U70354" i="1"/>
  <c r="U70353" i="1"/>
  <c r="U70352" i="1"/>
  <c r="U70351" i="1"/>
  <c r="U70350" i="1"/>
  <c r="U70349" i="1"/>
  <c r="U70348" i="1"/>
  <c r="U70347" i="1"/>
  <c r="U70346" i="1"/>
  <c r="U70345" i="1"/>
  <c r="U70344" i="1"/>
  <c r="U70343" i="1"/>
  <c r="U70342" i="1"/>
  <c r="U70341" i="1"/>
  <c r="U70340" i="1"/>
  <c r="U70339" i="1"/>
  <c r="U70338" i="1"/>
  <c r="U70337" i="1"/>
  <c r="U70336" i="1"/>
  <c r="U70335" i="1"/>
  <c r="U70334" i="1"/>
  <c r="U70333" i="1"/>
  <c r="U70332" i="1"/>
  <c r="U70331" i="1"/>
  <c r="U70330" i="1"/>
  <c r="U70329" i="1"/>
  <c r="U70328" i="1"/>
  <c r="U70327" i="1"/>
  <c r="U70326" i="1"/>
  <c r="U70325" i="1"/>
  <c r="U70324" i="1"/>
  <c r="U70323" i="1"/>
  <c r="U70322" i="1"/>
  <c r="U70321" i="1"/>
  <c r="U70320" i="1"/>
  <c r="U70319" i="1"/>
  <c r="U70318" i="1"/>
  <c r="U70317" i="1"/>
  <c r="U70316" i="1"/>
  <c r="U70315" i="1"/>
  <c r="U70314" i="1"/>
  <c r="U70313" i="1"/>
  <c r="U70312" i="1"/>
  <c r="U70311" i="1"/>
  <c r="U70310" i="1"/>
  <c r="U70309" i="1"/>
  <c r="U70308" i="1"/>
  <c r="U70307" i="1"/>
  <c r="U70306" i="1"/>
  <c r="U70305" i="1"/>
  <c r="U70304" i="1"/>
  <c r="U70303" i="1"/>
  <c r="U70302" i="1"/>
  <c r="U70301" i="1"/>
  <c r="U70300" i="1"/>
  <c r="U70299" i="1"/>
  <c r="U70298" i="1"/>
  <c r="U70297" i="1"/>
  <c r="U70296" i="1"/>
  <c r="U70295" i="1"/>
  <c r="U70294" i="1"/>
  <c r="U70293" i="1"/>
  <c r="U70292" i="1"/>
  <c r="U70291" i="1"/>
  <c r="U70290" i="1"/>
  <c r="U70289" i="1"/>
  <c r="U70288" i="1"/>
  <c r="U70287" i="1"/>
  <c r="U70286" i="1"/>
  <c r="U70285" i="1"/>
  <c r="U70284" i="1"/>
  <c r="U70283" i="1"/>
  <c r="U70282" i="1"/>
  <c r="U70281" i="1"/>
  <c r="U70280" i="1"/>
  <c r="U70279" i="1"/>
  <c r="U70278" i="1"/>
  <c r="U70277" i="1"/>
  <c r="U70276" i="1"/>
  <c r="U70275" i="1"/>
  <c r="U70274" i="1"/>
  <c r="U70273" i="1"/>
  <c r="U70272" i="1"/>
  <c r="U70271" i="1"/>
  <c r="U70270" i="1"/>
  <c r="U70269" i="1"/>
  <c r="U70268" i="1"/>
  <c r="U70267" i="1"/>
  <c r="U70266" i="1"/>
  <c r="U70265" i="1"/>
  <c r="U70264" i="1"/>
  <c r="U70263" i="1"/>
  <c r="U70262" i="1"/>
  <c r="U70261" i="1"/>
  <c r="U70260" i="1"/>
  <c r="U70259" i="1"/>
  <c r="U70258" i="1"/>
  <c r="U70257" i="1"/>
  <c r="U70256" i="1"/>
  <c r="U70255" i="1"/>
  <c r="U70254" i="1"/>
  <c r="U70253" i="1"/>
  <c r="U70252" i="1"/>
  <c r="U70251" i="1"/>
  <c r="U70250" i="1"/>
  <c r="U70249" i="1"/>
  <c r="U70248" i="1"/>
  <c r="U70247" i="1"/>
  <c r="U70246" i="1"/>
  <c r="U70245" i="1"/>
  <c r="U70244" i="1"/>
  <c r="U70243" i="1"/>
  <c r="U70242" i="1"/>
  <c r="U70241" i="1"/>
  <c r="U70240" i="1"/>
  <c r="U70239" i="1"/>
  <c r="U70238" i="1"/>
  <c r="U70237" i="1"/>
  <c r="U70236" i="1"/>
  <c r="U70235" i="1"/>
  <c r="U70234" i="1"/>
  <c r="U70233" i="1"/>
  <c r="U70232" i="1"/>
  <c r="U70231" i="1"/>
  <c r="U70230" i="1"/>
  <c r="U70229" i="1"/>
  <c r="U70228" i="1"/>
  <c r="U70227" i="1"/>
  <c r="U70226" i="1"/>
  <c r="U70225" i="1"/>
  <c r="U70224" i="1"/>
  <c r="U70223" i="1"/>
  <c r="U70222" i="1"/>
  <c r="U70221" i="1"/>
  <c r="U70220" i="1"/>
  <c r="U70219" i="1"/>
  <c r="U70218" i="1"/>
  <c r="U70217" i="1"/>
  <c r="U70216" i="1"/>
  <c r="U70215" i="1"/>
  <c r="U70214" i="1"/>
  <c r="U70213" i="1"/>
  <c r="U70212" i="1"/>
  <c r="U70211" i="1"/>
  <c r="U70210" i="1"/>
  <c r="U70209" i="1"/>
  <c r="U70208" i="1"/>
  <c r="U70207" i="1"/>
  <c r="U70206" i="1"/>
  <c r="U70205" i="1"/>
  <c r="U70204" i="1"/>
  <c r="U70203" i="1"/>
  <c r="U70202" i="1"/>
  <c r="U70201" i="1"/>
  <c r="U70200" i="1"/>
  <c r="U70199" i="1"/>
  <c r="U70198" i="1"/>
  <c r="U70197" i="1"/>
  <c r="U70196" i="1"/>
  <c r="U70195" i="1"/>
  <c r="U70194" i="1"/>
  <c r="U70193" i="1"/>
  <c r="U70192" i="1"/>
  <c r="U70191" i="1"/>
  <c r="U70190" i="1"/>
  <c r="U70189" i="1"/>
  <c r="U70188" i="1"/>
  <c r="U70187" i="1"/>
  <c r="U70186" i="1"/>
  <c r="U70185" i="1"/>
  <c r="U70184" i="1"/>
  <c r="U70183" i="1"/>
  <c r="U70182" i="1"/>
  <c r="U70181" i="1"/>
  <c r="U70180" i="1"/>
  <c r="U70179" i="1"/>
  <c r="U70178" i="1"/>
  <c r="U70177" i="1"/>
  <c r="U70176" i="1"/>
  <c r="U70175" i="1"/>
  <c r="U70174" i="1"/>
  <c r="U70173" i="1"/>
  <c r="U70172" i="1"/>
  <c r="U70171" i="1"/>
  <c r="U70170" i="1"/>
  <c r="U70169" i="1"/>
  <c r="U70168" i="1"/>
  <c r="U70167" i="1"/>
  <c r="U70166" i="1"/>
  <c r="U70165" i="1"/>
  <c r="U70164" i="1"/>
  <c r="U70163" i="1"/>
  <c r="U70162" i="1"/>
  <c r="U70161" i="1"/>
  <c r="U70160" i="1"/>
  <c r="U70159" i="1"/>
  <c r="U70158" i="1"/>
  <c r="U70157" i="1"/>
  <c r="U70156" i="1"/>
  <c r="U70155" i="1"/>
  <c r="U70154" i="1"/>
  <c r="U70153" i="1"/>
  <c r="U70152" i="1"/>
  <c r="U70151" i="1"/>
  <c r="U70150" i="1"/>
  <c r="U70149" i="1"/>
  <c r="U70148" i="1"/>
  <c r="U70147" i="1"/>
  <c r="U70146" i="1"/>
  <c r="U70145" i="1"/>
  <c r="U70144" i="1"/>
  <c r="U70143" i="1"/>
  <c r="U70142" i="1"/>
  <c r="U70141" i="1"/>
  <c r="U70140" i="1"/>
  <c r="U70139" i="1"/>
  <c r="U70138" i="1"/>
  <c r="U70137" i="1"/>
  <c r="U70136" i="1"/>
  <c r="U70135" i="1"/>
  <c r="U70134" i="1"/>
  <c r="U70133" i="1"/>
  <c r="U70132" i="1"/>
  <c r="U70131" i="1"/>
  <c r="U70130" i="1"/>
  <c r="U70129" i="1"/>
  <c r="U70128" i="1"/>
  <c r="U70127" i="1"/>
  <c r="U70126" i="1"/>
  <c r="U70125" i="1"/>
  <c r="U70124" i="1"/>
  <c r="U70123" i="1"/>
  <c r="U70122" i="1"/>
  <c r="U70121" i="1"/>
  <c r="U70120" i="1"/>
  <c r="U70119" i="1"/>
  <c r="U70118" i="1"/>
  <c r="U70117" i="1"/>
  <c r="U70116" i="1"/>
  <c r="U70115" i="1"/>
  <c r="U70114" i="1"/>
  <c r="U70113" i="1"/>
  <c r="U70112" i="1"/>
  <c r="U70111" i="1"/>
  <c r="U70110" i="1"/>
  <c r="U70109" i="1"/>
  <c r="U70108" i="1"/>
  <c r="U70107" i="1"/>
  <c r="U70106" i="1"/>
  <c r="U70105" i="1"/>
  <c r="U70104" i="1"/>
  <c r="U70103" i="1"/>
  <c r="U70102" i="1"/>
  <c r="U70101" i="1"/>
  <c r="U70100" i="1"/>
  <c r="U70099" i="1"/>
  <c r="U70098" i="1"/>
  <c r="U70097" i="1"/>
  <c r="U70096" i="1"/>
  <c r="U70095" i="1"/>
  <c r="U70094" i="1"/>
  <c r="U70093" i="1"/>
  <c r="U70092" i="1"/>
  <c r="U70091" i="1"/>
  <c r="U70090" i="1"/>
  <c r="U70089" i="1"/>
  <c r="U70088" i="1"/>
  <c r="U70087" i="1"/>
  <c r="U70086" i="1"/>
  <c r="U70085" i="1"/>
  <c r="U70084" i="1"/>
  <c r="U70083" i="1"/>
  <c r="U70082" i="1"/>
  <c r="U70081" i="1"/>
  <c r="U70080" i="1"/>
  <c r="U70079" i="1"/>
  <c r="U70078" i="1"/>
  <c r="U70077" i="1"/>
  <c r="U70076" i="1"/>
  <c r="U70075" i="1"/>
  <c r="U70074" i="1"/>
  <c r="U70073" i="1"/>
  <c r="U70072" i="1"/>
  <c r="U70071" i="1"/>
  <c r="U70070" i="1"/>
  <c r="U70069" i="1"/>
  <c r="U70068" i="1"/>
  <c r="U70067" i="1"/>
  <c r="U70066" i="1"/>
  <c r="U70065" i="1"/>
  <c r="U70064" i="1"/>
  <c r="U70063" i="1"/>
  <c r="U70062" i="1"/>
  <c r="U70061" i="1"/>
  <c r="U70060" i="1"/>
  <c r="U70059" i="1"/>
  <c r="U70058" i="1"/>
  <c r="U70057" i="1"/>
  <c r="U70056" i="1"/>
  <c r="U70055" i="1"/>
  <c r="U70054" i="1"/>
  <c r="U70053" i="1"/>
  <c r="U70052" i="1"/>
  <c r="U70051" i="1"/>
  <c r="U70050" i="1"/>
  <c r="U70049" i="1"/>
  <c r="U70048" i="1"/>
  <c r="U70047" i="1"/>
  <c r="U70046" i="1"/>
  <c r="U70045" i="1"/>
  <c r="U70044" i="1"/>
  <c r="U70043" i="1"/>
  <c r="U70042" i="1"/>
  <c r="U70041" i="1"/>
  <c r="U70040" i="1"/>
  <c r="U70039" i="1"/>
  <c r="U70038" i="1"/>
  <c r="U70037" i="1"/>
  <c r="U70036" i="1"/>
  <c r="U70035" i="1"/>
  <c r="U70034" i="1"/>
  <c r="U70033" i="1"/>
  <c r="U70032" i="1"/>
  <c r="U70031" i="1"/>
  <c r="U70030" i="1"/>
  <c r="U70029" i="1"/>
  <c r="U70028" i="1"/>
  <c r="U70027" i="1"/>
  <c r="U70026" i="1"/>
  <c r="U70025" i="1"/>
  <c r="U70024" i="1"/>
  <c r="U70023" i="1"/>
  <c r="U70022" i="1"/>
  <c r="U70021" i="1"/>
  <c r="U70020" i="1"/>
  <c r="U70019" i="1"/>
  <c r="U70018" i="1"/>
  <c r="U70017" i="1"/>
  <c r="U70016" i="1"/>
  <c r="U70015" i="1"/>
  <c r="U70014" i="1"/>
  <c r="U70013" i="1"/>
  <c r="U70012" i="1"/>
  <c r="U70011" i="1"/>
  <c r="U70010" i="1"/>
  <c r="U70009" i="1"/>
  <c r="U70008" i="1"/>
  <c r="U70007" i="1"/>
  <c r="U70006" i="1"/>
  <c r="U70005" i="1"/>
  <c r="U70004" i="1"/>
  <c r="U70003" i="1"/>
  <c r="U70002" i="1"/>
  <c r="U70001" i="1"/>
  <c r="U70000" i="1"/>
  <c r="U69999" i="1"/>
  <c r="U69998" i="1"/>
  <c r="U69997" i="1"/>
  <c r="U69996" i="1"/>
  <c r="U69995" i="1"/>
  <c r="U69994" i="1"/>
  <c r="U69993" i="1"/>
  <c r="U69992" i="1"/>
  <c r="U69991" i="1"/>
  <c r="U69990" i="1"/>
  <c r="U69989" i="1"/>
  <c r="U69988" i="1"/>
  <c r="U69987" i="1"/>
  <c r="U69986" i="1"/>
  <c r="U69985" i="1"/>
  <c r="U69984" i="1"/>
  <c r="U69983" i="1"/>
  <c r="U69982" i="1"/>
  <c r="U69981" i="1"/>
  <c r="U69980" i="1"/>
  <c r="U69979" i="1"/>
  <c r="U69978" i="1"/>
  <c r="U69977" i="1"/>
  <c r="U69976" i="1"/>
  <c r="U69975" i="1"/>
  <c r="U69974" i="1"/>
  <c r="U69973" i="1"/>
  <c r="U69972" i="1"/>
  <c r="U69971" i="1"/>
  <c r="U69970" i="1"/>
  <c r="U69969" i="1"/>
  <c r="U69968" i="1"/>
  <c r="U69967" i="1"/>
  <c r="U69966" i="1"/>
  <c r="U69965" i="1"/>
  <c r="U69964" i="1"/>
  <c r="U69963" i="1"/>
  <c r="U69962" i="1"/>
  <c r="U69961" i="1"/>
  <c r="U69960" i="1"/>
  <c r="U69959" i="1"/>
  <c r="U69958" i="1"/>
  <c r="U69957" i="1"/>
  <c r="U69956" i="1"/>
  <c r="U69955" i="1"/>
  <c r="U69954" i="1"/>
  <c r="U69953" i="1"/>
  <c r="U69952" i="1"/>
  <c r="U69951" i="1"/>
  <c r="U69950" i="1"/>
  <c r="U69949" i="1"/>
  <c r="U69948" i="1"/>
  <c r="U69947" i="1"/>
  <c r="U69946" i="1"/>
  <c r="U69945" i="1"/>
  <c r="U69944" i="1"/>
  <c r="U69943" i="1"/>
  <c r="U69942" i="1"/>
  <c r="U69941" i="1"/>
  <c r="U69940" i="1"/>
  <c r="U69939" i="1"/>
  <c r="U69938" i="1"/>
  <c r="U69937" i="1"/>
  <c r="U69936" i="1"/>
  <c r="U69935" i="1"/>
  <c r="U69934" i="1"/>
  <c r="U69933" i="1"/>
  <c r="U69932" i="1"/>
  <c r="U69931" i="1"/>
  <c r="U69930" i="1"/>
  <c r="U69929" i="1"/>
  <c r="U69928" i="1"/>
  <c r="U69927" i="1"/>
  <c r="U69926" i="1"/>
  <c r="U69925" i="1"/>
  <c r="U69924" i="1"/>
  <c r="U69923" i="1"/>
  <c r="U69922" i="1"/>
  <c r="U69921" i="1"/>
  <c r="U69920" i="1"/>
  <c r="U69919" i="1"/>
  <c r="U69918" i="1"/>
  <c r="U69917" i="1"/>
  <c r="U69916" i="1"/>
  <c r="U69915" i="1"/>
  <c r="U69914" i="1"/>
  <c r="U69913" i="1"/>
  <c r="U69912" i="1"/>
  <c r="U69911" i="1"/>
  <c r="U69910" i="1"/>
  <c r="U69909" i="1"/>
  <c r="U69908" i="1"/>
  <c r="U69907" i="1"/>
  <c r="U69906" i="1"/>
  <c r="U69905" i="1"/>
  <c r="U69904" i="1"/>
  <c r="U69903" i="1"/>
  <c r="U69902" i="1"/>
  <c r="U69901" i="1"/>
  <c r="U69900" i="1"/>
  <c r="U69899" i="1"/>
  <c r="U69898" i="1"/>
  <c r="U69897" i="1"/>
  <c r="U69896" i="1"/>
  <c r="U69895" i="1"/>
  <c r="U69894" i="1"/>
  <c r="U69893" i="1"/>
  <c r="U69892" i="1"/>
  <c r="U69891" i="1"/>
  <c r="U69890" i="1"/>
  <c r="U69889" i="1"/>
  <c r="U69888" i="1"/>
  <c r="U69887" i="1"/>
  <c r="U69886" i="1"/>
  <c r="U69885" i="1"/>
  <c r="U69884" i="1"/>
  <c r="U69883" i="1"/>
  <c r="U69882" i="1"/>
  <c r="U69881" i="1"/>
  <c r="U69880" i="1"/>
  <c r="U69879" i="1"/>
  <c r="U69878" i="1"/>
  <c r="U69877" i="1"/>
  <c r="U69876" i="1"/>
  <c r="U69875" i="1"/>
  <c r="U69874" i="1"/>
  <c r="U69873" i="1"/>
  <c r="U69872" i="1"/>
  <c r="U69871" i="1"/>
  <c r="U69870" i="1"/>
  <c r="U69869" i="1"/>
  <c r="U69868" i="1"/>
  <c r="U69867" i="1"/>
  <c r="U69866" i="1"/>
  <c r="U69865" i="1"/>
  <c r="U69864" i="1"/>
  <c r="U69863" i="1"/>
  <c r="U69862" i="1"/>
  <c r="U69861" i="1"/>
  <c r="U69860" i="1"/>
  <c r="U69859" i="1"/>
  <c r="U69858" i="1"/>
  <c r="U69857" i="1"/>
  <c r="U69856" i="1"/>
  <c r="U69855" i="1"/>
  <c r="U69854" i="1"/>
  <c r="U69853" i="1"/>
  <c r="U69852" i="1"/>
  <c r="U69851" i="1"/>
  <c r="U69850" i="1"/>
  <c r="U69849" i="1"/>
  <c r="U69848" i="1"/>
  <c r="U69847" i="1"/>
  <c r="U69846" i="1"/>
  <c r="U69845" i="1"/>
  <c r="U69844" i="1"/>
  <c r="U69843" i="1"/>
  <c r="U69842" i="1"/>
  <c r="U69841" i="1"/>
  <c r="U69840" i="1"/>
  <c r="U69839" i="1"/>
  <c r="U69838" i="1"/>
  <c r="U69837" i="1"/>
  <c r="U69836" i="1"/>
  <c r="U69835" i="1"/>
  <c r="U69834" i="1"/>
  <c r="U69833" i="1"/>
  <c r="U69832" i="1"/>
  <c r="U69831" i="1"/>
  <c r="U69830" i="1"/>
  <c r="U69829" i="1"/>
  <c r="U69828" i="1"/>
  <c r="U69827" i="1"/>
  <c r="U69826" i="1"/>
  <c r="U69825" i="1"/>
  <c r="U69824" i="1"/>
  <c r="U69823" i="1"/>
  <c r="U69822" i="1"/>
  <c r="U69821" i="1"/>
  <c r="U69820" i="1"/>
  <c r="U69819" i="1"/>
  <c r="U69818" i="1"/>
  <c r="U69817" i="1"/>
  <c r="U69816" i="1"/>
  <c r="U69815" i="1"/>
  <c r="U69814" i="1"/>
  <c r="U69813" i="1"/>
  <c r="U69812" i="1"/>
  <c r="U69811" i="1"/>
  <c r="U69810" i="1"/>
  <c r="U69809" i="1"/>
  <c r="U69808" i="1"/>
  <c r="U69807" i="1"/>
  <c r="U69806" i="1"/>
  <c r="U69805" i="1"/>
  <c r="U69804" i="1"/>
  <c r="U69803" i="1"/>
  <c r="U69802" i="1"/>
  <c r="U69801" i="1"/>
  <c r="U69800" i="1"/>
  <c r="U69799" i="1"/>
  <c r="U69798" i="1"/>
  <c r="U69797" i="1"/>
  <c r="U69796" i="1"/>
  <c r="U69795" i="1"/>
  <c r="U69794" i="1"/>
  <c r="U69793" i="1"/>
  <c r="U69792" i="1"/>
  <c r="U69791" i="1"/>
  <c r="U69790" i="1"/>
  <c r="U69789" i="1"/>
  <c r="U69788" i="1"/>
  <c r="U69787" i="1"/>
  <c r="U69786" i="1"/>
  <c r="U69785" i="1"/>
  <c r="U69784" i="1"/>
  <c r="U69783" i="1"/>
  <c r="U69782" i="1"/>
  <c r="U69781" i="1"/>
  <c r="U69780" i="1"/>
  <c r="U69779" i="1"/>
  <c r="U69778" i="1"/>
  <c r="U69777" i="1"/>
  <c r="U69776" i="1"/>
  <c r="U69775" i="1"/>
  <c r="U69774" i="1"/>
  <c r="U69773" i="1"/>
  <c r="U69772" i="1"/>
  <c r="U69771" i="1"/>
  <c r="U69770" i="1"/>
  <c r="U69769" i="1"/>
  <c r="U69768" i="1"/>
  <c r="U69767" i="1"/>
  <c r="U69766" i="1"/>
  <c r="U69765" i="1"/>
  <c r="U69764" i="1"/>
  <c r="U69763" i="1"/>
  <c r="U69762" i="1"/>
  <c r="U69761" i="1"/>
  <c r="U69760" i="1"/>
  <c r="U69759" i="1"/>
  <c r="U69758" i="1"/>
  <c r="U69757" i="1"/>
  <c r="U69756" i="1"/>
  <c r="U69755" i="1"/>
  <c r="U69754" i="1"/>
  <c r="U69753" i="1"/>
  <c r="U69752" i="1"/>
  <c r="U69751" i="1"/>
  <c r="U69750" i="1"/>
  <c r="U69749" i="1"/>
  <c r="U69748" i="1"/>
  <c r="U69747" i="1"/>
  <c r="U69746" i="1"/>
  <c r="U69745" i="1"/>
  <c r="U69744" i="1"/>
  <c r="U69743" i="1"/>
  <c r="U69742" i="1"/>
  <c r="U69741" i="1"/>
  <c r="U69740" i="1"/>
  <c r="U69739" i="1"/>
  <c r="U69738" i="1"/>
  <c r="U69737" i="1"/>
  <c r="U69736" i="1"/>
  <c r="U69735" i="1"/>
  <c r="U69734" i="1"/>
  <c r="U69733" i="1"/>
  <c r="U69732" i="1"/>
  <c r="U69731" i="1"/>
  <c r="U69730" i="1"/>
  <c r="U69729" i="1"/>
  <c r="U69728" i="1"/>
  <c r="U69727" i="1"/>
  <c r="U69726" i="1"/>
  <c r="U69725" i="1"/>
  <c r="U69724" i="1"/>
  <c r="U69723" i="1"/>
  <c r="U69722" i="1"/>
  <c r="U69721" i="1"/>
  <c r="U69720" i="1"/>
  <c r="U69719" i="1"/>
  <c r="U69718" i="1"/>
  <c r="U69717" i="1"/>
  <c r="U69716" i="1"/>
  <c r="U69715" i="1"/>
  <c r="U69714" i="1"/>
  <c r="U69713" i="1"/>
  <c r="U69712" i="1"/>
  <c r="U69711" i="1"/>
  <c r="U69710" i="1"/>
  <c r="U69709" i="1"/>
  <c r="U69708" i="1"/>
  <c r="U69707" i="1"/>
  <c r="U69706" i="1"/>
  <c r="U69705" i="1"/>
  <c r="U69704" i="1"/>
  <c r="U69703" i="1"/>
  <c r="U69702" i="1"/>
  <c r="U69701" i="1"/>
  <c r="U69700" i="1"/>
  <c r="U69699" i="1"/>
  <c r="U69698" i="1"/>
  <c r="U69697" i="1"/>
  <c r="U69696" i="1"/>
  <c r="U69695" i="1"/>
  <c r="U69694" i="1"/>
  <c r="U69693" i="1"/>
  <c r="U69692" i="1"/>
  <c r="U69691" i="1"/>
  <c r="U69690" i="1"/>
  <c r="U69689" i="1"/>
  <c r="U69688" i="1"/>
  <c r="U69687" i="1"/>
  <c r="U69686" i="1"/>
  <c r="U69685" i="1"/>
  <c r="U69684" i="1"/>
  <c r="U69683" i="1"/>
  <c r="U69682" i="1"/>
  <c r="U69681" i="1"/>
  <c r="U69680" i="1"/>
  <c r="U69679" i="1"/>
  <c r="U69678" i="1"/>
  <c r="U69677" i="1"/>
  <c r="U69676" i="1"/>
  <c r="U69675" i="1"/>
  <c r="U69674" i="1"/>
  <c r="U69673" i="1"/>
  <c r="U69672" i="1"/>
  <c r="U69671" i="1"/>
  <c r="U69670" i="1"/>
  <c r="U69669" i="1"/>
  <c r="U69668" i="1"/>
  <c r="U69667" i="1"/>
  <c r="U69666" i="1"/>
  <c r="U69665" i="1"/>
  <c r="U69664" i="1"/>
  <c r="U69663" i="1"/>
  <c r="U69662" i="1"/>
  <c r="U69661" i="1"/>
  <c r="U69660" i="1"/>
  <c r="U69659" i="1"/>
  <c r="U69658" i="1"/>
  <c r="U69657" i="1"/>
  <c r="U69656" i="1"/>
  <c r="U69655" i="1"/>
  <c r="U69654" i="1"/>
  <c r="U69653" i="1"/>
  <c r="U69652" i="1"/>
  <c r="U69651" i="1"/>
  <c r="U69650" i="1"/>
  <c r="U69649" i="1"/>
  <c r="U69648" i="1"/>
  <c r="U69647" i="1"/>
  <c r="U69646" i="1"/>
  <c r="U69645" i="1"/>
  <c r="U69644" i="1"/>
  <c r="U69643" i="1"/>
  <c r="U69642" i="1"/>
  <c r="U69641" i="1"/>
  <c r="U69640" i="1"/>
  <c r="U69639" i="1"/>
  <c r="U69638" i="1"/>
  <c r="U69637" i="1"/>
  <c r="U69636" i="1"/>
  <c r="U69635" i="1"/>
  <c r="U69634" i="1"/>
  <c r="U69633" i="1"/>
  <c r="U69632" i="1"/>
  <c r="U69631" i="1"/>
  <c r="U69630" i="1"/>
  <c r="U69629" i="1"/>
  <c r="U69628" i="1"/>
  <c r="U69627" i="1"/>
  <c r="U69626" i="1"/>
  <c r="U69625" i="1"/>
  <c r="U69624" i="1"/>
  <c r="U69623" i="1"/>
  <c r="U69622" i="1"/>
  <c r="U69621" i="1"/>
  <c r="U69620" i="1"/>
  <c r="U69619" i="1"/>
  <c r="U69618" i="1"/>
  <c r="U69617" i="1"/>
  <c r="U69616" i="1"/>
  <c r="U69615" i="1"/>
  <c r="U69614" i="1"/>
  <c r="U69613" i="1"/>
  <c r="U69612" i="1"/>
  <c r="U69611" i="1"/>
  <c r="U69610" i="1"/>
  <c r="U69609" i="1"/>
  <c r="U69608" i="1"/>
  <c r="U69607" i="1"/>
  <c r="U69606" i="1"/>
  <c r="U69605" i="1"/>
  <c r="U69604" i="1"/>
  <c r="U69603" i="1"/>
  <c r="U69602" i="1"/>
  <c r="U69601" i="1"/>
  <c r="U69600" i="1"/>
  <c r="U69599" i="1"/>
  <c r="U69598" i="1"/>
  <c r="U69597" i="1"/>
  <c r="U69596" i="1"/>
  <c r="U69595" i="1"/>
  <c r="U69594" i="1"/>
  <c r="U69593" i="1"/>
  <c r="U69592" i="1"/>
  <c r="U69591" i="1"/>
  <c r="U69590" i="1"/>
  <c r="U69589" i="1"/>
  <c r="U69588" i="1"/>
  <c r="U69587" i="1"/>
  <c r="U69586" i="1"/>
  <c r="U69585" i="1"/>
  <c r="U69584" i="1"/>
  <c r="U69583" i="1"/>
  <c r="U69582" i="1"/>
  <c r="U69581" i="1"/>
  <c r="U69580" i="1"/>
  <c r="U69579" i="1"/>
  <c r="U69578" i="1"/>
  <c r="U69577" i="1"/>
  <c r="U69576" i="1"/>
  <c r="U69575" i="1"/>
  <c r="U69574" i="1"/>
  <c r="U69573" i="1"/>
  <c r="U69572" i="1"/>
  <c r="U69571" i="1"/>
  <c r="U69570" i="1"/>
  <c r="U69569" i="1"/>
  <c r="U69568" i="1"/>
  <c r="U69567" i="1"/>
  <c r="U69566" i="1"/>
  <c r="U69565" i="1"/>
  <c r="U69564" i="1"/>
  <c r="U69563" i="1"/>
  <c r="U69562" i="1"/>
  <c r="U69561" i="1"/>
  <c r="U69560" i="1"/>
  <c r="U69559" i="1"/>
  <c r="U69558" i="1"/>
  <c r="U69557" i="1"/>
  <c r="U69556" i="1"/>
  <c r="U69555" i="1"/>
  <c r="U69554" i="1"/>
  <c r="U69553" i="1"/>
  <c r="U69552" i="1"/>
  <c r="U69551" i="1"/>
  <c r="U69550" i="1"/>
  <c r="U69549" i="1"/>
  <c r="U69548" i="1"/>
  <c r="U69547" i="1"/>
  <c r="U69546" i="1"/>
  <c r="U69545" i="1"/>
  <c r="U69544" i="1"/>
  <c r="U69543" i="1"/>
  <c r="U69542" i="1"/>
  <c r="U69541" i="1"/>
  <c r="U69540" i="1"/>
  <c r="U69539" i="1"/>
  <c r="U69538" i="1"/>
  <c r="U69537" i="1"/>
  <c r="U69536" i="1"/>
  <c r="U69535" i="1"/>
  <c r="U69534" i="1"/>
  <c r="U69533" i="1"/>
  <c r="U69532" i="1"/>
  <c r="U69531" i="1"/>
  <c r="U69530" i="1"/>
  <c r="U69529" i="1"/>
  <c r="U69528" i="1"/>
  <c r="U69527" i="1"/>
  <c r="U69526" i="1"/>
  <c r="U69525" i="1"/>
  <c r="U69524" i="1"/>
  <c r="U69523" i="1"/>
  <c r="U69522" i="1"/>
  <c r="U69521" i="1"/>
  <c r="U69520" i="1"/>
  <c r="U69519" i="1"/>
  <c r="U69518" i="1"/>
  <c r="U69517" i="1"/>
  <c r="U69516" i="1"/>
  <c r="U69515" i="1"/>
  <c r="U69514" i="1"/>
  <c r="U69513" i="1"/>
  <c r="U69512" i="1"/>
  <c r="U69511" i="1"/>
  <c r="U69510" i="1"/>
  <c r="U69509" i="1"/>
  <c r="U69508" i="1"/>
  <c r="U69507" i="1"/>
  <c r="U69506" i="1"/>
  <c r="U69505" i="1"/>
  <c r="U69504" i="1"/>
  <c r="U69503" i="1"/>
  <c r="U69502" i="1"/>
  <c r="U69501" i="1"/>
  <c r="U69500" i="1"/>
  <c r="U69499" i="1"/>
  <c r="U69498" i="1"/>
  <c r="U69497" i="1"/>
  <c r="U69496" i="1"/>
  <c r="U69495" i="1"/>
  <c r="U69494" i="1"/>
  <c r="U69493" i="1"/>
  <c r="U69492" i="1"/>
  <c r="U69491" i="1"/>
  <c r="U69490" i="1"/>
  <c r="U69489" i="1"/>
  <c r="U69488" i="1"/>
  <c r="U69487" i="1"/>
  <c r="U69486" i="1"/>
  <c r="U69485" i="1"/>
  <c r="U69484" i="1"/>
  <c r="U69483" i="1"/>
  <c r="U69482" i="1"/>
  <c r="U69481" i="1"/>
  <c r="U69480" i="1"/>
  <c r="U69479" i="1"/>
  <c r="U69478" i="1"/>
  <c r="U69477" i="1"/>
  <c r="U69476" i="1"/>
  <c r="U69475" i="1"/>
  <c r="U69474" i="1"/>
  <c r="U69473" i="1"/>
  <c r="U69472" i="1"/>
  <c r="U69471" i="1"/>
  <c r="U69470" i="1"/>
  <c r="U69469" i="1"/>
  <c r="U69468" i="1"/>
  <c r="U69467" i="1"/>
  <c r="U69466" i="1"/>
  <c r="U69465" i="1"/>
  <c r="U69464" i="1"/>
  <c r="U69463" i="1"/>
  <c r="U69462" i="1"/>
  <c r="U69461" i="1"/>
  <c r="U69460" i="1"/>
  <c r="U69459" i="1"/>
  <c r="U69458" i="1"/>
  <c r="U69457" i="1"/>
  <c r="U69456" i="1"/>
  <c r="U69455" i="1"/>
  <c r="U69454" i="1"/>
  <c r="U69453" i="1"/>
  <c r="U69452" i="1"/>
  <c r="U69451" i="1"/>
  <c r="U69450" i="1"/>
  <c r="U69449" i="1"/>
  <c r="U69448" i="1"/>
  <c r="U69447" i="1"/>
  <c r="U69446" i="1"/>
  <c r="U69445" i="1"/>
  <c r="U69444" i="1"/>
  <c r="U69443" i="1"/>
  <c r="U69442" i="1"/>
  <c r="U69441" i="1"/>
  <c r="U69440" i="1"/>
  <c r="U69439" i="1"/>
  <c r="U69438" i="1"/>
  <c r="U69437" i="1"/>
  <c r="U69436" i="1"/>
  <c r="U69435" i="1"/>
  <c r="U69434" i="1"/>
  <c r="U69433" i="1"/>
  <c r="U69432" i="1"/>
  <c r="U69431" i="1"/>
  <c r="U69430" i="1"/>
  <c r="U69429" i="1"/>
  <c r="U69428" i="1"/>
  <c r="U69427" i="1"/>
  <c r="U69426" i="1"/>
  <c r="U69425" i="1"/>
  <c r="U69424" i="1"/>
  <c r="U69423" i="1"/>
  <c r="U69422" i="1"/>
  <c r="U69421" i="1"/>
  <c r="U69420" i="1"/>
  <c r="U69419" i="1"/>
  <c r="U69418" i="1"/>
  <c r="U69417" i="1"/>
  <c r="U69416" i="1"/>
  <c r="U69415" i="1"/>
  <c r="U69414" i="1"/>
  <c r="U69413" i="1"/>
  <c r="U69412" i="1"/>
  <c r="U69411" i="1"/>
  <c r="U69410" i="1"/>
  <c r="U69409" i="1"/>
  <c r="U69408" i="1"/>
  <c r="U69407" i="1"/>
  <c r="U69406" i="1"/>
  <c r="U69405" i="1"/>
  <c r="U69404" i="1"/>
  <c r="U69403" i="1"/>
  <c r="U69402" i="1"/>
  <c r="U69401" i="1"/>
  <c r="U69400" i="1"/>
  <c r="U69399" i="1"/>
  <c r="U69398" i="1"/>
  <c r="U69397" i="1"/>
  <c r="U69396" i="1"/>
  <c r="U69395" i="1"/>
  <c r="U69394" i="1"/>
  <c r="U69393" i="1"/>
  <c r="U69392" i="1"/>
  <c r="U69391" i="1"/>
  <c r="U69390" i="1"/>
  <c r="U69389" i="1"/>
  <c r="U69388" i="1"/>
  <c r="U69387" i="1"/>
  <c r="U69386" i="1"/>
  <c r="U69385" i="1"/>
  <c r="U69384" i="1"/>
  <c r="U69383" i="1"/>
  <c r="U69382" i="1"/>
  <c r="U69381" i="1"/>
  <c r="U69380" i="1"/>
  <c r="U69379" i="1"/>
  <c r="U69378" i="1"/>
  <c r="U69377" i="1"/>
  <c r="U69376" i="1"/>
  <c r="U69375" i="1"/>
  <c r="U69374" i="1"/>
  <c r="U69373" i="1"/>
  <c r="U69372" i="1"/>
  <c r="U69371" i="1"/>
  <c r="U69370" i="1"/>
  <c r="U69369" i="1"/>
  <c r="U69368" i="1"/>
  <c r="U69367" i="1"/>
  <c r="U69366" i="1"/>
  <c r="U69365" i="1"/>
  <c r="U69364" i="1"/>
  <c r="U69363" i="1"/>
  <c r="U69362" i="1"/>
  <c r="U69361" i="1"/>
  <c r="U69360" i="1"/>
  <c r="U69359" i="1"/>
  <c r="U69358" i="1"/>
  <c r="U69357" i="1"/>
  <c r="U69356" i="1"/>
  <c r="U69355" i="1"/>
  <c r="U69354" i="1"/>
  <c r="U69353" i="1"/>
  <c r="U69352" i="1"/>
  <c r="U69351" i="1"/>
  <c r="U69350" i="1"/>
  <c r="U69349" i="1"/>
  <c r="U69348" i="1"/>
  <c r="U69347" i="1"/>
  <c r="U69346" i="1"/>
  <c r="U69345" i="1"/>
  <c r="U69344" i="1"/>
  <c r="U69343" i="1"/>
  <c r="U69342" i="1"/>
  <c r="U69341" i="1"/>
  <c r="U69340" i="1"/>
  <c r="U69339" i="1"/>
  <c r="U69338" i="1"/>
  <c r="U69337" i="1"/>
  <c r="U69336" i="1"/>
  <c r="U69335" i="1"/>
  <c r="U69334" i="1"/>
  <c r="U69333" i="1"/>
  <c r="U69332" i="1"/>
  <c r="U69331" i="1"/>
  <c r="U69330" i="1"/>
  <c r="U69329" i="1"/>
  <c r="U69328" i="1"/>
  <c r="U69327" i="1"/>
  <c r="U69326" i="1"/>
  <c r="U69325" i="1"/>
  <c r="U69324" i="1"/>
  <c r="U69323" i="1"/>
  <c r="U69322" i="1"/>
  <c r="U69321" i="1"/>
  <c r="U69320" i="1"/>
  <c r="U69319" i="1"/>
  <c r="U69318" i="1"/>
  <c r="U69317" i="1"/>
  <c r="U69316" i="1"/>
  <c r="U69315" i="1"/>
  <c r="U69314" i="1"/>
  <c r="U69313" i="1"/>
  <c r="U69312" i="1"/>
  <c r="U69311" i="1"/>
  <c r="U69310" i="1"/>
  <c r="U69309" i="1"/>
  <c r="U69308" i="1"/>
  <c r="U69307" i="1"/>
  <c r="U69306" i="1"/>
  <c r="U69305" i="1"/>
  <c r="U69304" i="1"/>
  <c r="U69303" i="1"/>
  <c r="U69302" i="1"/>
  <c r="U69301" i="1"/>
  <c r="U69300" i="1"/>
  <c r="U69299" i="1"/>
  <c r="U69298" i="1"/>
  <c r="U69297" i="1"/>
  <c r="U69296" i="1"/>
  <c r="U69295" i="1"/>
  <c r="U69294" i="1"/>
  <c r="U69293" i="1"/>
  <c r="U69292" i="1"/>
  <c r="U69291" i="1"/>
  <c r="U69290" i="1"/>
  <c r="U69289" i="1"/>
  <c r="U69288" i="1"/>
  <c r="U69287" i="1"/>
  <c r="U69286" i="1"/>
  <c r="U69285" i="1"/>
  <c r="U69284" i="1"/>
  <c r="U69283" i="1"/>
  <c r="U69282" i="1"/>
  <c r="U69281" i="1"/>
  <c r="U69280" i="1"/>
  <c r="U69279" i="1"/>
  <c r="U69278" i="1"/>
  <c r="U69277" i="1"/>
  <c r="U69276" i="1"/>
  <c r="U69275" i="1"/>
  <c r="U69274" i="1"/>
  <c r="U69273" i="1"/>
  <c r="U69272" i="1"/>
  <c r="U69271" i="1"/>
  <c r="U69270" i="1"/>
  <c r="U69269" i="1"/>
  <c r="U69268" i="1"/>
  <c r="U69267" i="1"/>
  <c r="U69266" i="1"/>
  <c r="U69265" i="1"/>
  <c r="U69264" i="1"/>
  <c r="U69263" i="1"/>
  <c r="U69262" i="1"/>
  <c r="U69261" i="1"/>
  <c r="U69260" i="1"/>
  <c r="U69259" i="1"/>
  <c r="U69258" i="1"/>
  <c r="U69257" i="1"/>
  <c r="U69256" i="1"/>
  <c r="U69255" i="1"/>
  <c r="U69254" i="1"/>
  <c r="U69253" i="1"/>
  <c r="U69252" i="1"/>
  <c r="U69251" i="1"/>
  <c r="U69250" i="1"/>
  <c r="U69249" i="1"/>
  <c r="U69248" i="1"/>
  <c r="U69247" i="1"/>
  <c r="U69246" i="1"/>
  <c r="U69245" i="1"/>
  <c r="U69244" i="1"/>
  <c r="U69243" i="1"/>
  <c r="U69242" i="1"/>
  <c r="U69241" i="1"/>
  <c r="U69240" i="1"/>
  <c r="U69239" i="1"/>
  <c r="U69238" i="1"/>
  <c r="U69237" i="1"/>
  <c r="U69236" i="1"/>
  <c r="U69235" i="1"/>
  <c r="U69234" i="1"/>
  <c r="U69233" i="1"/>
  <c r="U69232" i="1"/>
  <c r="U69231" i="1"/>
  <c r="U69230" i="1"/>
  <c r="U69229" i="1"/>
  <c r="U69228" i="1"/>
  <c r="U69227" i="1"/>
  <c r="U69226" i="1"/>
  <c r="U69225" i="1"/>
  <c r="U69224" i="1"/>
  <c r="U69223" i="1"/>
  <c r="U69222" i="1"/>
  <c r="U69221" i="1"/>
  <c r="U69220" i="1"/>
  <c r="U69219" i="1"/>
  <c r="U69218" i="1"/>
  <c r="U69217" i="1"/>
  <c r="U69216" i="1"/>
  <c r="U69215" i="1"/>
  <c r="U69214" i="1"/>
  <c r="U69213" i="1"/>
  <c r="U69212" i="1"/>
  <c r="U69211" i="1"/>
  <c r="U69210" i="1"/>
  <c r="U69209" i="1"/>
  <c r="U69208" i="1"/>
  <c r="U69207" i="1"/>
  <c r="U69206" i="1"/>
  <c r="U69205" i="1"/>
  <c r="U69204" i="1"/>
  <c r="U69203" i="1"/>
  <c r="U69202" i="1"/>
  <c r="U69201" i="1"/>
  <c r="U69200" i="1"/>
  <c r="U69199" i="1"/>
  <c r="U69198" i="1"/>
  <c r="U69197" i="1"/>
  <c r="U69196" i="1"/>
  <c r="U69195" i="1"/>
  <c r="U69194" i="1"/>
  <c r="U69193" i="1"/>
  <c r="U69192" i="1"/>
  <c r="U69191" i="1"/>
  <c r="U69190" i="1"/>
  <c r="U69189" i="1"/>
  <c r="U69188" i="1"/>
  <c r="U69187" i="1"/>
  <c r="U69186" i="1"/>
  <c r="U69185" i="1"/>
  <c r="U69184" i="1"/>
  <c r="U69183" i="1"/>
  <c r="U69182" i="1"/>
  <c r="U69181" i="1"/>
  <c r="U69180" i="1"/>
  <c r="U69179" i="1"/>
  <c r="U69178" i="1"/>
  <c r="U69177" i="1"/>
  <c r="U69176" i="1"/>
  <c r="U69175" i="1"/>
  <c r="U69174" i="1"/>
  <c r="U69173" i="1"/>
  <c r="U69172" i="1"/>
  <c r="U69171" i="1"/>
  <c r="U69170" i="1"/>
  <c r="U69169" i="1"/>
  <c r="U69168" i="1"/>
  <c r="U69167" i="1"/>
  <c r="U69166" i="1"/>
  <c r="U69165" i="1"/>
  <c r="U69164" i="1"/>
  <c r="U69163" i="1"/>
  <c r="U69162" i="1"/>
  <c r="U69161" i="1"/>
  <c r="U69160" i="1"/>
  <c r="U69159" i="1"/>
  <c r="U69158" i="1"/>
  <c r="U69157" i="1"/>
  <c r="U69156" i="1"/>
  <c r="U69155" i="1"/>
  <c r="U69154" i="1"/>
  <c r="U69153" i="1"/>
  <c r="U69152" i="1"/>
  <c r="U69151" i="1"/>
  <c r="U69150" i="1"/>
  <c r="U69149" i="1"/>
  <c r="U69148" i="1"/>
  <c r="U69147" i="1"/>
  <c r="U69146" i="1"/>
  <c r="U69145" i="1"/>
  <c r="U69144" i="1"/>
  <c r="U69143" i="1"/>
  <c r="U69142" i="1"/>
  <c r="U69141" i="1"/>
  <c r="U69140" i="1"/>
  <c r="U69139" i="1"/>
  <c r="U69138" i="1"/>
  <c r="U69137" i="1"/>
  <c r="U69136" i="1"/>
  <c r="U69135" i="1"/>
  <c r="U69134" i="1"/>
  <c r="U69133" i="1"/>
  <c r="U69132" i="1"/>
  <c r="U69131" i="1"/>
  <c r="U69130" i="1"/>
  <c r="U69129" i="1"/>
  <c r="U69128" i="1"/>
  <c r="U69127" i="1"/>
  <c r="U69126" i="1"/>
  <c r="U69125" i="1"/>
  <c r="U69124" i="1"/>
  <c r="U69123" i="1"/>
  <c r="U69122" i="1"/>
  <c r="U69121" i="1"/>
  <c r="U69120" i="1"/>
  <c r="U69119" i="1"/>
  <c r="U69118" i="1"/>
  <c r="U69117" i="1"/>
  <c r="U69116" i="1"/>
  <c r="U69115" i="1"/>
  <c r="U69114" i="1"/>
  <c r="U69113" i="1"/>
  <c r="U69112" i="1"/>
  <c r="U69111" i="1"/>
  <c r="U69110" i="1"/>
  <c r="U69109" i="1"/>
  <c r="U69108" i="1"/>
  <c r="U69107" i="1"/>
  <c r="U69106" i="1"/>
  <c r="U69105" i="1"/>
  <c r="U69104" i="1"/>
  <c r="U69103" i="1"/>
  <c r="U69102" i="1"/>
  <c r="U69101" i="1"/>
  <c r="U69100" i="1"/>
  <c r="U69099" i="1"/>
  <c r="U69098" i="1"/>
  <c r="U69097" i="1"/>
  <c r="U69096" i="1"/>
  <c r="U69095" i="1"/>
  <c r="U69094" i="1"/>
  <c r="U69093" i="1"/>
  <c r="U69092" i="1"/>
  <c r="U69091" i="1"/>
  <c r="U69090" i="1"/>
  <c r="U69089" i="1"/>
  <c r="U69088" i="1"/>
  <c r="U69087" i="1"/>
  <c r="U69086" i="1"/>
  <c r="U69085" i="1"/>
  <c r="U69084" i="1"/>
  <c r="U69083" i="1"/>
  <c r="U69082" i="1"/>
  <c r="U69081" i="1"/>
  <c r="U69080" i="1"/>
  <c r="U69079" i="1"/>
  <c r="U69078" i="1"/>
  <c r="U69077" i="1"/>
  <c r="U69076" i="1"/>
  <c r="U69075" i="1"/>
  <c r="U69074" i="1"/>
  <c r="U69073" i="1"/>
  <c r="U69072" i="1"/>
  <c r="U69071" i="1"/>
  <c r="U69070" i="1"/>
  <c r="U69069" i="1"/>
  <c r="U69068" i="1"/>
  <c r="U69067" i="1"/>
  <c r="U69066" i="1"/>
  <c r="U69065" i="1"/>
  <c r="U69064" i="1"/>
  <c r="U69063" i="1"/>
  <c r="U69062" i="1"/>
  <c r="U69061" i="1"/>
  <c r="U69060" i="1"/>
  <c r="U69059" i="1"/>
  <c r="U69058" i="1"/>
  <c r="U69057" i="1"/>
  <c r="U69056" i="1"/>
  <c r="U69055" i="1"/>
  <c r="U69054" i="1"/>
  <c r="U69053" i="1"/>
  <c r="U69052" i="1"/>
  <c r="U69051" i="1"/>
  <c r="U69050" i="1"/>
  <c r="U69049" i="1"/>
  <c r="U69048" i="1"/>
  <c r="U69047" i="1"/>
  <c r="U69046" i="1"/>
  <c r="U69045" i="1"/>
  <c r="U69044" i="1"/>
  <c r="U69043" i="1"/>
  <c r="U69042" i="1"/>
  <c r="U69041" i="1"/>
  <c r="U69040" i="1"/>
  <c r="U69039" i="1"/>
  <c r="U69038" i="1"/>
  <c r="U69037" i="1"/>
  <c r="U69036" i="1"/>
  <c r="U69035" i="1"/>
  <c r="U69034" i="1"/>
  <c r="U69033" i="1"/>
  <c r="U69032" i="1"/>
  <c r="U69031" i="1"/>
  <c r="U69030" i="1"/>
  <c r="U69029" i="1"/>
  <c r="U69028" i="1"/>
  <c r="U69027" i="1"/>
  <c r="U69026" i="1"/>
  <c r="U69025" i="1"/>
  <c r="U69024" i="1"/>
  <c r="U69023" i="1"/>
  <c r="U69022" i="1"/>
  <c r="U69021" i="1"/>
  <c r="U69020" i="1"/>
  <c r="U69019" i="1"/>
  <c r="U69018" i="1"/>
  <c r="U69017" i="1"/>
  <c r="U69016" i="1"/>
  <c r="U69015" i="1"/>
  <c r="U69014" i="1"/>
  <c r="U69013" i="1"/>
  <c r="U69012" i="1"/>
  <c r="U69011" i="1"/>
  <c r="U69010" i="1"/>
  <c r="U69009" i="1"/>
  <c r="U69008" i="1"/>
  <c r="U69007" i="1"/>
  <c r="U69006" i="1"/>
  <c r="U69005" i="1"/>
  <c r="U69004" i="1"/>
  <c r="U69003" i="1"/>
  <c r="U69002" i="1"/>
  <c r="U69001" i="1"/>
  <c r="U69000" i="1"/>
  <c r="U68999" i="1"/>
  <c r="U68998" i="1"/>
  <c r="U68997" i="1"/>
  <c r="U68996" i="1"/>
  <c r="U68995" i="1"/>
  <c r="U68994" i="1"/>
  <c r="U68993" i="1"/>
  <c r="U68992" i="1"/>
  <c r="U68991" i="1"/>
  <c r="U68990" i="1"/>
  <c r="U68989" i="1"/>
  <c r="U68988" i="1"/>
  <c r="U68987" i="1"/>
  <c r="U68986" i="1"/>
  <c r="U68985" i="1"/>
  <c r="U68984" i="1"/>
  <c r="U68983" i="1"/>
  <c r="U68982" i="1"/>
  <c r="U68981" i="1"/>
  <c r="U68980" i="1"/>
  <c r="U68979" i="1"/>
  <c r="U68978" i="1"/>
  <c r="U68977" i="1"/>
  <c r="U68976" i="1"/>
  <c r="U68975" i="1"/>
  <c r="U68974" i="1"/>
  <c r="U68973" i="1"/>
  <c r="U68972" i="1"/>
  <c r="U68971" i="1"/>
  <c r="U68970" i="1"/>
  <c r="U68969" i="1"/>
  <c r="U68968" i="1"/>
  <c r="U68967" i="1"/>
  <c r="U68966" i="1"/>
  <c r="U68965" i="1"/>
  <c r="U68964" i="1"/>
  <c r="U68963" i="1"/>
  <c r="U68962" i="1"/>
  <c r="U68961" i="1"/>
  <c r="U68960" i="1"/>
  <c r="U68959" i="1"/>
  <c r="U68958" i="1"/>
  <c r="U68957" i="1"/>
  <c r="U68956" i="1"/>
  <c r="U68955" i="1"/>
  <c r="U68954" i="1"/>
  <c r="U68953" i="1"/>
  <c r="U68952" i="1"/>
  <c r="U68951" i="1"/>
  <c r="U68950" i="1"/>
  <c r="U68949" i="1"/>
  <c r="U68948" i="1"/>
  <c r="U68947" i="1"/>
  <c r="U68946" i="1"/>
  <c r="U68945" i="1"/>
  <c r="U68944" i="1"/>
  <c r="U68943" i="1"/>
  <c r="U68942" i="1"/>
  <c r="U68941" i="1"/>
  <c r="U68940" i="1"/>
  <c r="U68939" i="1"/>
  <c r="U68938" i="1"/>
  <c r="U68937" i="1"/>
  <c r="U68936" i="1"/>
  <c r="U68935" i="1"/>
  <c r="U68934" i="1"/>
  <c r="U68933" i="1"/>
  <c r="U68932" i="1"/>
  <c r="U68931" i="1"/>
  <c r="U68930" i="1"/>
  <c r="U68929" i="1"/>
  <c r="U68928" i="1"/>
  <c r="U68927" i="1"/>
  <c r="U68926" i="1"/>
  <c r="U68925" i="1"/>
  <c r="U68924" i="1"/>
  <c r="U68923" i="1"/>
  <c r="U68922" i="1"/>
  <c r="U68921" i="1"/>
  <c r="U68920" i="1"/>
  <c r="U68919" i="1"/>
  <c r="U68918" i="1"/>
  <c r="U68917" i="1"/>
  <c r="U68916" i="1"/>
  <c r="U68915" i="1"/>
  <c r="U68914" i="1"/>
  <c r="U68913" i="1"/>
  <c r="U68912" i="1"/>
  <c r="U68911" i="1"/>
  <c r="U68910" i="1"/>
  <c r="U68909" i="1"/>
  <c r="U68908" i="1"/>
  <c r="U68907" i="1"/>
  <c r="U68906" i="1"/>
  <c r="U68905" i="1"/>
  <c r="U68904" i="1"/>
  <c r="U68903" i="1"/>
  <c r="U68902" i="1"/>
  <c r="U68901" i="1"/>
  <c r="U68900" i="1"/>
  <c r="U68899" i="1"/>
  <c r="U68898" i="1"/>
  <c r="U68897" i="1"/>
  <c r="U68896" i="1"/>
  <c r="U68895" i="1"/>
  <c r="U68894" i="1"/>
  <c r="U68893" i="1"/>
  <c r="U68892" i="1"/>
  <c r="U68891" i="1"/>
  <c r="U68890" i="1"/>
  <c r="U68889" i="1"/>
  <c r="U68888" i="1"/>
  <c r="U68887" i="1"/>
  <c r="U68886" i="1"/>
  <c r="U68885" i="1"/>
  <c r="U68884" i="1"/>
  <c r="U68883" i="1"/>
  <c r="U68882" i="1"/>
  <c r="U68881" i="1"/>
  <c r="U68880" i="1"/>
  <c r="U68879" i="1"/>
  <c r="U68878" i="1"/>
  <c r="U68877" i="1"/>
  <c r="U68876" i="1"/>
  <c r="U68875" i="1"/>
  <c r="U68874" i="1"/>
  <c r="U68873" i="1"/>
  <c r="U68872" i="1"/>
  <c r="U68871" i="1"/>
  <c r="U68870" i="1"/>
  <c r="U68869" i="1"/>
  <c r="U68868" i="1"/>
  <c r="U68867" i="1"/>
  <c r="U68866" i="1"/>
  <c r="U68865" i="1"/>
  <c r="U68864" i="1"/>
  <c r="U68863" i="1"/>
  <c r="U68862" i="1"/>
  <c r="U68861" i="1"/>
  <c r="U68860" i="1"/>
  <c r="U68859" i="1"/>
  <c r="U68858" i="1"/>
  <c r="U68857" i="1"/>
  <c r="U68856" i="1"/>
  <c r="U68855" i="1"/>
  <c r="U68854" i="1"/>
  <c r="U68853" i="1"/>
  <c r="U68852" i="1"/>
  <c r="U68851" i="1"/>
  <c r="U68850" i="1"/>
  <c r="U68849" i="1"/>
  <c r="U68848" i="1"/>
  <c r="U68847" i="1"/>
  <c r="U68846" i="1"/>
  <c r="U68845" i="1"/>
  <c r="U68844" i="1"/>
  <c r="U68843" i="1"/>
  <c r="U68842" i="1"/>
  <c r="U68841" i="1"/>
  <c r="U68840" i="1"/>
  <c r="U68839" i="1"/>
  <c r="U68838" i="1"/>
  <c r="U68837" i="1"/>
  <c r="U68836" i="1"/>
  <c r="U68835" i="1"/>
  <c r="U68834" i="1"/>
  <c r="U68833" i="1"/>
  <c r="U68832" i="1"/>
  <c r="U68831" i="1"/>
  <c r="U68830" i="1"/>
  <c r="U68829" i="1"/>
  <c r="U68828" i="1"/>
  <c r="U68827" i="1"/>
  <c r="U68826" i="1"/>
  <c r="U68825" i="1"/>
  <c r="U68824" i="1"/>
  <c r="U68823" i="1"/>
  <c r="U68822" i="1"/>
  <c r="U68821" i="1"/>
  <c r="U68820" i="1"/>
  <c r="U68819" i="1"/>
  <c r="U68818" i="1"/>
  <c r="U68817" i="1"/>
  <c r="U68816" i="1"/>
  <c r="U68815" i="1"/>
  <c r="U68814" i="1"/>
  <c r="U68813" i="1"/>
  <c r="U68812" i="1"/>
  <c r="U68811" i="1"/>
  <c r="U68810" i="1"/>
  <c r="U68809" i="1"/>
  <c r="U68808" i="1"/>
  <c r="U68807" i="1"/>
  <c r="U68806" i="1"/>
  <c r="U68805" i="1"/>
  <c r="U68804" i="1"/>
  <c r="U68803" i="1"/>
  <c r="U68802" i="1"/>
  <c r="U68801" i="1"/>
  <c r="U68800" i="1"/>
  <c r="U68799" i="1"/>
  <c r="U68798" i="1"/>
  <c r="U68797" i="1"/>
  <c r="U68796" i="1"/>
  <c r="U68795" i="1"/>
  <c r="U68794" i="1"/>
  <c r="U68793" i="1"/>
  <c r="U68792" i="1"/>
  <c r="U68791" i="1"/>
  <c r="U68790" i="1"/>
  <c r="U68789" i="1"/>
  <c r="U68788" i="1"/>
  <c r="U68787" i="1"/>
  <c r="U68786" i="1"/>
  <c r="U68785" i="1"/>
  <c r="U68784" i="1"/>
  <c r="U68783" i="1"/>
  <c r="U68782" i="1"/>
  <c r="U68781" i="1"/>
  <c r="U68780" i="1"/>
  <c r="U68779" i="1"/>
  <c r="U68778" i="1"/>
  <c r="U68777" i="1"/>
  <c r="U68776" i="1"/>
  <c r="U68775" i="1"/>
  <c r="U68774" i="1"/>
  <c r="U68773" i="1"/>
  <c r="U68772" i="1"/>
  <c r="U68771" i="1"/>
  <c r="U68770" i="1"/>
  <c r="U68769" i="1"/>
  <c r="U68768" i="1"/>
  <c r="U68767" i="1"/>
  <c r="U68766" i="1"/>
  <c r="U68765" i="1"/>
  <c r="U68764" i="1"/>
  <c r="U68763" i="1"/>
  <c r="U68762" i="1"/>
  <c r="U68761" i="1"/>
  <c r="U68760" i="1"/>
  <c r="U68759" i="1"/>
  <c r="U68758" i="1"/>
  <c r="U68757" i="1"/>
  <c r="U68756" i="1"/>
  <c r="U68755" i="1"/>
  <c r="U68754" i="1"/>
  <c r="U68753" i="1"/>
  <c r="U68752" i="1"/>
  <c r="U68751" i="1"/>
  <c r="U68750" i="1"/>
  <c r="U68749" i="1"/>
  <c r="U68748" i="1"/>
  <c r="U68747" i="1"/>
  <c r="U68746" i="1"/>
  <c r="U68745" i="1"/>
  <c r="U68744" i="1"/>
  <c r="U68743" i="1"/>
  <c r="U68742" i="1"/>
  <c r="U68741" i="1"/>
  <c r="U68740" i="1"/>
  <c r="U68739" i="1"/>
  <c r="U68738" i="1"/>
  <c r="U68737" i="1"/>
  <c r="U68736" i="1"/>
  <c r="U68735" i="1"/>
  <c r="U68734" i="1"/>
  <c r="U68733" i="1"/>
  <c r="U68732" i="1"/>
  <c r="U68731" i="1"/>
  <c r="U68730" i="1"/>
  <c r="U68729" i="1"/>
  <c r="U68728" i="1"/>
  <c r="U68727" i="1"/>
  <c r="U68726" i="1"/>
  <c r="U68725" i="1"/>
  <c r="U68724" i="1"/>
  <c r="U68723" i="1"/>
  <c r="U68722" i="1"/>
  <c r="U68721" i="1"/>
  <c r="U68720" i="1"/>
  <c r="U68719" i="1"/>
  <c r="U68718" i="1"/>
  <c r="U68717" i="1"/>
  <c r="U68716" i="1"/>
  <c r="U68715" i="1"/>
  <c r="U68714" i="1"/>
  <c r="U68713" i="1"/>
  <c r="U68712" i="1"/>
  <c r="U68711" i="1"/>
  <c r="U68710" i="1"/>
  <c r="U68709" i="1"/>
  <c r="U68708" i="1"/>
  <c r="U68707" i="1"/>
  <c r="U68706" i="1"/>
  <c r="U68705" i="1"/>
  <c r="U68704" i="1"/>
  <c r="U68703" i="1"/>
  <c r="U68702" i="1"/>
  <c r="U68701" i="1"/>
  <c r="U68700" i="1"/>
  <c r="U68699" i="1"/>
  <c r="U68698" i="1"/>
  <c r="U68697" i="1"/>
  <c r="U68696" i="1"/>
  <c r="U68695" i="1"/>
  <c r="U68694" i="1"/>
  <c r="U68693" i="1"/>
  <c r="U68692" i="1"/>
  <c r="U68691" i="1"/>
  <c r="U68690" i="1"/>
  <c r="U68689" i="1"/>
  <c r="U68688" i="1"/>
  <c r="U68687" i="1"/>
  <c r="U68686" i="1"/>
  <c r="U68685" i="1"/>
  <c r="U68684" i="1"/>
  <c r="U68683" i="1"/>
  <c r="U68682" i="1"/>
  <c r="U68681" i="1"/>
  <c r="U68680" i="1"/>
  <c r="U68679" i="1"/>
  <c r="U68678" i="1"/>
  <c r="U68677" i="1"/>
  <c r="U68676" i="1"/>
  <c r="U68675" i="1"/>
  <c r="U68674" i="1"/>
  <c r="U68673" i="1"/>
  <c r="U68672" i="1"/>
  <c r="U68671" i="1"/>
  <c r="U68670" i="1"/>
  <c r="U68669" i="1"/>
  <c r="U68668" i="1"/>
  <c r="U68667" i="1"/>
  <c r="U68666" i="1"/>
  <c r="U68665" i="1"/>
  <c r="U68664" i="1"/>
  <c r="U68663" i="1"/>
  <c r="U68662" i="1"/>
  <c r="U68661" i="1"/>
  <c r="U68660" i="1"/>
  <c r="U68659" i="1"/>
  <c r="U68658" i="1"/>
  <c r="U68657" i="1"/>
  <c r="U68656" i="1"/>
  <c r="U68655" i="1"/>
  <c r="U68654" i="1"/>
  <c r="U68653" i="1"/>
  <c r="U68652" i="1"/>
  <c r="U68651" i="1"/>
  <c r="U68650" i="1"/>
  <c r="U68649" i="1"/>
  <c r="U68648" i="1"/>
  <c r="U68647" i="1"/>
  <c r="U68646" i="1"/>
  <c r="U68645" i="1"/>
  <c r="U68644" i="1"/>
  <c r="U68643" i="1"/>
  <c r="U68642" i="1"/>
  <c r="U68641" i="1"/>
  <c r="U68640" i="1"/>
  <c r="U68639" i="1"/>
  <c r="U68638" i="1"/>
  <c r="U68637" i="1"/>
  <c r="U68636" i="1"/>
  <c r="U68635" i="1"/>
  <c r="U68634" i="1"/>
  <c r="U68633" i="1"/>
  <c r="U68632" i="1"/>
  <c r="U68631" i="1"/>
  <c r="U68630" i="1"/>
  <c r="U68629" i="1"/>
  <c r="U68628" i="1"/>
  <c r="U68627" i="1"/>
  <c r="U68626" i="1"/>
  <c r="U68625" i="1"/>
  <c r="U68624" i="1"/>
  <c r="U68623" i="1"/>
  <c r="U68622" i="1"/>
  <c r="U68621" i="1"/>
  <c r="U68620" i="1"/>
  <c r="U68619" i="1"/>
  <c r="U68618" i="1"/>
  <c r="U68617" i="1"/>
  <c r="U68616" i="1"/>
  <c r="U68615" i="1"/>
  <c r="U68614" i="1"/>
  <c r="U68613" i="1"/>
  <c r="U68612" i="1"/>
  <c r="U68611" i="1"/>
  <c r="U68610" i="1"/>
  <c r="U68609" i="1"/>
  <c r="U68608" i="1"/>
  <c r="U68607" i="1"/>
  <c r="U68606" i="1"/>
  <c r="U68605" i="1"/>
  <c r="U68604" i="1"/>
  <c r="U68603" i="1"/>
  <c r="U68602" i="1"/>
  <c r="U68601" i="1"/>
  <c r="U68600" i="1"/>
  <c r="U68599" i="1"/>
  <c r="U68598" i="1"/>
  <c r="U68597" i="1"/>
  <c r="U68596" i="1"/>
  <c r="U68595" i="1"/>
  <c r="U68594" i="1"/>
  <c r="U68593" i="1"/>
  <c r="U68592" i="1"/>
  <c r="U68591" i="1"/>
  <c r="U68590" i="1"/>
  <c r="U68589" i="1"/>
  <c r="U68588" i="1"/>
  <c r="U68587" i="1"/>
  <c r="U68586" i="1"/>
  <c r="U68585" i="1"/>
  <c r="U68584" i="1"/>
  <c r="U68583" i="1"/>
  <c r="U68582" i="1"/>
  <c r="U68581" i="1"/>
  <c r="U68580" i="1"/>
  <c r="U68579" i="1"/>
  <c r="U68578" i="1"/>
  <c r="U68577" i="1"/>
  <c r="U68576" i="1"/>
  <c r="U68575" i="1"/>
  <c r="U68574" i="1"/>
  <c r="U68573" i="1"/>
  <c r="U68572" i="1"/>
  <c r="U68571" i="1"/>
  <c r="U68570" i="1"/>
  <c r="U68569" i="1"/>
  <c r="U68568" i="1"/>
  <c r="U68567" i="1"/>
  <c r="U68566" i="1"/>
  <c r="U68565" i="1"/>
  <c r="U68564" i="1"/>
  <c r="U68563" i="1"/>
  <c r="U68562" i="1"/>
  <c r="U68561" i="1"/>
  <c r="U68560" i="1"/>
  <c r="U68559" i="1"/>
  <c r="U68558" i="1"/>
  <c r="U68557" i="1"/>
  <c r="U68556" i="1"/>
  <c r="U68555" i="1"/>
  <c r="U68554" i="1"/>
  <c r="U68553" i="1"/>
  <c r="U68552" i="1"/>
  <c r="U68551" i="1"/>
  <c r="U68550" i="1"/>
  <c r="U68549" i="1"/>
  <c r="U68548" i="1"/>
  <c r="U68547" i="1"/>
  <c r="U68546" i="1"/>
  <c r="U68545" i="1"/>
  <c r="U68544" i="1"/>
  <c r="U68543" i="1"/>
  <c r="U68542" i="1"/>
  <c r="U68541" i="1"/>
  <c r="U68540" i="1"/>
  <c r="U68539" i="1"/>
  <c r="U68538" i="1"/>
  <c r="U68537" i="1"/>
  <c r="U68536" i="1"/>
  <c r="U68535" i="1"/>
  <c r="U68534" i="1"/>
  <c r="U68533" i="1"/>
  <c r="U68532" i="1"/>
  <c r="U68531" i="1"/>
  <c r="U68530" i="1"/>
  <c r="U68529" i="1"/>
  <c r="U68528" i="1"/>
  <c r="U68527" i="1"/>
  <c r="U68526" i="1"/>
  <c r="U68525" i="1"/>
  <c r="U68524" i="1"/>
  <c r="U68523" i="1"/>
  <c r="U68522" i="1"/>
  <c r="U68521" i="1"/>
  <c r="U68520" i="1"/>
  <c r="U68519" i="1"/>
  <c r="U68518" i="1"/>
  <c r="U68517" i="1"/>
  <c r="U68516" i="1"/>
  <c r="U68515" i="1"/>
  <c r="U68514" i="1"/>
  <c r="U68513" i="1"/>
  <c r="U68512" i="1"/>
  <c r="U68511" i="1"/>
  <c r="U68510" i="1"/>
  <c r="U68509" i="1"/>
  <c r="U68508" i="1"/>
  <c r="U68507" i="1"/>
  <c r="U68506" i="1"/>
  <c r="U68505" i="1"/>
  <c r="U68504" i="1"/>
  <c r="U68503" i="1"/>
  <c r="U68502" i="1"/>
  <c r="U68501" i="1"/>
  <c r="U68500" i="1"/>
  <c r="U68499" i="1"/>
  <c r="U68498" i="1"/>
  <c r="U68497" i="1"/>
  <c r="U68496" i="1"/>
  <c r="U68495" i="1"/>
  <c r="U68494" i="1"/>
  <c r="U68493" i="1"/>
  <c r="U68492" i="1"/>
  <c r="U68491" i="1"/>
  <c r="U68490" i="1"/>
  <c r="U68489" i="1"/>
  <c r="U68488" i="1"/>
  <c r="U68487" i="1"/>
  <c r="U68486" i="1"/>
  <c r="U68485" i="1"/>
  <c r="U68484" i="1"/>
  <c r="U68483" i="1"/>
  <c r="U68482" i="1"/>
  <c r="U68481" i="1"/>
  <c r="U68480" i="1"/>
  <c r="U68479" i="1"/>
  <c r="U68478" i="1"/>
  <c r="U68477" i="1"/>
  <c r="U68476" i="1"/>
  <c r="U68475" i="1"/>
  <c r="U68474" i="1"/>
  <c r="U68473" i="1"/>
  <c r="U68472" i="1"/>
  <c r="U68471" i="1"/>
  <c r="U68470" i="1"/>
  <c r="U68469" i="1"/>
  <c r="U68468" i="1"/>
  <c r="U68467" i="1"/>
  <c r="U68466" i="1"/>
  <c r="U68465" i="1"/>
  <c r="U68464" i="1"/>
  <c r="U68463" i="1"/>
  <c r="U68462" i="1"/>
  <c r="U68461" i="1"/>
  <c r="U68460" i="1"/>
  <c r="U68459" i="1"/>
  <c r="U68458" i="1"/>
  <c r="U68457" i="1"/>
  <c r="U68456" i="1"/>
  <c r="U68455" i="1"/>
  <c r="U68454" i="1"/>
  <c r="U68453" i="1"/>
  <c r="U68452" i="1"/>
  <c r="U68451" i="1"/>
  <c r="U68450" i="1"/>
  <c r="U68449" i="1"/>
  <c r="U68448" i="1"/>
  <c r="U68447" i="1"/>
  <c r="U68446" i="1"/>
  <c r="U68445" i="1"/>
  <c r="U68444" i="1"/>
  <c r="U68443" i="1"/>
  <c r="U68442" i="1"/>
  <c r="U68441" i="1"/>
  <c r="U68440" i="1"/>
  <c r="U68439" i="1"/>
  <c r="U68438" i="1"/>
  <c r="U68437" i="1"/>
  <c r="U68436" i="1"/>
  <c r="U68435" i="1"/>
  <c r="U68434" i="1"/>
  <c r="U68433" i="1"/>
  <c r="U68432" i="1"/>
  <c r="U68431" i="1"/>
  <c r="U68430" i="1"/>
  <c r="U68429" i="1"/>
  <c r="U68428" i="1"/>
  <c r="U68427" i="1"/>
  <c r="U68426" i="1"/>
  <c r="U68425" i="1"/>
  <c r="U68424" i="1"/>
  <c r="U68423" i="1"/>
  <c r="U68422" i="1"/>
  <c r="U68421" i="1"/>
  <c r="U68420" i="1"/>
  <c r="U68419" i="1"/>
  <c r="U68418" i="1"/>
  <c r="U68417" i="1"/>
  <c r="U68416" i="1"/>
  <c r="U68415" i="1"/>
  <c r="U68414" i="1"/>
  <c r="U68413" i="1"/>
  <c r="U68412" i="1"/>
  <c r="U68411" i="1"/>
  <c r="U68410" i="1"/>
  <c r="U68409" i="1"/>
  <c r="U68408" i="1"/>
  <c r="U68407" i="1"/>
  <c r="U68406" i="1"/>
  <c r="U68405" i="1"/>
  <c r="U68404" i="1"/>
  <c r="U68403" i="1"/>
  <c r="U68402" i="1"/>
  <c r="U68401" i="1"/>
  <c r="U68400" i="1"/>
  <c r="U68399" i="1"/>
  <c r="U68398" i="1"/>
  <c r="U68397" i="1"/>
  <c r="U68396" i="1"/>
  <c r="U68395" i="1"/>
  <c r="U68394" i="1"/>
  <c r="U68393" i="1"/>
  <c r="U68392" i="1"/>
  <c r="U68391" i="1"/>
  <c r="U68390" i="1"/>
  <c r="U68389" i="1"/>
  <c r="U68388" i="1"/>
  <c r="U68387" i="1"/>
  <c r="U68386" i="1"/>
  <c r="U68385" i="1"/>
  <c r="U68384" i="1"/>
  <c r="U68383" i="1"/>
  <c r="U68382" i="1"/>
  <c r="U68381" i="1"/>
  <c r="U68380" i="1"/>
  <c r="U68379" i="1"/>
  <c r="U68378" i="1"/>
  <c r="U68377" i="1"/>
  <c r="U68376" i="1"/>
  <c r="U68375" i="1"/>
  <c r="U68374" i="1"/>
  <c r="U68373" i="1"/>
  <c r="U68372" i="1"/>
  <c r="U68371" i="1"/>
  <c r="U68370" i="1"/>
  <c r="U68369" i="1"/>
  <c r="U68368" i="1"/>
  <c r="U68367" i="1"/>
  <c r="U68366" i="1"/>
  <c r="U68365" i="1"/>
  <c r="U68364" i="1"/>
  <c r="U68363" i="1"/>
  <c r="U68362" i="1"/>
  <c r="U68361" i="1"/>
  <c r="U68360" i="1"/>
  <c r="U68359" i="1"/>
  <c r="U68358" i="1"/>
  <c r="U68357" i="1"/>
  <c r="U68356" i="1"/>
  <c r="U68355" i="1"/>
  <c r="U68354" i="1"/>
  <c r="U68353" i="1"/>
  <c r="U68352" i="1"/>
  <c r="U68351" i="1"/>
  <c r="U68350" i="1"/>
  <c r="U68349" i="1"/>
  <c r="U68348" i="1"/>
  <c r="U68347" i="1"/>
  <c r="U68346" i="1"/>
  <c r="U68345" i="1"/>
  <c r="U68344" i="1"/>
  <c r="U68343" i="1"/>
  <c r="U68342" i="1"/>
  <c r="U68341" i="1"/>
  <c r="U68340" i="1"/>
  <c r="U68339" i="1"/>
  <c r="U68338" i="1"/>
  <c r="U68337" i="1"/>
  <c r="U68336" i="1"/>
  <c r="U68335" i="1"/>
  <c r="U68334" i="1"/>
  <c r="U68333" i="1"/>
  <c r="U68332" i="1"/>
  <c r="U68331" i="1"/>
  <c r="U68330" i="1"/>
  <c r="U68329" i="1"/>
  <c r="U68328" i="1"/>
  <c r="U68327" i="1"/>
  <c r="U68326" i="1"/>
  <c r="U68325" i="1"/>
  <c r="U68324" i="1"/>
  <c r="U68323" i="1"/>
  <c r="U68322" i="1"/>
  <c r="U68321" i="1"/>
  <c r="U68320" i="1"/>
  <c r="U68319" i="1"/>
  <c r="U68318" i="1"/>
  <c r="U68317" i="1"/>
  <c r="U68316" i="1"/>
  <c r="U68315" i="1"/>
  <c r="U68314" i="1"/>
  <c r="U68313" i="1"/>
  <c r="U68312" i="1"/>
  <c r="U68311" i="1"/>
  <c r="U68310" i="1"/>
  <c r="U68309" i="1"/>
  <c r="U68308" i="1"/>
  <c r="U68307" i="1"/>
  <c r="U68306" i="1"/>
  <c r="U68305" i="1"/>
  <c r="U68304" i="1"/>
  <c r="U68303" i="1"/>
  <c r="U68302" i="1"/>
  <c r="U68301" i="1"/>
  <c r="U68300" i="1"/>
  <c r="U68299" i="1"/>
  <c r="U68298" i="1"/>
  <c r="U68297" i="1"/>
  <c r="U68296" i="1"/>
  <c r="U68295" i="1"/>
  <c r="U68294" i="1"/>
  <c r="U68293" i="1"/>
  <c r="U68292" i="1"/>
  <c r="U68291" i="1"/>
  <c r="U68290" i="1"/>
  <c r="U68289" i="1"/>
  <c r="U68288" i="1"/>
  <c r="U68287" i="1"/>
  <c r="U68286" i="1"/>
  <c r="U68285" i="1"/>
  <c r="U68284" i="1"/>
  <c r="U68283" i="1"/>
  <c r="U68282" i="1"/>
  <c r="U68281" i="1"/>
  <c r="U68280" i="1"/>
  <c r="U68279" i="1"/>
  <c r="U68278" i="1"/>
  <c r="U68277" i="1"/>
  <c r="U68276" i="1"/>
  <c r="U68275" i="1"/>
  <c r="U68274" i="1"/>
  <c r="U68273" i="1"/>
  <c r="U68272" i="1"/>
  <c r="U68271" i="1"/>
  <c r="U68270" i="1"/>
  <c r="U68269" i="1"/>
  <c r="U68268" i="1"/>
  <c r="U68267" i="1"/>
  <c r="U68266" i="1"/>
  <c r="U68265" i="1"/>
  <c r="U68264" i="1"/>
  <c r="U68263" i="1"/>
  <c r="U68262" i="1"/>
  <c r="U68261" i="1"/>
  <c r="U68260" i="1"/>
  <c r="U68259" i="1"/>
  <c r="U68258" i="1"/>
  <c r="U68257" i="1"/>
  <c r="U68256" i="1"/>
  <c r="U68255" i="1"/>
  <c r="U68254" i="1"/>
  <c r="U68253" i="1"/>
  <c r="U68252" i="1"/>
  <c r="U68251" i="1"/>
  <c r="U68250" i="1"/>
  <c r="U68249" i="1"/>
  <c r="U68248" i="1"/>
  <c r="U68247" i="1"/>
  <c r="U68246" i="1"/>
  <c r="U68245" i="1"/>
  <c r="U68244" i="1"/>
  <c r="U68243" i="1"/>
  <c r="U68242" i="1"/>
  <c r="U68241" i="1"/>
  <c r="U68240" i="1"/>
  <c r="U68239" i="1"/>
  <c r="U68238" i="1"/>
  <c r="U68237" i="1"/>
  <c r="U68236" i="1"/>
  <c r="U68235" i="1"/>
  <c r="U68234" i="1"/>
  <c r="U68233" i="1"/>
  <c r="U68232" i="1"/>
  <c r="U68231" i="1"/>
  <c r="U68230" i="1"/>
  <c r="U68229" i="1"/>
  <c r="U68228" i="1"/>
  <c r="U68227" i="1"/>
  <c r="U68226" i="1"/>
  <c r="U68225" i="1"/>
  <c r="U68224" i="1"/>
  <c r="U68223" i="1"/>
  <c r="U68222" i="1"/>
  <c r="U68221" i="1"/>
  <c r="U68220" i="1"/>
  <c r="U68219" i="1"/>
  <c r="U68218" i="1"/>
  <c r="U68217" i="1"/>
  <c r="U68216" i="1"/>
  <c r="U68215" i="1"/>
  <c r="U68214" i="1"/>
  <c r="U68213" i="1"/>
  <c r="U68212" i="1"/>
  <c r="U68211" i="1"/>
  <c r="U68210" i="1"/>
  <c r="U68209" i="1"/>
  <c r="U68208" i="1"/>
  <c r="U68207" i="1"/>
  <c r="U68206" i="1"/>
  <c r="U68205" i="1"/>
  <c r="U68204" i="1"/>
  <c r="U68203" i="1"/>
  <c r="U68202" i="1"/>
  <c r="U68201" i="1"/>
  <c r="U68200" i="1"/>
  <c r="U68199" i="1"/>
  <c r="U68198" i="1"/>
  <c r="U68197" i="1"/>
  <c r="U68196" i="1"/>
  <c r="U68195" i="1"/>
  <c r="U68194" i="1"/>
  <c r="U68193" i="1"/>
  <c r="U68192" i="1"/>
  <c r="U68191" i="1"/>
  <c r="U68190" i="1"/>
  <c r="U68189" i="1"/>
  <c r="U68188" i="1"/>
  <c r="U68187" i="1"/>
  <c r="U68186" i="1"/>
  <c r="U68185" i="1"/>
  <c r="U68184" i="1"/>
  <c r="U68183" i="1"/>
  <c r="U68182" i="1"/>
  <c r="U68181" i="1"/>
  <c r="U68180" i="1"/>
  <c r="U68179" i="1"/>
  <c r="U68178" i="1"/>
  <c r="U68177" i="1"/>
  <c r="U68176" i="1"/>
  <c r="U68175" i="1"/>
  <c r="U68174" i="1"/>
  <c r="U68173" i="1"/>
  <c r="U68172" i="1"/>
  <c r="U68171" i="1"/>
  <c r="U68170" i="1"/>
  <c r="U68169" i="1"/>
  <c r="U68168" i="1"/>
  <c r="U68167" i="1"/>
  <c r="U68166" i="1"/>
  <c r="U68165" i="1"/>
  <c r="U68164" i="1"/>
  <c r="U68163" i="1"/>
  <c r="U68162" i="1"/>
  <c r="U68161" i="1"/>
  <c r="U68160" i="1"/>
  <c r="U68159" i="1"/>
  <c r="U68158" i="1"/>
  <c r="U68157" i="1"/>
  <c r="U68156" i="1"/>
  <c r="U68155" i="1"/>
  <c r="U68154" i="1"/>
  <c r="U68153" i="1"/>
  <c r="U68152" i="1"/>
  <c r="U68151" i="1"/>
  <c r="U68150" i="1"/>
  <c r="U68149" i="1"/>
  <c r="U68148" i="1"/>
  <c r="U68147" i="1"/>
  <c r="U68146" i="1"/>
  <c r="U68145" i="1"/>
  <c r="U68144" i="1"/>
  <c r="U68143" i="1"/>
  <c r="U68142" i="1"/>
  <c r="U68141" i="1"/>
  <c r="U68140" i="1"/>
  <c r="U68139" i="1"/>
  <c r="U68138" i="1"/>
  <c r="U68137" i="1"/>
  <c r="U68136" i="1"/>
  <c r="U68135" i="1"/>
  <c r="U68134" i="1"/>
  <c r="U68133" i="1"/>
  <c r="U68132" i="1"/>
  <c r="U68131" i="1"/>
  <c r="U68130" i="1"/>
  <c r="U68129" i="1"/>
  <c r="U68128" i="1"/>
  <c r="U68127" i="1"/>
  <c r="U68126" i="1"/>
  <c r="U68125" i="1"/>
  <c r="U68124" i="1"/>
  <c r="U68123" i="1"/>
  <c r="U68122" i="1"/>
  <c r="U68121" i="1"/>
  <c r="U68120" i="1"/>
  <c r="U68119" i="1"/>
  <c r="U68118" i="1"/>
  <c r="U68117" i="1"/>
  <c r="U68116" i="1"/>
  <c r="U68115" i="1"/>
  <c r="U68114" i="1"/>
  <c r="U68113" i="1"/>
  <c r="U68112" i="1"/>
  <c r="U68111" i="1"/>
  <c r="U68110" i="1"/>
  <c r="U68109" i="1"/>
  <c r="U68108" i="1"/>
  <c r="U68107" i="1"/>
  <c r="U68106" i="1"/>
  <c r="U68105" i="1"/>
  <c r="U68104" i="1"/>
  <c r="U68103" i="1"/>
  <c r="U68102" i="1"/>
  <c r="U68101" i="1"/>
  <c r="U68100" i="1"/>
  <c r="U68099" i="1"/>
  <c r="U68098" i="1"/>
  <c r="U68097" i="1"/>
  <c r="U68096" i="1"/>
  <c r="U68095" i="1"/>
  <c r="U68094" i="1"/>
  <c r="U68093" i="1"/>
  <c r="U68092" i="1"/>
  <c r="U68091" i="1"/>
  <c r="U68090" i="1"/>
  <c r="U68089" i="1"/>
  <c r="U68088" i="1"/>
  <c r="U68087" i="1"/>
  <c r="U68086" i="1"/>
  <c r="U68085" i="1"/>
  <c r="U68084" i="1"/>
  <c r="U68083" i="1"/>
  <c r="U68082" i="1"/>
  <c r="U68081" i="1"/>
  <c r="U68080" i="1"/>
  <c r="U68079" i="1"/>
  <c r="U68078" i="1"/>
  <c r="U68077" i="1"/>
  <c r="U68076" i="1"/>
  <c r="U68075" i="1"/>
  <c r="U68074" i="1"/>
  <c r="U68073" i="1"/>
  <c r="U68072" i="1"/>
  <c r="U68071" i="1"/>
  <c r="U68070" i="1"/>
  <c r="U68069" i="1"/>
  <c r="U68068" i="1"/>
  <c r="U68067" i="1"/>
  <c r="U68066" i="1"/>
  <c r="U68065" i="1"/>
  <c r="U68064" i="1"/>
  <c r="U68063" i="1"/>
  <c r="U68062" i="1"/>
  <c r="U68061" i="1"/>
  <c r="U68060" i="1"/>
  <c r="U68059" i="1"/>
  <c r="U68058" i="1"/>
  <c r="U68057" i="1"/>
  <c r="U68056" i="1"/>
  <c r="U68055" i="1"/>
  <c r="U68054" i="1"/>
  <c r="U68053" i="1"/>
  <c r="U68052" i="1"/>
  <c r="U68051" i="1"/>
  <c r="U68050" i="1"/>
  <c r="U68049" i="1"/>
  <c r="U68048" i="1"/>
  <c r="U68047" i="1"/>
  <c r="U68046" i="1"/>
  <c r="U68045" i="1"/>
  <c r="U68044" i="1"/>
  <c r="U68043" i="1"/>
  <c r="U68042" i="1"/>
  <c r="U68041" i="1"/>
  <c r="U68040" i="1"/>
  <c r="U68039" i="1"/>
  <c r="U68038" i="1"/>
  <c r="U68037" i="1"/>
  <c r="U68036" i="1"/>
  <c r="U68035" i="1"/>
  <c r="U68034" i="1"/>
  <c r="U68033" i="1"/>
  <c r="U68032" i="1"/>
  <c r="U68031" i="1"/>
  <c r="U68030" i="1"/>
  <c r="U68029" i="1"/>
  <c r="U68028" i="1"/>
  <c r="U68027" i="1"/>
  <c r="U68026" i="1"/>
  <c r="U68025" i="1"/>
  <c r="U68024" i="1"/>
  <c r="U68023" i="1"/>
  <c r="U68022" i="1"/>
  <c r="U68021" i="1"/>
  <c r="U68020" i="1"/>
  <c r="U68019" i="1"/>
  <c r="U68018" i="1"/>
  <c r="U68017" i="1"/>
  <c r="U68016" i="1"/>
  <c r="U68015" i="1"/>
  <c r="U68014" i="1"/>
  <c r="U68013" i="1"/>
  <c r="U68012" i="1"/>
  <c r="U68011" i="1"/>
  <c r="U68010" i="1"/>
  <c r="U68009" i="1"/>
  <c r="U68008" i="1"/>
  <c r="U68007" i="1"/>
  <c r="U68006" i="1"/>
  <c r="U68005" i="1"/>
  <c r="U68004" i="1"/>
  <c r="U68003" i="1"/>
  <c r="U68002" i="1"/>
  <c r="U68001" i="1"/>
  <c r="U68000" i="1"/>
  <c r="U67999" i="1"/>
  <c r="U67998" i="1"/>
  <c r="U67997" i="1"/>
  <c r="U67996" i="1"/>
  <c r="U67995" i="1"/>
  <c r="U67994" i="1"/>
  <c r="U67993" i="1"/>
  <c r="U67992" i="1"/>
  <c r="U67991" i="1"/>
  <c r="U67990" i="1"/>
  <c r="U67989" i="1"/>
  <c r="U67988" i="1"/>
  <c r="U67987" i="1"/>
  <c r="U67986" i="1"/>
  <c r="U67985" i="1"/>
  <c r="U67984" i="1"/>
  <c r="U67983" i="1"/>
  <c r="U67982" i="1"/>
  <c r="U67981" i="1"/>
  <c r="U67980" i="1"/>
  <c r="U67979" i="1"/>
  <c r="U67978" i="1"/>
  <c r="U67977" i="1"/>
  <c r="U67976" i="1"/>
  <c r="U67975" i="1"/>
  <c r="U67974" i="1"/>
  <c r="U67973" i="1"/>
  <c r="U67972" i="1"/>
  <c r="U67971" i="1"/>
  <c r="U67970" i="1"/>
  <c r="U67969" i="1"/>
  <c r="U67968" i="1"/>
  <c r="U67967" i="1"/>
  <c r="U67966" i="1"/>
  <c r="U67965" i="1"/>
  <c r="U67964" i="1"/>
  <c r="U67963" i="1"/>
  <c r="U67962" i="1"/>
  <c r="U67961" i="1"/>
  <c r="U67960" i="1"/>
  <c r="U67959" i="1"/>
  <c r="U67958" i="1"/>
  <c r="U67957" i="1"/>
  <c r="U67956" i="1"/>
  <c r="U67955" i="1"/>
  <c r="U67954" i="1"/>
  <c r="U67953" i="1"/>
  <c r="U67952" i="1"/>
  <c r="U67951" i="1"/>
  <c r="U67950" i="1"/>
  <c r="U67949" i="1"/>
  <c r="U67948" i="1"/>
  <c r="U67947" i="1"/>
  <c r="U67946" i="1"/>
  <c r="U67945" i="1"/>
  <c r="U67944" i="1"/>
  <c r="U67943" i="1"/>
  <c r="U67942" i="1"/>
  <c r="U67941" i="1"/>
  <c r="U67940" i="1"/>
  <c r="U67939" i="1"/>
  <c r="U67938" i="1"/>
  <c r="U67937" i="1"/>
  <c r="U67936" i="1"/>
  <c r="U67935" i="1"/>
  <c r="U67934" i="1"/>
  <c r="U67933" i="1"/>
  <c r="U67932" i="1"/>
  <c r="U67931" i="1"/>
  <c r="U67930" i="1"/>
  <c r="U67929" i="1"/>
  <c r="U67928" i="1"/>
  <c r="U67927" i="1"/>
  <c r="U67926" i="1"/>
  <c r="U67925" i="1"/>
  <c r="U67924" i="1"/>
  <c r="U67923" i="1"/>
  <c r="U67922" i="1"/>
  <c r="U67921" i="1"/>
  <c r="U67920" i="1"/>
  <c r="U67919" i="1"/>
  <c r="U67918" i="1"/>
  <c r="U67917" i="1"/>
  <c r="U67916" i="1"/>
  <c r="U67915" i="1"/>
  <c r="U67914" i="1"/>
  <c r="U67913" i="1"/>
  <c r="U67912" i="1"/>
  <c r="U67911" i="1"/>
  <c r="U67910" i="1"/>
  <c r="U67909" i="1"/>
  <c r="U67908" i="1"/>
  <c r="U67907" i="1"/>
  <c r="U67906" i="1"/>
  <c r="U67905" i="1"/>
  <c r="U67904" i="1"/>
  <c r="U67903" i="1"/>
  <c r="U67902" i="1"/>
  <c r="U67901" i="1"/>
  <c r="U67900" i="1"/>
  <c r="U67899" i="1"/>
  <c r="U67898" i="1"/>
  <c r="U67897" i="1"/>
  <c r="U67896" i="1"/>
  <c r="U67895" i="1"/>
  <c r="U67894" i="1"/>
  <c r="U67893" i="1"/>
  <c r="U67892" i="1"/>
  <c r="U67891" i="1"/>
  <c r="U67890" i="1"/>
  <c r="U67889" i="1"/>
  <c r="U67888" i="1"/>
  <c r="U67887" i="1"/>
  <c r="U67886" i="1"/>
  <c r="U67885" i="1"/>
  <c r="U67884" i="1"/>
  <c r="U67883" i="1"/>
  <c r="U67882" i="1"/>
  <c r="U67881" i="1"/>
  <c r="U67880" i="1"/>
  <c r="U67879" i="1"/>
  <c r="U67878" i="1"/>
  <c r="U67877" i="1"/>
  <c r="U67876" i="1"/>
  <c r="U67875" i="1"/>
  <c r="U67874" i="1"/>
  <c r="U67873" i="1"/>
  <c r="U67872" i="1"/>
  <c r="U67871" i="1"/>
  <c r="U67870" i="1"/>
  <c r="U67869" i="1"/>
  <c r="U67868" i="1"/>
  <c r="U67867" i="1"/>
  <c r="U67866" i="1"/>
  <c r="U67865" i="1"/>
  <c r="U67864" i="1"/>
  <c r="U67863" i="1"/>
  <c r="U67862" i="1"/>
  <c r="U67861" i="1"/>
  <c r="U67860" i="1"/>
  <c r="U67859" i="1"/>
  <c r="U67858" i="1"/>
  <c r="U67857" i="1"/>
  <c r="U67856" i="1"/>
  <c r="U67855" i="1"/>
  <c r="U67854" i="1"/>
  <c r="U67853" i="1"/>
  <c r="U67852" i="1"/>
  <c r="U67851" i="1"/>
  <c r="U67850" i="1"/>
  <c r="U67849" i="1"/>
  <c r="U67848" i="1"/>
  <c r="U67847" i="1"/>
  <c r="U67846" i="1"/>
  <c r="U67845" i="1"/>
  <c r="U67844" i="1"/>
  <c r="U67843" i="1"/>
  <c r="U67842" i="1"/>
  <c r="U67841" i="1"/>
  <c r="U67840" i="1"/>
  <c r="U67839" i="1"/>
  <c r="U67838" i="1"/>
  <c r="U67837" i="1"/>
  <c r="U67836" i="1"/>
  <c r="U67835" i="1"/>
  <c r="U67834" i="1"/>
  <c r="U67833" i="1"/>
  <c r="U67832" i="1"/>
  <c r="U67831" i="1"/>
  <c r="U67830" i="1"/>
  <c r="U67829" i="1"/>
  <c r="U67828" i="1"/>
  <c r="U67827" i="1"/>
  <c r="U67826" i="1"/>
  <c r="U67825" i="1"/>
  <c r="U67824" i="1"/>
  <c r="U67823" i="1"/>
  <c r="U67822" i="1"/>
  <c r="U67821" i="1"/>
  <c r="U67820" i="1"/>
  <c r="U67819" i="1"/>
  <c r="U67818" i="1"/>
  <c r="U67817" i="1"/>
  <c r="U67816" i="1"/>
  <c r="U67815" i="1"/>
  <c r="U67814" i="1"/>
  <c r="U67813" i="1"/>
  <c r="U67812" i="1"/>
  <c r="U67811" i="1"/>
  <c r="U67810" i="1"/>
  <c r="U67809" i="1"/>
  <c r="U67808" i="1"/>
  <c r="U67807" i="1"/>
  <c r="U67806" i="1"/>
  <c r="U67805" i="1"/>
  <c r="U67804" i="1"/>
  <c r="U67803" i="1"/>
  <c r="U67802" i="1"/>
  <c r="U67801" i="1"/>
  <c r="U67800" i="1"/>
  <c r="U67799" i="1"/>
  <c r="U67798" i="1"/>
  <c r="U67797" i="1"/>
  <c r="U67796" i="1"/>
  <c r="U67795" i="1"/>
  <c r="U67794" i="1"/>
  <c r="U67793" i="1"/>
  <c r="U67792" i="1"/>
  <c r="U67791" i="1"/>
  <c r="U67790" i="1"/>
  <c r="U67789" i="1"/>
  <c r="U67788" i="1"/>
  <c r="U67787" i="1"/>
  <c r="U67786" i="1"/>
  <c r="U67785" i="1"/>
  <c r="U67784" i="1"/>
  <c r="U67783" i="1"/>
  <c r="U67782" i="1"/>
  <c r="U67781" i="1"/>
  <c r="U67780" i="1"/>
  <c r="U67779" i="1"/>
  <c r="U67778" i="1"/>
  <c r="U67777" i="1"/>
  <c r="U67776" i="1"/>
  <c r="U67775" i="1"/>
  <c r="U67774" i="1"/>
  <c r="U67773" i="1"/>
  <c r="U67772" i="1"/>
  <c r="U67771" i="1"/>
  <c r="U67770" i="1"/>
  <c r="U67769" i="1"/>
  <c r="U67768" i="1"/>
  <c r="U67767" i="1"/>
  <c r="U67766" i="1"/>
  <c r="U67765" i="1"/>
  <c r="U67764" i="1"/>
  <c r="U67763" i="1"/>
  <c r="U67762" i="1"/>
  <c r="U67761" i="1"/>
  <c r="U67760" i="1"/>
  <c r="U67759" i="1"/>
  <c r="U67758" i="1"/>
  <c r="U67757" i="1"/>
  <c r="U67756" i="1"/>
  <c r="U67755" i="1"/>
  <c r="U67754" i="1"/>
  <c r="U67753" i="1"/>
  <c r="U67752" i="1"/>
  <c r="U67751" i="1"/>
  <c r="U67750" i="1"/>
  <c r="U67749" i="1"/>
  <c r="U67748" i="1"/>
  <c r="U67747" i="1"/>
  <c r="U67746" i="1"/>
  <c r="U67745" i="1"/>
  <c r="U67744" i="1"/>
  <c r="U67743" i="1"/>
  <c r="U67742" i="1"/>
  <c r="U67741" i="1"/>
  <c r="U67740" i="1"/>
  <c r="U67739" i="1"/>
  <c r="U67738" i="1"/>
  <c r="U67737" i="1"/>
  <c r="U67736" i="1"/>
  <c r="U67735" i="1"/>
  <c r="U67734" i="1"/>
  <c r="U67733" i="1"/>
  <c r="U67732" i="1"/>
  <c r="U67731" i="1"/>
  <c r="U67730" i="1"/>
  <c r="U67729" i="1"/>
  <c r="U67728" i="1"/>
  <c r="U67727" i="1"/>
  <c r="U67726" i="1"/>
  <c r="U67725" i="1"/>
  <c r="U67724" i="1"/>
  <c r="U67723" i="1"/>
  <c r="U67722" i="1"/>
  <c r="U67721" i="1"/>
  <c r="U67720" i="1"/>
  <c r="U67719" i="1"/>
  <c r="U67718" i="1"/>
  <c r="U67717" i="1"/>
  <c r="U67716" i="1"/>
  <c r="U67715" i="1"/>
  <c r="U67714" i="1"/>
  <c r="U67713" i="1"/>
  <c r="U67712" i="1"/>
  <c r="U67711" i="1"/>
  <c r="U67710" i="1"/>
  <c r="U67709" i="1"/>
  <c r="U67708" i="1"/>
  <c r="U67707" i="1"/>
  <c r="U67706" i="1"/>
  <c r="U67705" i="1"/>
  <c r="U67704" i="1"/>
  <c r="U67703" i="1"/>
  <c r="U67702" i="1"/>
  <c r="U67701" i="1"/>
  <c r="U67700" i="1"/>
  <c r="U67699" i="1"/>
  <c r="U67698" i="1"/>
  <c r="U67697" i="1"/>
  <c r="U67696" i="1"/>
  <c r="U67695" i="1"/>
  <c r="U67694" i="1"/>
  <c r="U67693" i="1"/>
  <c r="U67692" i="1"/>
  <c r="U67691" i="1"/>
  <c r="U67690" i="1"/>
  <c r="U67689" i="1"/>
  <c r="U67688" i="1"/>
  <c r="U67687" i="1"/>
  <c r="U67686" i="1"/>
  <c r="U67685" i="1"/>
  <c r="U67684" i="1"/>
  <c r="U67683" i="1"/>
  <c r="U67682" i="1"/>
  <c r="U67681" i="1"/>
  <c r="U67680" i="1"/>
  <c r="U67679" i="1"/>
  <c r="U67678" i="1"/>
  <c r="U67677" i="1"/>
  <c r="U67676" i="1"/>
  <c r="U67675" i="1"/>
  <c r="U67674" i="1"/>
  <c r="U67673" i="1"/>
  <c r="U67672" i="1"/>
  <c r="U67671" i="1"/>
  <c r="U67670" i="1"/>
  <c r="U67669" i="1"/>
  <c r="U67668" i="1"/>
  <c r="U67667" i="1"/>
  <c r="U67666" i="1"/>
  <c r="U67665" i="1"/>
  <c r="U67664" i="1"/>
  <c r="U67663" i="1"/>
  <c r="U67662" i="1"/>
  <c r="U67661" i="1"/>
  <c r="U67660" i="1"/>
  <c r="U67659" i="1"/>
  <c r="U67658" i="1"/>
  <c r="U67657" i="1"/>
  <c r="U67656" i="1"/>
  <c r="U67655" i="1"/>
  <c r="U67654" i="1"/>
  <c r="U67653" i="1"/>
  <c r="U67652" i="1"/>
  <c r="U67651" i="1"/>
  <c r="U67650" i="1"/>
  <c r="U67649" i="1"/>
  <c r="U67648" i="1"/>
  <c r="U67647" i="1"/>
  <c r="U67646" i="1"/>
  <c r="U67645" i="1"/>
  <c r="U67644" i="1"/>
  <c r="U67643" i="1"/>
  <c r="U67642" i="1"/>
  <c r="U67641" i="1"/>
  <c r="U67640" i="1"/>
  <c r="U67639" i="1"/>
  <c r="U67638" i="1"/>
  <c r="U67637" i="1"/>
  <c r="U67636" i="1"/>
  <c r="U67635" i="1"/>
  <c r="U67634" i="1"/>
  <c r="U67633" i="1"/>
  <c r="U67632" i="1"/>
  <c r="U67631" i="1"/>
  <c r="U67630" i="1"/>
  <c r="U67629" i="1"/>
  <c r="U67628" i="1"/>
  <c r="U67627" i="1"/>
  <c r="U67626" i="1"/>
  <c r="U67625" i="1"/>
  <c r="U67624" i="1"/>
  <c r="U67623" i="1"/>
  <c r="U67622" i="1"/>
  <c r="U67621" i="1"/>
  <c r="U67620" i="1"/>
  <c r="U67619" i="1"/>
  <c r="U67618" i="1"/>
  <c r="U67617" i="1"/>
  <c r="U67616" i="1"/>
  <c r="U67615" i="1"/>
  <c r="U67614" i="1"/>
  <c r="U67613" i="1"/>
  <c r="U67612" i="1"/>
  <c r="U67611" i="1"/>
  <c r="U67610" i="1"/>
  <c r="U67609" i="1"/>
  <c r="U67608" i="1"/>
  <c r="U67607" i="1"/>
  <c r="U67606" i="1"/>
  <c r="U67605" i="1"/>
  <c r="U67604" i="1"/>
  <c r="U67603" i="1"/>
  <c r="U67602" i="1"/>
  <c r="U67601" i="1"/>
  <c r="U67600" i="1"/>
  <c r="U67599" i="1"/>
  <c r="U67598" i="1"/>
  <c r="U67597" i="1"/>
  <c r="U67596" i="1"/>
  <c r="U67595" i="1"/>
  <c r="U67594" i="1"/>
  <c r="U67593" i="1"/>
  <c r="U67592" i="1"/>
  <c r="U67591" i="1"/>
  <c r="U67590" i="1"/>
  <c r="U67589" i="1"/>
  <c r="U67588" i="1"/>
  <c r="U67587" i="1"/>
  <c r="U67586" i="1"/>
  <c r="U67585" i="1"/>
  <c r="U67584" i="1"/>
  <c r="U67583" i="1"/>
  <c r="U67582" i="1"/>
  <c r="U67581" i="1"/>
  <c r="U67580" i="1"/>
  <c r="U67579" i="1"/>
  <c r="U67578" i="1"/>
  <c r="U67577" i="1"/>
  <c r="U67576" i="1"/>
  <c r="U67575" i="1"/>
  <c r="U67574" i="1"/>
  <c r="U67573" i="1"/>
  <c r="U67572" i="1"/>
  <c r="U67571" i="1"/>
  <c r="U67570" i="1"/>
  <c r="U67569" i="1"/>
  <c r="U67568" i="1"/>
  <c r="U67567" i="1"/>
  <c r="U67566" i="1"/>
  <c r="U67565" i="1"/>
  <c r="U67564" i="1"/>
  <c r="U67563" i="1"/>
  <c r="U67562" i="1"/>
  <c r="U67561" i="1"/>
  <c r="U67560" i="1"/>
  <c r="U67559" i="1"/>
  <c r="U67558" i="1"/>
  <c r="U67557" i="1"/>
  <c r="U67556" i="1"/>
  <c r="U67555" i="1"/>
  <c r="U67554" i="1"/>
  <c r="U67553" i="1"/>
  <c r="U67552" i="1"/>
  <c r="U67551" i="1"/>
  <c r="U67550" i="1"/>
  <c r="U67549" i="1"/>
  <c r="U67548" i="1"/>
  <c r="U67547" i="1"/>
  <c r="U67546" i="1"/>
  <c r="U67545" i="1"/>
  <c r="U67544" i="1"/>
  <c r="U67543" i="1"/>
  <c r="U67542" i="1"/>
  <c r="U67541" i="1"/>
  <c r="U67540" i="1"/>
  <c r="U67539" i="1"/>
  <c r="U67538" i="1"/>
  <c r="U67537" i="1"/>
  <c r="U67536" i="1"/>
  <c r="U67535" i="1"/>
  <c r="U67534" i="1"/>
  <c r="U67533" i="1"/>
  <c r="U67532" i="1"/>
  <c r="U67531" i="1"/>
  <c r="U67530" i="1"/>
  <c r="U67529" i="1"/>
  <c r="U67528" i="1"/>
  <c r="U67527" i="1"/>
  <c r="U67526" i="1"/>
  <c r="U67525" i="1"/>
  <c r="U67524" i="1"/>
  <c r="U67523" i="1"/>
  <c r="U67522" i="1"/>
  <c r="U67521" i="1"/>
  <c r="U67520" i="1"/>
  <c r="U67519" i="1"/>
  <c r="U67518" i="1"/>
  <c r="U67517" i="1"/>
  <c r="U67516" i="1"/>
  <c r="U67515" i="1"/>
  <c r="U67514" i="1"/>
  <c r="U67513" i="1"/>
  <c r="U67512" i="1"/>
  <c r="U67511" i="1"/>
  <c r="U67510" i="1"/>
  <c r="U67509" i="1"/>
  <c r="U67508" i="1"/>
  <c r="U67507" i="1"/>
  <c r="U67506" i="1"/>
  <c r="U67505" i="1"/>
  <c r="U67504" i="1"/>
  <c r="U67503" i="1"/>
  <c r="U67502" i="1"/>
  <c r="U67501" i="1"/>
  <c r="U67500" i="1"/>
  <c r="U67499" i="1"/>
  <c r="U67498" i="1"/>
  <c r="U67497" i="1"/>
  <c r="U67496" i="1"/>
  <c r="U67495" i="1"/>
  <c r="U67494" i="1"/>
  <c r="U67493" i="1"/>
  <c r="U67492" i="1"/>
  <c r="U67491" i="1"/>
  <c r="U67490" i="1"/>
  <c r="U67489" i="1"/>
  <c r="U67488" i="1"/>
  <c r="U67487" i="1"/>
  <c r="U67486" i="1"/>
  <c r="U67485" i="1"/>
  <c r="U67484" i="1"/>
  <c r="U67483" i="1"/>
  <c r="U67482" i="1"/>
  <c r="U67481" i="1"/>
  <c r="U67480" i="1"/>
  <c r="U67479" i="1"/>
  <c r="U67478" i="1"/>
  <c r="U67477" i="1"/>
  <c r="U67476" i="1"/>
  <c r="U67475" i="1"/>
  <c r="U67474" i="1"/>
  <c r="U67473" i="1"/>
  <c r="U67472" i="1"/>
  <c r="U67471" i="1"/>
  <c r="U67470" i="1"/>
  <c r="U67469" i="1"/>
  <c r="U67468" i="1"/>
  <c r="U67467" i="1"/>
  <c r="U67466" i="1"/>
  <c r="U67465" i="1"/>
  <c r="U67464" i="1"/>
  <c r="U67463" i="1"/>
  <c r="U67462" i="1"/>
  <c r="U67461" i="1"/>
  <c r="U67460" i="1"/>
  <c r="U67459" i="1"/>
  <c r="U67458" i="1"/>
  <c r="U67457" i="1"/>
  <c r="U67456" i="1"/>
  <c r="U67455" i="1"/>
  <c r="U67454" i="1"/>
  <c r="U67453" i="1"/>
  <c r="U67452" i="1"/>
  <c r="U67451" i="1"/>
  <c r="U67450" i="1"/>
  <c r="U67449" i="1"/>
  <c r="U67448" i="1"/>
  <c r="U67447" i="1"/>
  <c r="U67446" i="1"/>
  <c r="U67445" i="1"/>
  <c r="U67444" i="1"/>
  <c r="U67443" i="1"/>
  <c r="U67442" i="1"/>
  <c r="U67441" i="1"/>
  <c r="U67440" i="1"/>
  <c r="U67439" i="1"/>
  <c r="U67438" i="1"/>
  <c r="U67437" i="1"/>
  <c r="U67436" i="1"/>
  <c r="U67435" i="1"/>
  <c r="U67434" i="1"/>
  <c r="U67433" i="1"/>
  <c r="U67432" i="1"/>
  <c r="U67431" i="1"/>
  <c r="U67430" i="1"/>
  <c r="U67429" i="1"/>
  <c r="U67428" i="1"/>
  <c r="U67427" i="1"/>
  <c r="U67426" i="1"/>
  <c r="U67425" i="1"/>
  <c r="U67424" i="1"/>
  <c r="U67423" i="1"/>
  <c r="U67422" i="1"/>
  <c r="U67421" i="1"/>
  <c r="U67420" i="1"/>
  <c r="U67419" i="1"/>
  <c r="U67418" i="1"/>
  <c r="U67417" i="1"/>
  <c r="U67416" i="1"/>
  <c r="U67415" i="1"/>
  <c r="U67414" i="1"/>
  <c r="U67413" i="1"/>
  <c r="U67412" i="1"/>
  <c r="U67411" i="1"/>
  <c r="U67410" i="1"/>
  <c r="U67409" i="1"/>
  <c r="U67408" i="1"/>
  <c r="U67407" i="1"/>
  <c r="U67406" i="1"/>
  <c r="U67405" i="1"/>
  <c r="U67404" i="1"/>
  <c r="U67403" i="1"/>
  <c r="U67402" i="1"/>
  <c r="U67401" i="1"/>
  <c r="U67400" i="1"/>
  <c r="U67399" i="1"/>
  <c r="U67398" i="1"/>
  <c r="U67397" i="1"/>
  <c r="U67396" i="1"/>
  <c r="U67395" i="1"/>
  <c r="U67394" i="1"/>
  <c r="U67393" i="1"/>
  <c r="U67392" i="1"/>
  <c r="U67391" i="1"/>
  <c r="U67390" i="1"/>
  <c r="U67389" i="1"/>
  <c r="U67388" i="1"/>
  <c r="U67387" i="1"/>
  <c r="U67386" i="1"/>
  <c r="U67385" i="1"/>
  <c r="U67384" i="1"/>
  <c r="U67383" i="1"/>
  <c r="U67382" i="1"/>
  <c r="U67381" i="1"/>
  <c r="U67380" i="1"/>
  <c r="U67379" i="1"/>
  <c r="U67378" i="1"/>
  <c r="U67377" i="1"/>
  <c r="U67376" i="1"/>
  <c r="U67375" i="1"/>
  <c r="U67374" i="1"/>
  <c r="U67373" i="1"/>
  <c r="U67372" i="1"/>
  <c r="U67371" i="1"/>
  <c r="U67370" i="1"/>
  <c r="U67369" i="1"/>
  <c r="U67368" i="1"/>
  <c r="U67367" i="1"/>
  <c r="U67366" i="1"/>
  <c r="U67365" i="1"/>
  <c r="U67364" i="1"/>
  <c r="U67363" i="1"/>
  <c r="U67362" i="1"/>
  <c r="U67361" i="1"/>
  <c r="U67360" i="1"/>
  <c r="U67359" i="1"/>
  <c r="U67358" i="1"/>
  <c r="U67357" i="1"/>
  <c r="U67356" i="1"/>
  <c r="U67355" i="1"/>
  <c r="U67354" i="1"/>
  <c r="U67353" i="1"/>
  <c r="U67352" i="1"/>
  <c r="U67351" i="1"/>
  <c r="U67350" i="1"/>
  <c r="U67349" i="1"/>
  <c r="U67348" i="1"/>
  <c r="U67347" i="1"/>
  <c r="U67346" i="1"/>
  <c r="U67345" i="1"/>
  <c r="U67344" i="1"/>
  <c r="U67343" i="1"/>
  <c r="U67342" i="1"/>
  <c r="U67341" i="1"/>
  <c r="U67340" i="1"/>
  <c r="U67339" i="1"/>
  <c r="U67338" i="1"/>
  <c r="U67337" i="1"/>
  <c r="U67336" i="1"/>
  <c r="U67335" i="1"/>
  <c r="U67334" i="1"/>
  <c r="U67333" i="1"/>
  <c r="U67332" i="1"/>
  <c r="U67331" i="1"/>
  <c r="U67330" i="1"/>
  <c r="U67329" i="1"/>
  <c r="U67328" i="1"/>
  <c r="U67327" i="1"/>
  <c r="U67326" i="1"/>
  <c r="U67325" i="1"/>
  <c r="U67324" i="1"/>
  <c r="U67323" i="1"/>
  <c r="U67322" i="1"/>
  <c r="U67321" i="1"/>
  <c r="U67320" i="1"/>
  <c r="U67319" i="1"/>
  <c r="U67318" i="1"/>
  <c r="U67317" i="1"/>
  <c r="U67316" i="1"/>
  <c r="U67315" i="1"/>
  <c r="U67314" i="1"/>
  <c r="U67313" i="1"/>
  <c r="U67312" i="1"/>
  <c r="U67311" i="1"/>
  <c r="U67310" i="1"/>
  <c r="U67309" i="1"/>
  <c r="U67308" i="1"/>
  <c r="U67307" i="1"/>
  <c r="U67306" i="1"/>
  <c r="U67305" i="1"/>
  <c r="U67304" i="1"/>
  <c r="U67303" i="1"/>
  <c r="U67302" i="1"/>
  <c r="U67301" i="1"/>
  <c r="U67300" i="1"/>
  <c r="U67299" i="1"/>
  <c r="U67298" i="1"/>
  <c r="U67297" i="1"/>
  <c r="U67296" i="1"/>
  <c r="U67295" i="1"/>
  <c r="U67294" i="1"/>
  <c r="U67293" i="1"/>
  <c r="U67292" i="1"/>
  <c r="U67291" i="1"/>
  <c r="U67290" i="1"/>
  <c r="U67289" i="1"/>
  <c r="U67288" i="1"/>
  <c r="U67287" i="1"/>
  <c r="U67286" i="1"/>
  <c r="U67285" i="1"/>
  <c r="U67284" i="1"/>
  <c r="U67283" i="1"/>
  <c r="U67282" i="1"/>
  <c r="U67281" i="1"/>
  <c r="U67280" i="1"/>
  <c r="U67279" i="1"/>
  <c r="U67278" i="1"/>
  <c r="U67277" i="1"/>
  <c r="U67276" i="1"/>
  <c r="U67275" i="1"/>
  <c r="U67274" i="1"/>
  <c r="U67273" i="1"/>
  <c r="U67272" i="1"/>
  <c r="U67271" i="1"/>
  <c r="U67270" i="1"/>
  <c r="U67269" i="1"/>
  <c r="U67268" i="1"/>
  <c r="U67267" i="1"/>
  <c r="U67266" i="1"/>
  <c r="U67265" i="1"/>
  <c r="U67264" i="1"/>
  <c r="U67263" i="1"/>
  <c r="U67262" i="1"/>
  <c r="U67261" i="1"/>
  <c r="U67260" i="1"/>
  <c r="U67259" i="1"/>
  <c r="U67258" i="1"/>
  <c r="U67257" i="1"/>
  <c r="U67256" i="1"/>
  <c r="U67255" i="1"/>
  <c r="U67254" i="1"/>
  <c r="U67253" i="1"/>
  <c r="U67252" i="1"/>
  <c r="U67251" i="1"/>
  <c r="U67250" i="1"/>
  <c r="U67249" i="1"/>
  <c r="U67248" i="1"/>
  <c r="U67247" i="1"/>
  <c r="U67246" i="1"/>
  <c r="U67245" i="1"/>
  <c r="U67244" i="1"/>
  <c r="U67243" i="1"/>
  <c r="U67242" i="1"/>
  <c r="U67241" i="1"/>
  <c r="U67240" i="1"/>
  <c r="U67239" i="1"/>
  <c r="U67238" i="1"/>
  <c r="U67237" i="1"/>
  <c r="U67236" i="1"/>
  <c r="U67235" i="1"/>
  <c r="U67234" i="1"/>
  <c r="U67233" i="1"/>
  <c r="U67232" i="1"/>
  <c r="U67231" i="1"/>
  <c r="U67230" i="1"/>
  <c r="U67229" i="1"/>
  <c r="U67228" i="1"/>
  <c r="U67227" i="1"/>
  <c r="U67226" i="1"/>
  <c r="U67225" i="1"/>
  <c r="U67224" i="1"/>
  <c r="U67223" i="1"/>
  <c r="U67222" i="1"/>
  <c r="U67221" i="1"/>
  <c r="U67220" i="1"/>
  <c r="U67219" i="1"/>
  <c r="U67218" i="1"/>
  <c r="U67217" i="1"/>
  <c r="U67216" i="1"/>
  <c r="U67215" i="1"/>
  <c r="U67214" i="1"/>
  <c r="U67213" i="1"/>
  <c r="U67212" i="1"/>
  <c r="U67211" i="1"/>
  <c r="U67210" i="1"/>
  <c r="U67209" i="1"/>
  <c r="U67208" i="1"/>
  <c r="U67207" i="1"/>
  <c r="U67206" i="1"/>
  <c r="U67205" i="1"/>
  <c r="U67204" i="1"/>
  <c r="U67203" i="1"/>
  <c r="U67202" i="1"/>
  <c r="U67201" i="1"/>
  <c r="U67200" i="1"/>
  <c r="U67199" i="1"/>
  <c r="U67198" i="1"/>
  <c r="U67197" i="1"/>
  <c r="U67196" i="1"/>
  <c r="U67195" i="1"/>
  <c r="U67194" i="1"/>
  <c r="U67193" i="1"/>
  <c r="U67192" i="1"/>
  <c r="U67191" i="1"/>
  <c r="U67190" i="1"/>
  <c r="U67189" i="1"/>
  <c r="U67188" i="1"/>
  <c r="U67187" i="1"/>
  <c r="U67186" i="1"/>
  <c r="U67185" i="1"/>
  <c r="U67184" i="1"/>
  <c r="U67183" i="1"/>
  <c r="U67182" i="1"/>
  <c r="U67181" i="1"/>
  <c r="U67180" i="1"/>
  <c r="U67179" i="1"/>
  <c r="U67178" i="1"/>
  <c r="U67177" i="1"/>
  <c r="U67176" i="1"/>
  <c r="U67175" i="1"/>
  <c r="U67174" i="1"/>
  <c r="U67173" i="1"/>
  <c r="U67172" i="1"/>
  <c r="U67171" i="1"/>
  <c r="U67170" i="1"/>
  <c r="U67169" i="1"/>
  <c r="U67168" i="1"/>
  <c r="U67167" i="1"/>
  <c r="U67166" i="1"/>
  <c r="U67165" i="1"/>
  <c r="U67164" i="1"/>
  <c r="U67163" i="1"/>
  <c r="U67162" i="1"/>
  <c r="U67161" i="1"/>
  <c r="U67160" i="1"/>
  <c r="U67159" i="1"/>
  <c r="U67158" i="1"/>
  <c r="U67157" i="1"/>
  <c r="U67156" i="1"/>
  <c r="U67155" i="1"/>
  <c r="U67154" i="1"/>
  <c r="U67153" i="1"/>
  <c r="U67152" i="1"/>
  <c r="U67151" i="1"/>
  <c r="U67150" i="1"/>
  <c r="U67149" i="1"/>
  <c r="U67148" i="1"/>
  <c r="U67147" i="1"/>
  <c r="U67146" i="1"/>
  <c r="U67145" i="1"/>
  <c r="U67144" i="1"/>
  <c r="U67143" i="1"/>
  <c r="U67142" i="1"/>
  <c r="U67141" i="1"/>
  <c r="U67140" i="1"/>
  <c r="U67139" i="1"/>
  <c r="U67138" i="1"/>
  <c r="U67137" i="1"/>
  <c r="U67136" i="1"/>
  <c r="U67135" i="1"/>
  <c r="U67134" i="1"/>
  <c r="U67133" i="1"/>
  <c r="U67132" i="1"/>
  <c r="U67131" i="1"/>
  <c r="U67130" i="1"/>
  <c r="U67129" i="1"/>
  <c r="U67128" i="1"/>
  <c r="U67127" i="1"/>
  <c r="U67126" i="1"/>
  <c r="U67125" i="1"/>
  <c r="U67124" i="1"/>
  <c r="U67123" i="1"/>
  <c r="U67122" i="1"/>
  <c r="U67121" i="1"/>
  <c r="U67120" i="1"/>
  <c r="U67119" i="1"/>
  <c r="U67118" i="1"/>
  <c r="U67117" i="1"/>
  <c r="U67116" i="1"/>
  <c r="U67115" i="1"/>
  <c r="U67114" i="1"/>
  <c r="U67113" i="1"/>
  <c r="U67112" i="1"/>
  <c r="U67111" i="1"/>
  <c r="U67110" i="1"/>
  <c r="U67109" i="1"/>
  <c r="U67108" i="1"/>
  <c r="U67107" i="1"/>
  <c r="U67106" i="1"/>
  <c r="U67105" i="1"/>
  <c r="U67104" i="1"/>
  <c r="U67103" i="1"/>
  <c r="U67102" i="1"/>
  <c r="U67101" i="1"/>
  <c r="U67100" i="1"/>
  <c r="U67099" i="1"/>
  <c r="U67098" i="1"/>
  <c r="U67097" i="1"/>
  <c r="U67096" i="1"/>
  <c r="U67095" i="1"/>
  <c r="U67094" i="1"/>
  <c r="U67093" i="1"/>
  <c r="U67092" i="1"/>
  <c r="U67091" i="1"/>
  <c r="U67090" i="1"/>
  <c r="U67089" i="1"/>
  <c r="U67088" i="1"/>
  <c r="U67087" i="1"/>
  <c r="U67086" i="1"/>
  <c r="U67085" i="1"/>
  <c r="U67084" i="1"/>
  <c r="U67083" i="1"/>
  <c r="U67082" i="1"/>
  <c r="U67081" i="1"/>
  <c r="U67080" i="1"/>
  <c r="U67079" i="1"/>
  <c r="U67078" i="1"/>
  <c r="U67077" i="1"/>
  <c r="U67076" i="1"/>
  <c r="U67075" i="1"/>
  <c r="U67074" i="1"/>
  <c r="U67073" i="1"/>
  <c r="U67072" i="1"/>
  <c r="U67071" i="1"/>
  <c r="U67070" i="1"/>
  <c r="U67069" i="1"/>
  <c r="U67068" i="1"/>
  <c r="U67067" i="1"/>
  <c r="U67066" i="1"/>
  <c r="U67065" i="1"/>
  <c r="U67064" i="1"/>
  <c r="U67063" i="1"/>
  <c r="U67062" i="1"/>
  <c r="U67061" i="1"/>
  <c r="U67060" i="1"/>
  <c r="U67059" i="1"/>
  <c r="U67058" i="1"/>
  <c r="U67057" i="1"/>
  <c r="U67056" i="1"/>
  <c r="U67055" i="1"/>
  <c r="U67054" i="1"/>
  <c r="U67053" i="1"/>
  <c r="U67052" i="1"/>
  <c r="U67051" i="1"/>
  <c r="U67050" i="1"/>
  <c r="U67049" i="1"/>
  <c r="U67048" i="1"/>
  <c r="U67047" i="1"/>
  <c r="U67046" i="1"/>
  <c r="U67045" i="1"/>
  <c r="U67044" i="1"/>
  <c r="U67043" i="1"/>
  <c r="U67042" i="1"/>
  <c r="U67041" i="1"/>
  <c r="U67040" i="1"/>
  <c r="U67039" i="1"/>
  <c r="U67038" i="1"/>
  <c r="U67037" i="1"/>
  <c r="U67036" i="1"/>
  <c r="U67035" i="1"/>
  <c r="U67034" i="1"/>
  <c r="U67033" i="1"/>
  <c r="U67032" i="1"/>
  <c r="U67031" i="1"/>
  <c r="U67030" i="1"/>
  <c r="U67029" i="1"/>
  <c r="U67028" i="1"/>
  <c r="U67027" i="1"/>
  <c r="U67026" i="1"/>
  <c r="U67025" i="1"/>
  <c r="U67024" i="1"/>
  <c r="U67023" i="1"/>
  <c r="U67022" i="1"/>
  <c r="U67021" i="1"/>
  <c r="U67020" i="1"/>
  <c r="U67019" i="1"/>
  <c r="U67018" i="1"/>
  <c r="U67017" i="1"/>
  <c r="U67016" i="1"/>
  <c r="U67015" i="1"/>
  <c r="U67014" i="1"/>
  <c r="U67013" i="1"/>
  <c r="U67012" i="1"/>
  <c r="U67011" i="1"/>
  <c r="U67010" i="1"/>
  <c r="U67009" i="1"/>
  <c r="U67008" i="1"/>
  <c r="U67007" i="1"/>
  <c r="U67006" i="1"/>
  <c r="U67005" i="1"/>
  <c r="U67004" i="1"/>
  <c r="U67003" i="1"/>
  <c r="U67002" i="1"/>
  <c r="U67001" i="1"/>
  <c r="U67000" i="1"/>
  <c r="U66999" i="1"/>
  <c r="U66998" i="1"/>
  <c r="U66997" i="1"/>
  <c r="U66996" i="1"/>
  <c r="U66995" i="1"/>
  <c r="U66994" i="1"/>
  <c r="U66993" i="1"/>
  <c r="U66992" i="1"/>
  <c r="U66991" i="1"/>
  <c r="U66990" i="1"/>
  <c r="U66989" i="1"/>
  <c r="U66988" i="1"/>
  <c r="U66987" i="1"/>
  <c r="U66986" i="1"/>
  <c r="U66985" i="1"/>
  <c r="U66984" i="1"/>
  <c r="U66983" i="1"/>
  <c r="U66982" i="1"/>
  <c r="U66981" i="1"/>
  <c r="U66980" i="1"/>
  <c r="U66979" i="1"/>
  <c r="U66978" i="1"/>
  <c r="U66977" i="1"/>
  <c r="U66976" i="1"/>
  <c r="U66975" i="1"/>
  <c r="U66974" i="1"/>
  <c r="U66973" i="1"/>
  <c r="U66972" i="1"/>
  <c r="U66971" i="1"/>
  <c r="U66970" i="1"/>
  <c r="U66969" i="1"/>
  <c r="U66968" i="1"/>
  <c r="U66967" i="1"/>
  <c r="U66966" i="1"/>
  <c r="U66965" i="1"/>
  <c r="U66964" i="1"/>
  <c r="U66963" i="1"/>
  <c r="U66962" i="1"/>
  <c r="U66961" i="1"/>
  <c r="U66960" i="1"/>
  <c r="U66959" i="1"/>
  <c r="U66958" i="1"/>
  <c r="U66957" i="1"/>
  <c r="U66956" i="1"/>
  <c r="U66955" i="1"/>
  <c r="U66954" i="1"/>
  <c r="U66953" i="1"/>
  <c r="U66952" i="1"/>
  <c r="U66951" i="1"/>
  <c r="U66950" i="1"/>
  <c r="U66949" i="1"/>
  <c r="U66948" i="1"/>
  <c r="U66947" i="1"/>
  <c r="U66946" i="1"/>
  <c r="U66945" i="1"/>
  <c r="U66944" i="1"/>
  <c r="U66943" i="1"/>
  <c r="U66942" i="1"/>
  <c r="U66941" i="1"/>
  <c r="U66940" i="1"/>
  <c r="U66939" i="1"/>
  <c r="U66938" i="1"/>
  <c r="U66937" i="1"/>
  <c r="U66936" i="1"/>
  <c r="U66935" i="1"/>
  <c r="U66934" i="1"/>
  <c r="U66933" i="1"/>
  <c r="U66932" i="1"/>
  <c r="U66931" i="1"/>
  <c r="U66930" i="1"/>
  <c r="U66929" i="1"/>
  <c r="U66928" i="1"/>
  <c r="U66927" i="1"/>
  <c r="U66926" i="1"/>
  <c r="U66925" i="1"/>
  <c r="U66924" i="1"/>
  <c r="U66923" i="1"/>
  <c r="U66922" i="1"/>
  <c r="U66921" i="1"/>
  <c r="U66920" i="1"/>
  <c r="U66919" i="1"/>
  <c r="U66918" i="1"/>
  <c r="U66917" i="1"/>
  <c r="U66916" i="1"/>
  <c r="U66915" i="1"/>
  <c r="U66914" i="1"/>
  <c r="U66913" i="1"/>
  <c r="U66912" i="1"/>
  <c r="U66911" i="1"/>
  <c r="U66910" i="1"/>
  <c r="U66909" i="1"/>
  <c r="U66908" i="1"/>
  <c r="U66907" i="1"/>
  <c r="U66906" i="1"/>
  <c r="U66905" i="1"/>
  <c r="U66904" i="1"/>
  <c r="U66903" i="1"/>
  <c r="U66902" i="1"/>
  <c r="U66901" i="1"/>
  <c r="U66900" i="1"/>
  <c r="U66899" i="1"/>
  <c r="U66898" i="1"/>
  <c r="U66897" i="1"/>
  <c r="U66896" i="1"/>
  <c r="U66895" i="1"/>
  <c r="U66894" i="1"/>
  <c r="U66893" i="1"/>
  <c r="U66892" i="1"/>
  <c r="U66891" i="1"/>
  <c r="U66890" i="1"/>
  <c r="U66889" i="1"/>
  <c r="U66888" i="1"/>
  <c r="U66887" i="1"/>
  <c r="U66886" i="1"/>
  <c r="U66885" i="1"/>
  <c r="U66884" i="1"/>
  <c r="U66883" i="1"/>
  <c r="U66882" i="1"/>
  <c r="U66881" i="1"/>
  <c r="U66880" i="1"/>
  <c r="U66879" i="1"/>
  <c r="U66878" i="1"/>
  <c r="U66877" i="1"/>
  <c r="U66876" i="1"/>
  <c r="U66875" i="1"/>
  <c r="U66874" i="1"/>
  <c r="U66873" i="1"/>
  <c r="U66872" i="1"/>
  <c r="U66871" i="1"/>
  <c r="U66870" i="1"/>
  <c r="U66869" i="1"/>
  <c r="U66868" i="1"/>
  <c r="U66867" i="1"/>
  <c r="U66866" i="1"/>
  <c r="U66865" i="1"/>
  <c r="U66864" i="1"/>
  <c r="U66863" i="1"/>
  <c r="U66862" i="1"/>
  <c r="U66861" i="1"/>
  <c r="U66860" i="1"/>
  <c r="U66859" i="1"/>
  <c r="U66858" i="1"/>
  <c r="U66857" i="1"/>
  <c r="U66856" i="1"/>
  <c r="U66855" i="1"/>
  <c r="U66854" i="1"/>
  <c r="U66853" i="1"/>
  <c r="U66852" i="1"/>
  <c r="U66851" i="1"/>
  <c r="U66850" i="1"/>
  <c r="U66849" i="1"/>
  <c r="U66848" i="1"/>
  <c r="U66847" i="1"/>
  <c r="U66846" i="1"/>
  <c r="U66845" i="1"/>
  <c r="U66844" i="1"/>
  <c r="U66843" i="1"/>
  <c r="U66842" i="1"/>
  <c r="U66841" i="1"/>
  <c r="U66840" i="1"/>
  <c r="U66839" i="1"/>
  <c r="U66838" i="1"/>
  <c r="U66837" i="1"/>
  <c r="U66836" i="1"/>
  <c r="U66835" i="1"/>
  <c r="U66834" i="1"/>
  <c r="U66833" i="1"/>
  <c r="U66832" i="1"/>
  <c r="U66831" i="1"/>
  <c r="U66830" i="1"/>
  <c r="U66829" i="1"/>
  <c r="U66828" i="1"/>
  <c r="U66827" i="1"/>
  <c r="U66826" i="1"/>
  <c r="U66825" i="1"/>
  <c r="U66824" i="1"/>
  <c r="U66823" i="1"/>
  <c r="U66822" i="1"/>
  <c r="U66821" i="1"/>
  <c r="U66820" i="1"/>
  <c r="U66819" i="1"/>
  <c r="U66818" i="1"/>
  <c r="U66817" i="1"/>
  <c r="U66816" i="1"/>
  <c r="U66815" i="1"/>
  <c r="U66814" i="1"/>
  <c r="U66813" i="1"/>
  <c r="U66812" i="1"/>
  <c r="U66811" i="1"/>
  <c r="U66810" i="1"/>
  <c r="U66809" i="1"/>
  <c r="U66808" i="1"/>
  <c r="U66807" i="1"/>
  <c r="U66806" i="1"/>
  <c r="U66805" i="1"/>
  <c r="U66804" i="1"/>
  <c r="U66803" i="1"/>
  <c r="U66802" i="1"/>
  <c r="U66801" i="1"/>
  <c r="U66800" i="1"/>
  <c r="U66799" i="1"/>
  <c r="U66798" i="1"/>
  <c r="U66797" i="1"/>
  <c r="U66796" i="1"/>
  <c r="U66795" i="1"/>
  <c r="U66794" i="1"/>
  <c r="U66793" i="1"/>
  <c r="U66792" i="1"/>
  <c r="U66791" i="1"/>
  <c r="U66790" i="1"/>
  <c r="U66789" i="1"/>
  <c r="U66788" i="1"/>
  <c r="U66787" i="1"/>
  <c r="U66786" i="1"/>
  <c r="U66785" i="1"/>
  <c r="U66784" i="1"/>
  <c r="U66783" i="1"/>
  <c r="U66782" i="1"/>
  <c r="U66781" i="1"/>
  <c r="U66780" i="1"/>
  <c r="U66779" i="1"/>
  <c r="U66778" i="1"/>
  <c r="U66777" i="1"/>
  <c r="U66776" i="1"/>
  <c r="U66775" i="1"/>
  <c r="U66774" i="1"/>
  <c r="U66773" i="1"/>
  <c r="U66772" i="1"/>
  <c r="U66771" i="1"/>
  <c r="U66770" i="1"/>
  <c r="U66769" i="1"/>
  <c r="U66768" i="1"/>
  <c r="U66767" i="1"/>
  <c r="U66766" i="1"/>
  <c r="U66765" i="1"/>
  <c r="U66764" i="1"/>
  <c r="U66763" i="1"/>
  <c r="U66762" i="1"/>
  <c r="U66761" i="1"/>
  <c r="U66760" i="1"/>
  <c r="U66759" i="1"/>
  <c r="U66758" i="1"/>
  <c r="U66757" i="1"/>
  <c r="U66756" i="1"/>
  <c r="U66755" i="1"/>
  <c r="U66754" i="1"/>
  <c r="U66753" i="1"/>
  <c r="U66752" i="1"/>
  <c r="U66751" i="1"/>
  <c r="U66750" i="1"/>
  <c r="U66749" i="1"/>
  <c r="U66748" i="1"/>
  <c r="U66747" i="1"/>
  <c r="U66746" i="1"/>
  <c r="U66745" i="1"/>
  <c r="U66744" i="1"/>
  <c r="U66743" i="1"/>
  <c r="U66742" i="1"/>
  <c r="U66741" i="1"/>
  <c r="U66740" i="1"/>
  <c r="U66739" i="1"/>
  <c r="U66738" i="1"/>
  <c r="U66737" i="1"/>
  <c r="U66736" i="1"/>
  <c r="U66735" i="1"/>
  <c r="U66734" i="1"/>
  <c r="U66733" i="1"/>
  <c r="U66732" i="1"/>
  <c r="U66731" i="1"/>
  <c r="U66730" i="1"/>
  <c r="U66729" i="1"/>
  <c r="U66728" i="1"/>
  <c r="U66727" i="1"/>
  <c r="U66726" i="1"/>
  <c r="U66725" i="1"/>
  <c r="U66724" i="1"/>
  <c r="U66723" i="1"/>
  <c r="U66722" i="1"/>
  <c r="U66721" i="1"/>
  <c r="U66720" i="1"/>
  <c r="U66719" i="1"/>
  <c r="U66718" i="1"/>
  <c r="U66717" i="1"/>
  <c r="U66716" i="1"/>
  <c r="U66715" i="1"/>
  <c r="U66714" i="1"/>
  <c r="U66713" i="1"/>
  <c r="U66712" i="1"/>
  <c r="U66711" i="1"/>
  <c r="U66710" i="1"/>
  <c r="U66709" i="1"/>
  <c r="U66708" i="1"/>
  <c r="U66707" i="1"/>
  <c r="U66706" i="1"/>
  <c r="U66705" i="1"/>
  <c r="U66704" i="1"/>
  <c r="U66703" i="1"/>
  <c r="U66702" i="1"/>
  <c r="U66701" i="1"/>
  <c r="U66700" i="1"/>
  <c r="U66699" i="1"/>
  <c r="U66698" i="1"/>
  <c r="U66697" i="1"/>
  <c r="U66696" i="1"/>
  <c r="U66695" i="1"/>
  <c r="U66694" i="1"/>
  <c r="U66693" i="1"/>
  <c r="U66692" i="1"/>
  <c r="U66691" i="1"/>
  <c r="U66690" i="1"/>
  <c r="U66689" i="1"/>
  <c r="U66688" i="1"/>
  <c r="U66687" i="1"/>
  <c r="U66686" i="1"/>
  <c r="U66685" i="1"/>
  <c r="U66684" i="1"/>
  <c r="U66683" i="1"/>
  <c r="U66682" i="1"/>
  <c r="U66681" i="1"/>
  <c r="U66680" i="1"/>
  <c r="U66679" i="1"/>
  <c r="U66678" i="1"/>
  <c r="U66677" i="1"/>
  <c r="U66676" i="1"/>
  <c r="U66675" i="1"/>
  <c r="U66674" i="1"/>
  <c r="U66673" i="1"/>
  <c r="U66672" i="1"/>
  <c r="U66671" i="1"/>
  <c r="U66670" i="1"/>
  <c r="U66669" i="1"/>
  <c r="U66668" i="1"/>
  <c r="U66667" i="1"/>
  <c r="U66666" i="1"/>
  <c r="U66665" i="1"/>
  <c r="U66664" i="1"/>
  <c r="U66663" i="1"/>
  <c r="U66662" i="1"/>
  <c r="U66661" i="1"/>
  <c r="U66660" i="1"/>
  <c r="U66659" i="1"/>
  <c r="U66658" i="1"/>
  <c r="U66657" i="1"/>
  <c r="U66656" i="1"/>
  <c r="U66655" i="1"/>
  <c r="U66654" i="1"/>
  <c r="U66653" i="1"/>
  <c r="U66652" i="1"/>
  <c r="U66651" i="1"/>
  <c r="U66650" i="1"/>
  <c r="U66649" i="1"/>
  <c r="U66648" i="1"/>
  <c r="U66647" i="1"/>
  <c r="U66646" i="1"/>
  <c r="U66645" i="1"/>
  <c r="U66644" i="1"/>
  <c r="U66643" i="1"/>
  <c r="U66642" i="1"/>
  <c r="U66641" i="1"/>
  <c r="U66640" i="1"/>
  <c r="U66639" i="1"/>
  <c r="U66638" i="1"/>
  <c r="U66637" i="1"/>
  <c r="U66636" i="1"/>
  <c r="U66635" i="1"/>
  <c r="U66634" i="1"/>
  <c r="U66633" i="1"/>
  <c r="U66632" i="1"/>
  <c r="U66631" i="1"/>
  <c r="U66630" i="1"/>
  <c r="U66629" i="1"/>
  <c r="U66628" i="1"/>
  <c r="U66627" i="1"/>
  <c r="U66626" i="1"/>
  <c r="U66625" i="1"/>
  <c r="U66624" i="1"/>
  <c r="U66623" i="1"/>
  <c r="U66622" i="1"/>
  <c r="U66621" i="1"/>
  <c r="U66620" i="1"/>
  <c r="U66619" i="1"/>
  <c r="U66618" i="1"/>
  <c r="U66617" i="1"/>
  <c r="U66616" i="1"/>
  <c r="U66615" i="1"/>
  <c r="U66614" i="1"/>
  <c r="U66613" i="1"/>
  <c r="U66612" i="1"/>
  <c r="U66611" i="1"/>
  <c r="U66610" i="1"/>
  <c r="U66609" i="1"/>
  <c r="U66608" i="1"/>
  <c r="U66607" i="1"/>
  <c r="U66606" i="1"/>
  <c r="U66605" i="1"/>
  <c r="U66604" i="1"/>
  <c r="U66603" i="1"/>
  <c r="U66602" i="1"/>
  <c r="U66601" i="1"/>
  <c r="U66600" i="1"/>
  <c r="U66599" i="1"/>
  <c r="U66598" i="1"/>
  <c r="U66597" i="1"/>
  <c r="U66596" i="1"/>
  <c r="U66595" i="1"/>
  <c r="U66594" i="1"/>
  <c r="U66593" i="1"/>
  <c r="U66592" i="1"/>
  <c r="U66591" i="1"/>
  <c r="U66590" i="1"/>
  <c r="U66589" i="1"/>
  <c r="U66588" i="1"/>
  <c r="U66587" i="1"/>
  <c r="U66586" i="1"/>
  <c r="U66585" i="1"/>
  <c r="U66584" i="1"/>
  <c r="U66583" i="1"/>
  <c r="U66582" i="1"/>
  <c r="U66581" i="1"/>
  <c r="U66580" i="1"/>
  <c r="U66579" i="1"/>
  <c r="U66578" i="1"/>
  <c r="U66577" i="1"/>
  <c r="U66576" i="1"/>
  <c r="U66575" i="1"/>
  <c r="U66574" i="1"/>
  <c r="U66573" i="1"/>
  <c r="U66572" i="1"/>
  <c r="U66571" i="1"/>
  <c r="U66570" i="1"/>
  <c r="U66569" i="1"/>
  <c r="U66568" i="1"/>
  <c r="U66567" i="1"/>
  <c r="U66566" i="1"/>
  <c r="U66565" i="1"/>
  <c r="U66564" i="1"/>
  <c r="U66563" i="1"/>
  <c r="U66562" i="1"/>
  <c r="U66561" i="1"/>
  <c r="U66560" i="1"/>
  <c r="U66559" i="1"/>
  <c r="U66558" i="1"/>
  <c r="U66557" i="1"/>
  <c r="U66556" i="1"/>
  <c r="U66555" i="1"/>
  <c r="U66554" i="1"/>
  <c r="U66553" i="1"/>
  <c r="U66552" i="1"/>
  <c r="U66551" i="1"/>
  <c r="U66550" i="1"/>
  <c r="U66549" i="1"/>
  <c r="U66548" i="1"/>
  <c r="U66547" i="1"/>
  <c r="U66546" i="1"/>
  <c r="U66545" i="1"/>
  <c r="U66544" i="1"/>
  <c r="U66543" i="1"/>
  <c r="U66542" i="1"/>
  <c r="U66541" i="1"/>
  <c r="U66540" i="1"/>
  <c r="U66539" i="1"/>
  <c r="U66538" i="1"/>
  <c r="U66537" i="1"/>
  <c r="U66536" i="1"/>
  <c r="U66535" i="1"/>
  <c r="U66534" i="1"/>
  <c r="U66533" i="1"/>
  <c r="U66532" i="1"/>
  <c r="U66531" i="1"/>
  <c r="U66530" i="1"/>
  <c r="U66529" i="1"/>
  <c r="U66528" i="1"/>
  <c r="U66527" i="1"/>
  <c r="U66526" i="1"/>
  <c r="U66525" i="1"/>
  <c r="U66524" i="1"/>
  <c r="U66523" i="1"/>
  <c r="U66522" i="1"/>
  <c r="U66521" i="1"/>
  <c r="U66520" i="1"/>
  <c r="U66519" i="1"/>
  <c r="U66518" i="1"/>
  <c r="U66517" i="1"/>
  <c r="U66516" i="1"/>
  <c r="U66515" i="1"/>
  <c r="U66514" i="1"/>
  <c r="U66513" i="1"/>
  <c r="U66512" i="1"/>
  <c r="U66511" i="1"/>
  <c r="U66510" i="1"/>
  <c r="U66509" i="1"/>
  <c r="U66508" i="1"/>
  <c r="U66507" i="1"/>
  <c r="U66506" i="1"/>
  <c r="U66505" i="1"/>
  <c r="U66504" i="1"/>
  <c r="U66503" i="1"/>
  <c r="U66502" i="1"/>
  <c r="U66501" i="1"/>
  <c r="U66500" i="1"/>
  <c r="U66499" i="1"/>
  <c r="U66498" i="1"/>
  <c r="U66497" i="1"/>
  <c r="U66496" i="1"/>
  <c r="U66495" i="1"/>
  <c r="U66494" i="1"/>
  <c r="U66493" i="1"/>
  <c r="U66492" i="1"/>
  <c r="U66491" i="1"/>
  <c r="U66490" i="1"/>
  <c r="U66489" i="1"/>
  <c r="U66488" i="1"/>
  <c r="U66487" i="1"/>
  <c r="U66486" i="1"/>
  <c r="U66485" i="1"/>
  <c r="U66484" i="1"/>
  <c r="U66483" i="1"/>
  <c r="U66482" i="1"/>
  <c r="U66481" i="1"/>
  <c r="U66480" i="1"/>
  <c r="U66479" i="1"/>
  <c r="U66478" i="1"/>
  <c r="U66477" i="1"/>
  <c r="U66476" i="1"/>
  <c r="U66475" i="1"/>
  <c r="U66474" i="1"/>
  <c r="U66473" i="1"/>
  <c r="U66472" i="1"/>
  <c r="U66471" i="1"/>
  <c r="U66470" i="1"/>
  <c r="U66469" i="1"/>
  <c r="U66468" i="1"/>
  <c r="U66467" i="1"/>
  <c r="U66466" i="1"/>
  <c r="U66465" i="1"/>
  <c r="U66464" i="1"/>
  <c r="U66463" i="1"/>
  <c r="U66462" i="1"/>
  <c r="U66461" i="1"/>
  <c r="U66460" i="1"/>
  <c r="U66459" i="1"/>
  <c r="U66458" i="1"/>
  <c r="U66457" i="1"/>
  <c r="U66456" i="1"/>
  <c r="U66455" i="1"/>
  <c r="U66454" i="1"/>
  <c r="U66453" i="1"/>
  <c r="U66452" i="1"/>
  <c r="U66451" i="1"/>
  <c r="U66450" i="1"/>
  <c r="U66449" i="1"/>
  <c r="U66448" i="1"/>
  <c r="U66447" i="1"/>
  <c r="U66446" i="1"/>
  <c r="U66445" i="1"/>
  <c r="U66444" i="1"/>
  <c r="U66443" i="1"/>
  <c r="U66442" i="1"/>
  <c r="U66441" i="1"/>
  <c r="U66440" i="1"/>
  <c r="U66439" i="1"/>
  <c r="U66438" i="1"/>
  <c r="U66437" i="1"/>
  <c r="U66436" i="1"/>
  <c r="U66435" i="1"/>
  <c r="U66434" i="1"/>
  <c r="U66433" i="1"/>
  <c r="U66432" i="1"/>
  <c r="U66431" i="1"/>
  <c r="U66430" i="1"/>
  <c r="U66429" i="1"/>
  <c r="U66428" i="1"/>
  <c r="U66427" i="1"/>
  <c r="U66426" i="1"/>
  <c r="U66425" i="1"/>
  <c r="U66424" i="1"/>
  <c r="U66423" i="1"/>
  <c r="U66422" i="1"/>
  <c r="U66421" i="1"/>
  <c r="U66420" i="1"/>
  <c r="U66419" i="1"/>
  <c r="U66418" i="1"/>
  <c r="U66417" i="1"/>
  <c r="U66416" i="1"/>
  <c r="U66415" i="1"/>
  <c r="U66414" i="1"/>
  <c r="U66413" i="1"/>
  <c r="U66412" i="1"/>
  <c r="U66411" i="1"/>
  <c r="U66410" i="1"/>
  <c r="U66409" i="1"/>
  <c r="U66408" i="1"/>
  <c r="U66407" i="1"/>
  <c r="U66406" i="1"/>
  <c r="U66405" i="1"/>
  <c r="U66404" i="1"/>
  <c r="U66403" i="1"/>
  <c r="U66402" i="1"/>
  <c r="U66401" i="1"/>
  <c r="U66400" i="1"/>
  <c r="U66399" i="1"/>
  <c r="U66398" i="1"/>
  <c r="U66397" i="1"/>
  <c r="U66396" i="1"/>
  <c r="U66395" i="1"/>
  <c r="U66394" i="1"/>
  <c r="U66393" i="1"/>
  <c r="U66392" i="1"/>
  <c r="U66391" i="1"/>
  <c r="U66390" i="1"/>
  <c r="U66389" i="1"/>
  <c r="U66388" i="1"/>
  <c r="U66387" i="1"/>
  <c r="U66386" i="1"/>
  <c r="U66385" i="1"/>
  <c r="U66384" i="1"/>
  <c r="U66383" i="1"/>
  <c r="U66382" i="1"/>
  <c r="U66381" i="1"/>
  <c r="U66380" i="1"/>
  <c r="U66379" i="1"/>
  <c r="U66378" i="1"/>
  <c r="U66377" i="1"/>
  <c r="U66376" i="1"/>
  <c r="U66375" i="1"/>
  <c r="U66374" i="1"/>
  <c r="U66373" i="1"/>
  <c r="U66372" i="1"/>
  <c r="U66371" i="1"/>
  <c r="U66370" i="1"/>
  <c r="U66369" i="1"/>
  <c r="U66368" i="1"/>
  <c r="U66367" i="1"/>
  <c r="U66366" i="1"/>
  <c r="U66365" i="1"/>
  <c r="U66364" i="1"/>
  <c r="U66363" i="1"/>
  <c r="U66362" i="1"/>
  <c r="U66361" i="1"/>
  <c r="U66360" i="1"/>
  <c r="U66359" i="1"/>
  <c r="U66358" i="1"/>
  <c r="U66357" i="1"/>
  <c r="U66356" i="1"/>
  <c r="U66355" i="1"/>
  <c r="U66354" i="1"/>
  <c r="U66353" i="1"/>
  <c r="U66352" i="1"/>
  <c r="U66351" i="1"/>
  <c r="U66350" i="1"/>
  <c r="U66349" i="1"/>
  <c r="U66348" i="1"/>
  <c r="U66347" i="1"/>
  <c r="U66346" i="1"/>
  <c r="U66345" i="1"/>
  <c r="U66344" i="1"/>
  <c r="U66343" i="1"/>
  <c r="U66342" i="1"/>
  <c r="U66341" i="1"/>
  <c r="U66340" i="1"/>
  <c r="U66339" i="1"/>
  <c r="U66338" i="1"/>
  <c r="U66337" i="1"/>
  <c r="U66336" i="1"/>
  <c r="U66335" i="1"/>
  <c r="U66334" i="1"/>
  <c r="U66333" i="1"/>
  <c r="U66332" i="1"/>
  <c r="U66331" i="1"/>
  <c r="U66330" i="1"/>
  <c r="U66329" i="1"/>
  <c r="U66328" i="1"/>
  <c r="U66327" i="1"/>
  <c r="U66326" i="1"/>
  <c r="U66325" i="1"/>
  <c r="U66324" i="1"/>
  <c r="U66323" i="1"/>
  <c r="U66322" i="1"/>
  <c r="U66321" i="1"/>
  <c r="U66320" i="1"/>
  <c r="U66319" i="1"/>
  <c r="U66318" i="1"/>
  <c r="U66317" i="1"/>
  <c r="U66316" i="1"/>
  <c r="U66315" i="1"/>
  <c r="U66314" i="1"/>
  <c r="U66313" i="1"/>
  <c r="U66312" i="1"/>
  <c r="U66311" i="1"/>
  <c r="U66310" i="1"/>
  <c r="U66309" i="1"/>
  <c r="U66308" i="1"/>
  <c r="U66307" i="1"/>
  <c r="U66306" i="1"/>
  <c r="U66305" i="1"/>
  <c r="U66304" i="1"/>
  <c r="U66303" i="1"/>
  <c r="U66302" i="1"/>
  <c r="U66301" i="1"/>
  <c r="U66300" i="1"/>
  <c r="U66299" i="1"/>
  <c r="U66298" i="1"/>
  <c r="U66297" i="1"/>
  <c r="U66296" i="1"/>
  <c r="U66295" i="1"/>
  <c r="U66294" i="1"/>
  <c r="U66293" i="1"/>
  <c r="U66292" i="1"/>
  <c r="U66291" i="1"/>
  <c r="U66290" i="1"/>
  <c r="U66289" i="1"/>
  <c r="U66288" i="1"/>
  <c r="U66287" i="1"/>
  <c r="U66286" i="1"/>
  <c r="U66285" i="1"/>
  <c r="U66284" i="1"/>
  <c r="U66283" i="1"/>
  <c r="U66282" i="1"/>
  <c r="U66281" i="1"/>
  <c r="U66280" i="1"/>
  <c r="U66279" i="1"/>
  <c r="U66278" i="1"/>
  <c r="U66277" i="1"/>
  <c r="U66276" i="1"/>
  <c r="U66275" i="1"/>
  <c r="U66274" i="1"/>
  <c r="U66273" i="1"/>
  <c r="U66272" i="1"/>
  <c r="U66271" i="1"/>
  <c r="U66270" i="1"/>
  <c r="U66269" i="1"/>
  <c r="U66268" i="1"/>
  <c r="U66267" i="1"/>
  <c r="U66266" i="1"/>
  <c r="U66265" i="1"/>
  <c r="U66264" i="1"/>
  <c r="U66263" i="1"/>
  <c r="U66262" i="1"/>
  <c r="U66261" i="1"/>
  <c r="U66260" i="1"/>
  <c r="U66259" i="1"/>
  <c r="U66258" i="1"/>
  <c r="U66257" i="1"/>
  <c r="U66256" i="1"/>
  <c r="U66255" i="1"/>
  <c r="U66254" i="1"/>
  <c r="U66253" i="1"/>
  <c r="U66252" i="1"/>
  <c r="U66251" i="1"/>
  <c r="U66250" i="1"/>
  <c r="U66249" i="1"/>
  <c r="U66248" i="1"/>
  <c r="U66247" i="1"/>
  <c r="U66246" i="1"/>
  <c r="U66245" i="1"/>
  <c r="U66244" i="1"/>
  <c r="U66243" i="1"/>
  <c r="U66242" i="1"/>
  <c r="U66241" i="1"/>
  <c r="U66240" i="1"/>
  <c r="U66239" i="1"/>
  <c r="U66238" i="1"/>
  <c r="U66237" i="1"/>
  <c r="U66236" i="1"/>
  <c r="U66235" i="1"/>
  <c r="U66234" i="1"/>
  <c r="U66233" i="1"/>
  <c r="U66232" i="1"/>
  <c r="U66231" i="1"/>
  <c r="U66230" i="1"/>
  <c r="U66229" i="1"/>
  <c r="U66228" i="1"/>
  <c r="U66227" i="1"/>
  <c r="U66226" i="1"/>
  <c r="U66225" i="1"/>
  <c r="U66224" i="1"/>
  <c r="U66223" i="1"/>
  <c r="U66222" i="1"/>
  <c r="U66221" i="1"/>
  <c r="U66220" i="1"/>
  <c r="U66219" i="1"/>
  <c r="U66218" i="1"/>
  <c r="U66217" i="1"/>
  <c r="U66216" i="1"/>
  <c r="U66215" i="1"/>
  <c r="U66214" i="1"/>
  <c r="U66213" i="1"/>
  <c r="U66212" i="1"/>
  <c r="U66211" i="1"/>
  <c r="U66210" i="1"/>
  <c r="U66209" i="1"/>
  <c r="U66208" i="1"/>
  <c r="U66207" i="1"/>
  <c r="U66206" i="1"/>
  <c r="U66205" i="1"/>
  <c r="U66204" i="1"/>
  <c r="U66203" i="1"/>
  <c r="U66202" i="1"/>
  <c r="U66201" i="1"/>
  <c r="U66200" i="1"/>
  <c r="U66199" i="1"/>
  <c r="U66198" i="1"/>
  <c r="U66197" i="1"/>
  <c r="U66196" i="1"/>
  <c r="U66195" i="1"/>
  <c r="U66194" i="1"/>
  <c r="U66193" i="1"/>
  <c r="U66192" i="1"/>
  <c r="U66191" i="1"/>
  <c r="U66190" i="1"/>
  <c r="U66189" i="1"/>
  <c r="U66188" i="1"/>
  <c r="U66187" i="1"/>
  <c r="U66186" i="1"/>
  <c r="U66185" i="1"/>
  <c r="U66184" i="1"/>
  <c r="U66183" i="1"/>
  <c r="U66182" i="1"/>
  <c r="U66181" i="1"/>
  <c r="U66180" i="1"/>
  <c r="U66179" i="1"/>
  <c r="U66178" i="1"/>
  <c r="U66177" i="1"/>
  <c r="U66176" i="1"/>
  <c r="U66175" i="1"/>
  <c r="U66174" i="1"/>
  <c r="U66173" i="1"/>
  <c r="U66172" i="1"/>
  <c r="U66171" i="1"/>
  <c r="U66170" i="1"/>
  <c r="U66169" i="1"/>
  <c r="U66168" i="1"/>
  <c r="U66167" i="1"/>
  <c r="U66166" i="1"/>
  <c r="U66165" i="1"/>
  <c r="U66164" i="1"/>
  <c r="U66163" i="1"/>
  <c r="U66162" i="1"/>
  <c r="U66161" i="1"/>
  <c r="U66160" i="1"/>
  <c r="U66159" i="1"/>
  <c r="U66158" i="1"/>
  <c r="U66157" i="1"/>
  <c r="U66156" i="1"/>
  <c r="U66155" i="1"/>
  <c r="U66154" i="1"/>
  <c r="U66153" i="1"/>
  <c r="U66152" i="1"/>
  <c r="U66151" i="1"/>
  <c r="U66150" i="1"/>
  <c r="U66149" i="1"/>
  <c r="U66148" i="1"/>
  <c r="U66147" i="1"/>
  <c r="U66146" i="1"/>
  <c r="U66145" i="1"/>
  <c r="U66144" i="1"/>
  <c r="U66143" i="1"/>
  <c r="U66142" i="1"/>
  <c r="U66141" i="1"/>
  <c r="U66140" i="1"/>
  <c r="U66139" i="1"/>
  <c r="U66138" i="1"/>
  <c r="U66137" i="1"/>
  <c r="U66136" i="1"/>
  <c r="U66135" i="1"/>
  <c r="U66134" i="1"/>
  <c r="U66133" i="1"/>
  <c r="U66132" i="1"/>
  <c r="U66131" i="1"/>
  <c r="U66130" i="1"/>
  <c r="U66129" i="1"/>
  <c r="U66128" i="1"/>
  <c r="U66127" i="1"/>
  <c r="U66126" i="1"/>
  <c r="U66125" i="1"/>
  <c r="U66124" i="1"/>
  <c r="U66123" i="1"/>
  <c r="U66122" i="1"/>
  <c r="U66121" i="1"/>
  <c r="U66120" i="1"/>
  <c r="U66119" i="1"/>
  <c r="U66118" i="1"/>
  <c r="U66117" i="1"/>
  <c r="U66116" i="1"/>
  <c r="U66115" i="1"/>
  <c r="U66114" i="1"/>
  <c r="U66113" i="1"/>
  <c r="U66112" i="1"/>
  <c r="U66111" i="1"/>
  <c r="U66110" i="1"/>
  <c r="U66109" i="1"/>
  <c r="U66108" i="1"/>
  <c r="U66107" i="1"/>
  <c r="U66106" i="1"/>
  <c r="U66105" i="1"/>
  <c r="U66104" i="1"/>
  <c r="U66103" i="1"/>
  <c r="U66102" i="1"/>
  <c r="U66101" i="1"/>
  <c r="U66100" i="1"/>
  <c r="U66099" i="1"/>
  <c r="U66098" i="1"/>
  <c r="U66097" i="1"/>
  <c r="U66096" i="1"/>
  <c r="U66095" i="1"/>
  <c r="U66094" i="1"/>
  <c r="U66093" i="1"/>
  <c r="U66092" i="1"/>
  <c r="U66091" i="1"/>
  <c r="U66090" i="1"/>
  <c r="U66089" i="1"/>
  <c r="U66088" i="1"/>
  <c r="U66087" i="1"/>
  <c r="U66086" i="1"/>
  <c r="U66085" i="1"/>
  <c r="U66084" i="1"/>
  <c r="U66083" i="1"/>
  <c r="U66082" i="1"/>
  <c r="U66081" i="1"/>
  <c r="U66080" i="1"/>
  <c r="U66079" i="1"/>
  <c r="U66078" i="1"/>
  <c r="U66077" i="1"/>
  <c r="U66076" i="1"/>
  <c r="U66075" i="1"/>
  <c r="U66074" i="1"/>
  <c r="U66073" i="1"/>
  <c r="U66072" i="1"/>
  <c r="U66071" i="1"/>
  <c r="U66070" i="1"/>
  <c r="U66069" i="1"/>
  <c r="U66068" i="1"/>
  <c r="U66067" i="1"/>
  <c r="U66066" i="1"/>
  <c r="U66065" i="1"/>
  <c r="U66064" i="1"/>
  <c r="U66063" i="1"/>
  <c r="U66062" i="1"/>
  <c r="U66061" i="1"/>
  <c r="U66060" i="1"/>
  <c r="U66059" i="1"/>
  <c r="U66058" i="1"/>
  <c r="U66057" i="1"/>
  <c r="U66056" i="1"/>
  <c r="U66055" i="1"/>
  <c r="U66054" i="1"/>
  <c r="U66053" i="1"/>
  <c r="U66052" i="1"/>
  <c r="U66051" i="1"/>
  <c r="U66050" i="1"/>
  <c r="U66049" i="1"/>
  <c r="U66048" i="1"/>
  <c r="U66047" i="1"/>
  <c r="U66046" i="1"/>
  <c r="U66045" i="1"/>
  <c r="U66044" i="1"/>
  <c r="U66043" i="1"/>
  <c r="U66042" i="1"/>
  <c r="U66041" i="1"/>
  <c r="U66040" i="1"/>
  <c r="U66039" i="1"/>
  <c r="U66038" i="1"/>
  <c r="U66037" i="1"/>
  <c r="U66036" i="1"/>
  <c r="U66035" i="1"/>
  <c r="U66034" i="1"/>
  <c r="U66033" i="1"/>
  <c r="U66032" i="1"/>
  <c r="U66031" i="1"/>
  <c r="U66030" i="1"/>
  <c r="U66029" i="1"/>
  <c r="U66028" i="1"/>
  <c r="U66027" i="1"/>
  <c r="U66026" i="1"/>
  <c r="U66025" i="1"/>
  <c r="U66024" i="1"/>
  <c r="U66023" i="1"/>
  <c r="U66022" i="1"/>
  <c r="U66021" i="1"/>
  <c r="U66020" i="1"/>
  <c r="U66019" i="1"/>
  <c r="U66018" i="1"/>
  <c r="U66017" i="1"/>
  <c r="U66016" i="1"/>
  <c r="U66015" i="1"/>
  <c r="U66014" i="1"/>
  <c r="U66013" i="1"/>
  <c r="U66012" i="1"/>
  <c r="U66011" i="1"/>
  <c r="U66010" i="1"/>
  <c r="U66009" i="1"/>
  <c r="U66008" i="1"/>
  <c r="U66007" i="1"/>
  <c r="U66006" i="1"/>
  <c r="U66005" i="1"/>
  <c r="U66004" i="1"/>
  <c r="U66003" i="1"/>
  <c r="U66002" i="1"/>
  <c r="U66001" i="1"/>
  <c r="U66000" i="1"/>
  <c r="U65999" i="1"/>
  <c r="U65998" i="1"/>
  <c r="U65997" i="1"/>
  <c r="U65996" i="1"/>
  <c r="U65995" i="1"/>
  <c r="U65994" i="1"/>
  <c r="U65993" i="1"/>
  <c r="U65992" i="1"/>
  <c r="U65991" i="1"/>
  <c r="U65990" i="1"/>
  <c r="U65989" i="1"/>
  <c r="U65988" i="1"/>
  <c r="U65987" i="1"/>
  <c r="U65986" i="1"/>
  <c r="U65985" i="1"/>
  <c r="U65984" i="1"/>
  <c r="U65983" i="1"/>
  <c r="U65982" i="1"/>
  <c r="U65981" i="1"/>
  <c r="U65980" i="1"/>
  <c r="U65979" i="1"/>
  <c r="U65978" i="1"/>
  <c r="U65977" i="1"/>
  <c r="U65976" i="1"/>
  <c r="U65975" i="1"/>
  <c r="U65974" i="1"/>
  <c r="U65973" i="1"/>
  <c r="U65972" i="1"/>
  <c r="U65971" i="1"/>
  <c r="U65970" i="1"/>
  <c r="U65969" i="1"/>
  <c r="U65968" i="1"/>
  <c r="U65967" i="1"/>
  <c r="U65966" i="1"/>
  <c r="U65965" i="1"/>
  <c r="U65964" i="1"/>
  <c r="U65963" i="1"/>
  <c r="U65962" i="1"/>
  <c r="U65961" i="1"/>
  <c r="U65960" i="1"/>
  <c r="U65959" i="1"/>
  <c r="U65958" i="1"/>
  <c r="U65957" i="1"/>
  <c r="U65956" i="1"/>
  <c r="U65955" i="1"/>
  <c r="U65954" i="1"/>
  <c r="U65953" i="1"/>
  <c r="U65952" i="1"/>
  <c r="U65951" i="1"/>
  <c r="U65950" i="1"/>
  <c r="U65949" i="1"/>
  <c r="U65948" i="1"/>
  <c r="U65947" i="1"/>
  <c r="U65946" i="1"/>
  <c r="U65945" i="1"/>
  <c r="U65944" i="1"/>
  <c r="U65943" i="1"/>
  <c r="U65942" i="1"/>
  <c r="U65941" i="1"/>
  <c r="U65940" i="1"/>
  <c r="U65939" i="1"/>
  <c r="U65938" i="1"/>
  <c r="U65937" i="1"/>
  <c r="U65936" i="1"/>
  <c r="U65935" i="1"/>
  <c r="U65934" i="1"/>
  <c r="U65933" i="1"/>
  <c r="U65932" i="1"/>
  <c r="U65931" i="1"/>
  <c r="U65930" i="1"/>
  <c r="U65929" i="1"/>
  <c r="U65928" i="1"/>
  <c r="U65927" i="1"/>
  <c r="U65926" i="1"/>
  <c r="U65925" i="1"/>
  <c r="U65924" i="1"/>
  <c r="U65923" i="1"/>
  <c r="U65922" i="1"/>
  <c r="U65921" i="1"/>
  <c r="U65920" i="1"/>
  <c r="U65919" i="1"/>
  <c r="U65918" i="1"/>
  <c r="U65917" i="1"/>
  <c r="U65916" i="1"/>
  <c r="U65915" i="1"/>
  <c r="U65914" i="1"/>
  <c r="U65913" i="1"/>
  <c r="U65912" i="1"/>
  <c r="U65911" i="1"/>
  <c r="U65910" i="1"/>
  <c r="U65909" i="1"/>
  <c r="U65908" i="1"/>
  <c r="U65907" i="1"/>
  <c r="U65906" i="1"/>
  <c r="U65905" i="1"/>
  <c r="U65904" i="1"/>
  <c r="U65903" i="1"/>
  <c r="U65902" i="1"/>
  <c r="U65901" i="1"/>
  <c r="U65900" i="1"/>
  <c r="U65899" i="1"/>
  <c r="U65898" i="1"/>
  <c r="U65897" i="1"/>
  <c r="U65896" i="1"/>
  <c r="U65895" i="1"/>
  <c r="U65894" i="1"/>
  <c r="U65893" i="1"/>
  <c r="U65892" i="1"/>
  <c r="U65891" i="1"/>
  <c r="U65890" i="1"/>
  <c r="U65889" i="1"/>
  <c r="U65888" i="1"/>
  <c r="U65887" i="1"/>
  <c r="U65886" i="1"/>
  <c r="U65885" i="1"/>
  <c r="U65884" i="1"/>
  <c r="U65883" i="1"/>
  <c r="U65882" i="1"/>
  <c r="U65881" i="1"/>
  <c r="U65880" i="1"/>
  <c r="U65879" i="1"/>
  <c r="U65878" i="1"/>
  <c r="U65877" i="1"/>
  <c r="U65876" i="1"/>
  <c r="U65875" i="1"/>
  <c r="U65874" i="1"/>
  <c r="U65873" i="1"/>
  <c r="U65872" i="1"/>
  <c r="U65871" i="1"/>
  <c r="U65870" i="1"/>
  <c r="U65869" i="1"/>
  <c r="U65868" i="1"/>
  <c r="U65867" i="1"/>
  <c r="U65866" i="1"/>
  <c r="U65865" i="1"/>
  <c r="U65864" i="1"/>
  <c r="U65863" i="1"/>
  <c r="U65862" i="1"/>
  <c r="U65861" i="1"/>
  <c r="U65860" i="1"/>
  <c r="U65859" i="1"/>
  <c r="U65858" i="1"/>
  <c r="U65857" i="1"/>
  <c r="U65856" i="1"/>
  <c r="U65855" i="1"/>
  <c r="U65854" i="1"/>
  <c r="U65853" i="1"/>
  <c r="U65852" i="1"/>
  <c r="U65851" i="1"/>
  <c r="U65850" i="1"/>
  <c r="U65849" i="1"/>
  <c r="U65848" i="1"/>
  <c r="U65847" i="1"/>
  <c r="U65846" i="1"/>
  <c r="U65845" i="1"/>
  <c r="U65844" i="1"/>
  <c r="U65843" i="1"/>
  <c r="U65842" i="1"/>
  <c r="U65841" i="1"/>
  <c r="U65840" i="1"/>
  <c r="U65839" i="1"/>
  <c r="U65838" i="1"/>
  <c r="U65837" i="1"/>
  <c r="U65836" i="1"/>
  <c r="U65835" i="1"/>
  <c r="U65834" i="1"/>
  <c r="U65833" i="1"/>
  <c r="U65832" i="1"/>
  <c r="U65831" i="1"/>
  <c r="U65830" i="1"/>
  <c r="U65829" i="1"/>
  <c r="U65828" i="1"/>
  <c r="U65827" i="1"/>
  <c r="U65826" i="1"/>
  <c r="U65825" i="1"/>
  <c r="U65824" i="1"/>
  <c r="U65823" i="1"/>
  <c r="U65822" i="1"/>
  <c r="U65821" i="1"/>
  <c r="U65820" i="1"/>
  <c r="U65819" i="1"/>
  <c r="U65818" i="1"/>
  <c r="U65817" i="1"/>
  <c r="U65816" i="1"/>
  <c r="U65815" i="1"/>
  <c r="U65814" i="1"/>
  <c r="U65813" i="1"/>
  <c r="U65812" i="1"/>
  <c r="U65811" i="1"/>
  <c r="U65810" i="1"/>
  <c r="U65809" i="1"/>
  <c r="U65808" i="1"/>
  <c r="U65807" i="1"/>
  <c r="U65806" i="1"/>
  <c r="U65805" i="1"/>
  <c r="U65804" i="1"/>
  <c r="U65803" i="1"/>
  <c r="U65802" i="1"/>
  <c r="U65801" i="1"/>
  <c r="U65800" i="1"/>
  <c r="U65799" i="1"/>
  <c r="U65798" i="1"/>
  <c r="U65797" i="1"/>
  <c r="U65796" i="1"/>
  <c r="U65795" i="1"/>
  <c r="U65794" i="1"/>
  <c r="U65793" i="1"/>
  <c r="U65792" i="1"/>
  <c r="U65791" i="1"/>
  <c r="U65790" i="1"/>
  <c r="U65789" i="1"/>
  <c r="U65788" i="1"/>
  <c r="U65787" i="1"/>
  <c r="U65786" i="1"/>
  <c r="U65785" i="1"/>
  <c r="U65784" i="1"/>
  <c r="U65783" i="1"/>
  <c r="U65782" i="1"/>
  <c r="U65781" i="1"/>
  <c r="U65780" i="1"/>
  <c r="U65779" i="1"/>
  <c r="U65778" i="1"/>
  <c r="U65777" i="1"/>
  <c r="U65776" i="1"/>
  <c r="U65775" i="1"/>
  <c r="U65774" i="1"/>
  <c r="U65773" i="1"/>
  <c r="U65772" i="1"/>
  <c r="U65771" i="1"/>
  <c r="U65770" i="1"/>
  <c r="U65769" i="1"/>
  <c r="U65768" i="1"/>
  <c r="U65767" i="1"/>
  <c r="U65766" i="1"/>
  <c r="U65765" i="1"/>
  <c r="U65764" i="1"/>
  <c r="U65763" i="1"/>
  <c r="U65762" i="1"/>
  <c r="U65761" i="1"/>
  <c r="U65760" i="1"/>
  <c r="U65759" i="1"/>
  <c r="U65758" i="1"/>
  <c r="U65757" i="1"/>
  <c r="U65756" i="1"/>
  <c r="U65755" i="1"/>
  <c r="U65754" i="1"/>
  <c r="U65753" i="1"/>
  <c r="U65752" i="1"/>
  <c r="U65751" i="1"/>
  <c r="U65750" i="1"/>
  <c r="U65749" i="1"/>
  <c r="U65748" i="1"/>
  <c r="U65747" i="1"/>
  <c r="U65746" i="1"/>
  <c r="U65745" i="1"/>
  <c r="U65744" i="1"/>
  <c r="U65743" i="1"/>
  <c r="U65742" i="1"/>
  <c r="U65741" i="1"/>
  <c r="U65740" i="1"/>
  <c r="U65739" i="1"/>
  <c r="U65738" i="1"/>
  <c r="U65737" i="1"/>
  <c r="U65736" i="1"/>
  <c r="U65735" i="1"/>
  <c r="U65734" i="1"/>
  <c r="U65733" i="1"/>
  <c r="U65732" i="1"/>
  <c r="U65731" i="1"/>
  <c r="U65730" i="1"/>
  <c r="U65729" i="1"/>
  <c r="U65728" i="1"/>
  <c r="U65727" i="1"/>
  <c r="U65726" i="1"/>
  <c r="U65725" i="1"/>
  <c r="U65724" i="1"/>
  <c r="U65723" i="1"/>
  <c r="U65722" i="1"/>
  <c r="U65721" i="1"/>
  <c r="U65720" i="1"/>
  <c r="U65719" i="1"/>
  <c r="U65718" i="1"/>
  <c r="U65717" i="1"/>
  <c r="U65716" i="1"/>
  <c r="U65715" i="1"/>
  <c r="U65714" i="1"/>
  <c r="U65713" i="1"/>
  <c r="U65712" i="1"/>
  <c r="U65711" i="1"/>
  <c r="U65710" i="1"/>
  <c r="U65709" i="1"/>
  <c r="U65708" i="1"/>
  <c r="U65707" i="1"/>
  <c r="U65706" i="1"/>
  <c r="U65705" i="1"/>
  <c r="U65704" i="1"/>
  <c r="U65703" i="1"/>
  <c r="U65702" i="1"/>
  <c r="U65701" i="1"/>
  <c r="U65700" i="1"/>
  <c r="U65699" i="1"/>
  <c r="U65698" i="1"/>
  <c r="U65697" i="1"/>
  <c r="U65696" i="1"/>
  <c r="U65695" i="1"/>
  <c r="U65694" i="1"/>
  <c r="U65693" i="1"/>
  <c r="U65692" i="1"/>
  <c r="U65691" i="1"/>
  <c r="U65690" i="1"/>
  <c r="U65689" i="1"/>
  <c r="U65688" i="1"/>
  <c r="U65687" i="1"/>
  <c r="U65686" i="1"/>
  <c r="U65685" i="1"/>
  <c r="U65684" i="1"/>
  <c r="U65683" i="1"/>
  <c r="U65682" i="1"/>
  <c r="U65681" i="1"/>
  <c r="U65680" i="1"/>
  <c r="U65679" i="1"/>
  <c r="U65678" i="1"/>
  <c r="U65677" i="1"/>
  <c r="U65676" i="1"/>
  <c r="U65675" i="1"/>
  <c r="U65674" i="1"/>
  <c r="U65673" i="1"/>
  <c r="U65672" i="1"/>
  <c r="U65671" i="1"/>
  <c r="U65670" i="1"/>
  <c r="U65669" i="1"/>
  <c r="U65668" i="1"/>
  <c r="U65667" i="1"/>
  <c r="U65666" i="1"/>
  <c r="U65665" i="1"/>
  <c r="U65664" i="1"/>
  <c r="U65663" i="1"/>
  <c r="U65662" i="1"/>
  <c r="U65661" i="1"/>
  <c r="U65660" i="1"/>
  <c r="U65659" i="1"/>
  <c r="U65658" i="1"/>
  <c r="U65657" i="1"/>
  <c r="U65656" i="1"/>
  <c r="U65655" i="1"/>
  <c r="U65654" i="1"/>
  <c r="U65653" i="1"/>
  <c r="U65652" i="1"/>
  <c r="U65651" i="1"/>
  <c r="U65650" i="1"/>
  <c r="U65649" i="1"/>
  <c r="U65648" i="1"/>
  <c r="U65647" i="1"/>
  <c r="U65646" i="1"/>
  <c r="U65645" i="1"/>
  <c r="U65644" i="1"/>
  <c r="U65643" i="1"/>
  <c r="U65642" i="1"/>
  <c r="U65641" i="1"/>
  <c r="U65640" i="1"/>
  <c r="U65639" i="1"/>
  <c r="U65638" i="1"/>
  <c r="U65637" i="1"/>
  <c r="U65636" i="1"/>
  <c r="U65635" i="1"/>
  <c r="U65634" i="1"/>
  <c r="U65633" i="1"/>
  <c r="U65632" i="1"/>
  <c r="U65631" i="1"/>
  <c r="U65630" i="1"/>
  <c r="U65629" i="1"/>
  <c r="U65628" i="1"/>
  <c r="U65627" i="1"/>
  <c r="U65626" i="1"/>
  <c r="U65625" i="1"/>
  <c r="U65624" i="1"/>
  <c r="U65623" i="1"/>
  <c r="U65622" i="1"/>
  <c r="U65621" i="1"/>
  <c r="U65620" i="1"/>
  <c r="U65619" i="1"/>
  <c r="U65618" i="1"/>
  <c r="U65617" i="1"/>
  <c r="U65616" i="1"/>
  <c r="U65615" i="1"/>
  <c r="U65614" i="1"/>
  <c r="U65613" i="1"/>
  <c r="U65612" i="1"/>
  <c r="U65611" i="1"/>
  <c r="U65610" i="1"/>
  <c r="U65609" i="1"/>
  <c r="U65608" i="1"/>
  <c r="U65607" i="1"/>
  <c r="U65606" i="1"/>
  <c r="U65605" i="1"/>
  <c r="U65604" i="1"/>
  <c r="U65603" i="1"/>
  <c r="U65602" i="1"/>
  <c r="U65601" i="1"/>
  <c r="U65600" i="1"/>
  <c r="U65599" i="1"/>
  <c r="U65598" i="1"/>
  <c r="U65597" i="1"/>
  <c r="U65596" i="1"/>
  <c r="U65595" i="1"/>
  <c r="U65594" i="1"/>
  <c r="U65593" i="1"/>
  <c r="U65592" i="1"/>
  <c r="U65591" i="1"/>
  <c r="U65590" i="1"/>
  <c r="U65589" i="1"/>
  <c r="U65588" i="1"/>
  <c r="U65587" i="1"/>
  <c r="U65586" i="1"/>
  <c r="U65585" i="1"/>
  <c r="U65584" i="1"/>
  <c r="U65583" i="1"/>
  <c r="U65582" i="1"/>
  <c r="U65581" i="1"/>
  <c r="U65580" i="1"/>
  <c r="U65579" i="1"/>
  <c r="U65578" i="1"/>
  <c r="U65577" i="1"/>
  <c r="U65576" i="1"/>
  <c r="U65575" i="1"/>
  <c r="U65574" i="1"/>
  <c r="U65573" i="1"/>
  <c r="U65572" i="1"/>
  <c r="U65571" i="1"/>
  <c r="U65570" i="1"/>
  <c r="U65569" i="1"/>
  <c r="U65568" i="1"/>
  <c r="U65567" i="1"/>
  <c r="U65566" i="1"/>
  <c r="U65565" i="1"/>
  <c r="U65564" i="1"/>
  <c r="U65563" i="1"/>
  <c r="U65562" i="1"/>
  <c r="U65561" i="1"/>
  <c r="U65560" i="1"/>
  <c r="U65559" i="1"/>
  <c r="U65558" i="1"/>
  <c r="U65557" i="1"/>
  <c r="U65556" i="1"/>
  <c r="U65555" i="1"/>
  <c r="U65554" i="1"/>
  <c r="U65553" i="1"/>
  <c r="U65552" i="1"/>
  <c r="U65551" i="1"/>
  <c r="U65550" i="1"/>
  <c r="U65549" i="1"/>
  <c r="U65548" i="1"/>
  <c r="U65547" i="1"/>
  <c r="U65546" i="1"/>
  <c r="U65545" i="1"/>
  <c r="U65544" i="1"/>
  <c r="U65543" i="1"/>
  <c r="U65542" i="1"/>
  <c r="U65541" i="1"/>
  <c r="U65540" i="1"/>
  <c r="U65539" i="1"/>
  <c r="U65538" i="1"/>
  <c r="U65537" i="1"/>
  <c r="U65536" i="1"/>
  <c r="U65535" i="1"/>
  <c r="U65534" i="1"/>
  <c r="U65533" i="1"/>
  <c r="U65532" i="1"/>
  <c r="U65531" i="1"/>
  <c r="U65530" i="1"/>
  <c r="U65529" i="1"/>
  <c r="U65528" i="1"/>
  <c r="U65527" i="1"/>
  <c r="U65526" i="1"/>
  <c r="U65525" i="1"/>
  <c r="U65524" i="1"/>
  <c r="U65523" i="1"/>
  <c r="U65522" i="1"/>
  <c r="U65521" i="1"/>
  <c r="U65520" i="1"/>
  <c r="U65519" i="1"/>
  <c r="U65518" i="1"/>
  <c r="U65517" i="1"/>
  <c r="U65516" i="1"/>
  <c r="U65515" i="1"/>
  <c r="U65514" i="1"/>
  <c r="U65513" i="1"/>
  <c r="U65512" i="1"/>
  <c r="U65511" i="1"/>
  <c r="U65510" i="1"/>
  <c r="U65509" i="1"/>
  <c r="U65508" i="1"/>
  <c r="U65507" i="1"/>
  <c r="U65506" i="1"/>
  <c r="U65505" i="1"/>
  <c r="U65504" i="1"/>
  <c r="U65503" i="1"/>
  <c r="U65502" i="1"/>
  <c r="U65501" i="1"/>
  <c r="U65500" i="1"/>
  <c r="U65499" i="1"/>
  <c r="U65498" i="1"/>
  <c r="U65497" i="1"/>
  <c r="U65496" i="1"/>
  <c r="U65495" i="1"/>
  <c r="U65494" i="1"/>
  <c r="U65493" i="1"/>
  <c r="U65492" i="1"/>
  <c r="U65491" i="1"/>
  <c r="U65490" i="1"/>
  <c r="U65489" i="1"/>
  <c r="U65488" i="1"/>
  <c r="U65487" i="1"/>
  <c r="U65486" i="1"/>
  <c r="U65485" i="1"/>
  <c r="U65484" i="1"/>
  <c r="U65483" i="1"/>
  <c r="U65482" i="1"/>
  <c r="U65481" i="1"/>
  <c r="U65480" i="1"/>
  <c r="U65479" i="1"/>
  <c r="U65478" i="1"/>
  <c r="U65477" i="1"/>
  <c r="U65476" i="1"/>
  <c r="U65475" i="1"/>
  <c r="U65474" i="1"/>
  <c r="U65473" i="1"/>
  <c r="U65472" i="1"/>
  <c r="U65471" i="1"/>
  <c r="U65470" i="1"/>
  <c r="U65469" i="1"/>
  <c r="U65468" i="1"/>
  <c r="U65467" i="1"/>
  <c r="U65466" i="1"/>
  <c r="U65465" i="1"/>
  <c r="U65464" i="1"/>
  <c r="U65463" i="1"/>
  <c r="U65462" i="1"/>
  <c r="U65461" i="1"/>
  <c r="U65460" i="1"/>
  <c r="U65459" i="1"/>
  <c r="U65458" i="1"/>
  <c r="U65457" i="1"/>
  <c r="U65456" i="1"/>
  <c r="U65455" i="1"/>
  <c r="U65454" i="1"/>
  <c r="U65453" i="1"/>
  <c r="U65452" i="1"/>
  <c r="U65451" i="1"/>
  <c r="U65450" i="1"/>
  <c r="U65449" i="1"/>
  <c r="U65448" i="1"/>
  <c r="U65447" i="1"/>
  <c r="U65446" i="1"/>
  <c r="U65445" i="1"/>
  <c r="U65444" i="1"/>
  <c r="U65443" i="1"/>
  <c r="U65442" i="1"/>
  <c r="U65441" i="1"/>
  <c r="U65440" i="1"/>
  <c r="U65439" i="1"/>
  <c r="U65438" i="1"/>
  <c r="U65437" i="1"/>
  <c r="U65436" i="1"/>
  <c r="U65435" i="1"/>
  <c r="U65434" i="1"/>
  <c r="U65433" i="1"/>
  <c r="U65432" i="1"/>
  <c r="U65431" i="1"/>
  <c r="U65430" i="1"/>
  <c r="U65429" i="1"/>
  <c r="U65428" i="1"/>
  <c r="U65427" i="1"/>
  <c r="U65426" i="1"/>
  <c r="U65425" i="1"/>
  <c r="U65424" i="1"/>
  <c r="U65423" i="1"/>
  <c r="U65422" i="1"/>
  <c r="U65421" i="1"/>
  <c r="U65420" i="1"/>
  <c r="U65419" i="1"/>
  <c r="U65418" i="1"/>
  <c r="U65417" i="1"/>
  <c r="U65416" i="1"/>
  <c r="U65415" i="1"/>
  <c r="U65414" i="1"/>
  <c r="U65413" i="1"/>
  <c r="U65412" i="1"/>
  <c r="U65411" i="1"/>
  <c r="U65410" i="1"/>
  <c r="U65409" i="1"/>
  <c r="U65408" i="1"/>
  <c r="U65407" i="1"/>
  <c r="U65406" i="1"/>
  <c r="U65405" i="1"/>
  <c r="U65404" i="1"/>
  <c r="U65403" i="1"/>
  <c r="U65402" i="1"/>
  <c r="U65401" i="1"/>
  <c r="U65400" i="1"/>
  <c r="U65399" i="1"/>
  <c r="U65398" i="1"/>
  <c r="U65397" i="1"/>
  <c r="U65396" i="1"/>
  <c r="U65395" i="1"/>
  <c r="U65394" i="1"/>
  <c r="U65393" i="1"/>
  <c r="U65392" i="1"/>
  <c r="U65391" i="1"/>
  <c r="U65390" i="1"/>
  <c r="U65389" i="1"/>
  <c r="U65388" i="1"/>
  <c r="U65387" i="1"/>
  <c r="U65386" i="1"/>
  <c r="U65385" i="1"/>
  <c r="U65384" i="1"/>
  <c r="U65383" i="1"/>
  <c r="U65382" i="1"/>
  <c r="U65381" i="1"/>
  <c r="U65380" i="1"/>
  <c r="U65379" i="1"/>
  <c r="U65378" i="1"/>
  <c r="U65377" i="1"/>
  <c r="U65376" i="1"/>
  <c r="U65375" i="1"/>
  <c r="U65374" i="1"/>
  <c r="U65373" i="1"/>
  <c r="U65372" i="1"/>
  <c r="U65371" i="1"/>
  <c r="U65370" i="1"/>
  <c r="U65369" i="1"/>
  <c r="U65368" i="1"/>
  <c r="U65367" i="1"/>
  <c r="U65366" i="1"/>
  <c r="U65365" i="1"/>
  <c r="U65364" i="1"/>
  <c r="U65363" i="1"/>
  <c r="U65362" i="1"/>
  <c r="U65361" i="1"/>
  <c r="U65360" i="1"/>
  <c r="U65359" i="1"/>
  <c r="U65358" i="1"/>
  <c r="U65357" i="1"/>
  <c r="U65356" i="1"/>
  <c r="U65355" i="1"/>
  <c r="U65354" i="1"/>
  <c r="U65353" i="1"/>
  <c r="U65352" i="1"/>
  <c r="U65351" i="1"/>
  <c r="U65350" i="1"/>
  <c r="U65349" i="1"/>
  <c r="U65348" i="1"/>
  <c r="U65347" i="1"/>
  <c r="U65346" i="1"/>
  <c r="U65345" i="1"/>
  <c r="U65344" i="1"/>
  <c r="U65343" i="1"/>
  <c r="U65342" i="1"/>
  <c r="U65341" i="1"/>
  <c r="U65340" i="1"/>
  <c r="U65339" i="1"/>
  <c r="U65338" i="1"/>
  <c r="U65337" i="1"/>
  <c r="U65336" i="1"/>
  <c r="U65335" i="1"/>
  <c r="U65334" i="1"/>
  <c r="U65333" i="1"/>
  <c r="U65332" i="1"/>
  <c r="U65331" i="1"/>
  <c r="U65330" i="1"/>
  <c r="U65329" i="1"/>
  <c r="U65328" i="1"/>
  <c r="U65327" i="1"/>
  <c r="U65326" i="1"/>
  <c r="U65325" i="1"/>
  <c r="U65324" i="1"/>
  <c r="U65323" i="1"/>
  <c r="U65322" i="1"/>
  <c r="U65321" i="1"/>
  <c r="U65320" i="1"/>
  <c r="U65319" i="1"/>
  <c r="U65318" i="1"/>
  <c r="U65317" i="1"/>
  <c r="U65316" i="1"/>
  <c r="U65315" i="1"/>
  <c r="U65314" i="1"/>
  <c r="U65313" i="1"/>
  <c r="U65312" i="1"/>
  <c r="U65311" i="1"/>
  <c r="U65310" i="1"/>
  <c r="U65309" i="1"/>
  <c r="U65308" i="1"/>
  <c r="U65307" i="1"/>
  <c r="U65306" i="1"/>
  <c r="U65305" i="1"/>
  <c r="U65304" i="1"/>
  <c r="U65303" i="1"/>
  <c r="U65302" i="1"/>
  <c r="U65301" i="1"/>
  <c r="U65300" i="1"/>
  <c r="U65299" i="1"/>
  <c r="U65298" i="1"/>
  <c r="U65297" i="1"/>
  <c r="U65296" i="1"/>
  <c r="U65295" i="1"/>
  <c r="U65294" i="1"/>
  <c r="U65293" i="1"/>
  <c r="U65292" i="1"/>
  <c r="U65291" i="1"/>
  <c r="U65290" i="1"/>
  <c r="U65289" i="1"/>
  <c r="U65288" i="1"/>
  <c r="U65287" i="1"/>
  <c r="U65286" i="1"/>
  <c r="U65285" i="1"/>
  <c r="U65284" i="1"/>
  <c r="U65283" i="1"/>
  <c r="U65282" i="1"/>
  <c r="U65281" i="1"/>
  <c r="U65280" i="1"/>
  <c r="U65279" i="1"/>
  <c r="U65278" i="1"/>
  <c r="U65277" i="1"/>
  <c r="U65276" i="1"/>
  <c r="U65275" i="1"/>
  <c r="U65274" i="1"/>
  <c r="U65273" i="1"/>
  <c r="U65272" i="1"/>
  <c r="U65271" i="1"/>
  <c r="U65270" i="1"/>
  <c r="U65269" i="1"/>
  <c r="U65268" i="1"/>
  <c r="U65267" i="1"/>
  <c r="U65266" i="1"/>
  <c r="U65265" i="1"/>
  <c r="U65264" i="1"/>
  <c r="U65263" i="1"/>
  <c r="U65262" i="1"/>
  <c r="U65261" i="1"/>
  <c r="U65260" i="1"/>
  <c r="U65259" i="1"/>
  <c r="U65258" i="1"/>
  <c r="U65257" i="1"/>
  <c r="U65256" i="1"/>
  <c r="U65255" i="1"/>
  <c r="U65254" i="1"/>
  <c r="U65253" i="1"/>
  <c r="U65252" i="1"/>
  <c r="U65251" i="1"/>
  <c r="U65250" i="1"/>
  <c r="U65249" i="1"/>
  <c r="U65248" i="1"/>
  <c r="U65247" i="1"/>
  <c r="U65246" i="1"/>
  <c r="U65245" i="1"/>
  <c r="U65244" i="1"/>
  <c r="U65243" i="1"/>
  <c r="U65242" i="1"/>
  <c r="U65241" i="1"/>
  <c r="U65240" i="1"/>
  <c r="U65239" i="1"/>
  <c r="U65238" i="1"/>
  <c r="U65237" i="1"/>
  <c r="U65236" i="1"/>
  <c r="U65235" i="1"/>
  <c r="U65234" i="1"/>
  <c r="U65233" i="1"/>
  <c r="U65232" i="1"/>
  <c r="U65231" i="1"/>
  <c r="U65230" i="1"/>
  <c r="U65229" i="1"/>
  <c r="U65228" i="1"/>
  <c r="U65227" i="1"/>
  <c r="U65226" i="1"/>
  <c r="U65225" i="1"/>
  <c r="U65224" i="1"/>
  <c r="U65223" i="1"/>
  <c r="U65222" i="1"/>
  <c r="U65221" i="1"/>
  <c r="U65220" i="1"/>
  <c r="U65219" i="1"/>
  <c r="U65218" i="1"/>
  <c r="U65217" i="1"/>
  <c r="U65216" i="1"/>
  <c r="U65215" i="1"/>
  <c r="U65214" i="1"/>
  <c r="U65213" i="1"/>
  <c r="U65212" i="1"/>
  <c r="U65211" i="1"/>
  <c r="U65210" i="1"/>
  <c r="U65209" i="1"/>
  <c r="U65208" i="1"/>
  <c r="U65207" i="1"/>
  <c r="U65206" i="1"/>
  <c r="U65205" i="1"/>
  <c r="U65204" i="1"/>
  <c r="U65203" i="1"/>
  <c r="U65202" i="1"/>
  <c r="U65201" i="1"/>
  <c r="U65200" i="1"/>
  <c r="U65199" i="1"/>
  <c r="U65198" i="1"/>
  <c r="U65197" i="1"/>
  <c r="U65196" i="1"/>
  <c r="U65195" i="1"/>
  <c r="U65194" i="1"/>
  <c r="U65193" i="1"/>
  <c r="U65192" i="1"/>
  <c r="U65191" i="1"/>
  <c r="U65190" i="1"/>
  <c r="U65189" i="1"/>
  <c r="U65188" i="1"/>
  <c r="U65187" i="1"/>
  <c r="U65186" i="1"/>
  <c r="U65185" i="1"/>
  <c r="U65184" i="1"/>
  <c r="U65183" i="1"/>
  <c r="U65182" i="1"/>
  <c r="U65181" i="1"/>
  <c r="U65180" i="1"/>
  <c r="U65179" i="1"/>
  <c r="U65178" i="1"/>
  <c r="U65177" i="1"/>
  <c r="U65176" i="1"/>
  <c r="U65175" i="1"/>
  <c r="U65174" i="1"/>
  <c r="U65173" i="1"/>
  <c r="U65172" i="1"/>
  <c r="U65171" i="1"/>
  <c r="U65170" i="1"/>
  <c r="U65169" i="1"/>
  <c r="U65168" i="1"/>
  <c r="U65167" i="1"/>
  <c r="U65166" i="1"/>
  <c r="U65165" i="1"/>
  <c r="U65164" i="1"/>
  <c r="U65163" i="1"/>
  <c r="U65162" i="1"/>
  <c r="U65161" i="1"/>
  <c r="U65160" i="1"/>
  <c r="U65159" i="1"/>
  <c r="U65158" i="1"/>
  <c r="U65157" i="1"/>
  <c r="U65156" i="1"/>
  <c r="U65155" i="1"/>
  <c r="U65154" i="1"/>
  <c r="U65153" i="1"/>
  <c r="U65152" i="1"/>
  <c r="U65151" i="1"/>
  <c r="U65150" i="1"/>
  <c r="U65149" i="1"/>
  <c r="U65148" i="1"/>
  <c r="U65147" i="1"/>
  <c r="U65146" i="1"/>
  <c r="U65145" i="1"/>
  <c r="U65144" i="1"/>
  <c r="U65143" i="1"/>
  <c r="U65142" i="1"/>
  <c r="U65141" i="1"/>
  <c r="U65140" i="1"/>
  <c r="U65139" i="1"/>
  <c r="U65138" i="1"/>
  <c r="U65137" i="1"/>
  <c r="U65136" i="1"/>
  <c r="U65135" i="1"/>
  <c r="U65134" i="1"/>
  <c r="U65133" i="1"/>
  <c r="U65132" i="1"/>
  <c r="U65131" i="1"/>
  <c r="U65130" i="1"/>
  <c r="U65129" i="1"/>
  <c r="U65128" i="1"/>
  <c r="U65127" i="1"/>
  <c r="U65126" i="1"/>
  <c r="U65125" i="1"/>
  <c r="U65124" i="1"/>
  <c r="U65123" i="1"/>
  <c r="U65122" i="1"/>
  <c r="U65121" i="1"/>
  <c r="U65120" i="1"/>
  <c r="U65119" i="1"/>
  <c r="U65118" i="1"/>
  <c r="U65117" i="1"/>
  <c r="U65116" i="1"/>
  <c r="U65115" i="1"/>
  <c r="U65114" i="1"/>
  <c r="U65113" i="1"/>
  <c r="U65112" i="1"/>
  <c r="U65111" i="1"/>
  <c r="U65110" i="1"/>
  <c r="U65109" i="1"/>
  <c r="U65108" i="1"/>
  <c r="U65107" i="1"/>
  <c r="U65106" i="1"/>
  <c r="U65105" i="1"/>
  <c r="U65104" i="1"/>
  <c r="U65103" i="1"/>
  <c r="U65102" i="1"/>
  <c r="U65101" i="1"/>
  <c r="U65100" i="1"/>
  <c r="U65099" i="1"/>
  <c r="U65098" i="1"/>
  <c r="U65097" i="1"/>
  <c r="U65096" i="1"/>
  <c r="U65095" i="1"/>
  <c r="U65094" i="1"/>
  <c r="U65093" i="1"/>
  <c r="U65092" i="1"/>
  <c r="U65091" i="1"/>
  <c r="U65090" i="1"/>
  <c r="U65089" i="1"/>
  <c r="U65088" i="1"/>
  <c r="U65087" i="1"/>
  <c r="U65086" i="1"/>
  <c r="U65085" i="1"/>
  <c r="U65084" i="1"/>
  <c r="U65083" i="1"/>
  <c r="U65082" i="1"/>
  <c r="U65081" i="1"/>
  <c r="U65080" i="1"/>
  <c r="U65079" i="1"/>
  <c r="U65078" i="1"/>
  <c r="U65077" i="1"/>
  <c r="U65076" i="1"/>
  <c r="U65075" i="1"/>
  <c r="U65074" i="1"/>
  <c r="U65073" i="1"/>
  <c r="U65072" i="1"/>
  <c r="U65071" i="1"/>
  <c r="U65070" i="1"/>
  <c r="U65069" i="1"/>
  <c r="U65068" i="1"/>
  <c r="U65067" i="1"/>
  <c r="U65066" i="1"/>
  <c r="U65065" i="1"/>
  <c r="U65064" i="1"/>
  <c r="U65063" i="1"/>
  <c r="U65062" i="1"/>
  <c r="U65061" i="1"/>
  <c r="U65060" i="1"/>
  <c r="U65059" i="1"/>
  <c r="U65058" i="1"/>
  <c r="U65057" i="1"/>
  <c r="U65056" i="1"/>
  <c r="U65055" i="1"/>
  <c r="U65054" i="1"/>
  <c r="U65053" i="1"/>
  <c r="U65052" i="1"/>
  <c r="U65051" i="1"/>
  <c r="U65050" i="1"/>
  <c r="U65049" i="1"/>
  <c r="U65048" i="1"/>
  <c r="U65047" i="1"/>
  <c r="U65046" i="1"/>
  <c r="U65045" i="1"/>
  <c r="U65044" i="1"/>
  <c r="U65043" i="1"/>
  <c r="U65042" i="1"/>
  <c r="U65041" i="1"/>
  <c r="U65040" i="1"/>
  <c r="U65039" i="1"/>
  <c r="U65038" i="1"/>
  <c r="U65037" i="1"/>
  <c r="U65036" i="1"/>
  <c r="U65035" i="1"/>
  <c r="U65034" i="1"/>
  <c r="U65033" i="1"/>
  <c r="U65032" i="1"/>
  <c r="U65031" i="1"/>
  <c r="U65030" i="1"/>
  <c r="U65029" i="1"/>
  <c r="U65028" i="1"/>
  <c r="U65027" i="1"/>
  <c r="U65026" i="1"/>
  <c r="U65025" i="1"/>
  <c r="U65024" i="1"/>
  <c r="U65023" i="1"/>
  <c r="U65022" i="1"/>
  <c r="U65021" i="1"/>
  <c r="U65020" i="1"/>
  <c r="U65019" i="1"/>
  <c r="U65018" i="1"/>
  <c r="U65017" i="1"/>
  <c r="U65016" i="1"/>
  <c r="U65015" i="1"/>
  <c r="U65014" i="1"/>
  <c r="U65013" i="1"/>
  <c r="U65012" i="1"/>
  <c r="U65011" i="1"/>
  <c r="U65010" i="1"/>
  <c r="U65009" i="1"/>
  <c r="U65008" i="1"/>
  <c r="U65007" i="1"/>
  <c r="U65006" i="1"/>
  <c r="U65005" i="1"/>
  <c r="U65004" i="1"/>
  <c r="U65003" i="1"/>
  <c r="U65002" i="1"/>
  <c r="U65001" i="1"/>
  <c r="U65000" i="1"/>
  <c r="U64999" i="1"/>
  <c r="U64998" i="1"/>
  <c r="U64997" i="1"/>
  <c r="U64996" i="1"/>
  <c r="U64995" i="1"/>
  <c r="U64994" i="1"/>
  <c r="U64993" i="1"/>
  <c r="U64992" i="1"/>
  <c r="U64991" i="1"/>
  <c r="U64990" i="1"/>
  <c r="U64989" i="1"/>
  <c r="U64988" i="1"/>
  <c r="U64987" i="1"/>
  <c r="U64986" i="1"/>
  <c r="U64985" i="1"/>
  <c r="U64984" i="1"/>
  <c r="U64983" i="1"/>
  <c r="U64982" i="1"/>
  <c r="U64981" i="1"/>
  <c r="U64980" i="1"/>
  <c r="U64979" i="1"/>
  <c r="U64978" i="1"/>
  <c r="U64977" i="1"/>
  <c r="U64976" i="1"/>
  <c r="U64975" i="1"/>
  <c r="U64974" i="1"/>
  <c r="U64973" i="1"/>
  <c r="U64972" i="1"/>
  <c r="U64971" i="1"/>
  <c r="U64970" i="1"/>
  <c r="U64969" i="1"/>
  <c r="U64968" i="1"/>
  <c r="U64967" i="1"/>
  <c r="U64966" i="1"/>
  <c r="U64965" i="1"/>
  <c r="U64964" i="1"/>
  <c r="U64963" i="1"/>
  <c r="U64962" i="1"/>
  <c r="U64961" i="1"/>
  <c r="U64960" i="1"/>
  <c r="U64959" i="1"/>
  <c r="U64958" i="1"/>
  <c r="U64957" i="1"/>
  <c r="U64956" i="1"/>
  <c r="U64955" i="1"/>
  <c r="U64954" i="1"/>
  <c r="U64953" i="1"/>
  <c r="U64952" i="1"/>
  <c r="U64951" i="1"/>
  <c r="U64950" i="1"/>
  <c r="U64949" i="1"/>
  <c r="U64948" i="1"/>
  <c r="U64947" i="1"/>
  <c r="U64946" i="1"/>
  <c r="U64945" i="1"/>
  <c r="U64944" i="1"/>
  <c r="U64943" i="1"/>
  <c r="U64942" i="1"/>
  <c r="U64941" i="1"/>
  <c r="U64940" i="1"/>
  <c r="U64939" i="1"/>
  <c r="U64938" i="1"/>
  <c r="U64937" i="1"/>
  <c r="U64936" i="1"/>
  <c r="U64935" i="1"/>
  <c r="U64934" i="1"/>
  <c r="U64933" i="1"/>
  <c r="U64932" i="1"/>
  <c r="U64931" i="1"/>
  <c r="U64930" i="1"/>
  <c r="U64929" i="1"/>
  <c r="U64928" i="1"/>
  <c r="U64927" i="1"/>
  <c r="U64926" i="1"/>
  <c r="U64925" i="1"/>
  <c r="U64924" i="1"/>
  <c r="U64923" i="1"/>
  <c r="U64922" i="1"/>
  <c r="U64921" i="1"/>
  <c r="U64920" i="1"/>
  <c r="U64919" i="1"/>
  <c r="U64918" i="1"/>
  <c r="U64917" i="1"/>
  <c r="U64916" i="1"/>
  <c r="U64915" i="1"/>
  <c r="U64914" i="1"/>
  <c r="U64913" i="1"/>
  <c r="U64912" i="1"/>
  <c r="U64911" i="1"/>
  <c r="U64910" i="1"/>
  <c r="U64909" i="1"/>
  <c r="U64908" i="1"/>
  <c r="U64907" i="1"/>
  <c r="U64906" i="1"/>
  <c r="U64905" i="1"/>
  <c r="U64904" i="1"/>
  <c r="U64903" i="1"/>
  <c r="U64902" i="1"/>
  <c r="U64901" i="1"/>
  <c r="U64900" i="1"/>
  <c r="U64899" i="1"/>
  <c r="U64898" i="1"/>
  <c r="U64897" i="1"/>
  <c r="U64896" i="1"/>
  <c r="U64895" i="1"/>
  <c r="U64894" i="1"/>
  <c r="U64893" i="1"/>
  <c r="U64892" i="1"/>
  <c r="U64891" i="1"/>
  <c r="U64890" i="1"/>
  <c r="U64889" i="1"/>
  <c r="U64888" i="1"/>
  <c r="U64887" i="1"/>
  <c r="U64886" i="1"/>
  <c r="U64885" i="1"/>
  <c r="U64884" i="1"/>
  <c r="U64883" i="1"/>
  <c r="U64882" i="1"/>
  <c r="U64881" i="1"/>
  <c r="U64880" i="1"/>
  <c r="U64879" i="1"/>
  <c r="U64878" i="1"/>
  <c r="U64877" i="1"/>
  <c r="U64876" i="1"/>
  <c r="U64875" i="1"/>
  <c r="U64874" i="1"/>
  <c r="U64873" i="1"/>
  <c r="U64872" i="1"/>
  <c r="U64871" i="1"/>
  <c r="U64870" i="1"/>
  <c r="U64869" i="1"/>
  <c r="U64868" i="1"/>
  <c r="U64867" i="1"/>
  <c r="U64866" i="1"/>
  <c r="U64865" i="1"/>
  <c r="U64864" i="1"/>
  <c r="U64863" i="1"/>
  <c r="U64862" i="1"/>
  <c r="U64861" i="1"/>
  <c r="U64860" i="1"/>
  <c r="U64859" i="1"/>
  <c r="U64858" i="1"/>
  <c r="U64857" i="1"/>
  <c r="U64856" i="1"/>
  <c r="U64855" i="1"/>
  <c r="U64854" i="1"/>
  <c r="U64853" i="1"/>
  <c r="U64852" i="1"/>
  <c r="U64851" i="1"/>
  <c r="U64850" i="1"/>
  <c r="U64849" i="1"/>
  <c r="U64848" i="1"/>
  <c r="U64847" i="1"/>
  <c r="U64846" i="1"/>
  <c r="U64845" i="1"/>
  <c r="U64844" i="1"/>
  <c r="U64843" i="1"/>
  <c r="U64842" i="1"/>
  <c r="U64841" i="1"/>
  <c r="U64840" i="1"/>
  <c r="U64839" i="1"/>
  <c r="U64838" i="1"/>
  <c r="U64837" i="1"/>
  <c r="U64836" i="1"/>
  <c r="U64835" i="1"/>
  <c r="U64834" i="1"/>
  <c r="U64833" i="1"/>
  <c r="U64832" i="1"/>
  <c r="U64831" i="1"/>
  <c r="U64830" i="1"/>
  <c r="U64829" i="1"/>
  <c r="U64828" i="1"/>
  <c r="U64827" i="1"/>
  <c r="U64826" i="1"/>
  <c r="U64825" i="1"/>
  <c r="U64824" i="1"/>
  <c r="U64823" i="1"/>
  <c r="U64822" i="1"/>
  <c r="U64821" i="1"/>
  <c r="U64820" i="1"/>
  <c r="U64819" i="1"/>
  <c r="U64818" i="1"/>
  <c r="U64817" i="1"/>
  <c r="U64816" i="1"/>
  <c r="U64815" i="1"/>
  <c r="U64814" i="1"/>
  <c r="U64813" i="1"/>
  <c r="U64812" i="1"/>
  <c r="U64811" i="1"/>
  <c r="U64810" i="1"/>
  <c r="U64809" i="1"/>
  <c r="U64808" i="1"/>
  <c r="U64807" i="1"/>
  <c r="U64806" i="1"/>
  <c r="U64805" i="1"/>
  <c r="U64804" i="1"/>
  <c r="U64803" i="1"/>
  <c r="U64802" i="1"/>
  <c r="U64801" i="1"/>
  <c r="U64800" i="1"/>
  <c r="U64799" i="1"/>
  <c r="U64798" i="1"/>
  <c r="U64797" i="1"/>
  <c r="U64796" i="1"/>
  <c r="U64795" i="1"/>
  <c r="U64794" i="1"/>
  <c r="U64793" i="1"/>
  <c r="U64792" i="1"/>
  <c r="U64791" i="1"/>
  <c r="U64790" i="1"/>
  <c r="U64789" i="1"/>
  <c r="U64788" i="1"/>
  <c r="U64787" i="1"/>
  <c r="U64786" i="1"/>
  <c r="U64785" i="1"/>
  <c r="U64784" i="1"/>
  <c r="U64783" i="1"/>
  <c r="U64782" i="1"/>
  <c r="U64781" i="1"/>
  <c r="U64780" i="1"/>
  <c r="U64779" i="1"/>
  <c r="U64778" i="1"/>
  <c r="U64777" i="1"/>
  <c r="U64776" i="1"/>
  <c r="U64775" i="1"/>
  <c r="U64774" i="1"/>
  <c r="U64773" i="1"/>
  <c r="U64772" i="1"/>
  <c r="U64771" i="1"/>
  <c r="U64770" i="1"/>
  <c r="U64769" i="1"/>
  <c r="U64768" i="1"/>
  <c r="U64767" i="1"/>
  <c r="U64766" i="1"/>
  <c r="U64765" i="1"/>
  <c r="U64764" i="1"/>
  <c r="U64763" i="1"/>
  <c r="U64762" i="1"/>
  <c r="U64761" i="1"/>
  <c r="U64760" i="1"/>
  <c r="U64759" i="1"/>
  <c r="U64758" i="1"/>
  <c r="U64757" i="1"/>
  <c r="U64756" i="1"/>
  <c r="U64755" i="1"/>
  <c r="U64754" i="1"/>
  <c r="U64753" i="1"/>
  <c r="U64752" i="1"/>
  <c r="U64751" i="1"/>
  <c r="U64750" i="1"/>
  <c r="U64749" i="1"/>
  <c r="U64748" i="1"/>
  <c r="U64747" i="1"/>
  <c r="U64746" i="1"/>
  <c r="U64745" i="1"/>
  <c r="U64744" i="1"/>
  <c r="U64743" i="1"/>
  <c r="U64742" i="1"/>
  <c r="U64741" i="1"/>
  <c r="U64740" i="1"/>
  <c r="U64739" i="1"/>
  <c r="U64738" i="1"/>
  <c r="U64737" i="1"/>
  <c r="U64736" i="1"/>
  <c r="U64735" i="1"/>
  <c r="U64734" i="1"/>
  <c r="U64733" i="1"/>
  <c r="U64732" i="1"/>
  <c r="U64731" i="1"/>
  <c r="U64730" i="1"/>
  <c r="U64729" i="1"/>
  <c r="U64728" i="1"/>
  <c r="U64727" i="1"/>
  <c r="U64726" i="1"/>
  <c r="U64725" i="1"/>
  <c r="U64724" i="1"/>
  <c r="U64723" i="1"/>
  <c r="U64722" i="1"/>
  <c r="U64721" i="1"/>
  <c r="U64720" i="1"/>
  <c r="U64719" i="1"/>
  <c r="U64718" i="1"/>
  <c r="U64717" i="1"/>
  <c r="U64716" i="1"/>
  <c r="U64715" i="1"/>
  <c r="U64714" i="1"/>
  <c r="U64713" i="1"/>
  <c r="U64712" i="1"/>
  <c r="U64711" i="1"/>
  <c r="U64710" i="1"/>
  <c r="U64709" i="1"/>
  <c r="U64708" i="1"/>
  <c r="U64707" i="1"/>
  <c r="U64706" i="1"/>
  <c r="U64705" i="1"/>
  <c r="U64704" i="1"/>
  <c r="U64703" i="1"/>
  <c r="U64702" i="1"/>
  <c r="U64701" i="1"/>
  <c r="U64700" i="1"/>
  <c r="U64699" i="1"/>
  <c r="U64698" i="1"/>
  <c r="U64697" i="1"/>
  <c r="U64696" i="1"/>
  <c r="U64695" i="1"/>
  <c r="U64694" i="1"/>
  <c r="U64693" i="1"/>
  <c r="U64692" i="1"/>
  <c r="U64691" i="1"/>
  <c r="U64690" i="1"/>
  <c r="U64689" i="1"/>
  <c r="U64688" i="1"/>
  <c r="U64687" i="1"/>
  <c r="U64686" i="1"/>
  <c r="U64685" i="1"/>
  <c r="U64684" i="1"/>
  <c r="U64683" i="1"/>
  <c r="U64682" i="1"/>
  <c r="U64681" i="1"/>
  <c r="U64680" i="1"/>
  <c r="U64679" i="1"/>
  <c r="U64678" i="1"/>
  <c r="U64677" i="1"/>
  <c r="U64676" i="1"/>
  <c r="U64675" i="1"/>
  <c r="U64674" i="1"/>
  <c r="U64673" i="1"/>
  <c r="U64672" i="1"/>
  <c r="U64671" i="1"/>
  <c r="U64670" i="1"/>
  <c r="U64669" i="1"/>
  <c r="U64668" i="1"/>
  <c r="U64667" i="1"/>
  <c r="U64666" i="1"/>
  <c r="U64665" i="1"/>
  <c r="U64664" i="1"/>
  <c r="U64663" i="1"/>
  <c r="U64662" i="1"/>
  <c r="U64661" i="1"/>
  <c r="U64660" i="1"/>
  <c r="U64659" i="1"/>
  <c r="U64658" i="1"/>
  <c r="U64657" i="1"/>
  <c r="U64656" i="1"/>
  <c r="U64655" i="1"/>
  <c r="U64654" i="1"/>
  <c r="U64653" i="1"/>
  <c r="U64652" i="1"/>
  <c r="U64651" i="1"/>
  <c r="U64650" i="1"/>
  <c r="U64649" i="1"/>
  <c r="U64648" i="1"/>
  <c r="U64647" i="1"/>
  <c r="U64646" i="1"/>
  <c r="U64645" i="1"/>
  <c r="U64644" i="1"/>
  <c r="U64643" i="1"/>
  <c r="U64642" i="1"/>
  <c r="U64641" i="1"/>
  <c r="U64640" i="1"/>
  <c r="U64639" i="1"/>
  <c r="U64638" i="1"/>
  <c r="U64637" i="1"/>
  <c r="U64636" i="1"/>
  <c r="U64635" i="1"/>
  <c r="U64634" i="1"/>
  <c r="U64633" i="1"/>
  <c r="U64632" i="1"/>
  <c r="U64631" i="1"/>
  <c r="U64630" i="1"/>
  <c r="U64629" i="1"/>
  <c r="U64628" i="1"/>
  <c r="U64627" i="1"/>
  <c r="U64626" i="1"/>
  <c r="U64625" i="1"/>
  <c r="U64624" i="1"/>
  <c r="U64623" i="1"/>
  <c r="U64622" i="1"/>
  <c r="U64621" i="1"/>
  <c r="U64620" i="1"/>
  <c r="U64619" i="1"/>
  <c r="U64618" i="1"/>
  <c r="U64617" i="1"/>
  <c r="U64616" i="1"/>
  <c r="U64615" i="1"/>
  <c r="U64614" i="1"/>
  <c r="U64613" i="1"/>
  <c r="U64612" i="1"/>
  <c r="U64611" i="1"/>
  <c r="U64610" i="1"/>
  <c r="U64609" i="1"/>
  <c r="U64608" i="1"/>
  <c r="U64607" i="1"/>
  <c r="U64606" i="1"/>
  <c r="U64605" i="1"/>
  <c r="U64604" i="1"/>
  <c r="U64603" i="1"/>
  <c r="U64602" i="1"/>
  <c r="U64601" i="1"/>
  <c r="U64600" i="1"/>
  <c r="U64599" i="1"/>
  <c r="U64598" i="1"/>
  <c r="U64597" i="1"/>
  <c r="U64596" i="1"/>
  <c r="U64595" i="1"/>
  <c r="U64594" i="1"/>
  <c r="U64593" i="1"/>
  <c r="U64592" i="1"/>
  <c r="U64591" i="1"/>
  <c r="U64590" i="1"/>
  <c r="U64589" i="1"/>
  <c r="U64588" i="1"/>
  <c r="U64587" i="1"/>
  <c r="U64586" i="1"/>
  <c r="U64585" i="1"/>
  <c r="U64584" i="1"/>
  <c r="U64583" i="1"/>
  <c r="U64582" i="1"/>
  <c r="U64581" i="1"/>
  <c r="U64580" i="1"/>
  <c r="U64579" i="1"/>
  <c r="U64578" i="1"/>
  <c r="U64577" i="1"/>
  <c r="U64576" i="1"/>
  <c r="U64575" i="1"/>
  <c r="U64574" i="1"/>
  <c r="U64573" i="1"/>
  <c r="U64572" i="1"/>
  <c r="U64571" i="1"/>
  <c r="U64570" i="1"/>
  <c r="U64569" i="1"/>
  <c r="U64568" i="1"/>
  <c r="U64567" i="1"/>
  <c r="U64566" i="1"/>
  <c r="U64565" i="1"/>
  <c r="U64564" i="1"/>
  <c r="U64563" i="1"/>
  <c r="U64562" i="1"/>
  <c r="U64561" i="1"/>
  <c r="U64560" i="1"/>
  <c r="U64559" i="1"/>
  <c r="U64558" i="1"/>
  <c r="U64557" i="1"/>
  <c r="U64556" i="1"/>
  <c r="U64555" i="1"/>
  <c r="U64554" i="1"/>
  <c r="U64553" i="1"/>
  <c r="U64552" i="1"/>
  <c r="U64551" i="1"/>
  <c r="U64550" i="1"/>
  <c r="U64549" i="1"/>
  <c r="U64548" i="1"/>
  <c r="U64547" i="1"/>
  <c r="U64546" i="1"/>
  <c r="U64545" i="1"/>
  <c r="U64544" i="1"/>
  <c r="U64543" i="1"/>
  <c r="U64542" i="1"/>
  <c r="U64541" i="1"/>
  <c r="U64540" i="1"/>
  <c r="U64539" i="1"/>
  <c r="U64538" i="1"/>
  <c r="U64537" i="1"/>
  <c r="U64536" i="1"/>
  <c r="U64535" i="1"/>
  <c r="U64534" i="1"/>
  <c r="U64533" i="1"/>
  <c r="U64532" i="1"/>
  <c r="U64531" i="1"/>
  <c r="U64530" i="1"/>
  <c r="U64529" i="1"/>
  <c r="U64528" i="1"/>
  <c r="U64527" i="1"/>
  <c r="U64526" i="1"/>
  <c r="U64525" i="1"/>
  <c r="U64524" i="1"/>
  <c r="U64523" i="1"/>
  <c r="U64522" i="1"/>
  <c r="U64521" i="1"/>
  <c r="U64520" i="1"/>
  <c r="U64519" i="1"/>
  <c r="U64518" i="1"/>
  <c r="U64517" i="1"/>
  <c r="U64516" i="1"/>
  <c r="U64515" i="1"/>
  <c r="U64514" i="1"/>
  <c r="U64513" i="1"/>
  <c r="U64512" i="1"/>
  <c r="U64511" i="1"/>
  <c r="U64510" i="1"/>
  <c r="U64509" i="1"/>
  <c r="U64508" i="1"/>
  <c r="U64507" i="1"/>
  <c r="U64506" i="1"/>
  <c r="U64505" i="1"/>
  <c r="U64504" i="1"/>
  <c r="U64503" i="1"/>
  <c r="U64502" i="1"/>
  <c r="U64501" i="1"/>
  <c r="U64500" i="1"/>
  <c r="U64499" i="1"/>
  <c r="U64498" i="1"/>
  <c r="U64497" i="1"/>
  <c r="U64496" i="1"/>
  <c r="U64495" i="1"/>
  <c r="U64494" i="1"/>
  <c r="U64493" i="1"/>
  <c r="U64492" i="1"/>
  <c r="U64491" i="1"/>
  <c r="U64490" i="1"/>
  <c r="U64489" i="1"/>
  <c r="U64488" i="1"/>
  <c r="U64487" i="1"/>
  <c r="U64486" i="1"/>
  <c r="U64485" i="1"/>
  <c r="U64484" i="1"/>
  <c r="U64483" i="1"/>
  <c r="U64482" i="1"/>
  <c r="U64481" i="1"/>
  <c r="U64480" i="1"/>
  <c r="U64479" i="1"/>
  <c r="U64478" i="1"/>
  <c r="U64477" i="1"/>
  <c r="U64476" i="1"/>
  <c r="U64475" i="1"/>
  <c r="U64474" i="1"/>
  <c r="U64473" i="1"/>
  <c r="U64472" i="1"/>
  <c r="U64471" i="1"/>
  <c r="U64470" i="1"/>
  <c r="U64469" i="1"/>
  <c r="U64468" i="1"/>
  <c r="U64467" i="1"/>
  <c r="U64466" i="1"/>
  <c r="U64465" i="1"/>
  <c r="U64464" i="1"/>
  <c r="U64463" i="1"/>
  <c r="U64462" i="1"/>
  <c r="U64461" i="1"/>
  <c r="U64460" i="1"/>
  <c r="U64459" i="1"/>
  <c r="U64458" i="1"/>
  <c r="U64457" i="1"/>
  <c r="U64456" i="1"/>
  <c r="U64455" i="1"/>
  <c r="U64454" i="1"/>
  <c r="U64453" i="1"/>
  <c r="U64452" i="1"/>
  <c r="U64451" i="1"/>
  <c r="U64450" i="1"/>
  <c r="U64449" i="1"/>
  <c r="U64448" i="1"/>
  <c r="U64447" i="1"/>
  <c r="U64446" i="1"/>
  <c r="U64445" i="1"/>
  <c r="U64444" i="1"/>
  <c r="U64443" i="1"/>
  <c r="U64442" i="1"/>
  <c r="U64441" i="1"/>
  <c r="U64440" i="1"/>
  <c r="U64439" i="1"/>
  <c r="U64438" i="1"/>
  <c r="U64437" i="1"/>
  <c r="U64436" i="1"/>
  <c r="U64435" i="1"/>
  <c r="U64434" i="1"/>
  <c r="U64433" i="1"/>
  <c r="U64432" i="1"/>
  <c r="U64431" i="1"/>
  <c r="U64430" i="1"/>
  <c r="U64429" i="1"/>
  <c r="U64428" i="1"/>
  <c r="U64427" i="1"/>
  <c r="U64426" i="1"/>
  <c r="U64425" i="1"/>
  <c r="U64424" i="1"/>
  <c r="U64423" i="1"/>
  <c r="U64422" i="1"/>
  <c r="U64421" i="1"/>
  <c r="U64420" i="1"/>
  <c r="U64419" i="1"/>
  <c r="U64418" i="1"/>
  <c r="U64417" i="1"/>
  <c r="U64416" i="1"/>
  <c r="U64415" i="1"/>
  <c r="U64414" i="1"/>
  <c r="U64413" i="1"/>
  <c r="U64412" i="1"/>
  <c r="U64411" i="1"/>
  <c r="U64410" i="1"/>
  <c r="U64409" i="1"/>
  <c r="U64408" i="1"/>
  <c r="U64407" i="1"/>
  <c r="U64406" i="1"/>
  <c r="U64405" i="1"/>
  <c r="U64404" i="1"/>
  <c r="U64403" i="1"/>
  <c r="U64402" i="1"/>
  <c r="U64401" i="1"/>
  <c r="U64400" i="1"/>
  <c r="U64399" i="1"/>
  <c r="U64398" i="1"/>
  <c r="U64397" i="1"/>
  <c r="U64396" i="1"/>
  <c r="U64395" i="1"/>
  <c r="U64394" i="1"/>
  <c r="U64393" i="1"/>
  <c r="U64392" i="1"/>
  <c r="U64391" i="1"/>
  <c r="U64390" i="1"/>
  <c r="U64389" i="1"/>
  <c r="U64388" i="1"/>
  <c r="U64387" i="1"/>
  <c r="U64386" i="1"/>
  <c r="U64385" i="1"/>
  <c r="U64384" i="1"/>
  <c r="U64383" i="1"/>
  <c r="U64382" i="1"/>
  <c r="U64381" i="1"/>
  <c r="U64380" i="1"/>
  <c r="U64379" i="1"/>
  <c r="U64378" i="1"/>
  <c r="U64377" i="1"/>
  <c r="U64376" i="1"/>
  <c r="U64375" i="1"/>
  <c r="U64374" i="1"/>
  <c r="U64373" i="1"/>
  <c r="U64372" i="1"/>
  <c r="U64371" i="1"/>
  <c r="U64370" i="1"/>
  <c r="U64369" i="1"/>
  <c r="U64368" i="1"/>
  <c r="U64367" i="1"/>
  <c r="U64366" i="1"/>
  <c r="U64365" i="1"/>
  <c r="U64364" i="1"/>
  <c r="U64363" i="1"/>
  <c r="U64362" i="1"/>
  <c r="U64361" i="1"/>
  <c r="U64360" i="1"/>
  <c r="U64359" i="1"/>
  <c r="U64358" i="1"/>
  <c r="U64357" i="1"/>
  <c r="U64356" i="1"/>
  <c r="U64355" i="1"/>
  <c r="U64354" i="1"/>
  <c r="U64353" i="1"/>
  <c r="U64352" i="1"/>
  <c r="U64351" i="1"/>
  <c r="U64350" i="1"/>
  <c r="U64349" i="1"/>
  <c r="U64348" i="1"/>
  <c r="U64347" i="1"/>
  <c r="U64346" i="1"/>
  <c r="U64345" i="1"/>
  <c r="U64344" i="1"/>
  <c r="U64343" i="1"/>
  <c r="U64342" i="1"/>
  <c r="U64341" i="1"/>
  <c r="U64340" i="1"/>
  <c r="U64339" i="1"/>
  <c r="U64338" i="1"/>
  <c r="U64337" i="1"/>
  <c r="U64336" i="1"/>
  <c r="U64335" i="1"/>
  <c r="U64334" i="1"/>
  <c r="U64333" i="1"/>
  <c r="U64332" i="1"/>
  <c r="U64331" i="1"/>
  <c r="U64330" i="1"/>
  <c r="U64329" i="1"/>
  <c r="U64328" i="1"/>
  <c r="U64327" i="1"/>
  <c r="U64326" i="1"/>
  <c r="U64325" i="1"/>
  <c r="U64324" i="1"/>
  <c r="U64323" i="1"/>
  <c r="U64322" i="1"/>
  <c r="U64321" i="1"/>
  <c r="U64320" i="1"/>
  <c r="U64319" i="1"/>
  <c r="U64318" i="1"/>
  <c r="U64317" i="1"/>
  <c r="U64316" i="1"/>
  <c r="U64315" i="1"/>
  <c r="U64314" i="1"/>
  <c r="U64313" i="1"/>
  <c r="U64312" i="1"/>
  <c r="U64311" i="1"/>
  <c r="U64310" i="1"/>
  <c r="U64309" i="1"/>
  <c r="U64308" i="1"/>
  <c r="U64307" i="1"/>
  <c r="U64306" i="1"/>
  <c r="U64305" i="1"/>
  <c r="U64304" i="1"/>
  <c r="U64303" i="1"/>
  <c r="U64302" i="1"/>
  <c r="U64301" i="1"/>
  <c r="U64300" i="1"/>
  <c r="U64299" i="1"/>
  <c r="U64298" i="1"/>
  <c r="U64297" i="1"/>
  <c r="U64296" i="1"/>
  <c r="U64295" i="1"/>
  <c r="U64294" i="1"/>
  <c r="U64293" i="1"/>
  <c r="U64292" i="1"/>
  <c r="U64291" i="1"/>
  <c r="U64290" i="1"/>
  <c r="U64289" i="1"/>
  <c r="U64288" i="1"/>
  <c r="U64287" i="1"/>
  <c r="U64286" i="1"/>
  <c r="U64285" i="1"/>
  <c r="U64284" i="1"/>
  <c r="U64283" i="1"/>
  <c r="U64282" i="1"/>
  <c r="U64281" i="1"/>
  <c r="U64280" i="1"/>
  <c r="U64279" i="1"/>
  <c r="U64278" i="1"/>
  <c r="U64277" i="1"/>
  <c r="U64276" i="1"/>
  <c r="U64275" i="1"/>
  <c r="U64274" i="1"/>
  <c r="U64273" i="1"/>
  <c r="U64272" i="1"/>
  <c r="U64271" i="1"/>
  <c r="U64270" i="1"/>
  <c r="U64269" i="1"/>
  <c r="U64268" i="1"/>
  <c r="U64267" i="1"/>
  <c r="U64266" i="1"/>
  <c r="U64265" i="1"/>
  <c r="U64264" i="1"/>
  <c r="U64263" i="1"/>
  <c r="U64262" i="1"/>
  <c r="U64261" i="1"/>
  <c r="U64260" i="1"/>
  <c r="U64259" i="1"/>
  <c r="U64258" i="1"/>
  <c r="U64257" i="1"/>
  <c r="U64256" i="1"/>
  <c r="U64255" i="1"/>
  <c r="U64254" i="1"/>
  <c r="U64253" i="1"/>
  <c r="U64252" i="1"/>
  <c r="U64251" i="1"/>
  <c r="U64250" i="1"/>
  <c r="U64249" i="1"/>
  <c r="U64248" i="1"/>
  <c r="U64247" i="1"/>
  <c r="U64246" i="1"/>
  <c r="U64245" i="1"/>
  <c r="U64244" i="1"/>
  <c r="U64243" i="1"/>
  <c r="U64242" i="1"/>
  <c r="U64241" i="1"/>
  <c r="U64240" i="1"/>
  <c r="U64239" i="1"/>
  <c r="U64238" i="1"/>
  <c r="U64237" i="1"/>
  <c r="U64236" i="1"/>
  <c r="U64235" i="1"/>
  <c r="U64234" i="1"/>
  <c r="U64233" i="1"/>
  <c r="U64232" i="1"/>
  <c r="U64231" i="1"/>
  <c r="U64230" i="1"/>
  <c r="U64229" i="1"/>
  <c r="U64228" i="1"/>
  <c r="U64227" i="1"/>
  <c r="U64226" i="1"/>
  <c r="U64225" i="1"/>
  <c r="U64224" i="1"/>
  <c r="U64223" i="1"/>
  <c r="U64222" i="1"/>
  <c r="U64221" i="1"/>
  <c r="U64220" i="1"/>
  <c r="U64219" i="1"/>
  <c r="U64218" i="1"/>
  <c r="U64217" i="1"/>
  <c r="U64216" i="1"/>
  <c r="U64215" i="1"/>
  <c r="U64214" i="1"/>
  <c r="U64213" i="1"/>
  <c r="U64212" i="1"/>
  <c r="U64211" i="1"/>
  <c r="U64210" i="1"/>
  <c r="U64209" i="1"/>
  <c r="U64208" i="1"/>
  <c r="U64207" i="1"/>
  <c r="U64206" i="1"/>
  <c r="U64205" i="1"/>
  <c r="U64204" i="1"/>
  <c r="U64203" i="1"/>
  <c r="U64202" i="1"/>
  <c r="U64201" i="1"/>
  <c r="U64200" i="1"/>
  <c r="U64199" i="1"/>
  <c r="U64198" i="1"/>
  <c r="U64197" i="1"/>
  <c r="U64196" i="1"/>
  <c r="U64195" i="1"/>
  <c r="U64194" i="1"/>
  <c r="U64193" i="1"/>
  <c r="U64192" i="1"/>
  <c r="U64191" i="1"/>
  <c r="U64190" i="1"/>
  <c r="U64189" i="1"/>
  <c r="U64188" i="1"/>
  <c r="U64187" i="1"/>
  <c r="U64186" i="1"/>
  <c r="U64185" i="1"/>
  <c r="U64184" i="1"/>
  <c r="U64183" i="1"/>
  <c r="U64182" i="1"/>
  <c r="U64181" i="1"/>
  <c r="U64180" i="1"/>
  <c r="U64179" i="1"/>
  <c r="U64178" i="1"/>
  <c r="U64177" i="1"/>
  <c r="U64176" i="1"/>
  <c r="U64175" i="1"/>
  <c r="U64174" i="1"/>
  <c r="U64173" i="1"/>
  <c r="U64172" i="1"/>
  <c r="U64171" i="1"/>
  <c r="U64170" i="1"/>
  <c r="U64169" i="1"/>
  <c r="U64168" i="1"/>
  <c r="U64167" i="1"/>
  <c r="U64166" i="1"/>
  <c r="U64165" i="1"/>
  <c r="U64164" i="1"/>
  <c r="U64163" i="1"/>
  <c r="U64162" i="1"/>
  <c r="U64161" i="1"/>
  <c r="U64160" i="1"/>
  <c r="U64159" i="1"/>
  <c r="U64158" i="1"/>
  <c r="U64157" i="1"/>
  <c r="U64156" i="1"/>
  <c r="U64155" i="1"/>
  <c r="U64154" i="1"/>
  <c r="U64153" i="1"/>
  <c r="U64152" i="1"/>
  <c r="U64151" i="1"/>
  <c r="U64150" i="1"/>
  <c r="U64149" i="1"/>
  <c r="U64148" i="1"/>
  <c r="U64147" i="1"/>
  <c r="U64146" i="1"/>
  <c r="U64145" i="1"/>
  <c r="U64144" i="1"/>
  <c r="U64143" i="1"/>
  <c r="U64142" i="1"/>
  <c r="U64141" i="1"/>
  <c r="U64140" i="1"/>
  <c r="U64139" i="1"/>
  <c r="U64138" i="1"/>
  <c r="U64137" i="1"/>
  <c r="U64136" i="1"/>
  <c r="U64135" i="1"/>
  <c r="U64134" i="1"/>
  <c r="U64133" i="1"/>
  <c r="U64132" i="1"/>
  <c r="U64131" i="1"/>
  <c r="U64130" i="1"/>
  <c r="U64129" i="1"/>
  <c r="U64128" i="1"/>
  <c r="U64127" i="1"/>
  <c r="U64126" i="1"/>
  <c r="U64125" i="1"/>
  <c r="U64124" i="1"/>
  <c r="U64123" i="1"/>
  <c r="U64122" i="1"/>
  <c r="U64121" i="1"/>
  <c r="U64120" i="1"/>
  <c r="U64119" i="1"/>
  <c r="U64118" i="1"/>
  <c r="U64117" i="1"/>
  <c r="U64116" i="1"/>
  <c r="U64115" i="1"/>
  <c r="U64114" i="1"/>
  <c r="U64113" i="1"/>
  <c r="U64112" i="1"/>
  <c r="U64111" i="1"/>
  <c r="U64110" i="1"/>
  <c r="U64109" i="1"/>
  <c r="U64108" i="1"/>
  <c r="U64107" i="1"/>
  <c r="U64106" i="1"/>
  <c r="U64105" i="1"/>
  <c r="U64104" i="1"/>
  <c r="U64103" i="1"/>
  <c r="U64102" i="1"/>
  <c r="U64101" i="1"/>
  <c r="U64100" i="1"/>
  <c r="U64099" i="1"/>
  <c r="U64098" i="1"/>
  <c r="U64097" i="1"/>
  <c r="U64096" i="1"/>
  <c r="U64095" i="1"/>
  <c r="U64094" i="1"/>
  <c r="U64093" i="1"/>
  <c r="U64092" i="1"/>
  <c r="U64091" i="1"/>
  <c r="U64090" i="1"/>
  <c r="U64089" i="1"/>
  <c r="U64088" i="1"/>
  <c r="U64087" i="1"/>
  <c r="U64086" i="1"/>
  <c r="U64085" i="1"/>
  <c r="U64084" i="1"/>
  <c r="U64083" i="1"/>
  <c r="U64082" i="1"/>
  <c r="U64081" i="1"/>
  <c r="U64080" i="1"/>
  <c r="U64079" i="1"/>
  <c r="U64078" i="1"/>
  <c r="U64077" i="1"/>
  <c r="U64076" i="1"/>
  <c r="U64075" i="1"/>
  <c r="U64074" i="1"/>
  <c r="U64073" i="1"/>
  <c r="U64072" i="1"/>
  <c r="U64071" i="1"/>
  <c r="U64070" i="1"/>
  <c r="U64069" i="1"/>
  <c r="U64068" i="1"/>
  <c r="U64067" i="1"/>
  <c r="U64066" i="1"/>
  <c r="U64065" i="1"/>
  <c r="U64064" i="1"/>
  <c r="U64063" i="1"/>
  <c r="U64062" i="1"/>
  <c r="U64061" i="1"/>
  <c r="U64060" i="1"/>
  <c r="U64059" i="1"/>
  <c r="U64058" i="1"/>
  <c r="U64057" i="1"/>
  <c r="U64056" i="1"/>
  <c r="U64055" i="1"/>
  <c r="U64054" i="1"/>
  <c r="U64053" i="1"/>
  <c r="U64052" i="1"/>
  <c r="U64051" i="1"/>
  <c r="U64050" i="1"/>
  <c r="U64049" i="1"/>
  <c r="U64048" i="1"/>
  <c r="U64047" i="1"/>
  <c r="U64046" i="1"/>
  <c r="U64045" i="1"/>
  <c r="U64044" i="1"/>
  <c r="U64043" i="1"/>
  <c r="U64042" i="1"/>
  <c r="U64041" i="1"/>
  <c r="U64040" i="1"/>
  <c r="U64039" i="1"/>
  <c r="U64038" i="1"/>
  <c r="U64037" i="1"/>
  <c r="U64036" i="1"/>
  <c r="U64035" i="1"/>
  <c r="U64034" i="1"/>
  <c r="U64033" i="1"/>
  <c r="U64032" i="1"/>
  <c r="U64031" i="1"/>
  <c r="U64030" i="1"/>
  <c r="U64029" i="1"/>
  <c r="U64028" i="1"/>
  <c r="U64027" i="1"/>
  <c r="U64026" i="1"/>
  <c r="U64025" i="1"/>
  <c r="U64024" i="1"/>
  <c r="U64023" i="1"/>
  <c r="U64022" i="1"/>
  <c r="U64021" i="1"/>
  <c r="U64020" i="1"/>
  <c r="U64019" i="1"/>
  <c r="U64018" i="1"/>
  <c r="U64017" i="1"/>
  <c r="U64016" i="1"/>
  <c r="U64015" i="1"/>
  <c r="U64014" i="1"/>
  <c r="U64013" i="1"/>
  <c r="U64012" i="1"/>
  <c r="U64011" i="1"/>
  <c r="U64010" i="1"/>
  <c r="U64009" i="1"/>
  <c r="U64008" i="1"/>
  <c r="U64007" i="1"/>
  <c r="U64006" i="1"/>
  <c r="U64005" i="1"/>
  <c r="U64004" i="1"/>
  <c r="U64003" i="1"/>
  <c r="U64002" i="1"/>
  <c r="U64001" i="1"/>
  <c r="U64000" i="1"/>
  <c r="U63999" i="1"/>
  <c r="U63998" i="1"/>
  <c r="U63997" i="1"/>
  <c r="U63996" i="1"/>
  <c r="U63995" i="1"/>
  <c r="U63994" i="1"/>
  <c r="U63993" i="1"/>
  <c r="U63992" i="1"/>
  <c r="U63991" i="1"/>
  <c r="U63990" i="1"/>
  <c r="U63989" i="1"/>
  <c r="U63988" i="1"/>
  <c r="U63987" i="1"/>
  <c r="U63986" i="1"/>
  <c r="U63985" i="1"/>
  <c r="U63984" i="1"/>
  <c r="U63983" i="1"/>
  <c r="U63982" i="1"/>
  <c r="U63981" i="1"/>
  <c r="U63980" i="1"/>
  <c r="U63979" i="1"/>
  <c r="U63978" i="1"/>
  <c r="U63977" i="1"/>
  <c r="U63976" i="1"/>
  <c r="U63975" i="1"/>
  <c r="U63974" i="1"/>
  <c r="U63973" i="1"/>
  <c r="U63972" i="1"/>
  <c r="U63971" i="1"/>
  <c r="U63970" i="1"/>
  <c r="U63969" i="1"/>
  <c r="U63968" i="1"/>
  <c r="U63967" i="1"/>
  <c r="U63966" i="1"/>
  <c r="U63965" i="1"/>
  <c r="U63964" i="1"/>
  <c r="U63963" i="1"/>
  <c r="U63962" i="1"/>
  <c r="U63961" i="1"/>
  <c r="U63960" i="1"/>
  <c r="U63959" i="1"/>
  <c r="U63958" i="1"/>
  <c r="U63957" i="1"/>
  <c r="U63956" i="1"/>
  <c r="U63955" i="1"/>
  <c r="U63954" i="1"/>
  <c r="U63953" i="1"/>
  <c r="U63952" i="1"/>
  <c r="U63951" i="1"/>
  <c r="U63950" i="1"/>
  <c r="U63949" i="1"/>
  <c r="U63948" i="1"/>
  <c r="U63947" i="1"/>
  <c r="U63946" i="1"/>
  <c r="U63945" i="1"/>
  <c r="U63944" i="1"/>
  <c r="U63943" i="1"/>
  <c r="U63942" i="1"/>
  <c r="U63941" i="1"/>
  <c r="U63940" i="1"/>
  <c r="U63939" i="1"/>
  <c r="U63938" i="1"/>
  <c r="U63937" i="1"/>
  <c r="U63936" i="1"/>
  <c r="U63935" i="1"/>
  <c r="U63934" i="1"/>
  <c r="U63933" i="1"/>
  <c r="U63932" i="1"/>
  <c r="U63931" i="1"/>
  <c r="U63930" i="1"/>
  <c r="U63929" i="1"/>
  <c r="U63928" i="1"/>
  <c r="U63927" i="1"/>
  <c r="U63926" i="1"/>
  <c r="U63925" i="1"/>
  <c r="U63924" i="1"/>
  <c r="U63923" i="1"/>
  <c r="U63922" i="1"/>
  <c r="U63921" i="1"/>
  <c r="U63920" i="1"/>
  <c r="U63919" i="1"/>
  <c r="U63918" i="1"/>
  <c r="U63917" i="1"/>
  <c r="U63916" i="1"/>
  <c r="U63915" i="1"/>
  <c r="U63914" i="1"/>
  <c r="U63913" i="1"/>
  <c r="U63912" i="1"/>
  <c r="U63911" i="1"/>
  <c r="U63910" i="1"/>
  <c r="U63909" i="1"/>
  <c r="U63908" i="1"/>
  <c r="U63907" i="1"/>
  <c r="U63906" i="1"/>
  <c r="U63905" i="1"/>
  <c r="U63904" i="1"/>
  <c r="U63903" i="1"/>
  <c r="U63902" i="1"/>
  <c r="U63901" i="1"/>
  <c r="U63900" i="1"/>
  <c r="U63899" i="1"/>
  <c r="U63898" i="1"/>
  <c r="U63897" i="1"/>
  <c r="U63896" i="1"/>
  <c r="U63895" i="1"/>
  <c r="U63894" i="1"/>
  <c r="U63893" i="1"/>
  <c r="U63892" i="1"/>
  <c r="U63891" i="1"/>
  <c r="U63890" i="1"/>
  <c r="U63889" i="1"/>
  <c r="U63888" i="1"/>
  <c r="U63887" i="1"/>
  <c r="U63886" i="1"/>
  <c r="U63885" i="1"/>
  <c r="U63884" i="1"/>
  <c r="U63883" i="1"/>
  <c r="U63882" i="1"/>
  <c r="U63881" i="1"/>
  <c r="U63880" i="1"/>
  <c r="U63879" i="1"/>
  <c r="U63878" i="1"/>
  <c r="U63877" i="1"/>
  <c r="U63876" i="1"/>
  <c r="U63875" i="1"/>
  <c r="U63874" i="1"/>
  <c r="U63873" i="1"/>
  <c r="U63872" i="1"/>
  <c r="U63871" i="1"/>
  <c r="U63870" i="1"/>
  <c r="U63869" i="1"/>
  <c r="U63868" i="1"/>
  <c r="U63867" i="1"/>
  <c r="U63866" i="1"/>
  <c r="U63865" i="1"/>
  <c r="U63864" i="1"/>
  <c r="U63863" i="1"/>
  <c r="U63862" i="1"/>
  <c r="U63861" i="1"/>
  <c r="U63860" i="1"/>
  <c r="U63859" i="1"/>
  <c r="U63858" i="1"/>
  <c r="U63857" i="1"/>
  <c r="U63856" i="1"/>
  <c r="U63855" i="1"/>
  <c r="U63854" i="1"/>
  <c r="U63853" i="1"/>
  <c r="U63852" i="1"/>
  <c r="U63851" i="1"/>
  <c r="U63850" i="1"/>
  <c r="U63849" i="1"/>
  <c r="U63848" i="1"/>
  <c r="U63847" i="1"/>
  <c r="U63846" i="1"/>
  <c r="U63845" i="1"/>
  <c r="U63844" i="1"/>
  <c r="U63843" i="1"/>
  <c r="U63842" i="1"/>
  <c r="U63841" i="1"/>
  <c r="U63840" i="1"/>
  <c r="U63839" i="1"/>
  <c r="U63838" i="1"/>
  <c r="U63837" i="1"/>
  <c r="U63836" i="1"/>
  <c r="U63835" i="1"/>
  <c r="U63834" i="1"/>
  <c r="U63833" i="1"/>
  <c r="U63832" i="1"/>
  <c r="U63831" i="1"/>
  <c r="U63830" i="1"/>
  <c r="U63829" i="1"/>
  <c r="U63828" i="1"/>
  <c r="U63827" i="1"/>
  <c r="U63826" i="1"/>
  <c r="U63825" i="1"/>
  <c r="U63824" i="1"/>
  <c r="U63823" i="1"/>
  <c r="U63822" i="1"/>
  <c r="U63821" i="1"/>
  <c r="U63820" i="1"/>
  <c r="U63819" i="1"/>
  <c r="U63818" i="1"/>
  <c r="U63817" i="1"/>
  <c r="U63816" i="1"/>
  <c r="U63815" i="1"/>
  <c r="U63814" i="1"/>
  <c r="U63813" i="1"/>
  <c r="U63812" i="1"/>
  <c r="U63811" i="1"/>
  <c r="U63810" i="1"/>
  <c r="U63809" i="1"/>
  <c r="U63808" i="1"/>
  <c r="U63807" i="1"/>
  <c r="U63806" i="1"/>
  <c r="U63805" i="1"/>
  <c r="U63804" i="1"/>
  <c r="U63803" i="1"/>
  <c r="U63802" i="1"/>
  <c r="U63801" i="1"/>
  <c r="U63800" i="1"/>
  <c r="U63799" i="1"/>
  <c r="U63798" i="1"/>
  <c r="U63797" i="1"/>
  <c r="U63796" i="1"/>
  <c r="U63795" i="1"/>
  <c r="U63794" i="1"/>
  <c r="U63793" i="1"/>
  <c r="U63792" i="1"/>
  <c r="U63791" i="1"/>
  <c r="U63790" i="1"/>
  <c r="U63789" i="1"/>
  <c r="U63788" i="1"/>
  <c r="U63787" i="1"/>
  <c r="U63786" i="1"/>
  <c r="U63785" i="1"/>
  <c r="U63784" i="1"/>
  <c r="U63783" i="1"/>
  <c r="U63782" i="1"/>
  <c r="U63781" i="1"/>
  <c r="U63780" i="1"/>
  <c r="U63779" i="1"/>
  <c r="U63778" i="1"/>
  <c r="U63777" i="1"/>
  <c r="U63776" i="1"/>
  <c r="U63775" i="1"/>
  <c r="U63774" i="1"/>
  <c r="U63773" i="1"/>
  <c r="U63772" i="1"/>
  <c r="U63771" i="1"/>
  <c r="U63770" i="1"/>
  <c r="U63769" i="1"/>
  <c r="U63768" i="1"/>
  <c r="U63767" i="1"/>
  <c r="U63766" i="1"/>
  <c r="U63765" i="1"/>
  <c r="U63764" i="1"/>
  <c r="U63763" i="1"/>
  <c r="U63762" i="1"/>
  <c r="U63761" i="1"/>
  <c r="U63760" i="1"/>
  <c r="U63759" i="1"/>
  <c r="U63758" i="1"/>
  <c r="U63757" i="1"/>
  <c r="U63756" i="1"/>
  <c r="U63755" i="1"/>
  <c r="U63754" i="1"/>
  <c r="U63753" i="1"/>
  <c r="U63752" i="1"/>
  <c r="U63751" i="1"/>
  <c r="U63750" i="1"/>
  <c r="U63749" i="1"/>
  <c r="U63748" i="1"/>
  <c r="U63747" i="1"/>
  <c r="U63746" i="1"/>
  <c r="U63745" i="1"/>
  <c r="U63744" i="1"/>
  <c r="U63743" i="1"/>
  <c r="U63742" i="1"/>
  <c r="U63741" i="1"/>
  <c r="U63740" i="1"/>
  <c r="U63739" i="1"/>
  <c r="U63738" i="1"/>
  <c r="U63737" i="1"/>
  <c r="U63736" i="1"/>
  <c r="U63735" i="1"/>
  <c r="U63734" i="1"/>
  <c r="U63733" i="1"/>
  <c r="U63732" i="1"/>
  <c r="U63731" i="1"/>
  <c r="U63730" i="1"/>
  <c r="U63729" i="1"/>
  <c r="U63728" i="1"/>
  <c r="U63727" i="1"/>
  <c r="U63726" i="1"/>
  <c r="U63725" i="1"/>
  <c r="U63724" i="1"/>
  <c r="U63723" i="1"/>
  <c r="U63722" i="1"/>
  <c r="U63721" i="1"/>
  <c r="U63720" i="1"/>
  <c r="U63719" i="1"/>
  <c r="U63718" i="1"/>
  <c r="U63717" i="1"/>
  <c r="U63716" i="1"/>
  <c r="U63715" i="1"/>
  <c r="U63714" i="1"/>
  <c r="U63713" i="1"/>
  <c r="U63712" i="1"/>
  <c r="U63711" i="1"/>
  <c r="U63710" i="1"/>
  <c r="U63709" i="1"/>
  <c r="U63708" i="1"/>
  <c r="U63707" i="1"/>
  <c r="U63706" i="1"/>
  <c r="U63705" i="1"/>
  <c r="U63704" i="1"/>
  <c r="U63703" i="1"/>
  <c r="U63702" i="1"/>
  <c r="U63701" i="1"/>
  <c r="U63700" i="1"/>
  <c r="U63699" i="1"/>
  <c r="U63698" i="1"/>
  <c r="U63697" i="1"/>
  <c r="U63696" i="1"/>
  <c r="U63695" i="1"/>
  <c r="U63694" i="1"/>
  <c r="U63693" i="1"/>
  <c r="U63692" i="1"/>
  <c r="U63691" i="1"/>
  <c r="U63690" i="1"/>
  <c r="U63689" i="1"/>
  <c r="U63688" i="1"/>
  <c r="U63687" i="1"/>
  <c r="U63686" i="1"/>
  <c r="U63685" i="1"/>
  <c r="U63684" i="1"/>
  <c r="U63683" i="1"/>
  <c r="U63682" i="1"/>
  <c r="U63681" i="1"/>
  <c r="U63680" i="1"/>
  <c r="U63679" i="1"/>
  <c r="U63678" i="1"/>
  <c r="U63677" i="1"/>
  <c r="U63676" i="1"/>
  <c r="U63675" i="1"/>
  <c r="U63674" i="1"/>
  <c r="U63673" i="1"/>
  <c r="U63672" i="1"/>
  <c r="U63671" i="1"/>
  <c r="U63670" i="1"/>
  <c r="U63669" i="1"/>
  <c r="U63668" i="1"/>
  <c r="U63667" i="1"/>
  <c r="U63666" i="1"/>
  <c r="U63665" i="1"/>
  <c r="U63664" i="1"/>
  <c r="U63663" i="1"/>
  <c r="U63662" i="1"/>
  <c r="U63661" i="1"/>
  <c r="U63660" i="1"/>
  <c r="U63659" i="1"/>
  <c r="U63658" i="1"/>
  <c r="U63657" i="1"/>
  <c r="U63656" i="1"/>
  <c r="U63655" i="1"/>
  <c r="U63654" i="1"/>
  <c r="U63653" i="1"/>
  <c r="U63652" i="1"/>
  <c r="U63651" i="1"/>
  <c r="U63650" i="1"/>
  <c r="U63649" i="1"/>
  <c r="U63648" i="1"/>
  <c r="U63647" i="1"/>
  <c r="U63646" i="1"/>
  <c r="U63645" i="1"/>
  <c r="U63644" i="1"/>
  <c r="U63643" i="1"/>
  <c r="U63642" i="1"/>
  <c r="U63641" i="1"/>
  <c r="U63640" i="1"/>
  <c r="U63639" i="1"/>
  <c r="U63638" i="1"/>
  <c r="U63637" i="1"/>
  <c r="U63636" i="1"/>
  <c r="U63635" i="1"/>
  <c r="U63634" i="1"/>
  <c r="U63633" i="1"/>
  <c r="U63632" i="1"/>
  <c r="U63631" i="1"/>
  <c r="U63630" i="1"/>
  <c r="U63629" i="1"/>
  <c r="U63628" i="1"/>
  <c r="U63627" i="1"/>
  <c r="U63626" i="1"/>
  <c r="U63625" i="1"/>
  <c r="U63624" i="1"/>
  <c r="U63623" i="1"/>
  <c r="U63622" i="1"/>
  <c r="U63621" i="1"/>
  <c r="U63620" i="1"/>
  <c r="U63619" i="1"/>
  <c r="U63618" i="1"/>
  <c r="U63617" i="1"/>
  <c r="U63616" i="1"/>
  <c r="U63615" i="1"/>
  <c r="U63614" i="1"/>
  <c r="U63613" i="1"/>
  <c r="U63612" i="1"/>
  <c r="U63611" i="1"/>
  <c r="U63610" i="1"/>
  <c r="U63609" i="1"/>
  <c r="U63608" i="1"/>
  <c r="U63607" i="1"/>
  <c r="U63606" i="1"/>
  <c r="U63605" i="1"/>
  <c r="U63604" i="1"/>
  <c r="U63603" i="1"/>
  <c r="U63602" i="1"/>
  <c r="U63601" i="1"/>
  <c r="U63600" i="1"/>
  <c r="U63599" i="1"/>
  <c r="U63598" i="1"/>
  <c r="U63597" i="1"/>
  <c r="U63596" i="1"/>
  <c r="U63595" i="1"/>
  <c r="U63594" i="1"/>
  <c r="U63593" i="1"/>
  <c r="U63592" i="1"/>
  <c r="U63591" i="1"/>
  <c r="U63590" i="1"/>
  <c r="U63589" i="1"/>
  <c r="U63588" i="1"/>
  <c r="U63587" i="1"/>
  <c r="U63586" i="1"/>
  <c r="U63585" i="1"/>
  <c r="U63584" i="1"/>
  <c r="U63583" i="1"/>
  <c r="U63582" i="1"/>
  <c r="U63581" i="1"/>
  <c r="U63580" i="1"/>
  <c r="U63579" i="1"/>
  <c r="U63578" i="1"/>
  <c r="U63577" i="1"/>
  <c r="U63576" i="1"/>
  <c r="U63575" i="1"/>
  <c r="U63574" i="1"/>
  <c r="U63573" i="1"/>
  <c r="U63572" i="1"/>
  <c r="U63571" i="1"/>
  <c r="U63570" i="1"/>
  <c r="U63569" i="1"/>
  <c r="U63568" i="1"/>
  <c r="U63567" i="1"/>
  <c r="U63566" i="1"/>
  <c r="U63565" i="1"/>
  <c r="U63564" i="1"/>
  <c r="U63563" i="1"/>
  <c r="U63562" i="1"/>
  <c r="U63561" i="1"/>
  <c r="U63560" i="1"/>
  <c r="U63559" i="1"/>
  <c r="U63558" i="1"/>
  <c r="U63557" i="1"/>
  <c r="U63556" i="1"/>
  <c r="U63555" i="1"/>
  <c r="U63554" i="1"/>
  <c r="U63553" i="1"/>
  <c r="U63552" i="1"/>
  <c r="U63551" i="1"/>
  <c r="U63550" i="1"/>
  <c r="U63549" i="1"/>
  <c r="U63548" i="1"/>
  <c r="U63547" i="1"/>
  <c r="U63546" i="1"/>
  <c r="U63545" i="1"/>
  <c r="U63544" i="1"/>
  <c r="U63543" i="1"/>
  <c r="U63542" i="1"/>
  <c r="U63541" i="1"/>
  <c r="U63540" i="1"/>
  <c r="U63539" i="1"/>
  <c r="U63538" i="1"/>
  <c r="U63537" i="1"/>
  <c r="U63536" i="1"/>
  <c r="U63535" i="1"/>
  <c r="U63534" i="1"/>
  <c r="U63533" i="1"/>
  <c r="U63532" i="1"/>
  <c r="U63531" i="1"/>
  <c r="U63530" i="1"/>
  <c r="U63529" i="1"/>
  <c r="U63528" i="1"/>
  <c r="U63527" i="1"/>
  <c r="U63526" i="1"/>
  <c r="U63525" i="1"/>
  <c r="U63524" i="1"/>
  <c r="U63523" i="1"/>
  <c r="U63522" i="1"/>
  <c r="U63521" i="1"/>
  <c r="U63520" i="1"/>
  <c r="U63519" i="1"/>
  <c r="U63518" i="1"/>
  <c r="U63517" i="1"/>
  <c r="U63516" i="1"/>
  <c r="U63515" i="1"/>
  <c r="U63514" i="1"/>
  <c r="U63513" i="1"/>
  <c r="U63512" i="1"/>
  <c r="U63511" i="1"/>
  <c r="U63510" i="1"/>
  <c r="U63509" i="1"/>
  <c r="U63508" i="1"/>
  <c r="U63507" i="1"/>
  <c r="U63506" i="1"/>
  <c r="U63505" i="1"/>
  <c r="U63504" i="1"/>
  <c r="U63503" i="1"/>
  <c r="U63502" i="1"/>
  <c r="U63501" i="1"/>
  <c r="U63500" i="1"/>
  <c r="U63499" i="1"/>
  <c r="U63498" i="1"/>
  <c r="U63497" i="1"/>
  <c r="U63496" i="1"/>
  <c r="U63495" i="1"/>
  <c r="U63494" i="1"/>
  <c r="U63493" i="1"/>
  <c r="U63492" i="1"/>
  <c r="U63491" i="1"/>
  <c r="U63490" i="1"/>
  <c r="U63489" i="1"/>
  <c r="U63488" i="1"/>
  <c r="U63487" i="1"/>
  <c r="U63486" i="1"/>
  <c r="U63485" i="1"/>
  <c r="U63484" i="1"/>
  <c r="U63483" i="1"/>
  <c r="U63482" i="1"/>
  <c r="U63481" i="1"/>
  <c r="U63480" i="1"/>
  <c r="U63479" i="1"/>
  <c r="U63478" i="1"/>
  <c r="U63477" i="1"/>
  <c r="U63476" i="1"/>
  <c r="U63475" i="1"/>
  <c r="U63474" i="1"/>
  <c r="U63473" i="1"/>
  <c r="U63472" i="1"/>
  <c r="U63471" i="1"/>
  <c r="U63470" i="1"/>
  <c r="U63469" i="1"/>
  <c r="U63468" i="1"/>
  <c r="U63467" i="1"/>
  <c r="U63466" i="1"/>
  <c r="U63465" i="1"/>
  <c r="U63464" i="1"/>
  <c r="U63463" i="1"/>
  <c r="U63462" i="1"/>
  <c r="U63461" i="1"/>
  <c r="U63460" i="1"/>
  <c r="U63459" i="1"/>
  <c r="U63458" i="1"/>
  <c r="U63457" i="1"/>
  <c r="U63456" i="1"/>
  <c r="U63455" i="1"/>
  <c r="U63454" i="1"/>
  <c r="U63453" i="1"/>
  <c r="U63452" i="1"/>
  <c r="U63451" i="1"/>
  <c r="U63450" i="1"/>
  <c r="U63449" i="1"/>
  <c r="U63448" i="1"/>
  <c r="U63447" i="1"/>
  <c r="U63446" i="1"/>
  <c r="U63445" i="1"/>
  <c r="U63444" i="1"/>
  <c r="U63443" i="1"/>
  <c r="U63442" i="1"/>
  <c r="U63441" i="1"/>
  <c r="U63440" i="1"/>
  <c r="U63439" i="1"/>
  <c r="U63438" i="1"/>
  <c r="U63437" i="1"/>
  <c r="U63436" i="1"/>
  <c r="U63435" i="1"/>
  <c r="U63434" i="1"/>
  <c r="U63433" i="1"/>
  <c r="U63432" i="1"/>
  <c r="U63431" i="1"/>
  <c r="U63430" i="1"/>
  <c r="U63429" i="1"/>
  <c r="U63428" i="1"/>
  <c r="U63427" i="1"/>
  <c r="U63426" i="1"/>
  <c r="U63425" i="1"/>
  <c r="U63424" i="1"/>
  <c r="U63423" i="1"/>
  <c r="U63422" i="1"/>
  <c r="U63421" i="1"/>
  <c r="U63420" i="1"/>
  <c r="U63419" i="1"/>
  <c r="U63418" i="1"/>
  <c r="U63417" i="1"/>
  <c r="U63416" i="1"/>
  <c r="U63415" i="1"/>
  <c r="U63414" i="1"/>
  <c r="U63413" i="1"/>
  <c r="U63412" i="1"/>
  <c r="U63411" i="1"/>
  <c r="U63410" i="1"/>
  <c r="U63409" i="1"/>
  <c r="U63408" i="1"/>
  <c r="U63407" i="1"/>
  <c r="U63406" i="1"/>
  <c r="U63405" i="1"/>
  <c r="U63404" i="1"/>
  <c r="U63403" i="1"/>
  <c r="U63402" i="1"/>
  <c r="U63401" i="1"/>
  <c r="U63400" i="1"/>
  <c r="U63399" i="1"/>
  <c r="U63398" i="1"/>
  <c r="U63397" i="1"/>
  <c r="U63396" i="1"/>
  <c r="U63395" i="1"/>
  <c r="U63394" i="1"/>
  <c r="U63393" i="1"/>
  <c r="U63392" i="1"/>
  <c r="U63391" i="1"/>
  <c r="U63390" i="1"/>
  <c r="U63389" i="1"/>
  <c r="U63388" i="1"/>
  <c r="U63387" i="1"/>
  <c r="U63386" i="1"/>
  <c r="U63385" i="1"/>
  <c r="U63384" i="1"/>
  <c r="U63383" i="1"/>
  <c r="U63382" i="1"/>
  <c r="U63381" i="1"/>
  <c r="U63380" i="1"/>
  <c r="U63379" i="1"/>
  <c r="U63378" i="1"/>
  <c r="U63377" i="1"/>
  <c r="U63376" i="1"/>
  <c r="U63375" i="1"/>
  <c r="U63374" i="1"/>
  <c r="U63373" i="1"/>
  <c r="U63372" i="1"/>
  <c r="U63371" i="1"/>
  <c r="U63370" i="1"/>
  <c r="U63369" i="1"/>
  <c r="U63368" i="1"/>
  <c r="U63367" i="1"/>
  <c r="U63366" i="1"/>
  <c r="U63365" i="1"/>
  <c r="U63364" i="1"/>
  <c r="U63363" i="1"/>
  <c r="U63362" i="1"/>
  <c r="U63361" i="1"/>
  <c r="U63360" i="1"/>
  <c r="U63359" i="1"/>
  <c r="U63358" i="1"/>
  <c r="U63357" i="1"/>
  <c r="U63356" i="1"/>
  <c r="U63355" i="1"/>
  <c r="U63354" i="1"/>
  <c r="U63353" i="1"/>
  <c r="U63352" i="1"/>
  <c r="U63351" i="1"/>
  <c r="U63350" i="1"/>
  <c r="U63349" i="1"/>
  <c r="U63348" i="1"/>
  <c r="U63347" i="1"/>
  <c r="U63346" i="1"/>
  <c r="U63345" i="1"/>
  <c r="U63344" i="1"/>
  <c r="U63343" i="1"/>
  <c r="U63342" i="1"/>
  <c r="U63341" i="1"/>
  <c r="U63340" i="1"/>
  <c r="U63339" i="1"/>
  <c r="U63338" i="1"/>
  <c r="U63337" i="1"/>
  <c r="U63336" i="1"/>
  <c r="U63335" i="1"/>
  <c r="U63334" i="1"/>
  <c r="U63333" i="1"/>
  <c r="U63332" i="1"/>
  <c r="U63331" i="1"/>
  <c r="U63330" i="1"/>
  <c r="U63329" i="1"/>
  <c r="U63328" i="1"/>
  <c r="U63327" i="1"/>
  <c r="U63326" i="1"/>
  <c r="U63325" i="1"/>
  <c r="U63324" i="1"/>
  <c r="U63323" i="1"/>
  <c r="U63322" i="1"/>
  <c r="U63321" i="1"/>
  <c r="U63320" i="1"/>
  <c r="U63319" i="1"/>
  <c r="U63318" i="1"/>
  <c r="U63317" i="1"/>
  <c r="U63316" i="1"/>
  <c r="U63315" i="1"/>
  <c r="U63314" i="1"/>
  <c r="U63313" i="1"/>
  <c r="U63312" i="1"/>
  <c r="U63311" i="1"/>
  <c r="U63310" i="1"/>
  <c r="U63309" i="1"/>
  <c r="U63308" i="1"/>
  <c r="U63307" i="1"/>
  <c r="U63306" i="1"/>
  <c r="U63305" i="1"/>
  <c r="U63304" i="1"/>
  <c r="U63303" i="1"/>
  <c r="U63302" i="1"/>
  <c r="U63301" i="1"/>
  <c r="U63300" i="1"/>
  <c r="U63299" i="1"/>
  <c r="U63298" i="1"/>
  <c r="U63297" i="1"/>
  <c r="U63296" i="1"/>
  <c r="U63295" i="1"/>
  <c r="U63294" i="1"/>
  <c r="U63293" i="1"/>
  <c r="U63292" i="1"/>
  <c r="U63291" i="1"/>
  <c r="U63290" i="1"/>
  <c r="U63289" i="1"/>
  <c r="U63288" i="1"/>
  <c r="U63287" i="1"/>
  <c r="U63286" i="1"/>
  <c r="U63285" i="1"/>
  <c r="U63284" i="1"/>
  <c r="U63283" i="1"/>
  <c r="U63282" i="1"/>
  <c r="U63281" i="1"/>
  <c r="U63280" i="1"/>
  <c r="U63279" i="1"/>
  <c r="U63278" i="1"/>
  <c r="U63277" i="1"/>
  <c r="U63276" i="1"/>
  <c r="U63275" i="1"/>
  <c r="U63274" i="1"/>
  <c r="U63273" i="1"/>
  <c r="U63272" i="1"/>
  <c r="U63271" i="1"/>
  <c r="U63270" i="1"/>
  <c r="U63269" i="1"/>
  <c r="U63268" i="1"/>
  <c r="U63267" i="1"/>
  <c r="U63266" i="1"/>
  <c r="U63265" i="1"/>
  <c r="U63264" i="1"/>
  <c r="U63263" i="1"/>
  <c r="U63262" i="1"/>
  <c r="U63261" i="1"/>
  <c r="U63260" i="1"/>
  <c r="U63259" i="1"/>
  <c r="U63258" i="1"/>
  <c r="U63257" i="1"/>
  <c r="U63256" i="1"/>
  <c r="U63255" i="1"/>
  <c r="U63254" i="1"/>
  <c r="U63253" i="1"/>
  <c r="U63252" i="1"/>
  <c r="U63251" i="1"/>
  <c r="U63250" i="1"/>
  <c r="U63249" i="1"/>
  <c r="U63248" i="1"/>
  <c r="U63247" i="1"/>
  <c r="U63246" i="1"/>
  <c r="U63245" i="1"/>
  <c r="U63244" i="1"/>
  <c r="U63243" i="1"/>
  <c r="U63242" i="1"/>
  <c r="U63241" i="1"/>
  <c r="U63240" i="1"/>
  <c r="U63239" i="1"/>
  <c r="U63238" i="1"/>
  <c r="U63237" i="1"/>
  <c r="U63236" i="1"/>
  <c r="U63235" i="1"/>
  <c r="U63234" i="1"/>
  <c r="U63233" i="1"/>
  <c r="U63232" i="1"/>
  <c r="U63231" i="1"/>
  <c r="U63230" i="1"/>
  <c r="U63229" i="1"/>
  <c r="U63228" i="1"/>
  <c r="U63227" i="1"/>
  <c r="U63226" i="1"/>
  <c r="U63225" i="1"/>
  <c r="U63224" i="1"/>
  <c r="U63223" i="1"/>
  <c r="U63222" i="1"/>
  <c r="U63221" i="1"/>
  <c r="U63220" i="1"/>
  <c r="U63219" i="1"/>
  <c r="U63218" i="1"/>
  <c r="U63217" i="1"/>
  <c r="U63216" i="1"/>
  <c r="U63215" i="1"/>
  <c r="U63214" i="1"/>
  <c r="U63213" i="1"/>
  <c r="U63212" i="1"/>
  <c r="U63211" i="1"/>
  <c r="U63210" i="1"/>
  <c r="U63209" i="1"/>
  <c r="U63208" i="1"/>
  <c r="U63207" i="1"/>
  <c r="U63206" i="1"/>
  <c r="U63205" i="1"/>
  <c r="U63204" i="1"/>
  <c r="U63203" i="1"/>
  <c r="U63202" i="1"/>
  <c r="U63201" i="1"/>
  <c r="U63200" i="1"/>
  <c r="U63199" i="1"/>
  <c r="U63198" i="1"/>
  <c r="U63197" i="1"/>
  <c r="U63196" i="1"/>
  <c r="U63195" i="1"/>
  <c r="U63194" i="1"/>
  <c r="U63193" i="1"/>
  <c r="U63192" i="1"/>
  <c r="U63191" i="1"/>
  <c r="U63190" i="1"/>
  <c r="U63189" i="1"/>
  <c r="U63188" i="1"/>
  <c r="U63187" i="1"/>
  <c r="U63186" i="1"/>
  <c r="U63185" i="1"/>
  <c r="U63184" i="1"/>
  <c r="U63183" i="1"/>
  <c r="U63182" i="1"/>
  <c r="U63181" i="1"/>
  <c r="U63180" i="1"/>
  <c r="U63179" i="1"/>
  <c r="U63178" i="1"/>
  <c r="U63177" i="1"/>
  <c r="U63176" i="1"/>
  <c r="U63175" i="1"/>
  <c r="U63174" i="1"/>
  <c r="U63173" i="1"/>
  <c r="U63172" i="1"/>
  <c r="U63171" i="1"/>
  <c r="U63170" i="1"/>
  <c r="U63169" i="1"/>
  <c r="U63168" i="1"/>
  <c r="U63167" i="1"/>
  <c r="U63166" i="1"/>
  <c r="U63165" i="1"/>
  <c r="U63164" i="1"/>
  <c r="U63163" i="1"/>
  <c r="U63162" i="1"/>
  <c r="U63161" i="1"/>
  <c r="U63160" i="1"/>
  <c r="U63159" i="1"/>
  <c r="U63158" i="1"/>
  <c r="U63157" i="1"/>
  <c r="U63156" i="1"/>
  <c r="U63155" i="1"/>
  <c r="U63154" i="1"/>
  <c r="U63153" i="1"/>
  <c r="U63152" i="1"/>
  <c r="U63151" i="1"/>
  <c r="U63150" i="1"/>
  <c r="U63149" i="1"/>
  <c r="U63148" i="1"/>
  <c r="U63147" i="1"/>
  <c r="U63146" i="1"/>
  <c r="U63145" i="1"/>
  <c r="U63144" i="1"/>
  <c r="U63143" i="1"/>
  <c r="U63142" i="1"/>
  <c r="U63141" i="1"/>
  <c r="U63140" i="1"/>
  <c r="U63139" i="1"/>
  <c r="U63138" i="1"/>
  <c r="U63137" i="1"/>
  <c r="U63136" i="1"/>
  <c r="U63135" i="1"/>
  <c r="U63134" i="1"/>
  <c r="U63133" i="1"/>
  <c r="U63132" i="1"/>
  <c r="U63131" i="1"/>
  <c r="U63130" i="1"/>
  <c r="U63129" i="1"/>
  <c r="U63128" i="1"/>
  <c r="U63127" i="1"/>
  <c r="U63126" i="1"/>
  <c r="U63125" i="1"/>
  <c r="U63124" i="1"/>
  <c r="U63123" i="1"/>
  <c r="U63122" i="1"/>
  <c r="U63121" i="1"/>
  <c r="U63120" i="1"/>
  <c r="U63119" i="1"/>
  <c r="U63118" i="1"/>
  <c r="U63117" i="1"/>
  <c r="U63116" i="1"/>
  <c r="U63115" i="1"/>
  <c r="U63114" i="1"/>
  <c r="U63113" i="1"/>
  <c r="U63112" i="1"/>
  <c r="U63111" i="1"/>
  <c r="U63110" i="1"/>
  <c r="U63109" i="1"/>
  <c r="U63108" i="1"/>
  <c r="U63107" i="1"/>
  <c r="U63106" i="1"/>
  <c r="U63105" i="1"/>
  <c r="U63104" i="1"/>
  <c r="U63103" i="1"/>
  <c r="U63102" i="1"/>
  <c r="U63101" i="1"/>
  <c r="U63100" i="1"/>
  <c r="U63099" i="1"/>
  <c r="U63098" i="1"/>
  <c r="U63097" i="1"/>
  <c r="U63096" i="1"/>
  <c r="U63095" i="1"/>
  <c r="U63094" i="1"/>
  <c r="U63093" i="1"/>
  <c r="U63092" i="1"/>
  <c r="U63091" i="1"/>
  <c r="U63090" i="1"/>
  <c r="U63089" i="1"/>
  <c r="U63088" i="1"/>
  <c r="U63087" i="1"/>
  <c r="U63086" i="1"/>
  <c r="U63085" i="1"/>
  <c r="U63084" i="1"/>
  <c r="U63083" i="1"/>
  <c r="U63082" i="1"/>
  <c r="U63081" i="1"/>
  <c r="U63080" i="1"/>
  <c r="U63079" i="1"/>
  <c r="U63078" i="1"/>
  <c r="U63077" i="1"/>
  <c r="U63076" i="1"/>
  <c r="U63075" i="1"/>
  <c r="U63074" i="1"/>
  <c r="U63073" i="1"/>
  <c r="U63072" i="1"/>
  <c r="U63071" i="1"/>
  <c r="U63070" i="1"/>
  <c r="U63069" i="1"/>
  <c r="U63068" i="1"/>
  <c r="U63067" i="1"/>
  <c r="U63066" i="1"/>
  <c r="U63065" i="1"/>
  <c r="U63064" i="1"/>
  <c r="U63063" i="1"/>
  <c r="U63062" i="1"/>
  <c r="U63061" i="1"/>
  <c r="U63060" i="1"/>
  <c r="U63059" i="1"/>
  <c r="U63058" i="1"/>
  <c r="U63057" i="1"/>
  <c r="U63056" i="1"/>
  <c r="U63055" i="1"/>
  <c r="U63054" i="1"/>
  <c r="U63053" i="1"/>
  <c r="U63052" i="1"/>
  <c r="U63051" i="1"/>
  <c r="U63050" i="1"/>
  <c r="U63049" i="1"/>
  <c r="U63048" i="1"/>
  <c r="U63047" i="1"/>
  <c r="U63046" i="1"/>
  <c r="U63045" i="1"/>
  <c r="U63044" i="1"/>
  <c r="U63043" i="1"/>
  <c r="U63042" i="1"/>
  <c r="U63041" i="1"/>
  <c r="U63040" i="1"/>
  <c r="U63039" i="1"/>
  <c r="U63038" i="1"/>
  <c r="U63037" i="1"/>
  <c r="U63036" i="1"/>
  <c r="U63035" i="1"/>
  <c r="U63034" i="1"/>
  <c r="U63033" i="1"/>
  <c r="U63032" i="1"/>
  <c r="U63031" i="1"/>
  <c r="U63030" i="1"/>
  <c r="U63029" i="1"/>
  <c r="U63028" i="1"/>
  <c r="U63027" i="1"/>
  <c r="U63026" i="1"/>
  <c r="U63025" i="1"/>
  <c r="U63024" i="1"/>
  <c r="U63023" i="1"/>
  <c r="U63022" i="1"/>
  <c r="U63021" i="1"/>
  <c r="U63020" i="1"/>
  <c r="U63019" i="1"/>
  <c r="U63018" i="1"/>
  <c r="U63017" i="1"/>
  <c r="U63016" i="1"/>
  <c r="U63015" i="1"/>
  <c r="U63014" i="1"/>
  <c r="U63013" i="1"/>
  <c r="U63012" i="1"/>
  <c r="U63011" i="1"/>
  <c r="U63010" i="1"/>
  <c r="U63009" i="1"/>
  <c r="U63008" i="1"/>
  <c r="U63007" i="1"/>
  <c r="U63006" i="1"/>
  <c r="U63005" i="1"/>
  <c r="U63004" i="1"/>
  <c r="U63003" i="1"/>
  <c r="U63002" i="1"/>
  <c r="U63001" i="1"/>
  <c r="U63000" i="1"/>
  <c r="U62999" i="1"/>
  <c r="U62998" i="1"/>
  <c r="U62997" i="1"/>
  <c r="U62996" i="1"/>
  <c r="U62995" i="1"/>
  <c r="U62994" i="1"/>
  <c r="U62993" i="1"/>
  <c r="U62992" i="1"/>
  <c r="U62991" i="1"/>
  <c r="U62990" i="1"/>
  <c r="U62989" i="1"/>
  <c r="U62988" i="1"/>
  <c r="U62987" i="1"/>
  <c r="U62986" i="1"/>
  <c r="U62985" i="1"/>
  <c r="U62984" i="1"/>
  <c r="U62983" i="1"/>
  <c r="U62982" i="1"/>
  <c r="U62981" i="1"/>
  <c r="U62980" i="1"/>
  <c r="U62979" i="1"/>
  <c r="U62978" i="1"/>
  <c r="U62977" i="1"/>
  <c r="U62976" i="1"/>
  <c r="U62975" i="1"/>
  <c r="U62974" i="1"/>
  <c r="U62973" i="1"/>
  <c r="U62972" i="1"/>
  <c r="U62971" i="1"/>
  <c r="U62970" i="1"/>
  <c r="U62969" i="1"/>
  <c r="U62968" i="1"/>
  <c r="U62967" i="1"/>
  <c r="U62966" i="1"/>
  <c r="U62965" i="1"/>
  <c r="U62964" i="1"/>
  <c r="U62963" i="1"/>
  <c r="U62962" i="1"/>
  <c r="U62961" i="1"/>
  <c r="U62960" i="1"/>
  <c r="U62959" i="1"/>
  <c r="U62958" i="1"/>
  <c r="U62957" i="1"/>
  <c r="U62956" i="1"/>
  <c r="U62955" i="1"/>
  <c r="U62954" i="1"/>
  <c r="U62953" i="1"/>
  <c r="U62952" i="1"/>
  <c r="U62951" i="1"/>
  <c r="U62950" i="1"/>
  <c r="U62949" i="1"/>
  <c r="U62948" i="1"/>
  <c r="U62947" i="1"/>
  <c r="U62946" i="1"/>
  <c r="U62945" i="1"/>
  <c r="U62944" i="1"/>
  <c r="U62943" i="1"/>
  <c r="U62942" i="1"/>
  <c r="U62941" i="1"/>
  <c r="U62940" i="1"/>
  <c r="U62939" i="1"/>
  <c r="U62938" i="1"/>
  <c r="U62937" i="1"/>
  <c r="U62936" i="1"/>
  <c r="U62935" i="1"/>
  <c r="U62934" i="1"/>
  <c r="U62933" i="1"/>
  <c r="U62932" i="1"/>
  <c r="U62931" i="1"/>
  <c r="U62930" i="1"/>
  <c r="U62929" i="1"/>
  <c r="U62928" i="1"/>
  <c r="U62927" i="1"/>
  <c r="U62926" i="1"/>
  <c r="U62925" i="1"/>
  <c r="U62924" i="1"/>
  <c r="U62923" i="1"/>
  <c r="U62922" i="1"/>
  <c r="U62921" i="1"/>
  <c r="U62920" i="1"/>
  <c r="U62919" i="1"/>
  <c r="U62918" i="1"/>
  <c r="U62917" i="1"/>
  <c r="U62916" i="1"/>
  <c r="U62915" i="1"/>
  <c r="U62914" i="1"/>
  <c r="U62913" i="1"/>
  <c r="U62912" i="1"/>
  <c r="U62911" i="1"/>
  <c r="U62910" i="1"/>
  <c r="U62909" i="1"/>
  <c r="U62908" i="1"/>
  <c r="U62907" i="1"/>
  <c r="U62906" i="1"/>
  <c r="U62905" i="1"/>
  <c r="U62904" i="1"/>
  <c r="U62903" i="1"/>
  <c r="U62902" i="1"/>
  <c r="U62901" i="1"/>
  <c r="U62900" i="1"/>
  <c r="U62899" i="1"/>
  <c r="U62898" i="1"/>
  <c r="U62897" i="1"/>
  <c r="U62896" i="1"/>
  <c r="U62895" i="1"/>
  <c r="U62894" i="1"/>
  <c r="U62893" i="1"/>
  <c r="U62892" i="1"/>
  <c r="U62891" i="1"/>
  <c r="U62890" i="1"/>
  <c r="U62889" i="1"/>
  <c r="U62888" i="1"/>
  <c r="U62887" i="1"/>
  <c r="U62886" i="1"/>
  <c r="U62885" i="1"/>
  <c r="U62884" i="1"/>
  <c r="U62883" i="1"/>
  <c r="U62882" i="1"/>
  <c r="U62881" i="1"/>
  <c r="U62880" i="1"/>
  <c r="U62879" i="1"/>
  <c r="U62878" i="1"/>
  <c r="U62877" i="1"/>
  <c r="U62876" i="1"/>
  <c r="U62875" i="1"/>
  <c r="U62874" i="1"/>
  <c r="U62873" i="1"/>
  <c r="U62872" i="1"/>
  <c r="U62871" i="1"/>
  <c r="U62870" i="1"/>
  <c r="U62869" i="1"/>
  <c r="U62868" i="1"/>
  <c r="U62867" i="1"/>
  <c r="U62866" i="1"/>
  <c r="U62865" i="1"/>
  <c r="U62864" i="1"/>
  <c r="U62863" i="1"/>
  <c r="U62862" i="1"/>
  <c r="U62861" i="1"/>
  <c r="U62860" i="1"/>
  <c r="U62859" i="1"/>
  <c r="U62858" i="1"/>
  <c r="U62857" i="1"/>
  <c r="U62856" i="1"/>
  <c r="U62855" i="1"/>
  <c r="U62854" i="1"/>
  <c r="U62853" i="1"/>
  <c r="U62852" i="1"/>
  <c r="U62851" i="1"/>
  <c r="U62850" i="1"/>
  <c r="U62849" i="1"/>
  <c r="U62848" i="1"/>
  <c r="U62847" i="1"/>
  <c r="U62846" i="1"/>
  <c r="U62845" i="1"/>
  <c r="U62844" i="1"/>
  <c r="U62843" i="1"/>
  <c r="U62842" i="1"/>
  <c r="U62841" i="1"/>
  <c r="U62840" i="1"/>
  <c r="U62839" i="1"/>
  <c r="U62838" i="1"/>
  <c r="U62837" i="1"/>
  <c r="U62836" i="1"/>
  <c r="U62835" i="1"/>
  <c r="U62834" i="1"/>
  <c r="U62833" i="1"/>
  <c r="U62832" i="1"/>
  <c r="U62831" i="1"/>
  <c r="U62830" i="1"/>
  <c r="U62829" i="1"/>
  <c r="U62828" i="1"/>
  <c r="U62827" i="1"/>
  <c r="U62826" i="1"/>
  <c r="U62825" i="1"/>
  <c r="U62824" i="1"/>
  <c r="U62823" i="1"/>
  <c r="U62822" i="1"/>
  <c r="U62821" i="1"/>
  <c r="U62820" i="1"/>
  <c r="U62819" i="1"/>
  <c r="U62818" i="1"/>
  <c r="U62817" i="1"/>
  <c r="U62816" i="1"/>
  <c r="U62815" i="1"/>
  <c r="U62814" i="1"/>
  <c r="U62813" i="1"/>
  <c r="U62812" i="1"/>
  <c r="U62811" i="1"/>
  <c r="U62810" i="1"/>
  <c r="U62809" i="1"/>
  <c r="U62808" i="1"/>
  <c r="U62807" i="1"/>
  <c r="U62806" i="1"/>
  <c r="U62805" i="1"/>
  <c r="U62804" i="1"/>
  <c r="U62803" i="1"/>
  <c r="U62802" i="1"/>
  <c r="U62801" i="1"/>
  <c r="U62800" i="1"/>
  <c r="U62799" i="1"/>
  <c r="U62798" i="1"/>
  <c r="U62797" i="1"/>
  <c r="U62796" i="1"/>
  <c r="U62795" i="1"/>
  <c r="U62794" i="1"/>
  <c r="U62793" i="1"/>
  <c r="U62792" i="1"/>
  <c r="U62791" i="1"/>
  <c r="U62790" i="1"/>
  <c r="U62789" i="1"/>
  <c r="U62788" i="1"/>
  <c r="U62787" i="1"/>
  <c r="U62786" i="1"/>
  <c r="U62785" i="1"/>
  <c r="U62784" i="1"/>
  <c r="U62783" i="1"/>
  <c r="U62782" i="1"/>
  <c r="U62781" i="1"/>
  <c r="U62780" i="1"/>
  <c r="U62779" i="1"/>
  <c r="U62778" i="1"/>
  <c r="U62777" i="1"/>
  <c r="U62776" i="1"/>
  <c r="U62775" i="1"/>
  <c r="U62774" i="1"/>
  <c r="U62773" i="1"/>
  <c r="U62772" i="1"/>
  <c r="U62771" i="1"/>
  <c r="U62770" i="1"/>
  <c r="U62769" i="1"/>
  <c r="U62768" i="1"/>
  <c r="U62767" i="1"/>
  <c r="U62766" i="1"/>
  <c r="U62765" i="1"/>
  <c r="U62764" i="1"/>
  <c r="U62763" i="1"/>
  <c r="U62762" i="1"/>
  <c r="U62761" i="1"/>
  <c r="U62760" i="1"/>
  <c r="U62759" i="1"/>
  <c r="U62758" i="1"/>
  <c r="U62757" i="1"/>
  <c r="U62756" i="1"/>
  <c r="U62755" i="1"/>
  <c r="U62754" i="1"/>
  <c r="U62753" i="1"/>
  <c r="U62752" i="1"/>
  <c r="U62751" i="1"/>
  <c r="U62750" i="1"/>
  <c r="U62749" i="1"/>
  <c r="U62748" i="1"/>
  <c r="U62747" i="1"/>
  <c r="U62746" i="1"/>
  <c r="U62745" i="1"/>
  <c r="U62744" i="1"/>
  <c r="U62743" i="1"/>
  <c r="U62742" i="1"/>
  <c r="U62741" i="1"/>
  <c r="U62740" i="1"/>
  <c r="U62739" i="1"/>
  <c r="U62738" i="1"/>
  <c r="U62737" i="1"/>
  <c r="U62736" i="1"/>
  <c r="U62735" i="1"/>
  <c r="U62734" i="1"/>
  <c r="U62733" i="1"/>
  <c r="U62732" i="1"/>
  <c r="U62731" i="1"/>
  <c r="U62730" i="1"/>
  <c r="U62729" i="1"/>
  <c r="U62728" i="1"/>
  <c r="U62727" i="1"/>
  <c r="U62726" i="1"/>
  <c r="U62725" i="1"/>
  <c r="U62724" i="1"/>
  <c r="U62723" i="1"/>
  <c r="U62722" i="1"/>
  <c r="U62721" i="1"/>
  <c r="U62720" i="1"/>
  <c r="U62719" i="1"/>
  <c r="U62718" i="1"/>
  <c r="U62717" i="1"/>
  <c r="U62716" i="1"/>
  <c r="U62715" i="1"/>
  <c r="U62714" i="1"/>
  <c r="U62713" i="1"/>
  <c r="U62712" i="1"/>
  <c r="U62711" i="1"/>
  <c r="U62710" i="1"/>
  <c r="U62709" i="1"/>
  <c r="U62708" i="1"/>
  <c r="U62707" i="1"/>
  <c r="U62706" i="1"/>
  <c r="U62705" i="1"/>
  <c r="U62704" i="1"/>
  <c r="U62703" i="1"/>
  <c r="U62702" i="1"/>
  <c r="U62701" i="1"/>
  <c r="U62700" i="1"/>
  <c r="U62699" i="1"/>
  <c r="U62698" i="1"/>
  <c r="U62697" i="1"/>
  <c r="U62696" i="1"/>
  <c r="U62695" i="1"/>
  <c r="U62694" i="1"/>
  <c r="U62693" i="1"/>
  <c r="U62692" i="1"/>
  <c r="U62691" i="1"/>
  <c r="U62690" i="1"/>
  <c r="U62689" i="1"/>
  <c r="U62688" i="1"/>
  <c r="U62687" i="1"/>
  <c r="U62686" i="1"/>
  <c r="U62685" i="1"/>
  <c r="U62684" i="1"/>
  <c r="U62683" i="1"/>
  <c r="U62682" i="1"/>
  <c r="U62681" i="1"/>
  <c r="U62680" i="1"/>
  <c r="U62679" i="1"/>
  <c r="U62678" i="1"/>
  <c r="U62677" i="1"/>
  <c r="U62676" i="1"/>
  <c r="U62675" i="1"/>
  <c r="U62674" i="1"/>
  <c r="U62673" i="1"/>
  <c r="U62672" i="1"/>
  <c r="U62671" i="1"/>
  <c r="U62670" i="1"/>
  <c r="U62669" i="1"/>
  <c r="U62668" i="1"/>
  <c r="U62667" i="1"/>
  <c r="U62666" i="1"/>
  <c r="U62665" i="1"/>
  <c r="U62664" i="1"/>
  <c r="U62663" i="1"/>
  <c r="U62662" i="1"/>
  <c r="U62661" i="1"/>
  <c r="U62660" i="1"/>
  <c r="U62659" i="1"/>
  <c r="U62658" i="1"/>
  <c r="U62657" i="1"/>
  <c r="U62656" i="1"/>
  <c r="U62655" i="1"/>
  <c r="U62654" i="1"/>
  <c r="U62653" i="1"/>
  <c r="U62652" i="1"/>
  <c r="U62651" i="1"/>
  <c r="U62650" i="1"/>
  <c r="U62649" i="1"/>
  <c r="U62648" i="1"/>
  <c r="U62647" i="1"/>
  <c r="U62646" i="1"/>
  <c r="U62645" i="1"/>
  <c r="U62644" i="1"/>
  <c r="U62643" i="1"/>
  <c r="U62642" i="1"/>
  <c r="U62641" i="1"/>
  <c r="U62640" i="1"/>
  <c r="U62639" i="1"/>
  <c r="U62638" i="1"/>
  <c r="U62637" i="1"/>
  <c r="U62636" i="1"/>
  <c r="U62635" i="1"/>
  <c r="U62634" i="1"/>
  <c r="U62633" i="1"/>
  <c r="U62632" i="1"/>
  <c r="U62631" i="1"/>
  <c r="U62630" i="1"/>
  <c r="U62629" i="1"/>
  <c r="U62628" i="1"/>
  <c r="U62627" i="1"/>
  <c r="U62626" i="1"/>
  <c r="U62625" i="1"/>
  <c r="U62624" i="1"/>
  <c r="U62623" i="1"/>
  <c r="U62622" i="1"/>
  <c r="U62621" i="1"/>
  <c r="U62620" i="1"/>
  <c r="U62619" i="1"/>
  <c r="U62618" i="1"/>
  <c r="U62617" i="1"/>
  <c r="U62616" i="1"/>
  <c r="U62615" i="1"/>
  <c r="U62614" i="1"/>
  <c r="U62613" i="1"/>
  <c r="U62612" i="1"/>
  <c r="U62611" i="1"/>
  <c r="U62610" i="1"/>
  <c r="U62609" i="1"/>
  <c r="U62608" i="1"/>
  <c r="U62607" i="1"/>
  <c r="U62606" i="1"/>
  <c r="U62605" i="1"/>
  <c r="U62604" i="1"/>
  <c r="U62603" i="1"/>
  <c r="U62602" i="1"/>
  <c r="U62601" i="1"/>
  <c r="U62600" i="1"/>
  <c r="U62599" i="1"/>
  <c r="U62598" i="1"/>
  <c r="U62597" i="1"/>
  <c r="U62596" i="1"/>
  <c r="U62595" i="1"/>
  <c r="U62594" i="1"/>
  <c r="U62593" i="1"/>
  <c r="U62592" i="1"/>
  <c r="U62591" i="1"/>
  <c r="U62590" i="1"/>
  <c r="U62589" i="1"/>
  <c r="U62588" i="1"/>
  <c r="U62587" i="1"/>
  <c r="U62586" i="1"/>
  <c r="U62585" i="1"/>
  <c r="U62584" i="1"/>
  <c r="U62583" i="1"/>
  <c r="U62582" i="1"/>
  <c r="U62581" i="1"/>
  <c r="U62580" i="1"/>
  <c r="U62579" i="1"/>
  <c r="U62578" i="1"/>
  <c r="U62577" i="1"/>
  <c r="U62576" i="1"/>
  <c r="U62575" i="1"/>
  <c r="U62574" i="1"/>
  <c r="U62573" i="1"/>
  <c r="U62572" i="1"/>
  <c r="U62571" i="1"/>
  <c r="U62570" i="1"/>
  <c r="U62569" i="1"/>
  <c r="U62568" i="1"/>
  <c r="U62567" i="1"/>
  <c r="U62566" i="1"/>
  <c r="U62565" i="1"/>
  <c r="U62564" i="1"/>
  <c r="U62563" i="1"/>
  <c r="U62562" i="1"/>
  <c r="U62561" i="1"/>
  <c r="U62560" i="1"/>
  <c r="U62559" i="1"/>
  <c r="U62558" i="1"/>
  <c r="U62557" i="1"/>
  <c r="U62556" i="1"/>
  <c r="U62555" i="1"/>
  <c r="U62554" i="1"/>
  <c r="U62553" i="1"/>
  <c r="U62552" i="1"/>
  <c r="U62551" i="1"/>
  <c r="U62550" i="1"/>
  <c r="U62549" i="1"/>
  <c r="U62548" i="1"/>
  <c r="U62547" i="1"/>
  <c r="U62546" i="1"/>
  <c r="U62545" i="1"/>
  <c r="U62544" i="1"/>
  <c r="U62543" i="1"/>
  <c r="U62542" i="1"/>
  <c r="U62541" i="1"/>
  <c r="U62540" i="1"/>
  <c r="U62539" i="1"/>
  <c r="U62538" i="1"/>
  <c r="U62537" i="1"/>
  <c r="U62536" i="1"/>
  <c r="U62535" i="1"/>
  <c r="U62534" i="1"/>
  <c r="U62533" i="1"/>
  <c r="U62532" i="1"/>
  <c r="U62531" i="1"/>
  <c r="U62530" i="1"/>
  <c r="U62529" i="1"/>
  <c r="U62528" i="1"/>
  <c r="U62527" i="1"/>
  <c r="U62526" i="1"/>
  <c r="U62525" i="1"/>
  <c r="U62524" i="1"/>
  <c r="U62523" i="1"/>
  <c r="U62522" i="1"/>
  <c r="U62521" i="1"/>
  <c r="U62520" i="1"/>
  <c r="U62519" i="1"/>
  <c r="U62518" i="1"/>
  <c r="U62517" i="1"/>
  <c r="U62516" i="1"/>
  <c r="U62515" i="1"/>
  <c r="U62514" i="1"/>
  <c r="U62513" i="1"/>
  <c r="U62512" i="1"/>
  <c r="U62511" i="1"/>
  <c r="U62510" i="1"/>
  <c r="U62509" i="1"/>
  <c r="U62508" i="1"/>
  <c r="U62507" i="1"/>
  <c r="U62506" i="1"/>
  <c r="U62505" i="1"/>
  <c r="U62504" i="1"/>
  <c r="U62503" i="1"/>
  <c r="U62502" i="1"/>
  <c r="U62501" i="1"/>
  <c r="U62500" i="1"/>
  <c r="U62499" i="1"/>
  <c r="U62498" i="1"/>
  <c r="U62497" i="1"/>
  <c r="U62496" i="1"/>
  <c r="U62495" i="1"/>
  <c r="U62494" i="1"/>
  <c r="U62493" i="1"/>
  <c r="U62492" i="1"/>
  <c r="U62491" i="1"/>
  <c r="U62490" i="1"/>
  <c r="U62489" i="1"/>
  <c r="U62488" i="1"/>
  <c r="U62487" i="1"/>
  <c r="U62486" i="1"/>
  <c r="U62485" i="1"/>
  <c r="U62484" i="1"/>
  <c r="U62483" i="1"/>
  <c r="U62482" i="1"/>
  <c r="U62481" i="1"/>
  <c r="U62480" i="1"/>
  <c r="U62479" i="1"/>
  <c r="U62478" i="1"/>
  <c r="U62477" i="1"/>
  <c r="U62476" i="1"/>
  <c r="U62475" i="1"/>
  <c r="U62474" i="1"/>
  <c r="U62473" i="1"/>
  <c r="U62472" i="1"/>
  <c r="U62471" i="1"/>
  <c r="U62470" i="1"/>
  <c r="U62469" i="1"/>
  <c r="U62468" i="1"/>
  <c r="U62467" i="1"/>
  <c r="U62466" i="1"/>
  <c r="U62465" i="1"/>
  <c r="U62464" i="1"/>
  <c r="U62463" i="1"/>
  <c r="U62462" i="1"/>
  <c r="U62461" i="1"/>
  <c r="U62460" i="1"/>
  <c r="U62459" i="1"/>
  <c r="U62458" i="1"/>
  <c r="U62457" i="1"/>
  <c r="U62456" i="1"/>
  <c r="U62455" i="1"/>
  <c r="U62454" i="1"/>
  <c r="U62453" i="1"/>
  <c r="U62452" i="1"/>
  <c r="U62451" i="1"/>
  <c r="U62450" i="1"/>
  <c r="U62449" i="1"/>
  <c r="U62448" i="1"/>
  <c r="U62447" i="1"/>
  <c r="U62446" i="1"/>
  <c r="U62445" i="1"/>
  <c r="U62444" i="1"/>
  <c r="U62443" i="1"/>
  <c r="U62442" i="1"/>
  <c r="U62441" i="1"/>
  <c r="U62440" i="1"/>
  <c r="U62439" i="1"/>
  <c r="U62438" i="1"/>
  <c r="U62437" i="1"/>
  <c r="U62436" i="1"/>
  <c r="U62435" i="1"/>
  <c r="U62434" i="1"/>
  <c r="U62433" i="1"/>
  <c r="U62432" i="1"/>
  <c r="U62431" i="1"/>
  <c r="U62430" i="1"/>
  <c r="U62429" i="1"/>
  <c r="U62428" i="1"/>
  <c r="U62427" i="1"/>
  <c r="U62426" i="1"/>
  <c r="U62425" i="1"/>
  <c r="U62424" i="1"/>
  <c r="U62423" i="1"/>
  <c r="U62422" i="1"/>
  <c r="U62421" i="1"/>
  <c r="U62420" i="1"/>
  <c r="U62419" i="1"/>
  <c r="U62418" i="1"/>
  <c r="U62417" i="1"/>
  <c r="U62416" i="1"/>
  <c r="U62415" i="1"/>
  <c r="U62414" i="1"/>
  <c r="U62413" i="1"/>
  <c r="U62412" i="1"/>
  <c r="U62411" i="1"/>
  <c r="U62410" i="1"/>
  <c r="U62409" i="1"/>
  <c r="U62408" i="1"/>
  <c r="U62407" i="1"/>
  <c r="U62406" i="1"/>
  <c r="U62405" i="1"/>
  <c r="U62404" i="1"/>
  <c r="U62403" i="1"/>
  <c r="U62402" i="1"/>
  <c r="U62401" i="1"/>
  <c r="U62400" i="1"/>
  <c r="U62399" i="1"/>
  <c r="U62398" i="1"/>
  <c r="U62397" i="1"/>
  <c r="U62396" i="1"/>
  <c r="U62395" i="1"/>
  <c r="U62394" i="1"/>
  <c r="U62393" i="1"/>
  <c r="U62392" i="1"/>
  <c r="U62391" i="1"/>
  <c r="U62390" i="1"/>
  <c r="U62389" i="1"/>
  <c r="U62388" i="1"/>
  <c r="U62387" i="1"/>
  <c r="U62386" i="1"/>
  <c r="U62385" i="1"/>
  <c r="U62384" i="1"/>
  <c r="U62383" i="1"/>
  <c r="U62382" i="1"/>
  <c r="U62381" i="1"/>
  <c r="U62380" i="1"/>
  <c r="U62379" i="1"/>
  <c r="U62378" i="1"/>
  <c r="U62377" i="1"/>
  <c r="U62376" i="1"/>
  <c r="U62375" i="1"/>
  <c r="U62374" i="1"/>
  <c r="U62373" i="1"/>
  <c r="U62372" i="1"/>
  <c r="U62371" i="1"/>
  <c r="U62370" i="1"/>
  <c r="U62369" i="1"/>
  <c r="U62368" i="1"/>
  <c r="U62367" i="1"/>
  <c r="U62366" i="1"/>
  <c r="U62365" i="1"/>
  <c r="U62364" i="1"/>
  <c r="U62363" i="1"/>
  <c r="U62362" i="1"/>
  <c r="U62361" i="1"/>
  <c r="U62360" i="1"/>
  <c r="U62359" i="1"/>
  <c r="U62358" i="1"/>
  <c r="U62357" i="1"/>
  <c r="U62356" i="1"/>
  <c r="U62355" i="1"/>
  <c r="U62354" i="1"/>
  <c r="U62353" i="1"/>
  <c r="U62352" i="1"/>
  <c r="U62351" i="1"/>
  <c r="U62350" i="1"/>
  <c r="U62349" i="1"/>
  <c r="U62348" i="1"/>
  <c r="U62347" i="1"/>
  <c r="U62346" i="1"/>
  <c r="U62345" i="1"/>
  <c r="U62344" i="1"/>
  <c r="U62343" i="1"/>
  <c r="U62342" i="1"/>
  <c r="U62341" i="1"/>
  <c r="U62340" i="1"/>
  <c r="U62339" i="1"/>
  <c r="U62338" i="1"/>
  <c r="U62337" i="1"/>
  <c r="U62336" i="1"/>
  <c r="U62335" i="1"/>
  <c r="U62334" i="1"/>
  <c r="U62333" i="1"/>
  <c r="U62332" i="1"/>
  <c r="U62331" i="1"/>
  <c r="U62330" i="1"/>
  <c r="U62329" i="1"/>
  <c r="U62328" i="1"/>
  <c r="U62327" i="1"/>
  <c r="U62326" i="1"/>
  <c r="U62325" i="1"/>
  <c r="U62324" i="1"/>
  <c r="U62323" i="1"/>
  <c r="U62322" i="1"/>
  <c r="U62321" i="1"/>
  <c r="U62320" i="1"/>
  <c r="U62319" i="1"/>
  <c r="U62318" i="1"/>
  <c r="U62317" i="1"/>
  <c r="U62316" i="1"/>
  <c r="U62315" i="1"/>
  <c r="U62314" i="1"/>
  <c r="U62313" i="1"/>
  <c r="U62312" i="1"/>
  <c r="U62311" i="1"/>
  <c r="U62310" i="1"/>
  <c r="U62309" i="1"/>
  <c r="U62308" i="1"/>
  <c r="U62307" i="1"/>
  <c r="U62306" i="1"/>
  <c r="U62305" i="1"/>
  <c r="U62304" i="1"/>
  <c r="U62303" i="1"/>
  <c r="U62302" i="1"/>
  <c r="U62301" i="1"/>
  <c r="U62300" i="1"/>
  <c r="U62299" i="1"/>
  <c r="U62298" i="1"/>
  <c r="U62297" i="1"/>
  <c r="U62296" i="1"/>
  <c r="U62295" i="1"/>
  <c r="U62294" i="1"/>
  <c r="U62293" i="1"/>
  <c r="U62292" i="1"/>
  <c r="U62291" i="1"/>
  <c r="U62290" i="1"/>
  <c r="U62289" i="1"/>
  <c r="U62288" i="1"/>
  <c r="U62287" i="1"/>
  <c r="U62286" i="1"/>
  <c r="U62285" i="1"/>
  <c r="U62284" i="1"/>
  <c r="U62283" i="1"/>
  <c r="U62282" i="1"/>
  <c r="U62281" i="1"/>
  <c r="U62280" i="1"/>
  <c r="U62279" i="1"/>
  <c r="U62278" i="1"/>
  <c r="U62277" i="1"/>
  <c r="U62276" i="1"/>
  <c r="U62275" i="1"/>
  <c r="U62274" i="1"/>
  <c r="U62273" i="1"/>
  <c r="U62272" i="1"/>
  <c r="U62271" i="1"/>
  <c r="U62270" i="1"/>
  <c r="U62269" i="1"/>
  <c r="U62268" i="1"/>
  <c r="U62267" i="1"/>
  <c r="U62266" i="1"/>
  <c r="U62265" i="1"/>
  <c r="U62264" i="1"/>
  <c r="U62263" i="1"/>
  <c r="U62262" i="1"/>
  <c r="U62261" i="1"/>
  <c r="U62260" i="1"/>
  <c r="U62259" i="1"/>
  <c r="U62258" i="1"/>
  <c r="U62257" i="1"/>
  <c r="U62256" i="1"/>
  <c r="U62255" i="1"/>
  <c r="U62254" i="1"/>
  <c r="U62253" i="1"/>
  <c r="U62252" i="1"/>
  <c r="U62251" i="1"/>
  <c r="U62250" i="1"/>
  <c r="U62249" i="1"/>
  <c r="U62248" i="1"/>
  <c r="U62247" i="1"/>
  <c r="U62246" i="1"/>
  <c r="U62245" i="1"/>
  <c r="U62244" i="1"/>
  <c r="U62243" i="1"/>
  <c r="U62242" i="1"/>
  <c r="U62241" i="1"/>
  <c r="U62240" i="1"/>
  <c r="U62239" i="1"/>
  <c r="U62238" i="1"/>
  <c r="U62237" i="1"/>
  <c r="U62236" i="1"/>
  <c r="U62235" i="1"/>
  <c r="U62234" i="1"/>
  <c r="U62233" i="1"/>
  <c r="U62232" i="1"/>
  <c r="U62231" i="1"/>
  <c r="U62230" i="1"/>
  <c r="U62229" i="1"/>
  <c r="U62228" i="1"/>
  <c r="U62227" i="1"/>
  <c r="U62226" i="1"/>
  <c r="U62225" i="1"/>
  <c r="U62224" i="1"/>
  <c r="U62223" i="1"/>
  <c r="U62222" i="1"/>
  <c r="U62221" i="1"/>
  <c r="U62220" i="1"/>
  <c r="U62219" i="1"/>
  <c r="U62218" i="1"/>
  <c r="U62217" i="1"/>
  <c r="U62216" i="1"/>
  <c r="U62215" i="1"/>
  <c r="U62214" i="1"/>
  <c r="U62213" i="1"/>
  <c r="U62212" i="1"/>
  <c r="U62211" i="1"/>
  <c r="U62210" i="1"/>
  <c r="U62209" i="1"/>
  <c r="U62208" i="1"/>
  <c r="U62207" i="1"/>
  <c r="U62206" i="1"/>
  <c r="U62205" i="1"/>
  <c r="U62204" i="1"/>
  <c r="U62203" i="1"/>
  <c r="U62202" i="1"/>
  <c r="U62201" i="1"/>
  <c r="U62200" i="1"/>
  <c r="U62199" i="1"/>
  <c r="U62198" i="1"/>
  <c r="U62197" i="1"/>
  <c r="U62196" i="1"/>
  <c r="U62195" i="1"/>
  <c r="U62194" i="1"/>
  <c r="U62193" i="1"/>
  <c r="U62192" i="1"/>
  <c r="U62191" i="1"/>
  <c r="U62190" i="1"/>
  <c r="U62189" i="1"/>
  <c r="U62188" i="1"/>
  <c r="U62187" i="1"/>
  <c r="U62186" i="1"/>
  <c r="U62185" i="1"/>
  <c r="U62184" i="1"/>
  <c r="U62183" i="1"/>
  <c r="U62182" i="1"/>
  <c r="U62181" i="1"/>
  <c r="U62180" i="1"/>
  <c r="U62179" i="1"/>
  <c r="U62178" i="1"/>
  <c r="U62177" i="1"/>
  <c r="U62176" i="1"/>
  <c r="U62175" i="1"/>
  <c r="U62174" i="1"/>
  <c r="U62173" i="1"/>
  <c r="U62172" i="1"/>
  <c r="U62171" i="1"/>
  <c r="U62170" i="1"/>
  <c r="U62169" i="1"/>
  <c r="U62168" i="1"/>
  <c r="U62167" i="1"/>
  <c r="U62166" i="1"/>
  <c r="U62165" i="1"/>
  <c r="U62164" i="1"/>
  <c r="U62163" i="1"/>
  <c r="U62162" i="1"/>
  <c r="U62161" i="1"/>
  <c r="U62160" i="1"/>
  <c r="U62159" i="1"/>
  <c r="U62158" i="1"/>
  <c r="U62157" i="1"/>
  <c r="U62156" i="1"/>
  <c r="U62155" i="1"/>
  <c r="U62154" i="1"/>
  <c r="U62153" i="1"/>
  <c r="U62152" i="1"/>
  <c r="U62151" i="1"/>
  <c r="U62150" i="1"/>
  <c r="U62149" i="1"/>
  <c r="U62148" i="1"/>
  <c r="U62147" i="1"/>
  <c r="U62146" i="1"/>
  <c r="U62145" i="1"/>
  <c r="U62144" i="1"/>
  <c r="U62143" i="1"/>
  <c r="U62142" i="1"/>
  <c r="U62141" i="1"/>
  <c r="U62140" i="1"/>
  <c r="U62139" i="1"/>
  <c r="U62138" i="1"/>
  <c r="U62137" i="1"/>
  <c r="U62136" i="1"/>
  <c r="U62135" i="1"/>
  <c r="U62134" i="1"/>
  <c r="U62133" i="1"/>
  <c r="U62132" i="1"/>
  <c r="U62131" i="1"/>
  <c r="U62130" i="1"/>
  <c r="U62129" i="1"/>
  <c r="U62128" i="1"/>
  <c r="U62127" i="1"/>
  <c r="U62126" i="1"/>
  <c r="U62125" i="1"/>
  <c r="U62124" i="1"/>
  <c r="U62123" i="1"/>
  <c r="U62122" i="1"/>
  <c r="U62121" i="1"/>
  <c r="U62120" i="1"/>
  <c r="U62119" i="1"/>
  <c r="U62118" i="1"/>
  <c r="U62117" i="1"/>
  <c r="U62116" i="1"/>
  <c r="U62115" i="1"/>
  <c r="U62114" i="1"/>
  <c r="U62113" i="1"/>
  <c r="U62112" i="1"/>
  <c r="U62111" i="1"/>
  <c r="U62110" i="1"/>
  <c r="U62109" i="1"/>
  <c r="U62108" i="1"/>
  <c r="U62107" i="1"/>
  <c r="U62106" i="1"/>
  <c r="U62105" i="1"/>
  <c r="U62104" i="1"/>
  <c r="U62103" i="1"/>
  <c r="U62102" i="1"/>
  <c r="U62101" i="1"/>
  <c r="U62100" i="1"/>
  <c r="U62099" i="1"/>
  <c r="U62098" i="1"/>
  <c r="U62097" i="1"/>
  <c r="U62096" i="1"/>
  <c r="U62095" i="1"/>
  <c r="U62094" i="1"/>
  <c r="U62093" i="1"/>
  <c r="U62092" i="1"/>
  <c r="U62091" i="1"/>
  <c r="U62090" i="1"/>
  <c r="U62089" i="1"/>
  <c r="U62088" i="1"/>
  <c r="U62087" i="1"/>
  <c r="U62086" i="1"/>
  <c r="U62085" i="1"/>
  <c r="U62084" i="1"/>
  <c r="U62083" i="1"/>
  <c r="U62082" i="1"/>
  <c r="U62081" i="1"/>
  <c r="U62080" i="1"/>
  <c r="U62079" i="1"/>
  <c r="U62078" i="1"/>
  <c r="U62077" i="1"/>
  <c r="U62076" i="1"/>
  <c r="U62075" i="1"/>
  <c r="U62074" i="1"/>
  <c r="U62073" i="1"/>
  <c r="U62072" i="1"/>
  <c r="U62071" i="1"/>
  <c r="U62070" i="1"/>
  <c r="U62069" i="1"/>
  <c r="U62068" i="1"/>
  <c r="U62067" i="1"/>
  <c r="U62066" i="1"/>
  <c r="U62065" i="1"/>
  <c r="U62064" i="1"/>
  <c r="U62063" i="1"/>
  <c r="U62062" i="1"/>
  <c r="U62061" i="1"/>
  <c r="U62060" i="1"/>
  <c r="U62059" i="1"/>
  <c r="U62058" i="1"/>
  <c r="U62057" i="1"/>
  <c r="U62056" i="1"/>
  <c r="U62055" i="1"/>
  <c r="U62054" i="1"/>
  <c r="U62053" i="1"/>
  <c r="U62052" i="1"/>
  <c r="U62051" i="1"/>
  <c r="U62050" i="1"/>
  <c r="U62049" i="1"/>
  <c r="U62048" i="1"/>
  <c r="U62047" i="1"/>
  <c r="U62046" i="1"/>
  <c r="U62045" i="1"/>
  <c r="U62044" i="1"/>
  <c r="U62043" i="1"/>
  <c r="U62042" i="1"/>
  <c r="U62041" i="1"/>
  <c r="U62040" i="1"/>
  <c r="U62039" i="1"/>
  <c r="U62038" i="1"/>
  <c r="U62037" i="1"/>
  <c r="U62036" i="1"/>
  <c r="U62035" i="1"/>
  <c r="U62034" i="1"/>
  <c r="U62033" i="1"/>
  <c r="U62032" i="1"/>
  <c r="U62031" i="1"/>
  <c r="U62030" i="1"/>
  <c r="U62029" i="1"/>
  <c r="U62028" i="1"/>
  <c r="U62027" i="1"/>
  <c r="U62026" i="1"/>
  <c r="U62025" i="1"/>
  <c r="U62024" i="1"/>
  <c r="U62023" i="1"/>
  <c r="U62022" i="1"/>
  <c r="U62021" i="1"/>
  <c r="U62020" i="1"/>
  <c r="U62019" i="1"/>
  <c r="U62018" i="1"/>
  <c r="U62017" i="1"/>
  <c r="U62016" i="1"/>
  <c r="U62015" i="1"/>
  <c r="U62014" i="1"/>
  <c r="U62013" i="1"/>
  <c r="U62012" i="1"/>
  <c r="U62011" i="1"/>
  <c r="U62010" i="1"/>
  <c r="U62009" i="1"/>
  <c r="U62008" i="1"/>
  <c r="U62007" i="1"/>
  <c r="U62006" i="1"/>
  <c r="U62005" i="1"/>
  <c r="U62004" i="1"/>
  <c r="U62003" i="1"/>
  <c r="U62002" i="1"/>
  <c r="U62001" i="1"/>
  <c r="U62000" i="1"/>
  <c r="U61999" i="1"/>
  <c r="U61998" i="1"/>
  <c r="U61997" i="1"/>
  <c r="U61996" i="1"/>
  <c r="U61995" i="1"/>
  <c r="U61994" i="1"/>
  <c r="U61993" i="1"/>
  <c r="U61992" i="1"/>
  <c r="U61991" i="1"/>
  <c r="U61990" i="1"/>
  <c r="U61989" i="1"/>
  <c r="U61988" i="1"/>
  <c r="U61987" i="1"/>
  <c r="U61986" i="1"/>
  <c r="U61985" i="1"/>
  <c r="U61984" i="1"/>
  <c r="U61983" i="1"/>
  <c r="U61982" i="1"/>
  <c r="U61981" i="1"/>
  <c r="U61980" i="1"/>
  <c r="U61979" i="1"/>
  <c r="U61978" i="1"/>
  <c r="U61977" i="1"/>
  <c r="U61976" i="1"/>
  <c r="U61975" i="1"/>
  <c r="U61974" i="1"/>
  <c r="U61973" i="1"/>
  <c r="U61972" i="1"/>
  <c r="U61971" i="1"/>
  <c r="U61970" i="1"/>
  <c r="U61969" i="1"/>
  <c r="U61968" i="1"/>
  <c r="U61967" i="1"/>
  <c r="U61966" i="1"/>
  <c r="U61965" i="1"/>
  <c r="U61964" i="1"/>
  <c r="U61963" i="1"/>
  <c r="U61962" i="1"/>
  <c r="U61961" i="1"/>
  <c r="U61960" i="1"/>
  <c r="U61959" i="1"/>
  <c r="U61958" i="1"/>
  <c r="U61957" i="1"/>
  <c r="U61956" i="1"/>
  <c r="U61955" i="1"/>
  <c r="U61954" i="1"/>
  <c r="U61953" i="1"/>
  <c r="U61952" i="1"/>
  <c r="U61951" i="1"/>
  <c r="U61950" i="1"/>
  <c r="U61949" i="1"/>
  <c r="U61948" i="1"/>
  <c r="U61947" i="1"/>
  <c r="U61946" i="1"/>
  <c r="U61945" i="1"/>
  <c r="U61944" i="1"/>
  <c r="U61943" i="1"/>
  <c r="U61942" i="1"/>
  <c r="U61941" i="1"/>
  <c r="U61940" i="1"/>
  <c r="U61939" i="1"/>
  <c r="U61938" i="1"/>
  <c r="U61937" i="1"/>
  <c r="U61936" i="1"/>
  <c r="U61935" i="1"/>
  <c r="U61934" i="1"/>
  <c r="U61933" i="1"/>
  <c r="U61932" i="1"/>
  <c r="U61931" i="1"/>
  <c r="U61930" i="1"/>
  <c r="U61929" i="1"/>
  <c r="U61928" i="1"/>
  <c r="U61927" i="1"/>
  <c r="U61926" i="1"/>
  <c r="U61925" i="1"/>
  <c r="U61924" i="1"/>
  <c r="U61923" i="1"/>
  <c r="U61922" i="1"/>
  <c r="U61921" i="1"/>
  <c r="U61920" i="1"/>
  <c r="U61919" i="1"/>
  <c r="U61918" i="1"/>
  <c r="U61917" i="1"/>
  <c r="U61916" i="1"/>
  <c r="U61915" i="1"/>
  <c r="U61914" i="1"/>
  <c r="U61913" i="1"/>
  <c r="U61912" i="1"/>
  <c r="U61911" i="1"/>
  <c r="U61910" i="1"/>
  <c r="U61909" i="1"/>
  <c r="U61908" i="1"/>
  <c r="U61907" i="1"/>
  <c r="U61906" i="1"/>
  <c r="U61905" i="1"/>
  <c r="U61904" i="1"/>
  <c r="U61903" i="1"/>
  <c r="U61902" i="1"/>
  <c r="U61901" i="1"/>
  <c r="U61900" i="1"/>
  <c r="U61899" i="1"/>
  <c r="U61898" i="1"/>
  <c r="U61897" i="1"/>
  <c r="U61896" i="1"/>
  <c r="U61895" i="1"/>
  <c r="U61894" i="1"/>
  <c r="U61893" i="1"/>
  <c r="U61892" i="1"/>
  <c r="U61891" i="1"/>
  <c r="U61890" i="1"/>
  <c r="U61889" i="1"/>
  <c r="U61888" i="1"/>
  <c r="U61887" i="1"/>
  <c r="U61886" i="1"/>
  <c r="U61885" i="1"/>
  <c r="U61884" i="1"/>
  <c r="U61883" i="1"/>
  <c r="U61882" i="1"/>
  <c r="U61881" i="1"/>
  <c r="U61880" i="1"/>
  <c r="U61879" i="1"/>
  <c r="U61878" i="1"/>
  <c r="U61877" i="1"/>
  <c r="U61876" i="1"/>
  <c r="U61875" i="1"/>
  <c r="U61874" i="1"/>
  <c r="U61873" i="1"/>
  <c r="U61872" i="1"/>
  <c r="U61871" i="1"/>
  <c r="U61870" i="1"/>
  <c r="U61869" i="1"/>
  <c r="U61868" i="1"/>
  <c r="U61867" i="1"/>
  <c r="U61866" i="1"/>
  <c r="U61865" i="1"/>
  <c r="U61864" i="1"/>
  <c r="U61863" i="1"/>
  <c r="U61862" i="1"/>
  <c r="U61861" i="1"/>
  <c r="U61860" i="1"/>
  <c r="U61859" i="1"/>
  <c r="U61858" i="1"/>
  <c r="U61857" i="1"/>
  <c r="U61856" i="1"/>
  <c r="U61855" i="1"/>
  <c r="U61854" i="1"/>
  <c r="U61853" i="1"/>
  <c r="U61852" i="1"/>
  <c r="U61851" i="1"/>
  <c r="U61850" i="1"/>
  <c r="U61849" i="1"/>
  <c r="U61848" i="1"/>
  <c r="U61847" i="1"/>
  <c r="U61846" i="1"/>
  <c r="U61845" i="1"/>
  <c r="U61844" i="1"/>
  <c r="U61843" i="1"/>
  <c r="U61842" i="1"/>
  <c r="U61841" i="1"/>
  <c r="U61840" i="1"/>
  <c r="U61839" i="1"/>
  <c r="U61838" i="1"/>
  <c r="U61837" i="1"/>
  <c r="U61836" i="1"/>
  <c r="U61835" i="1"/>
  <c r="U61834" i="1"/>
  <c r="U61833" i="1"/>
  <c r="U61832" i="1"/>
  <c r="U61831" i="1"/>
  <c r="U61830" i="1"/>
  <c r="U61829" i="1"/>
  <c r="U61828" i="1"/>
  <c r="U61827" i="1"/>
  <c r="U61826" i="1"/>
  <c r="U61825" i="1"/>
  <c r="U61824" i="1"/>
  <c r="U61823" i="1"/>
  <c r="U61822" i="1"/>
  <c r="U61821" i="1"/>
  <c r="U61820" i="1"/>
  <c r="U61819" i="1"/>
  <c r="U61818" i="1"/>
  <c r="U61817" i="1"/>
  <c r="U61816" i="1"/>
  <c r="U61815" i="1"/>
  <c r="U61814" i="1"/>
  <c r="U61813" i="1"/>
  <c r="U61812" i="1"/>
  <c r="U61811" i="1"/>
  <c r="U61810" i="1"/>
  <c r="U61809" i="1"/>
  <c r="U61808" i="1"/>
  <c r="U61807" i="1"/>
  <c r="U61806" i="1"/>
  <c r="U61805" i="1"/>
  <c r="U61804" i="1"/>
  <c r="U61803" i="1"/>
  <c r="U61802" i="1"/>
  <c r="U61801" i="1"/>
  <c r="U61800" i="1"/>
  <c r="U61799" i="1"/>
  <c r="U61798" i="1"/>
  <c r="U61797" i="1"/>
  <c r="U61796" i="1"/>
  <c r="U61795" i="1"/>
  <c r="U61794" i="1"/>
  <c r="U61793" i="1"/>
  <c r="U61792" i="1"/>
  <c r="U61791" i="1"/>
  <c r="U61790" i="1"/>
  <c r="U61789" i="1"/>
  <c r="U61788" i="1"/>
  <c r="U61787" i="1"/>
  <c r="U61786" i="1"/>
  <c r="U61785" i="1"/>
  <c r="U61784" i="1"/>
  <c r="U61783" i="1"/>
  <c r="U61782" i="1"/>
  <c r="U61781" i="1"/>
  <c r="U61780" i="1"/>
  <c r="U61779" i="1"/>
  <c r="U61778" i="1"/>
  <c r="U61777" i="1"/>
  <c r="U61776" i="1"/>
  <c r="U61775" i="1"/>
  <c r="U61774" i="1"/>
  <c r="U61773" i="1"/>
  <c r="U61772" i="1"/>
  <c r="U61771" i="1"/>
  <c r="U61770" i="1"/>
  <c r="U61769" i="1"/>
  <c r="U61768" i="1"/>
  <c r="U61767" i="1"/>
  <c r="U61766" i="1"/>
  <c r="U61765" i="1"/>
  <c r="U61764" i="1"/>
  <c r="U61763" i="1"/>
  <c r="U61762" i="1"/>
  <c r="U61761" i="1"/>
  <c r="U61760" i="1"/>
  <c r="U61759" i="1"/>
  <c r="U61758" i="1"/>
  <c r="U61757" i="1"/>
  <c r="U61756" i="1"/>
  <c r="U61755" i="1"/>
  <c r="U61754" i="1"/>
  <c r="U61753" i="1"/>
  <c r="U61752" i="1"/>
  <c r="U61751" i="1"/>
  <c r="U61750" i="1"/>
  <c r="U61749" i="1"/>
  <c r="U61748" i="1"/>
  <c r="U61747" i="1"/>
  <c r="U61746" i="1"/>
  <c r="U61745" i="1"/>
  <c r="U61744" i="1"/>
  <c r="U61743" i="1"/>
  <c r="U61742" i="1"/>
  <c r="U61741" i="1"/>
  <c r="U61740" i="1"/>
  <c r="U61739" i="1"/>
  <c r="U61738" i="1"/>
  <c r="U61737" i="1"/>
  <c r="U61736" i="1"/>
  <c r="U61735" i="1"/>
  <c r="U61734" i="1"/>
  <c r="U61733" i="1"/>
  <c r="U61732" i="1"/>
  <c r="U61731" i="1"/>
  <c r="U61730" i="1"/>
  <c r="U61729" i="1"/>
  <c r="U61728" i="1"/>
  <c r="U61727" i="1"/>
  <c r="U61726" i="1"/>
  <c r="U61725" i="1"/>
  <c r="U61724" i="1"/>
  <c r="U61723" i="1"/>
  <c r="U61722" i="1"/>
  <c r="U61721" i="1"/>
  <c r="U61720" i="1"/>
  <c r="U61719" i="1"/>
  <c r="U61718" i="1"/>
  <c r="U61717" i="1"/>
  <c r="U61716" i="1"/>
  <c r="U61715" i="1"/>
  <c r="U61714" i="1"/>
  <c r="U61713" i="1"/>
  <c r="U61712" i="1"/>
  <c r="U61711" i="1"/>
  <c r="U61710" i="1"/>
  <c r="U61709" i="1"/>
  <c r="U61708" i="1"/>
  <c r="U61707" i="1"/>
  <c r="U61706" i="1"/>
  <c r="U61705" i="1"/>
  <c r="U61704" i="1"/>
  <c r="U61703" i="1"/>
  <c r="U61702" i="1"/>
  <c r="U61701" i="1"/>
  <c r="U61700" i="1"/>
  <c r="U61699" i="1"/>
  <c r="U61698" i="1"/>
  <c r="U61697" i="1"/>
  <c r="U61696" i="1"/>
  <c r="U61695" i="1"/>
  <c r="U61694" i="1"/>
  <c r="U61693" i="1"/>
  <c r="U61692" i="1"/>
  <c r="U61691" i="1"/>
  <c r="U61690" i="1"/>
  <c r="U61689" i="1"/>
  <c r="U61688" i="1"/>
  <c r="U61687" i="1"/>
  <c r="U61686" i="1"/>
  <c r="U61685" i="1"/>
  <c r="U61684" i="1"/>
  <c r="U61683" i="1"/>
  <c r="U61682" i="1"/>
  <c r="U61681" i="1"/>
  <c r="U61680" i="1"/>
  <c r="U61679" i="1"/>
  <c r="U61678" i="1"/>
  <c r="U61677" i="1"/>
  <c r="U61676" i="1"/>
  <c r="U61675" i="1"/>
  <c r="U61674" i="1"/>
  <c r="U61673" i="1"/>
  <c r="U61672" i="1"/>
  <c r="U61671" i="1"/>
  <c r="U61670" i="1"/>
  <c r="U61669" i="1"/>
  <c r="U61668" i="1"/>
  <c r="U61667" i="1"/>
  <c r="U61666" i="1"/>
  <c r="U61665" i="1"/>
  <c r="U61664" i="1"/>
  <c r="U61663" i="1"/>
  <c r="U61662" i="1"/>
  <c r="U61661" i="1"/>
  <c r="U61660" i="1"/>
  <c r="U61659" i="1"/>
  <c r="U61658" i="1"/>
  <c r="U61657" i="1"/>
  <c r="U61656" i="1"/>
  <c r="U61655" i="1"/>
  <c r="U61654" i="1"/>
  <c r="U61653" i="1"/>
  <c r="U61652" i="1"/>
  <c r="U61651" i="1"/>
  <c r="U61650" i="1"/>
  <c r="U61649" i="1"/>
  <c r="U61648" i="1"/>
  <c r="U61647" i="1"/>
  <c r="U61646" i="1"/>
  <c r="U61645" i="1"/>
  <c r="U61644" i="1"/>
  <c r="U61643" i="1"/>
  <c r="U61642" i="1"/>
  <c r="U61641" i="1"/>
  <c r="U61640" i="1"/>
  <c r="U61639" i="1"/>
  <c r="U61638" i="1"/>
  <c r="U61637" i="1"/>
  <c r="U61636" i="1"/>
  <c r="U61635" i="1"/>
  <c r="U61634" i="1"/>
  <c r="U61633" i="1"/>
  <c r="U61632" i="1"/>
  <c r="U61631" i="1"/>
  <c r="U61630" i="1"/>
  <c r="U61629" i="1"/>
  <c r="U61628" i="1"/>
  <c r="U61627" i="1"/>
  <c r="U61626" i="1"/>
  <c r="U61625" i="1"/>
  <c r="U61624" i="1"/>
  <c r="U61623" i="1"/>
  <c r="U61622" i="1"/>
  <c r="U61621" i="1"/>
  <c r="U61620" i="1"/>
  <c r="U61619" i="1"/>
  <c r="U61618" i="1"/>
  <c r="U61617" i="1"/>
  <c r="U61616" i="1"/>
  <c r="U61615" i="1"/>
  <c r="U61614" i="1"/>
  <c r="U61613" i="1"/>
  <c r="U61612" i="1"/>
  <c r="U61611" i="1"/>
  <c r="U61610" i="1"/>
  <c r="U61609" i="1"/>
  <c r="U61608" i="1"/>
  <c r="U61607" i="1"/>
  <c r="U61606" i="1"/>
  <c r="U61605" i="1"/>
  <c r="U61604" i="1"/>
  <c r="U61603" i="1"/>
  <c r="U61602" i="1"/>
  <c r="U61601" i="1"/>
  <c r="U61600" i="1"/>
  <c r="U61599" i="1"/>
  <c r="U61598" i="1"/>
  <c r="U61597" i="1"/>
  <c r="U61596" i="1"/>
  <c r="U61595" i="1"/>
  <c r="U61594" i="1"/>
  <c r="U61593" i="1"/>
  <c r="U61592" i="1"/>
  <c r="U61591" i="1"/>
  <c r="U61590" i="1"/>
  <c r="U61589" i="1"/>
  <c r="U61588" i="1"/>
  <c r="U61587" i="1"/>
  <c r="U61586" i="1"/>
  <c r="U61585" i="1"/>
  <c r="U61584" i="1"/>
  <c r="U61583" i="1"/>
  <c r="U61582" i="1"/>
  <c r="U61581" i="1"/>
  <c r="U61580" i="1"/>
  <c r="U61579" i="1"/>
  <c r="U61578" i="1"/>
  <c r="U61577" i="1"/>
  <c r="U61576" i="1"/>
  <c r="U61575" i="1"/>
  <c r="U61574" i="1"/>
  <c r="U61573" i="1"/>
  <c r="U61572" i="1"/>
  <c r="U61571" i="1"/>
  <c r="U61570" i="1"/>
  <c r="U61569" i="1"/>
  <c r="U61568" i="1"/>
  <c r="U61567" i="1"/>
  <c r="U61566" i="1"/>
  <c r="U61565" i="1"/>
  <c r="U61564" i="1"/>
  <c r="U61563" i="1"/>
  <c r="U61562" i="1"/>
  <c r="U61561" i="1"/>
  <c r="U61560" i="1"/>
  <c r="U61559" i="1"/>
  <c r="U61558" i="1"/>
  <c r="U61557" i="1"/>
  <c r="U61556" i="1"/>
  <c r="U61555" i="1"/>
  <c r="U61554" i="1"/>
  <c r="U61553" i="1"/>
  <c r="U61552" i="1"/>
  <c r="U61551" i="1"/>
  <c r="U61550" i="1"/>
  <c r="U61549" i="1"/>
  <c r="U61548" i="1"/>
  <c r="U61547" i="1"/>
  <c r="U61546" i="1"/>
  <c r="U61545" i="1"/>
  <c r="U61544" i="1"/>
  <c r="U61543" i="1"/>
  <c r="U61542" i="1"/>
  <c r="U61541" i="1"/>
  <c r="U61540" i="1"/>
  <c r="U61539" i="1"/>
  <c r="U61538" i="1"/>
  <c r="U61537" i="1"/>
  <c r="U61536" i="1"/>
  <c r="U61535" i="1"/>
  <c r="U61534" i="1"/>
  <c r="U61533" i="1"/>
  <c r="U61532" i="1"/>
  <c r="U61531" i="1"/>
  <c r="U61530" i="1"/>
  <c r="U61529" i="1"/>
  <c r="U61528" i="1"/>
  <c r="U61527" i="1"/>
  <c r="U61526" i="1"/>
  <c r="U61525" i="1"/>
  <c r="U61524" i="1"/>
  <c r="U61523" i="1"/>
  <c r="U61522" i="1"/>
  <c r="U61521" i="1"/>
  <c r="U61520" i="1"/>
  <c r="U61519" i="1"/>
  <c r="U61518" i="1"/>
  <c r="U61517" i="1"/>
  <c r="U61516" i="1"/>
  <c r="U61515" i="1"/>
  <c r="U61514" i="1"/>
  <c r="U61513" i="1"/>
  <c r="U61512" i="1"/>
  <c r="U61511" i="1"/>
  <c r="U61510" i="1"/>
  <c r="U61509" i="1"/>
  <c r="U61508" i="1"/>
  <c r="U61507" i="1"/>
  <c r="U61506" i="1"/>
  <c r="U61505" i="1"/>
  <c r="U61504" i="1"/>
  <c r="U61503" i="1"/>
  <c r="U61502" i="1"/>
  <c r="U61501" i="1"/>
  <c r="U61500" i="1"/>
  <c r="U61499" i="1"/>
  <c r="U61498" i="1"/>
  <c r="U61497" i="1"/>
  <c r="U61496" i="1"/>
  <c r="U61495" i="1"/>
  <c r="U61494" i="1"/>
  <c r="U61493" i="1"/>
  <c r="U61492" i="1"/>
  <c r="U61491" i="1"/>
  <c r="U61490" i="1"/>
  <c r="U61489" i="1"/>
  <c r="U61488" i="1"/>
  <c r="U61487" i="1"/>
  <c r="U61486" i="1"/>
  <c r="U61485" i="1"/>
  <c r="U61484" i="1"/>
  <c r="U61483" i="1"/>
  <c r="U61482" i="1"/>
  <c r="U61481" i="1"/>
  <c r="U61480" i="1"/>
  <c r="U61479" i="1"/>
  <c r="U61478" i="1"/>
  <c r="U61477" i="1"/>
  <c r="U61476" i="1"/>
  <c r="U61475" i="1"/>
  <c r="U61474" i="1"/>
  <c r="U61473" i="1"/>
  <c r="U61472" i="1"/>
  <c r="U61471" i="1"/>
  <c r="U61470" i="1"/>
  <c r="U61469" i="1"/>
  <c r="U61468" i="1"/>
  <c r="U61467" i="1"/>
  <c r="U61466" i="1"/>
  <c r="U61465" i="1"/>
  <c r="U61464" i="1"/>
  <c r="U61463" i="1"/>
  <c r="U61462" i="1"/>
  <c r="U61461" i="1"/>
  <c r="U61460" i="1"/>
  <c r="U61459" i="1"/>
  <c r="U61458" i="1"/>
  <c r="U61457" i="1"/>
  <c r="U61456" i="1"/>
  <c r="U61455" i="1"/>
  <c r="U61454" i="1"/>
  <c r="U61453" i="1"/>
  <c r="U61452" i="1"/>
  <c r="U61451" i="1"/>
  <c r="U61450" i="1"/>
  <c r="U61449" i="1"/>
  <c r="U61448" i="1"/>
  <c r="U61447" i="1"/>
  <c r="U61446" i="1"/>
  <c r="U61445" i="1"/>
  <c r="U61444" i="1"/>
  <c r="U61443" i="1"/>
  <c r="U61442" i="1"/>
  <c r="U61441" i="1"/>
  <c r="U61440" i="1"/>
  <c r="U61439" i="1"/>
  <c r="U61438" i="1"/>
  <c r="U61437" i="1"/>
  <c r="U61436" i="1"/>
  <c r="U61435" i="1"/>
  <c r="U61434" i="1"/>
  <c r="U61433" i="1"/>
  <c r="U61432" i="1"/>
  <c r="U61431" i="1"/>
  <c r="U61430" i="1"/>
  <c r="U61429" i="1"/>
  <c r="U61428" i="1"/>
  <c r="U61427" i="1"/>
  <c r="U61426" i="1"/>
  <c r="U61425" i="1"/>
  <c r="U61424" i="1"/>
  <c r="U61423" i="1"/>
  <c r="U61422" i="1"/>
  <c r="U61421" i="1"/>
  <c r="U61420" i="1"/>
  <c r="U61419" i="1"/>
  <c r="U61418" i="1"/>
  <c r="U61417" i="1"/>
  <c r="U61416" i="1"/>
  <c r="U61415" i="1"/>
  <c r="U61414" i="1"/>
  <c r="U61413" i="1"/>
  <c r="U61412" i="1"/>
  <c r="U61411" i="1"/>
  <c r="U61410" i="1"/>
  <c r="U61409" i="1"/>
  <c r="U61408" i="1"/>
  <c r="U61407" i="1"/>
  <c r="U61406" i="1"/>
  <c r="U61405" i="1"/>
  <c r="U61404" i="1"/>
  <c r="U61403" i="1"/>
  <c r="U61402" i="1"/>
  <c r="U61401" i="1"/>
  <c r="U61400" i="1"/>
  <c r="U61399" i="1"/>
  <c r="U61398" i="1"/>
  <c r="U61397" i="1"/>
  <c r="U61396" i="1"/>
  <c r="U61395" i="1"/>
  <c r="U61394" i="1"/>
  <c r="U61393" i="1"/>
  <c r="U61392" i="1"/>
  <c r="U61391" i="1"/>
  <c r="U61390" i="1"/>
  <c r="U61389" i="1"/>
  <c r="U61388" i="1"/>
  <c r="U61387" i="1"/>
  <c r="U61386" i="1"/>
  <c r="U61385" i="1"/>
  <c r="U61384" i="1"/>
  <c r="U61383" i="1"/>
  <c r="U61382" i="1"/>
  <c r="U61381" i="1"/>
  <c r="U61380" i="1"/>
  <c r="U61379" i="1"/>
  <c r="U61378" i="1"/>
  <c r="U61377" i="1"/>
  <c r="U61376" i="1"/>
  <c r="U61375" i="1"/>
  <c r="U61374" i="1"/>
  <c r="U61373" i="1"/>
  <c r="U61372" i="1"/>
  <c r="U61371" i="1"/>
  <c r="U61370" i="1"/>
  <c r="U61369" i="1"/>
  <c r="U61368" i="1"/>
  <c r="U61367" i="1"/>
  <c r="U61366" i="1"/>
  <c r="U61365" i="1"/>
  <c r="U61364" i="1"/>
  <c r="U61363" i="1"/>
  <c r="U61362" i="1"/>
  <c r="U61361" i="1"/>
  <c r="U61360" i="1"/>
  <c r="U61359" i="1"/>
  <c r="U61358" i="1"/>
  <c r="U61357" i="1"/>
  <c r="U61356" i="1"/>
  <c r="U61355" i="1"/>
  <c r="U61354" i="1"/>
  <c r="U61353" i="1"/>
  <c r="U61352" i="1"/>
  <c r="U61351" i="1"/>
  <c r="U61350" i="1"/>
  <c r="U61349" i="1"/>
  <c r="U61348" i="1"/>
  <c r="U61347" i="1"/>
  <c r="U61346" i="1"/>
  <c r="U61345" i="1"/>
  <c r="U61344" i="1"/>
  <c r="U61343" i="1"/>
  <c r="U61342" i="1"/>
  <c r="U61341" i="1"/>
  <c r="U61340" i="1"/>
  <c r="U61339" i="1"/>
  <c r="U61338" i="1"/>
  <c r="U61337" i="1"/>
  <c r="U61336" i="1"/>
  <c r="U61335" i="1"/>
  <c r="U61334" i="1"/>
  <c r="U61333" i="1"/>
  <c r="U61332" i="1"/>
  <c r="U61331" i="1"/>
  <c r="U61330" i="1"/>
  <c r="U61329" i="1"/>
  <c r="U61328" i="1"/>
  <c r="U61327" i="1"/>
  <c r="U61326" i="1"/>
  <c r="U61325" i="1"/>
  <c r="U61324" i="1"/>
  <c r="U61323" i="1"/>
  <c r="U61322" i="1"/>
  <c r="U61321" i="1"/>
  <c r="U61320" i="1"/>
  <c r="U61319" i="1"/>
  <c r="U61318" i="1"/>
  <c r="U61317" i="1"/>
  <c r="U61316" i="1"/>
  <c r="U61315" i="1"/>
  <c r="U61314" i="1"/>
  <c r="U61313" i="1"/>
  <c r="U61312" i="1"/>
  <c r="U61311" i="1"/>
  <c r="U61310" i="1"/>
  <c r="U61309" i="1"/>
  <c r="U61308" i="1"/>
  <c r="U61307" i="1"/>
  <c r="U61306" i="1"/>
  <c r="U61305" i="1"/>
  <c r="U61304" i="1"/>
  <c r="U61303" i="1"/>
  <c r="U61302" i="1"/>
  <c r="U61301" i="1"/>
  <c r="U61300" i="1"/>
  <c r="U61299" i="1"/>
  <c r="U61298" i="1"/>
  <c r="U61297" i="1"/>
  <c r="U61296" i="1"/>
  <c r="U61295" i="1"/>
  <c r="U61294" i="1"/>
  <c r="U61293" i="1"/>
  <c r="U61292" i="1"/>
  <c r="U61291" i="1"/>
  <c r="U61290" i="1"/>
  <c r="U61289" i="1"/>
  <c r="U61288" i="1"/>
  <c r="U61287" i="1"/>
  <c r="U61286" i="1"/>
  <c r="U61285" i="1"/>
  <c r="U61284" i="1"/>
  <c r="U61283" i="1"/>
  <c r="U61282" i="1"/>
  <c r="U61281" i="1"/>
  <c r="U61280" i="1"/>
  <c r="U61279" i="1"/>
  <c r="U61278" i="1"/>
  <c r="U61277" i="1"/>
  <c r="U61276" i="1"/>
  <c r="U61275" i="1"/>
  <c r="U61274" i="1"/>
  <c r="U61273" i="1"/>
  <c r="U61272" i="1"/>
  <c r="U61271" i="1"/>
  <c r="U61270" i="1"/>
  <c r="U61269" i="1"/>
  <c r="U61268" i="1"/>
  <c r="U61267" i="1"/>
  <c r="U61266" i="1"/>
  <c r="U61265" i="1"/>
  <c r="U61264" i="1"/>
  <c r="U61263" i="1"/>
  <c r="U61262" i="1"/>
  <c r="U61261" i="1"/>
  <c r="U61260" i="1"/>
  <c r="U61259" i="1"/>
  <c r="U61258" i="1"/>
  <c r="U61257" i="1"/>
  <c r="U61256" i="1"/>
  <c r="U61255" i="1"/>
  <c r="U61254" i="1"/>
  <c r="U61253" i="1"/>
  <c r="U61252" i="1"/>
  <c r="U61251" i="1"/>
  <c r="U61250" i="1"/>
  <c r="U61249" i="1"/>
  <c r="U61248" i="1"/>
  <c r="U61247" i="1"/>
  <c r="U61246" i="1"/>
  <c r="U61245" i="1"/>
  <c r="U61244" i="1"/>
  <c r="U61243" i="1"/>
  <c r="U61242" i="1"/>
  <c r="U61241" i="1"/>
  <c r="U61240" i="1"/>
  <c r="U61239" i="1"/>
  <c r="U61238" i="1"/>
  <c r="U61237" i="1"/>
  <c r="U61236" i="1"/>
  <c r="U61235" i="1"/>
  <c r="U61234" i="1"/>
  <c r="U61233" i="1"/>
  <c r="U61232" i="1"/>
  <c r="U61231" i="1"/>
  <c r="U61230" i="1"/>
  <c r="U61229" i="1"/>
  <c r="U61228" i="1"/>
  <c r="U61227" i="1"/>
  <c r="U61226" i="1"/>
  <c r="U61225" i="1"/>
  <c r="U61224" i="1"/>
  <c r="U61223" i="1"/>
  <c r="U61222" i="1"/>
  <c r="U61221" i="1"/>
  <c r="U61220" i="1"/>
  <c r="U61219" i="1"/>
  <c r="U61218" i="1"/>
  <c r="U61217" i="1"/>
  <c r="U61216" i="1"/>
  <c r="U61215" i="1"/>
  <c r="U61214" i="1"/>
  <c r="U61213" i="1"/>
  <c r="U61212" i="1"/>
  <c r="U61211" i="1"/>
  <c r="U61210" i="1"/>
  <c r="U61209" i="1"/>
  <c r="U61208" i="1"/>
  <c r="U61207" i="1"/>
  <c r="U61206" i="1"/>
  <c r="U61205" i="1"/>
  <c r="U61204" i="1"/>
  <c r="U61203" i="1"/>
  <c r="U61202" i="1"/>
  <c r="U61201" i="1"/>
  <c r="U61200" i="1"/>
  <c r="U61199" i="1"/>
  <c r="U61198" i="1"/>
  <c r="U61197" i="1"/>
  <c r="U61196" i="1"/>
  <c r="U61195" i="1"/>
  <c r="U61194" i="1"/>
  <c r="U61193" i="1"/>
  <c r="U61192" i="1"/>
  <c r="U61191" i="1"/>
  <c r="U61190" i="1"/>
  <c r="U61189" i="1"/>
  <c r="U61188" i="1"/>
  <c r="U61187" i="1"/>
  <c r="U61186" i="1"/>
  <c r="U61185" i="1"/>
  <c r="U61184" i="1"/>
  <c r="U61183" i="1"/>
  <c r="U61182" i="1"/>
  <c r="U61181" i="1"/>
  <c r="U61180" i="1"/>
  <c r="U61179" i="1"/>
  <c r="U61178" i="1"/>
  <c r="U61177" i="1"/>
  <c r="U61176" i="1"/>
  <c r="U61175" i="1"/>
  <c r="U61174" i="1"/>
  <c r="U61173" i="1"/>
  <c r="U61172" i="1"/>
  <c r="U61171" i="1"/>
  <c r="U61170" i="1"/>
  <c r="U61169" i="1"/>
  <c r="U61168" i="1"/>
  <c r="U61167" i="1"/>
  <c r="U61166" i="1"/>
  <c r="U61165" i="1"/>
  <c r="U61164" i="1"/>
  <c r="U61163" i="1"/>
  <c r="U61162" i="1"/>
  <c r="U61161" i="1"/>
  <c r="U61160" i="1"/>
  <c r="U61159" i="1"/>
  <c r="U61158" i="1"/>
  <c r="U61157" i="1"/>
  <c r="U61156" i="1"/>
  <c r="U61155" i="1"/>
  <c r="U61154" i="1"/>
  <c r="U61153" i="1"/>
  <c r="U61152" i="1"/>
  <c r="U61151" i="1"/>
  <c r="U61150" i="1"/>
  <c r="U61149" i="1"/>
  <c r="U61148" i="1"/>
  <c r="U61147" i="1"/>
  <c r="U61146" i="1"/>
  <c r="U61145" i="1"/>
  <c r="U61144" i="1"/>
  <c r="U61143" i="1"/>
  <c r="U61142" i="1"/>
  <c r="U61141" i="1"/>
  <c r="U61140" i="1"/>
  <c r="U61139" i="1"/>
  <c r="U61138" i="1"/>
  <c r="U61137" i="1"/>
  <c r="U61136" i="1"/>
  <c r="U61135" i="1"/>
  <c r="U61134" i="1"/>
  <c r="U61133" i="1"/>
  <c r="U61132" i="1"/>
  <c r="U61131" i="1"/>
  <c r="U61130" i="1"/>
  <c r="U61129" i="1"/>
  <c r="U61128" i="1"/>
  <c r="U61127" i="1"/>
  <c r="U61126" i="1"/>
  <c r="U61125" i="1"/>
  <c r="U61124" i="1"/>
  <c r="U61123" i="1"/>
  <c r="U61122" i="1"/>
  <c r="U61121" i="1"/>
  <c r="U61120" i="1"/>
  <c r="U61119" i="1"/>
  <c r="U61118" i="1"/>
  <c r="U61117" i="1"/>
  <c r="U61116" i="1"/>
  <c r="U61115" i="1"/>
  <c r="U61114" i="1"/>
  <c r="U61113" i="1"/>
  <c r="U61112" i="1"/>
  <c r="U61111" i="1"/>
  <c r="U61110" i="1"/>
  <c r="U61109" i="1"/>
  <c r="U61108" i="1"/>
  <c r="U61107" i="1"/>
  <c r="U61106" i="1"/>
  <c r="U61105" i="1"/>
  <c r="U61104" i="1"/>
  <c r="U61103" i="1"/>
  <c r="U61102" i="1"/>
  <c r="U61101" i="1"/>
  <c r="U61100" i="1"/>
  <c r="U61099" i="1"/>
  <c r="U61098" i="1"/>
  <c r="U61097" i="1"/>
  <c r="U61096" i="1"/>
  <c r="U61095" i="1"/>
  <c r="U61094" i="1"/>
  <c r="U61093" i="1"/>
  <c r="U61092" i="1"/>
  <c r="U61091" i="1"/>
  <c r="U61090" i="1"/>
  <c r="U61089" i="1"/>
  <c r="U61088" i="1"/>
  <c r="U61087" i="1"/>
  <c r="U61086" i="1"/>
  <c r="U61085" i="1"/>
  <c r="U61084" i="1"/>
  <c r="U61083" i="1"/>
  <c r="U61082" i="1"/>
  <c r="U61081" i="1"/>
  <c r="U61080" i="1"/>
  <c r="U61079" i="1"/>
  <c r="U61078" i="1"/>
  <c r="U61077" i="1"/>
  <c r="U61076" i="1"/>
  <c r="U61075" i="1"/>
  <c r="U61074" i="1"/>
  <c r="U61073" i="1"/>
  <c r="U61072" i="1"/>
  <c r="U61071" i="1"/>
  <c r="U61070" i="1"/>
  <c r="U61069" i="1"/>
  <c r="U61068" i="1"/>
  <c r="U61067" i="1"/>
  <c r="U61066" i="1"/>
  <c r="U61065" i="1"/>
  <c r="U61064" i="1"/>
  <c r="U61063" i="1"/>
  <c r="U61062" i="1"/>
  <c r="U61061" i="1"/>
  <c r="U61060" i="1"/>
  <c r="U61059" i="1"/>
  <c r="U61058" i="1"/>
  <c r="U61057" i="1"/>
  <c r="U61056" i="1"/>
  <c r="U61055" i="1"/>
  <c r="U61054" i="1"/>
  <c r="U61053" i="1"/>
  <c r="U61052" i="1"/>
  <c r="U61051" i="1"/>
  <c r="U61050" i="1"/>
  <c r="U61049" i="1"/>
  <c r="U61048" i="1"/>
  <c r="U61047" i="1"/>
  <c r="U61046" i="1"/>
  <c r="U61045" i="1"/>
  <c r="U61044" i="1"/>
  <c r="U61043" i="1"/>
  <c r="U61042" i="1"/>
  <c r="U61041" i="1"/>
  <c r="U61040" i="1"/>
  <c r="U61039" i="1"/>
  <c r="U61038" i="1"/>
  <c r="U61037" i="1"/>
  <c r="U61036" i="1"/>
  <c r="U61035" i="1"/>
  <c r="U61034" i="1"/>
  <c r="U61033" i="1"/>
  <c r="U61032" i="1"/>
  <c r="U61031" i="1"/>
  <c r="U61030" i="1"/>
  <c r="U61029" i="1"/>
  <c r="U61028" i="1"/>
  <c r="U61027" i="1"/>
  <c r="U61026" i="1"/>
  <c r="U61025" i="1"/>
  <c r="U61024" i="1"/>
  <c r="U61023" i="1"/>
  <c r="U61022" i="1"/>
  <c r="U61021" i="1"/>
  <c r="U61020" i="1"/>
  <c r="U61019" i="1"/>
  <c r="U61018" i="1"/>
  <c r="U61017" i="1"/>
  <c r="U61016" i="1"/>
  <c r="U61015" i="1"/>
  <c r="U61014" i="1"/>
  <c r="U61013" i="1"/>
  <c r="U61012" i="1"/>
  <c r="U61011" i="1"/>
  <c r="U61010" i="1"/>
  <c r="U61009" i="1"/>
  <c r="U61008" i="1"/>
  <c r="U61007" i="1"/>
  <c r="U61006" i="1"/>
  <c r="U61005" i="1"/>
  <c r="U61004" i="1"/>
  <c r="U61003" i="1"/>
  <c r="U61002" i="1"/>
  <c r="U61001" i="1"/>
  <c r="U61000" i="1"/>
  <c r="U60999" i="1"/>
  <c r="U60998" i="1"/>
  <c r="U60997" i="1"/>
  <c r="U60996" i="1"/>
  <c r="U60995" i="1"/>
  <c r="U60994" i="1"/>
  <c r="U60993" i="1"/>
  <c r="U60992" i="1"/>
  <c r="U60991" i="1"/>
  <c r="U60990" i="1"/>
  <c r="U60989" i="1"/>
  <c r="U60988" i="1"/>
  <c r="U60987" i="1"/>
  <c r="U60986" i="1"/>
  <c r="U60985" i="1"/>
  <c r="U60984" i="1"/>
  <c r="U60983" i="1"/>
  <c r="U60982" i="1"/>
  <c r="U60981" i="1"/>
  <c r="U60980" i="1"/>
  <c r="U60979" i="1"/>
  <c r="U60978" i="1"/>
  <c r="U60977" i="1"/>
  <c r="U60976" i="1"/>
  <c r="U60975" i="1"/>
  <c r="U60974" i="1"/>
  <c r="U60973" i="1"/>
  <c r="U60972" i="1"/>
  <c r="U60971" i="1"/>
  <c r="U60970" i="1"/>
  <c r="U60969" i="1"/>
  <c r="U60968" i="1"/>
  <c r="U60967" i="1"/>
  <c r="U60966" i="1"/>
  <c r="U60965" i="1"/>
  <c r="U60964" i="1"/>
  <c r="U60963" i="1"/>
  <c r="U60962" i="1"/>
  <c r="U60961" i="1"/>
  <c r="U60960" i="1"/>
  <c r="U60959" i="1"/>
  <c r="U60958" i="1"/>
  <c r="U60957" i="1"/>
  <c r="U60956" i="1"/>
  <c r="U60955" i="1"/>
  <c r="U60954" i="1"/>
  <c r="U60953" i="1"/>
  <c r="U60952" i="1"/>
  <c r="U60951" i="1"/>
  <c r="U60950" i="1"/>
  <c r="U60949" i="1"/>
  <c r="U60948" i="1"/>
  <c r="U60947" i="1"/>
  <c r="U60946" i="1"/>
  <c r="U60945" i="1"/>
  <c r="U60944" i="1"/>
  <c r="U60943" i="1"/>
  <c r="U60942" i="1"/>
  <c r="U60941" i="1"/>
  <c r="U60940" i="1"/>
  <c r="U60939" i="1"/>
  <c r="U60938" i="1"/>
  <c r="U60937" i="1"/>
  <c r="U60936" i="1"/>
  <c r="U60935" i="1"/>
  <c r="U60934" i="1"/>
  <c r="U60933" i="1"/>
  <c r="U60932" i="1"/>
  <c r="U60931" i="1"/>
  <c r="U60930" i="1"/>
  <c r="U60929" i="1"/>
  <c r="U60928" i="1"/>
  <c r="U60927" i="1"/>
  <c r="U60926" i="1"/>
  <c r="U60925" i="1"/>
  <c r="U60924" i="1"/>
  <c r="U60923" i="1"/>
  <c r="U60922" i="1"/>
  <c r="U60921" i="1"/>
  <c r="U60920" i="1"/>
  <c r="U60919" i="1"/>
  <c r="U60918" i="1"/>
  <c r="U60917" i="1"/>
  <c r="U60916" i="1"/>
  <c r="U60915" i="1"/>
  <c r="U60914" i="1"/>
  <c r="U60913" i="1"/>
  <c r="U60912" i="1"/>
  <c r="U60911" i="1"/>
  <c r="U60910" i="1"/>
  <c r="U60909" i="1"/>
  <c r="U60908" i="1"/>
  <c r="U60907" i="1"/>
  <c r="U60906" i="1"/>
  <c r="U60905" i="1"/>
  <c r="U60904" i="1"/>
  <c r="U60903" i="1"/>
  <c r="U60902" i="1"/>
  <c r="U60901" i="1"/>
  <c r="U60900" i="1"/>
  <c r="U60899" i="1"/>
  <c r="U60898" i="1"/>
  <c r="U60897" i="1"/>
  <c r="U60896" i="1"/>
  <c r="U60895" i="1"/>
  <c r="U60894" i="1"/>
  <c r="U60893" i="1"/>
  <c r="U60892" i="1"/>
  <c r="U60891" i="1"/>
  <c r="U60890" i="1"/>
  <c r="U60889" i="1"/>
  <c r="U60888" i="1"/>
  <c r="U60887" i="1"/>
  <c r="U60886" i="1"/>
  <c r="U60885" i="1"/>
  <c r="U60884" i="1"/>
  <c r="U60883" i="1"/>
  <c r="U60882" i="1"/>
  <c r="U60881" i="1"/>
  <c r="U60880" i="1"/>
  <c r="U60879" i="1"/>
  <c r="U60878" i="1"/>
  <c r="U60877" i="1"/>
  <c r="U60876" i="1"/>
  <c r="U60875" i="1"/>
  <c r="U60874" i="1"/>
  <c r="U60873" i="1"/>
  <c r="U60872" i="1"/>
  <c r="U60871" i="1"/>
  <c r="U60870" i="1"/>
  <c r="U60869" i="1"/>
  <c r="U60868" i="1"/>
  <c r="U60867" i="1"/>
  <c r="U60866" i="1"/>
  <c r="U60865" i="1"/>
  <c r="U60864" i="1"/>
  <c r="U60863" i="1"/>
  <c r="U60862" i="1"/>
  <c r="U60861" i="1"/>
  <c r="U60860" i="1"/>
  <c r="U60859" i="1"/>
  <c r="U60858" i="1"/>
  <c r="U60857" i="1"/>
  <c r="U60856" i="1"/>
  <c r="U60855" i="1"/>
  <c r="U60854" i="1"/>
  <c r="U60853" i="1"/>
  <c r="U60852" i="1"/>
  <c r="U60851" i="1"/>
  <c r="U60850" i="1"/>
  <c r="U60849" i="1"/>
  <c r="U60848" i="1"/>
  <c r="U60847" i="1"/>
  <c r="U60846" i="1"/>
  <c r="U60845" i="1"/>
  <c r="U60844" i="1"/>
  <c r="U60843" i="1"/>
  <c r="U60842" i="1"/>
  <c r="U60841" i="1"/>
  <c r="U60840" i="1"/>
  <c r="U60839" i="1"/>
  <c r="U60838" i="1"/>
  <c r="U60837" i="1"/>
  <c r="U60836" i="1"/>
  <c r="U60835" i="1"/>
  <c r="U60834" i="1"/>
  <c r="U60833" i="1"/>
  <c r="U60832" i="1"/>
  <c r="U60831" i="1"/>
  <c r="U60830" i="1"/>
  <c r="U60829" i="1"/>
  <c r="U60828" i="1"/>
  <c r="U60827" i="1"/>
  <c r="U60826" i="1"/>
  <c r="U60825" i="1"/>
  <c r="U60824" i="1"/>
  <c r="U60823" i="1"/>
  <c r="U60822" i="1"/>
  <c r="U60821" i="1"/>
  <c r="U60820" i="1"/>
  <c r="U60819" i="1"/>
  <c r="U60818" i="1"/>
  <c r="U60817" i="1"/>
  <c r="U60816" i="1"/>
  <c r="U60815" i="1"/>
  <c r="U60814" i="1"/>
  <c r="U60813" i="1"/>
  <c r="U60812" i="1"/>
  <c r="U60811" i="1"/>
  <c r="U60810" i="1"/>
  <c r="U60809" i="1"/>
  <c r="U60808" i="1"/>
  <c r="U60807" i="1"/>
  <c r="U60806" i="1"/>
  <c r="U60805" i="1"/>
  <c r="U60804" i="1"/>
  <c r="U60803" i="1"/>
  <c r="U60802" i="1"/>
  <c r="U60801" i="1"/>
  <c r="U60800" i="1"/>
  <c r="U60799" i="1"/>
  <c r="U60798" i="1"/>
  <c r="U60797" i="1"/>
  <c r="U60796" i="1"/>
  <c r="U60795" i="1"/>
  <c r="U60794" i="1"/>
  <c r="U60793" i="1"/>
  <c r="U60792" i="1"/>
  <c r="U60791" i="1"/>
  <c r="U60790" i="1"/>
  <c r="U60789" i="1"/>
  <c r="U60788" i="1"/>
  <c r="U60787" i="1"/>
  <c r="U60786" i="1"/>
  <c r="U60785" i="1"/>
  <c r="U60784" i="1"/>
  <c r="U60783" i="1"/>
  <c r="U60782" i="1"/>
  <c r="U60781" i="1"/>
  <c r="U60780" i="1"/>
  <c r="U60779" i="1"/>
  <c r="U60778" i="1"/>
  <c r="U60777" i="1"/>
  <c r="U60776" i="1"/>
  <c r="U60775" i="1"/>
  <c r="U60774" i="1"/>
  <c r="U60773" i="1"/>
  <c r="U60772" i="1"/>
  <c r="U60771" i="1"/>
  <c r="U60770" i="1"/>
  <c r="U60769" i="1"/>
  <c r="U60768" i="1"/>
  <c r="U60767" i="1"/>
  <c r="U60766" i="1"/>
  <c r="U60765" i="1"/>
  <c r="U60764" i="1"/>
  <c r="U60763" i="1"/>
  <c r="U60762" i="1"/>
  <c r="U60761" i="1"/>
  <c r="U60760" i="1"/>
  <c r="U60759" i="1"/>
  <c r="U60758" i="1"/>
  <c r="U60757" i="1"/>
  <c r="U60756" i="1"/>
  <c r="U60755" i="1"/>
  <c r="U60754" i="1"/>
  <c r="U60753" i="1"/>
  <c r="U60752" i="1"/>
  <c r="U60751" i="1"/>
  <c r="U60750" i="1"/>
  <c r="U60749" i="1"/>
  <c r="U60748" i="1"/>
  <c r="U60747" i="1"/>
  <c r="U60746" i="1"/>
  <c r="U60745" i="1"/>
  <c r="U60744" i="1"/>
  <c r="U60743" i="1"/>
  <c r="U60742" i="1"/>
  <c r="U60741" i="1"/>
  <c r="U60740" i="1"/>
  <c r="U60739" i="1"/>
  <c r="U60738" i="1"/>
  <c r="U60737" i="1"/>
  <c r="U60736" i="1"/>
  <c r="U60735" i="1"/>
  <c r="U60734" i="1"/>
  <c r="U60733" i="1"/>
  <c r="U60732" i="1"/>
  <c r="U60731" i="1"/>
  <c r="U60730" i="1"/>
  <c r="U60729" i="1"/>
  <c r="U60728" i="1"/>
  <c r="U60727" i="1"/>
  <c r="U60726" i="1"/>
  <c r="U60725" i="1"/>
  <c r="U60724" i="1"/>
  <c r="U60723" i="1"/>
  <c r="U60722" i="1"/>
  <c r="U60721" i="1"/>
  <c r="U60720" i="1"/>
  <c r="U60719" i="1"/>
  <c r="U60718" i="1"/>
  <c r="U60717" i="1"/>
  <c r="U60716" i="1"/>
  <c r="U60715" i="1"/>
  <c r="U60714" i="1"/>
  <c r="U60713" i="1"/>
  <c r="U60712" i="1"/>
  <c r="U60711" i="1"/>
  <c r="U60710" i="1"/>
  <c r="U60709" i="1"/>
  <c r="U60708" i="1"/>
  <c r="U60707" i="1"/>
  <c r="U60706" i="1"/>
  <c r="U60705" i="1"/>
  <c r="U60704" i="1"/>
  <c r="U60703" i="1"/>
  <c r="U60702" i="1"/>
  <c r="U60701" i="1"/>
  <c r="U60700" i="1"/>
  <c r="U60699" i="1"/>
  <c r="U60698" i="1"/>
  <c r="U60697" i="1"/>
  <c r="U60696" i="1"/>
  <c r="U60695" i="1"/>
  <c r="U60694" i="1"/>
  <c r="U60693" i="1"/>
  <c r="U60692" i="1"/>
  <c r="U60691" i="1"/>
  <c r="U60690" i="1"/>
  <c r="U60689" i="1"/>
  <c r="U60688" i="1"/>
  <c r="U60687" i="1"/>
  <c r="U60686" i="1"/>
  <c r="U60685" i="1"/>
  <c r="U60684" i="1"/>
  <c r="U60683" i="1"/>
  <c r="U60682" i="1"/>
  <c r="U60681" i="1"/>
  <c r="U60680" i="1"/>
  <c r="U60679" i="1"/>
  <c r="U60678" i="1"/>
  <c r="U60677" i="1"/>
  <c r="U60676" i="1"/>
  <c r="U60675" i="1"/>
  <c r="U60674" i="1"/>
  <c r="U60673" i="1"/>
  <c r="U60672" i="1"/>
  <c r="U60671" i="1"/>
  <c r="U60670" i="1"/>
  <c r="U60669" i="1"/>
  <c r="U60668" i="1"/>
  <c r="U60667" i="1"/>
  <c r="U60666" i="1"/>
  <c r="U60665" i="1"/>
  <c r="U60664" i="1"/>
  <c r="U60663" i="1"/>
  <c r="U60662" i="1"/>
  <c r="U60661" i="1"/>
  <c r="U60660" i="1"/>
  <c r="U60659" i="1"/>
  <c r="U60658" i="1"/>
  <c r="U60657" i="1"/>
  <c r="U60656" i="1"/>
  <c r="U60655" i="1"/>
  <c r="U60654" i="1"/>
  <c r="U60653" i="1"/>
  <c r="U60652" i="1"/>
  <c r="U60651" i="1"/>
  <c r="U60650" i="1"/>
  <c r="U60649" i="1"/>
  <c r="U60648" i="1"/>
  <c r="U60647" i="1"/>
  <c r="U60646" i="1"/>
  <c r="U60645" i="1"/>
  <c r="U60644" i="1"/>
  <c r="U60643" i="1"/>
  <c r="U60642" i="1"/>
  <c r="U60641" i="1"/>
  <c r="U60640" i="1"/>
  <c r="U60639" i="1"/>
  <c r="U60638" i="1"/>
  <c r="U60637" i="1"/>
  <c r="U60636" i="1"/>
  <c r="U60635" i="1"/>
  <c r="U60634" i="1"/>
  <c r="U60633" i="1"/>
  <c r="U60632" i="1"/>
  <c r="U60631" i="1"/>
  <c r="U60630" i="1"/>
  <c r="U60629" i="1"/>
  <c r="U60628" i="1"/>
  <c r="U60627" i="1"/>
  <c r="U60626" i="1"/>
  <c r="U60625" i="1"/>
  <c r="U60624" i="1"/>
  <c r="U60623" i="1"/>
  <c r="U60622" i="1"/>
  <c r="U60621" i="1"/>
  <c r="U60620" i="1"/>
  <c r="U60619" i="1"/>
  <c r="U60618" i="1"/>
  <c r="U60617" i="1"/>
  <c r="U60616" i="1"/>
  <c r="U60615" i="1"/>
  <c r="U60614" i="1"/>
  <c r="U60613" i="1"/>
  <c r="U60612" i="1"/>
  <c r="U60611" i="1"/>
  <c r="U60610" i="1"/>
  <c r="U60609" i="1"/>
  <c r="U60608" i="1"/>
  <c r="U60607" i="1"/>
  <c r="U60606" i="1"/>
  <c r="U60605" i="1"/>
  <c r="U60604" i="1"/>
  <c r="U60603" i="1"/>
  <c r="U60602" i="1"/>
  <c r="U60601" i="1"/>
  <c r="U60600" i="1"/>
  <c r="U60599" i="1"/>
  <c r="U60598" i="1"/>
  <c r="U60597" i="1"/>
  <c r="U60596" i="1"/>
  <c r="U60595" i="1"/>
  <c r="U60594" i="1"/>
  <c r="U60593" i="1"/>
  <c r="U60592" i="1"/>
  <c r="U60591" i="1"/>
  <c r="U60590" i="1"/>
  <c r="U60589" i="1"/>
  <c r="U60588" i="1"/>
  <c r="U60587" i="1"/>
  <c r="U60586" i="1"/>
  <c r="U60585" i="1"/>
  <c r="U60584" i="1"/>
  <c r="U60583" i="1"/>
  <c r="U60582" i="1"/>
  <c r="U60581" i="1"/>
  <c r="U60580" i="1"/>
  <c r="U60579" i="1"/>
  <c r="U60578" i="1"/>
  <c r="U60577" i="1"/>
  <c r="U60576" i="1"/>
  <c r="U60575" i="1"/>
  <c r="U60574" i="1"/>
  <c r="U60573" i="1"/>
  <c r="U60572" i="1"/>
  <c r="U60571" i="1"/>
  <c r="U60570" i="1"/>
  <c r="U60569" i="1"/>
  <c r="U60568" i="1"/>
  <c r="U60567" i="1"/>
  <c r="U60566" i="1"/>
  <c r="U60565" i="1"/>
  <c r="U60564" i="1"/>
  <c r="U60563" i="1"/>
  <c r="U60562" i="1"/>
  <c r="U60561" i="1"/>
  <c r="U60560" i="1"/>
  <c r="U60559" i="1"/>
  <c r="U60558" i="1"/>
  <c r="U60557" i="1"/>
  <c r="U60556" i="1"/>
  <c r="U60555" i="1"/>
  <c r="U60554" i="1"/>
  <c r="U60553" i="1"/>
  <c r="U60552" i="1"/>
  <c r="U60551" i="1"/>
  <c r="U60550" i="1"/>
  <c r="U60549" i="1"/>
  <c r="U60548" i="1"/>
  <c r="U60547" i="1"/>
  <c r="U60546" i="1"/>
  <c r="U60545" i="1"/>
  <c r="U60544" i="1"/>
  <c r="U60543" i="1"/>
  <c r="U60542" i="1"/>
  <c r="U60541" i="1"/>
  <c r="U60540" i="1"/>
  <c r="U60539" i="1"/>
  <c r="U60538" i="1"/>
  <c r="U60537" i="1"/>
  <c r="U60536" i="1"/>
  <c r="U60535" i="1"/>
  <c r="U60534" i="1"/>
  <c r="U60533" i="1"/>
  <c r="U60532" i="1"/>
  <c r="U60531" i="1"/>
  <c r="U60530" i="1"/>
  <c r="U60529" i="1"/>
  <c r="U60528" i="1"/>
  <c r="U60527" i="1"/>
  <c r="U60526" i="1"/>
  <c r="U60525" i="1"/>
  <c r="U60524" i="1"/>
  <c r="U60523" i="1"/>
  <c r="U60522" i="1"/>
  <c r="U60521" i="1"/>
  <c r="U60520" i="1"/>
  <c r="U60519" i="1"/>
  <c r="U60518" i="1"/>
  <c r="U60517" i="1"/>
  <c r="U60516" i="1"/>
  <c r="U60515" i="1"/>
  <c r="U60514" i="1"/>
  <c r="U60513" i="1"/>
  <c r="U60512" i="1"/>
  <c r="U60511" i="1"/>
  <c r="U60510" i="1"/>
  <c r="U60509" i="1"/>
  <c r="U60508" i="1"/>
  <c r="U60507" i="1"/>
  <c r="U60506" i="1"/>
  <c r="U60505" i="1"/>
  <c r="U60504" i="1"/>
  <c r="U60503" i="1"/>
  <c r="U60502" i="1"/>
  <c r="U60501" i="1"/>
  <c r="U60500" i="1"/>
  <c r="U60499" i="1"/>
  <c r="U60498" i="1"/>
  <c r="U60497" i="1"/>
  <c r="U60496" i="1"/>
  <c r="U60495" i="1"/>
  <c r="U60494" i="1"/>
  <c r="U60493" i="1"/>
  <c r="U60492" i="1"/>
  <c r="U60491" i="1"/>
  <c r="U60490" i="1"/>
  <c r="U60489" i="1"/>
  <c r="U60488" i="1"/>
  <c r="U60487" i="1"/>
  <c r="U60486" i="1"/>
  <c r="U60485" i="1"/>
  <c r="U60484" i="1"/>
  <c r="U60483" i="1"/>
  <c r="U60482" i="1"/>
  <c r="U60481" i="1"/>
  <c r="U60480" i="1"/>
  <c r="U60479" i="1"/>
  <c r="U60478" i="1"/>
  <c r="U60477" i="1"/>
  <c r="U60476" i="1"/>
  <c r="U60475" i="1"/>
  <c r="U60474" i="1"/>
  <c r="U60473" i="1"/>
  <c r="U60472" i="1"/>
  <c r="U60471" i="1"/>
  <c r="U60470" i="1"/>
  <c r="U60469" i="1"/>
  <c r="U60468" i="1"/>
  <c r="U60467" i="1"/>
  <c r="U60466" i="1"/>
  <c r="U60465" i="1"/>
  <c r="U60464" i="1"/>
  <c r="U60463" i="1"/>
  <c r="U60462" i="1"/>
  <c r="U60461" i="1"/>
  <c r="U60460" i="1"/>
  <c r="U60459" i="1"/>
  <c r="U60458" i="1"/>
  <c r="U60457" i="1"/>
  <c r="U60456" i="1"/>
  <c r="U60455" i="1"/>
  <c r="U60454" i="1"/>
  <c r="U60453" i="1"/>
  <c r="U60452" i="1"/>
  <c r="U60451" i="1"/>
  <c r="U60450" i="1"/>
  <c r="U60449" i="1"/>
  <c r="U60448" i="1"/>
  <c r="U60447" i="1"/>
  <c r="U60446" i="1"/>
  <c r="U60445" i="1"/>
  <c r="U60444" i="1"/>
  <c r="U60443" i="1"/>
  <c r="U60442" i="1"/>
  <c r="U60441" i="1"/>
  <c r="U60440" i="1"/>
  <c r="U60439" i="1"/>
  <c r="U60438" i="1"/>
  <c r="U60437" i="1"/>
  <c r="U60436" i="1"/>
  <c r="U60435" i="1"/>
  <c r="U60434" i="1"/>
  <c r="U60433" i="1"/>
  <c r="U60432" i="1"/>
  <c r="U60431" i="1"/>
  <c r="U60430" i="1"/>
  <c r="U60429" i="1"/>
  <c r="U60428" i="1"/>
  <c r="U60427" i="1"/>
  <c r="U60426" i="1"/>
  <c r="U60425" i="1"/>
  <c r="U60424" i="1"/>
  <c r="U60423" i="1"/>
  <c r="U60422" i="1"/>
  <c r="U60421" i="1"/>
  <c r="U60420" i="1"/>
  <c r="U60419" i="1"/>
  <c r="U60418" i="1"/>
  <c r="U60417" i="1"/>
  <c r="U60416" i="1"/>
  <c r="U60415" i="1"/>
  <c r="U60414" i="1"/>
  <c r="U60413" i="1"/>
  <c r="U60412" i="1"/>
  <c r="U60411" i="1"/>
  <c r="U60410" i="1"/>
  <c r="U60409" i="1"/>
  <c r="U60408" i="1"/>
  <c r="U60407" i="1"/>
  <c r="U60406" i="1"/>
  <c r="U60405" i="1"/>
  <c r="U60404" i="1"/>
  <c r="U60403" i="1"/>
  <c r="U60402" i="1"/>
  <c r="U60401" i="1"/>
  <c r="U60400" i="1"/>
  <c r="U60399" i="1"/>
  <c r="U60398" i="1"/>
  <c r="U60397" i="1"/>
  <c r="U60396" i="1"/>
  <c r="U60395" i="1"/>
  <c r="U60394" i="1"/>
  <c r="U60393" i="1"/>
  <c r="U60392" i="1"/>
  <c r="U60391" i="1"/>
  <c r="U60390" i="1"/>
  <c r="U60389" i="1"/>
  <c r="U60388" i="1"/>
  <c r="U60387" i="1"/>
  <c r="U60386" i="1"/>
  <c r="U60385" i="1"/>
  <c r="U60384" i="1"/>
  <c r="U60383" i="1"/>
  <c r="U60382" i="1"/>
  <c r="U60381" i="1"/>
  <c r="U60380" i="1"/>
  <c r="U60379" i="1"/>
  <c r="U60378" i="1"/>
  <c r="U60377" i="1"/>
  <c r="U60376" i="1"/>
  <c r="U60375" i="1"/>
  <c r="U60374" i="1"/>
  <c r="U60373" i="1"/>
  <c r="U60372" i="1"/>
  <c r="U60371" i="1"/>
  <c r="U60370" i="1"/>
  <c r="U60369" i="1"/>
  <c r="U60368" i="1"/>
  <c r="U60367" i="1"/>
  <c r="U60366" i="1"/>
  <c r="U60365" i="1"/>
  <c r="U60364" i="1"/>
  <c r="U60363" i="1"/>
  <c r="U60362" i="1"/>
  <c r="U60361" i="1"/>
  <c r="U60360" i="1"/>
  <c r="U60359" i="1"/>
  <c r="U60358" i="1"/>
  <c r="U60357" i="1"/>
  <c r="U60356" i="1"/>
  <c r="U60355" i="1"/>
  <c r="U60354" i="1"/>
  <c r="U60353" i="1"/>
  <c r="U60352" i="1"/>
  <c r="U60351" i="1"/>
  <c r="U60350" i="1"/>
  <c r="U60349" i="1"/>
  <c r="U60348" i="1"/>
  <c r="U60347" i="1"/>
  <c r="U60346" i="1"/>
  <c r="U60345" i="1"/>
  <c r="U60344" i="1"/>
  <c r="U60343" i="1"/>
  <c r="U60342" i="1"/>
  <c r="U60341" i="1"/>
  <c r="U60340" i="1"/>
  <c r="U60339" i="1"/>
  <c r="U60338" i="1"/>
  <c r="U60337" i="1"/>
  <c r="U60336" i="1"/>
  <c r="U60335" i="1"/>
  <c r="U60334" i="1"/>
  <c r="U60333" i="1"/>
  <c r="U60332" i="1"/>
  <c r="U60331" i="1"/>
  <c r="U60330" i="1"/>
  <c r="U60329" i="1"/>
  <c r="U60328" i="1"/>
  <c r="U60327" i="1"/>
  <c r="U60326" i="1"/>
  <c r="U60325" i="1"/>
  <c r="U60324" i="1"/>
  <c r="U60323" i="1"/>
  <c r="U60322" i="1"/>
  <c r="U60321" i="1"/>
  <c r="U60320" i="1"/>
  <c r="U60319" i="1"/>
  <c r="U60318" i="1"/>
  <c r="U60317" i="1"/>
  <c r="U60316" i="1"/>
  <c r="U60315" i="1"/>
  <c r="U60314" i="1"/>
  <c r="U60313" i="1"/>
  <c r="U60312" i="1"/>
  <c r="U60311" i="1"/>
  <c r="U60310" i="1"/>
  <c r="U60309" i="1"/>
  <c r="U60308" i="1"/>
  <c r="U60307" i="1"/>
  <c r="U60306" i="1"/>
  <c r="U60305" i="1"/>
  <c r="U60304" i="1"/>
  <c r="U60303" i="1"/>
  <c r="U60302" i="1"/>
  <c r="U60301" i="1"/>
  <c r="U60300" i="1"/>
  <c r="U60299" i="1"/>
  <c r="U60298" i="1"/>
  <c r="U60297" i="1"/>
  <c r="U60296" i="1"/>
  <c r="U60295" i="1"/>
  <c r="U60294" i="1"/>
  <c r="U60293" i="1"/>
  <c r="U60292" i="1"/>
  <c r="U60291" i="1"/>
  <c r="U60290" i="1"/>
  <c r="U60289" i="1"/>
  <c r="U60288" i="1"/>
  <c r="U60287" i="1"/>
  <c r="U60286" i="1"/>
  <c r="U60285" i="1"/>
  <c r="U60284" i="1"/>
  <c r="U60283" i="1"/>
  <c r="U60282" i="1"/>
  <c r="U60281" i="1"/>
  <c r="U60280" i="1"/>
  <c r="U60279" i="1"/>
  <c r="U60278" i="1"/>
  <c r="U60277" i="1"/>
  <c r="U60276" i="1"/>
  <c r="U60275" i="1"/>
  <c r="U60274" i="1"/>
  <c r="U60273" i="1"/>
  <c r="U60272" i="1"/>
  <c r="U60271" i="1"/>
  <c r="U60270" i="1"/>
  <c r="U60269" i="1"/>
  <c r="U60268" i="1"/>
  <c r="U60267" i="1"/>
  <c r="U60266" i="1"/>
  <c r="U60265" i="1"/>
  <c r="U60264" i="1"/>
  <c r="U60263" i="1"/>
  <c r="U60262" i="1"/>
  <c r="U60261" i="1"/>
  <c r="U60260" i="1"/>
  <c r="U60259" i="1"/>
  <c r="U60258" i="1"/>
  <c r="U60257" i="1"/>
  <c r="U60256" i="1"/>
  <c r="U60255" i="1"/>
  <c r="U60254" i="1"/>
  <c r="U60253" i="1"/>
  <c r="U60252" i="1"/>
  <c r="U60251" i="1"/>
  <c r="U60250" i="1"/>
  <c r="U60249" i="1"/>
  <c r="U60248" i="1"/>
  <c r="U60247" i="1"/>
  <c r="U60246" i="1"/>
  <c r="U60245" i="1"/>
  <c r="U60244" i="1"/>
  <c r="U60243" i="1"/>
  <c r="U60242" i="1"/>
  <c r="U60241" i="1"/>
  <c r="U60240" i="1"/>
  <c r="U60239" i="1"/>
  <c r="U60238" i="1"/>
  <c r="U60237" i="1"/>
  <c r="U60236" i="1"/>
  <c r="U60235" i="1"/>
  <c r="U60234" i="1"/>
  <c r="U60233" i="1"/>
  <c r="U60232" i="1"/>
  <c r="U60231" i="1"/>
  <c r="U60230" i="1"/>
  <c r="U60229" i="1"/>
  <c r="U60228" i="1"/>
  <c r="U60227" i="1"/>
  <c r="U60226" i="1"/>
  <c r="U60225" i="1"/>
  <c r="U60224" i="1"/>
  <c r="U60223" i="1"/>
  <c r="U60222" i="1"/>
  <c r="U60221" i="1"/>
  <c r="U60220" i="1"/>
  <c r="U60219" i="1"/>
  <c r="U60218" i="1"/>
  <c r="U60217" i="1"/>
  <c r="U60216" i="1"/>
  <c r="U60215" i="1"/>
  <c r="U60214" i="1"/>
  <c r="U60213" i="1"/>
  <c r="U60212" i="1"/>
  <c r="U60211" i="1"/>
  <c r="U60210" i="1"/>
  <c r="U60209" i="1"/>
  <c r="U60208" i="1"/>
  <c r="U60207" i="1"/>
  <c r="U60206" i="1"/>
  <c r="U60205" i="1"/>
  <c r="U60204" i="1"/>
  <c r="U60203" i="1"/>
  <c r="U60202" i="1"/>
  <c r="U60201" i="1"/>
  <c r="U60200" i="1"/>
  <c r="U60199" i="1"/>
  <c r="U60198" i="1"/>
  <c r="U60197" i="1"/>
  <c r="U60196" i="1"/>
  <c r="U60195" i="1"/>
  <c r="U60194" i="1"/>
  <c r="U60193" i="1"/>
  <c r="U60192" i="1"/>
  <c r="U60191" i="1"/>
  <c r="U60190" i="1"/>
  <c r="U60189" i="1"/>
  <c r="U60188" i="1"/>
  <c r="U60187" i="1"/>
  <c r="U60186" i="1"/>
  <c r="U60185" i="1"/>
  <c r="U60184" i="1"/>
  <c r="U60183" i="1"/>
  <c r="U60182" i="1"/>
  <c r="U60181" i="1"/>
  <c r="U60180" i="1"/>
  <c r="U60179" i="1"/>
  <c r="U60178" i="1"/>
  <c r="U60177" i="1"/>
  <c r="U60176" i="1"/>
  <c r="U60175" i="1"/>
  <c r="U60174" i="1"/>
  <c r="U60173" i="1"/>
  <c r="U60172" i="1"/>
  <c r="U60171" i="1"/>
  <c r="U60170" i="1"/>
  <c r="U60169" i="1"/>
  <c r="U60168" i="1"/>
  <c r="U60167" i="1"/>
  <c r="U60166" i="1"/>
  <c r="U60165" i="1"/>
  <c r="U60164" i="1"/>
  <c r="U60163" i="1"/>
  <c r="U60162" i="1"/>
  <c r="U60161" i="1"/>
  <c r="U60160" i="1"/>
  <c r="U60159" i="1"/>
  <c r="U60158" i="1"/>
  <c r="U60157" i="1"/>
  <c r="U60156" i="1"/>
  <c r="U60155" i="1"/>
  <c r="U60154" i="1"/>
  <c r="U60153" i="1"/>
  <c r="U60152" i="1"/>
  <c r="U60151" i="1"/>
  <c r="U60150" i="1"/>
  <c r="U60149" i="1"/>
  <c r="U60148" i="1"/>
  <c r="U60147" i="1"/>
  <c r="U60146" i="1"/>
  <c r="U60145" i="1"/>
  <c r="U60144" i="1"/>
  <c r="U60143" i="1"/>
  <c r="U60142" i="1"/>
  <c r="U60141" i="1"/>
  <c r="U60140" i="1"/>
  <c r="U60139" i="1"/>
  <c r="U60138" i="1"/>
  <c r="U60137" i="1"/>
  <c r="U60136" i="1"/>
  <c r="U60135" i="1"/>
  <c r="U60134" i="1"/>
  <c r="U60133" i="1"/>
  <c r="U60132" i="1"/>
  <c r="U60131" i="1"/>
  <c r="U60130" i="1"/>
  <c r="U60129" i="1"/>
  <c r="U60128" i="1"/>
  <c r="U60127" i="1"/>
  <c r="U60126" i="1"/>
  <c r="U60125" i="1"/>
  <c r="U60124" i="1"/>
  <c r="U60123" i="1"/>
  <c r="U60122" i="1"/>
  <c r="U60121" i="1"/>
  <c r="U60120" i="1"/>
  <c r="U60119" i="1"/>
  <c r="U60118" i="1"/>
  <c r="U60117" i="1"/>
  <c r="U60116" i="1"/>
  <c r="U60115" i="1"/>
  <c r="U60114" i="1"/>
  <c r="U60113" i="1"/>
  <c r="U60112" i="1"/>
  <c r="U60111" i="1"/>
  <c r="U60110" i="1"/>
  <c r="U60109" i="1"/>
  <c r="U60108" i="1"/>
  <c r="U60107" i="1"/>
  <c r="U60106" i="1"/>
  <c r="U60105" i="1"/>
  <c r="U60104" i="1"/>
  <c r="U60103" i="1"/>
  <c r="U60102" i="1"/>
  <c r="U60101" i="1"/>
  <c r="U60100" i="1"/>
  <c r="U60099" i="1"/>
  <c r="U60098" i="1"/>
  <c r="U60097" i="1"/>
  <c r="U60096" i="1"/>
  <c r="U60095" i="1"/>
  <c r="U60094" i="1"/>
  <c r="U60093" i="1"/>
  <c r="U60092" i="1"/>
  <c r="U60091" i="1"/>
  <c r="U60090" i="1"/>
  <c r="U60089" i="1"/>
  <c r="U60088" i="1"/>
  <c r="U60087" i="1"/>
  <c r="U60086" i="1"/>
  <c r="U60085" i="1"/>
  <c r="U60084" i="1"/>
  <c r="U60083" i="1"/>
  <c r="U60082" i="1"/>
  <c r="U60081" i="1"/>
  <c r="U60080" i="1"/>
  <c r="U60079" i="1"/>
  <c r="U60078" i="1"/>
  <c r="U60077" i="1"/>
  <c r="U60076" i="1"/>
  <c r="U60075" i="1"/>
  <c r="U60074" i="1"/>
  <c r="U60073" i="1"/>
  <c r="U60072" i="1"/>
  <c r="U60071" i="1"/>
  <c r="U60070" i="1"/>
  <c r="U60069" i="1"/>
  <c r="U60068" i="1"/>
  <c r="U60067" i="1"/>
  <c r="U60066" i="1"/>
  <c r="U60065" i="1"/>
  <c r="U60064" i="1"/>
  <c r="U60063" i="1"/>
  <c r="U60062" i="1"/>
  <c r="U60061" i="1"/>
  <c r="U60060" i="1"/>
  <c r="U60059" i="1"/>
  <c r="U60058" i="1"/>
  <c r="U60057" i="1"/>
  <c r="U60056" i="1"/>
  <c r="U60055" i="1"/>
  <c r="U60054" i="1"/>
  <c r="U60053" i="1"/>
  <c r="U60052" i="1"/>
  <c r="U60051" i="1"/>
  <c r="U60050" i="1"/>
  <c r="U60049" i="1"/>
  <c r="U60048" i="1"/>
  <c r="U60047" i="1"/>
  <c r="U60046" i="1"/>
  <c r="U60045" i="1"/>
  <c r="U60044" i="1"/>
  <c r="U60043" i="1"/>
  <c r="U60042" i="1"/>
  <c r="U60041" i="1"/>
  <c r="U60040" i="1"/>
  <c r="U60039" i="1"/>
  <c r="U60038" i="1"/>
  <c r="U60037" i="1"/>
  <c r="U60036" i="1"/>
  <c r="U60035" i="1"/>
  <c r="U60034" i="1"/>
  <c r="U60033" i="1"/>
  <c r="U60032" i="1"/>
  <c r="U60031" i="1"/>
  <c r="U60030" i="1"/>
  <c r="U60029" i="1"/>
  <c r="U60028" i="1"/>
  <c r="U60027" i="1"/>
  <c r="U60026" i="1"/>
  <c r="U60025" i="1"/>
  <c r="U60024" i="1"/>
  <c r="U60023" i="1"/>
  <c r="U60022" i="1"/>
  <c r="U60021" i="1"/>
  <c r="U60020" i="1"/>
  <c r="U60019" i="1"/>
  <c r="U60018" i="1"/>
  <c r="U60017" i="1"/>
  <c r="U60016" i="1"/>
  <c r="U60015" i="1"/>
  <c r="U60014" i="1"/>
  <c r="U60013" i="1"/>
  <c r="U60012" i="1"/>
  <c r="U60011" i="1"/>
  <c r="U60010" i="1"/>
  <c r="U60009" i="1"/>
  <c r="U60008" i="1"/>
  <c r="U60007" i="1"/>
  <c r="U60006" i="1"/>
  <c r="U60005" i="1"/>
  <c r="U60004" i="1"/>
  <c r="U60003" i="1"/>
  <c r="U60002" i="1"/>
  <c r="U60001" i="1"/>
  <c r="U60000" i="1"/>
  <c r="U59999" i="1"/>
  <c r="U59998" i="1"/>
  <c r="U59997" i="1"/>
  <c r="U59996" i="1"/>
  <c r="U59995" i="1"/>
  <c r="U59994" i="1"/>
  <c r="U59993" i="1"/>
  <c r="U59992" i="1"/>
  <c r="U59991" i="1"/>
  <c r="U59990" i="1"/>
  <c r="U59989" i="1"/>
  <c r="U59988" i="1"/>
  <c r="U59987" i="1"/>
  <c r="U59986" i="1"/>
  <c r="U59985" i="1"/>
  <c r="U59984" i="1"/>
  <c r="U59983" i="1"/>
  <c r="U59982" i="1"/>
  <c r="U59981" i="1"/>
  <c r="U59980" i="1"/>
  <c r="U59979" i="1"/>
  <c r="U59978" i="1"/>
  <c r="U59977" i="1"/>
  <c r="U59976" i="1"/>
  <c r="U59975" i="1"/>
  <c r="U59974" i="1"/>
  <c r="U59973" i="1"/>
  <c r="U59972" i="1"/>
  <c r="U59971" i="1"/>
  <c r="U59970" i="1"/>
  <c r="U59969" i="1"/>
  <c r="U59968" i="1"/>
  <c r="U59967" i="1"/>
  <c r="U59966" i="1"/>
  <c r="U59965" i="1"/>
  <c r="U59964" i="1"/>
  <c r="U59963" i="1"/>
  <c r="U59962" i="1"/>
  <c r="U59961" i="1"/>
  <c r="U59960" i="1"/>
  <c r="U59959" i="1"/>
  <c r="U59958" i="1"/>
  <c r="U59957" i="1"/>
  <c r="U59956" i="1"/>
  <c r="U59955" i="1"/>
  <c r="U59954" i="1"/>
  <c r="U59953" i="1"/>
  <c r="U59952" i="1"/>
  <c r="U59951" i="1"/>
  <c r="U59950" i="1"/>
  <c r="U59949" i="1"/>
  <c r="U59948" i="1"/>
  <c r="U59947" i="1"/>
  <c r="U59946" i="1"/>
  <c r="U59945" i="1"/>
  <c r="U59944" i="1"/>
  <c r="U59943" i="1"/>
  <c r="U59942" i="1"/>
  <c r="U59941" i="1"/>
  <c r="U59940" i="1"/>
  <c r="U59939" i="1"/>
  <c r="U59938" i="1"/>
  <c r="U59937" i="1"/>
  <c r="U59936" i="1"/>
  <c r="U59935" i="1"/>
  <c r="U59934" i="1"/>
  <c r="U59933" i="1"/>
  <c r="U59932" i="1"/>
  <c r="U59931" i="1"/>
  <c r="U59930" i="1"/>
  <c r="U59929" i="1"/>
  <c r="U59928" i="1"/>
  <c r="U59927" i="1"/>
  <c r="U59926" i="1"/>
  <c r="U59925" i="1"/>
  <c r="U59924" i="1"/>
  <c r="U59923" i="1"/>
  <c r="U59922" i="1"/>
  <c r="U59921" i="1"/>
  <c r="U59920" i="1"/>
  <c r="U59919" i="1"/>
  <c r="U59918" i="1"/>
  <c r="U59917" i="1"/>
  <c r="U59916" i="1"/>
  <c r="U59915" i="1"/>
  <c r="U59914" i="1"/>
  <c r="U59913" i="1"/>
  <c r="U59912" i="1"/>
  <c r="U59911" i="1"/>
  <c r="U59910" i="1"/>
  <c r="U59909" i="1"/>
  <c r="U59908" i="1"/>
  <c r="U59907" i="1"/>
  <c r="U59906" i="1"/>
  <c r="U59905" i="1"/>
  <c r="U59904" i="1"/>
  <c r="U59903" i="1"/>
  <c r="U59902" i="1"/>
  <c r="U59901" i="1"/>
  <c r="U59900" i="1"/>
  <c r="U59899" i="1"/>
  <c r="U59898" i="1"/>
  <c r="U59897" i="1"/>
  <c r="U59896" i="1"/>
  <c r="U59895" i="1"/>
  <c r="U59894" i="1"/>
  <c r="U59893" i="1"/>
  <c r="U59892" i="1"/>
  <c r="U59891" i="1"/>
  <c r="U59890" i="1"/>
  <c r="U59889" i="1"/>
  <c r="U59888" i="1"/>
  <c r="U59887" i="1"/>
  <c r="U59886" i="1"/>
  <c r="U59885" i="1"/>
  <c r="U59884" i="1"/>
  <c r="U59883" i="1"/>
  <c r="U59882" i="1"/>
  <c r="U59881" i="1"/>
  <c r="U59880" i="1"/>
  <c r="U59879" i="1"/>
  <c r="U59878" i="1"/>
  <c r="U59877" i="1"/>
  <c r="U59876" i="1"/>
  <c r="U59875" i="1"/>
  <c r="U59874" i="1"/>
  <c r="U59873" i="1"/>
  <c r="U59872" i="1"/>
  <c r="U59871" i="1"/>
  <c r="U59870" i="1"/>
  <c r="U59869" i="1"/>
  <c r="U59868" i="1"/>
  <c r="U59867" i="1"/>
  <c r="U59866" i="1"/>
  <c r="U59865" i="1"/>
  <c r="U59864" i="1"/>
  <c r="U59863" i="1"/>
  <c r="U59862" i="1"/>
  <c r="U59861" i="1"/>
  <c r="U59860" i="1"/>
  <c r="U59859" i="1"/>
  <c r="U59858" i="1"/>
  <c r="U59857" i="1"/>
  <c r="U59856" i="1"/>
  <c r="U59855" i="1"/>
  <c r="U59854" i="1"/>
  <c r="U59853" i="1"/>
  <c r="U59852" i="1"/>
  <c r="U59851" i="1"/>
  <c r="U59850" i="1"/>
  <c r="U59849" i="1"/>
  <c r="U59848" i="1"/>
  <c r="U59847" i="1"/>
  <c r="U59846" i="1"/>
  <c r="U59845" i="1"/>
  <c r="U59844" i="1"/>
  <c r="U59843" i="1"/>
  <c r="U59842" i="1"/>
  <c r="U59841" i="1"/>
  <c r="U59840" i="1"/>
  <c r="U59839" i="1"/>
  <c r="U59838" i="1"/>
  <c r="U59837" i="1"/>
  <c r="U59836" i="1"/>
  <c r="U59835" i="1"/>
  <c r="U59834" i="1"/>
  <c r="U59833" i="1"/>
  <c r="U59832" i="1"/>
  <c r="U59831" i="1"/>
  <c r="U59830" i="1"/>
  <c r="U59829" i="1"/>
  <c r="U59828" i="1"/>
  <c r="U59827" i="1"/>
  <c r="U59826" i="1"/>
  <c r="U59825" i="1"/>
  <c r="U59824" i="1"/>
  <c r="U59823" i="1"/>
  <c r="U59822" i="1"/>
  <c r="U59821" i="1"/>
  <c r="U59820" i="1"/>
  <c r="U59819" i="1"/>
  <c r="U59818" i="1"/>
  <c r="U59817" i="1"/>
  <c r="U59816" i="1"/>
  <c r="U59815" i="1"/>
  <c r="U59814" i="1"/>
  <c r="U59813" i="1"/>
  <c r="U59812" i="1"/>
  <c r="U59811" i="1"/>
  <c r="U59810" i="1"/>
  <c r="U59809" i="1"/>
  <c r="U59808" i="1"/>
  <c r="U59807" i="1"/>
  <c r="U59806" i="1"/>
  <c r="U59805" i="1"/>
  <c r="U59804" i="1"/>
  <c r="U59803" i="1"/>
  <c r="U59802" i="1"/>
  <c r="U59801" i="1"/>
  <c r="U59800" i="1"/>
  <c r="U59799" i="1"/>
  <c r="U59798" i="1"/>
  <c r="U59797" i="1"/>
  <c r="U59796" i="1"/>
  <c r="U59795" i="1"/>
  <c r="U59794" i="1"/>
  <c r="U59793" i="1"/>
  <c r="U59792" i="1"/>
  <c r="U59791" i="1"/>
  <c r="U59790" i="1"/>
  <c r="U59789" i="1"/>
  <c r="U59788" i="1"/>
  <c r="U59787" i="1"/>
  <c r="U59786" i="1"/>
  <c r="U59785" i="1"/>
  <c r="U59784" i="1"/>
  <c r="U59783" i="1"/>
  <c r="U59782" i="1"/>
  <c r="U59781" i="1"/>
  <c r="U59780" i="1"/>
  <c r="U59779" i="1"/>
  <c r="U59778" i="1"/>
  <c r="U59777" i="1"/>
  <c r="U59776" i="1"/>
  <c r="U59775" i="1"/>
  <c r="U59774" i="1"/>
  <c r="U59773" i="1"/>
  <c r="U59772" i="1"/>
  <c r="U59771" i="1"/>
  <c r="U59770" i="1"/>
  <c r="U59769" i="1"/>
  <c r="U59768" i="1"/>
  <c r="U59767" i="1"/>
  <c r="U59766" i="1"/>
  <c r="U59765" i="1"/>
  <c r="U59764" i="1"/>
  <c r="U59763" i="1"/>
  <c r="U59762" i="1"/>
  <c r="U59761" i="1"/>
  <c r="U59760" i="1"/>
  <c r="U59759" i="1"/>
  <c r="U59758" i="1"/>
  <c r="U59757" i="1"/>
  <c r="U59756" i="1"/>
  <c r="U59755" i="1"/>
  <c r="U59754" i="1"/>
  <c r="U59753" i="1"/>
  <c r="U59752" i="1"/>
  <c r="U59751" i="1"/>
  <c r="U59750" i="1"/>
  <c r="U59749" i="1"/>
  <c r="U59748" i="1"/>
  <c r="U59747" i="1"/>
  <c r="U59746" i="1"/>
  <c r="U59745" i="1"/>
  <c r="U59744" i="1"/>
  <c r="U59743" i="1"/>
  <c r="U59742" i="1"/>
  <c r="U59741" i="1"/>
  <c r="U59740" i="1"/>
  <c r="U59739" i="1"/>
  <c r="U59738" i="1"/>
  <c r="U59737" i="1"/>
  <c r="U59736" i="1"/>
  <c r="U59735" i="1"/>
  <c r="U59734" i="1"/>
  <c r="U59733" i="1"/>
  <c r="U59732" i="1"/>
  <c r="U59731" i="1"/>
  <c r="U59730" i="1"/>
  <c r="U59729" i="1"/>
  <c r="U59728" i="1"/>
  <c r="U59727" i="1"/>
  <c r="U59726" i="1"/>
  <c r="U59725" i="1"/>
  <c r="U59724" i="1"/>
  <c r="U59723" i="1"/>
  <c r="U59722" i="1"/>
  <c r="U59721" i="1"/>
  <c r="U59720" i="1"/>
  <c r="U59719" i="1"/>
  <c r="U59718" i="1"/>
  <c r="U59717" i="1"/>
  <c r="U59716" i="1"/>
  <c r="U59715" i="1"/>
  <c r="U59714" i="1"/>
  <c r="U59713" i="1"/>
  <c r="U59712" i="1"/>
  <c r="U59711" i="1"/>
  <c r="U59710" i="1"/>
  <c r="U59709" i="1"/>
  <c r="U59708" i="1"/>
  <c r="U59707" i="1"/>
  <c r="U59706" i="1"/>
  <c r="U59705" i="1"/>
  <c r="U59704" i="1"/>
  <c r="U59703" i="1"/>
  <c r="U59702" i="1"/>
  <c r="U59701" i="1"/>
  <c r="U59700" i="1"/>
  <c r="U59699" i="1"/>
  <c r="U59698" i="1"/>
  <c r="U59697" i="1"/>
  <c r="U59696" i="1"/>
  <c r="U59695" i="1"/>
  <c r="U59694" i="1"/>
  <c r="U59693" i="1"/>
  <c r="U59692" i="1"/>
  <c r="U59691" i="1"/>
  <c r="U59690" i="1"/>
  <c r="U59689" i="1"/>
  <c r="U59688" i="1"/>
  <c r="U59687" i="1"/>
  <c r="U59686" i="1"/>
  <c r="U59685" i="1"/>
  <c r="U59684" i="1"/>
  <c r="U59683" i="1"/>
  <c r="U59682" i="1"/>
  <c r="U59681" i="1"/>
  <c r="U59680" i="1"/>
  <c r="U59679" i="1"/>
  <c r="U59678" i="1"/>
  <c r="U59677" i="1"/>
  <c r="U59676" i="1"/>
  <c r="U59675" i="1"/>
  <c r="U59674" i="1"/>
  <c r="U59673" i="1"/>
  <c r="U59672" i="1"/>
  <c r="U59671" i="1"/>
  <c r="U59670" i="1"/>
  <c r="U59669" i="1"/>
  <c r="U59668" i="1"/>
  <c r="U59667" i="1"/>
  <c r="U59666" i="1"/>
  <c r="U59665" i="1"/>
  <c r="U59664" i="1"/>
  <c r="U59663" i="1"/>
  <c r="U59662" i="1"/>
  <c r="U59661" i="1"/>
  <c r="U59660" i="1"/>
  <c r="U59659" i="1"/>
  <c r="U59658" i="1"/>
  <c r="U59657" i="1"/>
  <c r="U59656" i="1"/>
  <c r="U59655" i="1"/>
  <c r="U59654" i="1"/>
  <c r="U59653" i="1"/>
  <c r="U59652" i="1"/>
  <c r="U59651" i="1"/>
  <c r="U59650" i="1"/>
  <c r="U59649" i="1"/>
  <c r="U59648" i="1"/>
  <c r="U59647" i="1"/>
  <c r="U59646" i="1"/>
  <c r="U59645" i="1"/>
  <c r="U59644" i="1"/>
  <c r="U59643" i="1"/>
  <c r="U59642" i="1"/>
  <c r="U59641" i="1"/>
  <c r="U59640" i="1"/>
  <c r="U59639" i="1"/>
  <c r="U59638" i="1"/>
  <c r="U59637" i="1"/>
  <c r="U59636" i="1"/>
  <c r="U59635" i="1"/>
  <c r="U59634" i="1"/>
  <c r="U59633" i="1"/>
  <c r="U59632" i="1"/>
  <c r="U59631" i="1"/>
  <c r="U59630" i="1"/>
  <c r="U59629" i="1"/>
  <c r="U59628" i="1"/>
  <c r="U59627" i="1"/>
  <c r="U59626" i="1"/>
  <c r="U59625" i="1"/>
  <c r="U59624" i="1"/>
  <c r="U59623" i="1"/>
  <c r="U59622" i="1"/>
  <c r="U59621" i="1"/>
  <c r="U59620" i="1"/>
  <c r="U59619" i="1"/>
  <c r="U59618" i="1"/>
  <c r="U59617" i="1"/>
  <c r="U59616" i="1"/>
  <c r="U59615" i="1"/>
  <c r="U59614" i="1"/>
  <c r="U59613" i="1"/>
  <c r="U59612" i="1"/>
  <c r="U59611" i="1"/>
  <c r="U59610" i="1"/>
  <c r="U59609" i="1"/>
  <c r="U59608" i="1"/>
  <c r="U59607" i="1"/>
  <c r="U59606" i="1"/>
  <c r="U59605" i="1"/>
  <c r="U59604" i="1"/>
  <c r="U59603" i="1"/>
  <c r="U59602" i="1"/>
  <c r="U59601" i="1"/>
  <c r="U59600" i="1"/>
  <c r="U59599" i="1"/>
  <c r="U59598" i="1"/>
  <c r="U59597" i="1"/>
  <c r="U59596" i="1"/>
  <c r="U59595" i="1"/>
  <c r="U59594" i="1"/>
  <c r="U59593" i="1"/>
  <c r="U59592" i="1"/>
  <c r="U59591" i="1"/>
  <c r="U59590" i="1"/>
  <c r="U59589" i="1"/>
  <c r="U59588" i="1"/>
  <c r="U59587" i="1"/>
  <c r="U59586" i="1"/>
  <c r="U59585" i="1"/>
  <c r="U59584" i="1"/>
  <c r="U59583" i="1"/>
  <c r="U59582" i="1"/>
  <c r="U59581" i="1"/>
  <c r="U59580" i="1"/>
  <c r="U59579" i="1"/>
  <c r="U59578" i="1"/>
  <c r="U59577" i="1"/>
  <c r="U59576" i="1"/>
  <c r="U59575" i="1"/>
  <c r="U59574" i="1"/>
  <c r="U59573" i="1"/>
  <c r="U59572" i="1"/>
  <c r="U59571" i="1"/>
  <c r="U59570" i="1"/>
  <c r="U59569" i="1"/>
  <c r="U59568" i="1"/>
  <c r="U59567" i="1"/>
  <c r="U59566" i="1"/>
  <c r="U59565" i="1"/>
  <c r="U59564" i="1"/>
  <c r="U59563" i="1"/>
  <c r="U59562" i="1"/>
  <c r="U59561" i="1"/>
  <c r="U59560" i="1"/>
  <c r="U59559" i="1"/>
  <c r="U59558" i="1"/>
  <c r="U59557" i="1"/>
  <c r="U59556" i="1"/>
  <c r="U59555" i="1"/>
  <c r="U59554" i="1"/>
  <c r="U59553" i="1"/>
  <c r="U59552" i="1"/>
  <c r="U59551" i="1"/>
  <c r="U59550" i="1"/>
  <c r="U59549" i="1"/>
  <c r="U59548" i="1"/>
  <c r="U59547" i="1"/>
  <c r="U59546" i="1"/>
  <c r="U59545" i="1"/>
  <c r="U59544" i="1"/>
  <c r="U59543" i="1"/>
  <c r="U59542" i="1"/>
  <c r="U59541" i="1"/>
  <c r="U59540" i="1"/>
  <c r="U59539" i="1"/>
  <c r="U59538" i="1"/>
  <c r="U59537" i="1"/>
  <c r="U59536" i="1"/>
  <c r="U59535" i="1"/>
  <c r="U59534" i="1"/>
  <c r="U59533" i="1"/>
  <c r="U59532" i="1"/>
  <c r="U59531" i="1"/>
  <c r="U59530" i="1"/>
  <c r="U59529" i="1"/>
  <c r="U59528" i="1"/>
  <c r="U59527" i="1"/>
  <c r="U59526" i="1"/>
  <c r="U59525" i="1"/>
  <c r="U59524" i="1"/>
  <c r="U59523" i="1"/>
  <c r="U59522" i="1"/>
  <c r="U59521" i="1"/>
  <c r="U59520" i="1"/>
  <c r="U59519" i="1"/>
  <c r="U59518" i="1"/>
  <c r="U59517" i="1"/>
  <c r="U59516" i="1"/>
  <c r="U59515" i="1"/>
  <c r="U59514" i="1"/>
  <c r="U59513" i="1"/>
  <c r="U59512" i="1"/>
  <c r="U59511" i="1"/>
  <c r="U59510" i="1"/>
  <c r="U59509" i="1"/>
  <c r="U59508" i="1"/>
  <c r="U59507" i="1"/>
  <c r="U59506" i="1"/>
  <c r="U59505" i="1"/>
  <c r="U59504" i="1"/>
  <c r="U59503" i="1"/>
  <c r="U59502" i="1"/>
  <c r="U59501" i="1"/>
  <c r="U59500" i="1"/>
  <c r="U59499" i="1"/>
  <c r="U59498" i="1"/>
  <c r="U59497" i="1"/>
  <c r="U59496" i="1"/>
  <c r="U59495" i="1"/>
  <c r="U59494" i="1"/>
  <c r="U59493" i="1"/>
  <c r="U59492" i="1"/>
  <c r="U59491" i="1"/>
  <c r="U59490" i="1"/>
  <c r="U59489" i="1"/>
  <c r="U59488" i="1"/>
  <c r="U59487" i="1"/>
  <c r="U59486" i="1"/>
  <c r="U59485" i="1"/>
  <c r="U59484" i="1"/>
  <c r="U59483" i="1"/>
  <c r="U59482" i="1"/>
  <c r="U59481" i="1"/>
  <c r="U59480" i="1"/>
  <c r="U59479" i="1"/>
  <c r="U59478" i="1"/>
  <c r="U59477" i="1"/>
  <c r="U59476" i="1"/>
  <c r="U59475" i="1"/>
  <c r="U59474" i="1"/>
  <c r="U59473" i="1"/>
  <c r="U59472" i="1"/>
  <c r="U59471" i="1"/>
  <c r="U59470" i="1"/>
  <c r="U59469" i="1"/>
  <c r="U59468" i="1"/>
  <c r="U59467" i="1"/>
  <c r="U59466" i="1"/>
  <c r="U59465" i="1"/>
  <c r="U59464" i="1"/>
  <c r="U59463" i="1"/>
  <c r="U59462" i="1"/>
  <c r="U59461" i="1"/>
  <c r="U59460" i="1"/>
  <c r="U59459" i="1"/>
  <c r="U59458" i="1"/>
  <c r="U59457" i="1"/>
  <c r="U59456" i="1"/>
  <c r="U59455" i="1"/>
  <c r="U59454" i="1"/>
  <c r="U59453" i="1"/>
  <c r="U59452" i="1"/>
  <c r="U59451" i="1"/>
  <c r="U59450" i="1"/>
  <c r="U59449" i="1"/>
  <c r="U59448" i="1"/>
  <c r="U59447" i="1"/>
  <c r="U59446" i="1"/>
  <c r="U59445" i="1"/>
  <c r="U59444" i="1"/>
  <c r="U59443" i="1"/>
  <c r="U59442" i="1"/>
  <c r="U59441" i="1"/>
  <c r="U59440" i="1"/>
  <c r="U59439" i="1"/>
  <c r="U59438" i="1"/>
  <c r="U59437" i="1"/>
  <c r="U59436" i="1"/>
  <c r="U59435" i="1"/>
  <c r="U59434" i="1"/>
  <c r="U59433" i="1"/>
  <c r="U59432" i="1"/>
  <c r="U59431" i="1"/>
  <c r="U59430" i="1"/>
  <c r="U59429" i="1"/>
  <c r="U59428" i="1"/>
  <c r="U59427" i="1"/>
  <c r="U59426" i="1"/>
  <c r="U59425" i="1"/>
  <c r="U59424" i="1"/>
  <c r="U59423" i="1"/>
  <c r="U59422" i="1"/>
  <c r="U59421" i="1"/>
  <c r="U59420" i="1"/>
  <c r="U59419" i="1"/>
  <c r="U59418" i="1"/>
  <c r="U59417" i="1"/>
  <c r="U59416" i="1"/>
  <c r="U59415" i="1"/>
  <c r="U59414" i="1"/>
  <c r="U59413" i="1"/>
  <c r="U59412" i="1"/>
  <c r="U59411" i="1"/>
  <c r="U59410" i="1"/>
  <c r="U59409" i="1"/>
  <c r="U59408" i="1"/>
  <c r="U59407" i="1"/>
  <c r="U59406" i="1"/>
  <c r="U59405" i="1"/>
  <c r="U59404" i="1"/>
  <c r="U59403" i="1"/>
  <c r="U59402" i="1"/>
  <c r="U59401" i="1"/>
  <c r="U59400" i="1"/>
  <c r="U59399" i="1"/>
  <c r="U59398" i="1"/>
  <c r="U59397" i="1"/>
  <c r="U59396" i="1"/>
  <c r="U59395" i="1"/>
  <c r="U59394" i="1"/>
  <c r="U59393" i="1"/>
  <c r="U59392" i="1"/>
  <c r="U59391" i="1"/>
  <c r="U59390" i="1"/>
  <c r="U59389" i="1"/>
  <c r="U59388" i="1"/>
  <c r="U59387" i="1"/>
  <c r="U59386" i="1"/>
  <c r="U59385" i="1"/>
  <c r="U59384" i="1"/>
  <c r="U59383" i="1"/>
  <c r="U59382" i="1"/>
  <c r="U59381" i="1"/>
  <c r="U59380" i="1"/>
  <c r="U59379" i="1"/>
  <c r="U59378" i="1"/>
  <c r="U59377" i="1"/>
  <c r="U59376" i="1"/>
  <c r="U59375" i="1"/>
  <c r="U59374" i="1"/>
  <c r="U59373" i="1"/>
  <c r="U59372" i="1"/>
  <c r="U59371" i="1"/>
  <c r="U59370" i="1"/>
  <c r="U59369" i="1"/>
  <c r="U59368" i="1"/>
  <c r="U59367" i="1"/>
  <c r="U59366" i="1"/>
  <c r="U59365" i="1"/>
  <c r="U59364" i="1"/>
  <c r="U59363" i="1"/>
  <c r="U59362" i="1"/>
  <c r="U59361" i="1"/>
  <c r="U59360" i="1"/>
  <c r="U59359" i="1"/>
  <c r="U59358" i="1"/>
  <c r="U59357" i="1"/>
  <c r="U59356" i="1"/>
  <c r="U59355" i="1"/>
  <c r="U59354" i="1"/>
  <c r="U59353" i="1"/>
  <c r="U59352" i="1"/>
  <c r="U59351" i="1"/>
  <c r="U59350" i="1"/>
  <c r="U59349" i="1"/>
  <c r="U59348" i="1"/>
  <c r="U59347" i="1"/>
  <c r="U59346" i="1"/>
  <c r="U59345" i="1"/>
  <c r="U59344" i="1"/>
  <c r="U59343" i="1"/>
  <c r="U59342" i="1"/>
  <c r="U59341" i="1"/>
  <c r="U59340" i="1"/>
  <c r="U59339" i="1"/>
  <c r="U59338" i="1"/>
  <c r="U59337" i="1"/>
  <c r="U59336" i="1"/>
  <c r="U59335" i="1"/>
  <c r="U59334" i="1"/>
  <c r="U59333" i="1"/>
  <c r="U59332" i="1"/>
  <c r="U59331" i="1"/>
  <c r="U59330" i="1"/>
  <c r="U59329" i="1"/>
  <c r="U59328" i="1"/>
  <c r="U59327" i="1"/>
  <c r="U59326" i="1"/>
  <c r="U59325" i="1"/>
  <c r="U59324" i="1"/>
  <c r="U59323" i="1"/>
  <c r="U59322" i="1"/>
  <c r="U59321" i="1"/>
  <c r="U59320" i="1"/>
  <c r="U59319" i="1"/>
  <c r="U59318" i="1"/>
  <c r="U59317" i="1"/>
  <c r="U59316" i="1"/>
  <c r="U59315" i="1"/>
  <c r="U59314" i="1"/>
  <c r="U59313" i="1"/>
  <c r="U59312" i="1"/>
  <c r="U59311" i="1"/>
  <c r="U59310" i="1"/>
  <c r="U59309" i="1"/>
  <c r="U59308" i="1"/>
  <c r="U59307" i="1"/>
  <c r="U59306" i="1"/>
  <c r="U59305" i="1"/>
  <c r="U59304" i="1"/>
  <c r="U59303" i="1"/>
  <c r="U59302" i="1"/>
  <c r="U59301" i="1"/>
  <c r="U59300" i="1"/>
  <c r="U59299" i="1"/>
  <c r="U59298" i="1"/>
  <c r="U59297" i="1"/>
  <c r="U59296" i="1"/>
  <c r="U59295" i="1"/>
  <c r="U59294" i="1"/>
  <c r="U59293" i="1"/>
  <c r="U59292" i="1"/>
  <c r="U59291" i="1"/>
  <c r="U59290" i="1"/>
  <c r="U59289" i="1"/>
  <c r="U59288" i="1"/>
  <c r="U59287" i="1"/>
  <c r="U59286" i="1"/>
  <c r="U59285" i="1"/>
  <c r="U59284" i="1"/>
  <c r="U59283" i="1"/>
  <c r="U59282" i="1"/>
  <c r="U59281" i="1"/>
  <c r="U59280" i="1"/>
  <c r="U59279" i="1"/>
  <c r="U59278" i="1"/>
  <c r="U59277" i="1"/>
  <c r="U59276" i="1"/>
  <c r="U59275" i="1"/>
  <c r="U59274" i="1"/>
  <c r="U59273" i="1"/>
  <c r="U59272" i="1"/>
  <c r="U59271" i="1"/>
  <c r="U59270" i="1"/>
  <c r="U59269" i="1"/>
  <c r="U59268" i="1"/>
  <c r="U59267" i="1"/>
  <c r="U59266" i="1"/>
  <c r="U59265" i="1"/>
  <c r="U59264" i="1"/>
  <c r="U59263" i="1"/>
  <c r="U59262" i="1"/>
  <c r="U59261" i="1"/>
  <c r="U59260" i="1"/>
  <c r="U59259" i="1"/>
  <c r="U59258" i="1"/>
  <c r="U59257" i="1"/>
  <c r="U59256" i="1"/>
  <c r="U59255" i="1"/>
  <c r="U59254" i="1"/>
  <c r="U59253" i="1"/>
  <c r="U59252" i="1"/>
  <c r="U59251" i="1"/>
  <c r="U59250" i="1"/>
  <c r="U59249" i="1"/>
  <c r="U59248" i="1"/>
  <c r="U59247" i="1"/>
  <c r="U59246" i="1"/>
  <c r="U59245" i="1"/>
  <c r="U59244" i="1"/>
  <c r="U59243" i="1"/>
  <c r="U59242" i="1"/>
  <c r="U59241" i="1"/>
  <c r="U59240" i="1"/>
  <c r="U59239" i="1"/>
  <c r="U59238" i="1"/>
  <c r="U59237" i="1"/>
  <c r="U59236" i="1"/>
  <c r="U59235" i="1"/>
  <c r="U59234" i="1"/>
  <c r="U59233" i="1"/>
  <c r="U59232" i="1"/>
  <c r="U59231" i="1"/>
  <c r="U59230" i="1"/>
  <c r="U59229" i="1"/>
  <c r="U59228" i="1"/>
  <c r="U59227" i="1"/>
  <c r="U59226" i="1"/>
  <c r="U59225" i="1"/>
  <c r="U59224" i="1"/>
  <c r="U59223" i="1"/>
  <c r="U59222" i="1"/>
  <c r="U59221" i="1"/>
  <c r="U59220" i="1"/>
  <c r="U59219" i="1"/>
  <c r="U59218" i="1"/>
  <c r="U59217" i="1"/>
  <c r="U59216" i="1"/>
  <c r="U59215" i="1"/>
  <c r="U59214" i="1"/>
  <c r="U59213" i="1"/>
  <c r="U59212" i="1"/>
  <c r="U59211" i="1"/>
  <c r="U59210" i="1"/>
  <c r="U59209" i="1"/>
  <c r="U59208" i="1"/>
  <c r="U59207" i="1"/>
  <c r="U59206" i="1"/>
  <c r="U59205" i="1"/>
  <c r="U59204" i="1"/>
  <c r="U59203" i="1"/>
  <c r="U59202" i="1"/>
  <c r="U59201" i="1"/>
  <c r="U59200" i="1"/>
  <c r="U59199" i="1"/>
  <c r="U59198" i="1"/>
  <c r="U59197" i="1"/>
  <c r="U59196" i="1"/>
  <c r="U59195" i="1"/>
  <c r="U59194" i="1"/>
  <c r="U59193" i="1"/>
  <c r="U59192" i="1"/>
  <c r="U59191" i="1"/>
  <c r="U59190" i="1"/>
  <c r="U59189" i="1"/>
  <c r="U59188" i="1"/>
  <c r="U59187" i="1"/>
  <c r="U59186" i="1"/>
  <c r="U59185" i="1"/>
  <c r="U59184" i="1"/>
  <c r="U59183" i="1"/>
  <c r="U59182" i="1"/>
  <c r="U59181" i="1"/>
  <c r="U59180" i="1"/>
  <c r="U59179" i="1"/>
  <c r="U59178" i="1"/>
  <c r="U59177" i="1"/>
  <c r="U59176" i="1"/>
  <c r="U59175" i="1"/>
  <c r="U59174" i="1"/>
  <c r="U59173" i="1"/>
  <c r="U59172" i="1"/>
  <c r="U59171" i="1"/>
  <c r="U59170" i="1"/>
  <c r="U59169" i="1"/>
  <c r="U59168" i="1"/>
  <c r="U59167" i="1"/>
  <c r="U59166" i="1"/>
  <c r="U59165" i="1"/>
  <c r="U59164" i="1"/>
  <c r="U59163" i="1"/>
  <c r="U59162" i="1"/>
  <c r="U59161" i="1"/>
  <c r="U59160" i="1"/>
  <c r="U59159" i="1"/>
  <c r="U59158" i="1"/>
  <c r="U59157" i="1"/>
  <c r="U59156" i="1"/>
  <c r="U59155" i="1"/>
  <c r="U59154" i="1"/>
  <c r="U59153" i="1"/>
  <c r="U59152" i="1"/>
  <c r="U59151" i="1"/>
  <c r="U59150" i="1"/>
  <c r="U59149" i="1"/>
  <c r="U59148" i="1"/>
  <c r="U59147" i="1"/>
  <c r="U59146" i="1"/>
  <c r="U59145" i="1"/>
  <c r="U59144" i="1"/>
  <c r="U59143" i="1"/>
  <c r="U59142" i="1"/>
  <c r="U59141" i="1"/>
  <c r="U59140" i="1"/>
  <c r="U59139" i="1"/>
  <c r="U59138" i="1"/>
  <c r="U59137" i="1"/>
  <c r="U59136" i="1"/>
  <c r="U59135" i="1"/>
  <c r="U59134" i="1"/>
  <c r="U59133" i="1"/>
  <c r="U59132" i="1"/>
  <c r="U59131" i="1"/>
  <c r="U59130" i="1"/>
  <c r="U59129" i="1"/>
  <c r="U59128" i="1"/>
  <c r="U59127" i="1"/>
  <c r="U59126" i="1"/>
  <c r="U59125" i="1"/>
  <c r="U59124" i="1"/>
  <c r="U59123" i="1"/>
  <c r="U59122" i="1"/>
  <c r="U59121" i="1"/>
  <c r="U59120" i="1"/>
  <c r="U59119" i="1"/>
  <c r="U59118" i="1"/>
  <c r="U59117" i="1"/>
  <c r="U59116" i="1"/>
  <c r="U59115" i="1"/>
  <c r="U59114" i="1"/>
  <c r="U59113" i="1"/>
  <c r="U59112" i="1"/>
  <c r="U59111" i="1"/>
  <c r="U59110" i="1"/>
  <c r="U59109" i="1"/>
  <c r="U59108" i="1"/>
  <c r="U59107" i="1"/>
  <c r="U59106" i="1"/>
  <c r="U59105" i="1"/>
  <c r="U59104" i="1"/>
  <c r="U59103" i="1"/>
  <c r="U59102" i="1"/>
  <c r="U59101" i="1"/>
  <c r="U59100" i="1"/>
  <c r="U59099" i="1"/>
  <c r="U59098" i="1"/>
  <c r="U59097" i="1"/>
  <c r="U59096" i="1"/>
  <c r="U59095" i="1"/>
  <c r="U59094" i="1"/>
  <c r="U59093" i="1"/>
  <c r="U59092" i="1"/>
  <c r="U59091" i="1"/>
  <c r="U59090" i="1"/>
  <c r="U59089" i="1"/>
  <c r="U59088" i="1"/>
  <c r="U59087" i="1"/>
  <c r="U59086" i="1"/>
  <c r="U59085" i="1"/>
  <c r="U59084" i="1"/>
  <c r="U59083" i="1"/>
  <c r="U59082" i="1"/>
  <c r="U59081" i="1"/>
  <c r="U59080" i="1"/>
  <c r="U59079" i="1"/>
  <c r="U59078" i="1"/>
  <c r="U59077" i="1"/>
  <c r="U59076" i="1"/>
  <c r="U59075" i="1"/>
  <c r="U59074" i="1"/>
  <c r="U59073" i="1"/>
  <c r="U59072" i="1"/>
  <c r="U59071" i="1"/>
  <c r="U59070" i="1"/>
  <c r="U59069" i="1"/>
  <c r="U59068" i="1"/>
  <c r="U59067" i="1"/>
  <c r="U59066" i="1"/>
  <c r="U59065" i="1"/>
  <c r="U59064" i="1"/>
  <c r="U59063" i="1"/>
  <c r="U59062" i="1"/>
  <c r="U59061" i="1"/>
  <c r="U59060" i="1"/>
  <c r="U59059" i="1"/>
  <c r="U59058" i="1"/>
  <c r="U59057" i="1"/>
  <c r="U59056" i="1"/>
  <c r="U59055" i="1"/>
  <c r="U59054" i="1"/>
  <c r="U59053" i="1"/>
  <c r="U59052" i="1"/>
  <c r="U59051" i="1"/>
  <c r="U59050" i="1"/>
  <c r="U59049" i="1"/>
  <c r="U59048" i="1"/>
  <c r="U59047" i="1"/>
  <c r="U59046" i="1"/>
  <c r="U59045" i="1"/>
  <c r="U59044" i="1"/>
  <c r="U59043" i="1"/>
  <c r="U59042" i="1"/>
  <c r="U59041" i="1"/>
  <c r="U59040" i="1"/>
  <c r="U59039" i="1"/>
  <c r="U59038" i="1"/>
  <c r="U59037" i="1"/>
  <c r="U59036" i="1"/>
  <c r="U59035" i="1"/>
  <c r="U59034" i="1"/>
  <c r="U59033" i="1"/>
  <c r="U59032" i="1"/>
  <c r="U59031" i="1"/>
  <c r="U59030" i="1"/>
  <c r="U59029" i="1"/>
  <c r="U59028" i="1"/>
  <c r="U59027" i="1"/>
  <c r="U59026" i="1"/>
  <c r="U59025" i="1"/>
  <c r="U59024" i="1"/>
  <c r="U59023" i="1"/>
  <c r="U59022" i="1"/>
  <c r="U59021" i="1"/>
  <c r="U59020" i="1"/>
  <c r="U59019" i="1"/>
  <c r="U59018" i="1"/>
  <c r="U59017" i="1"/>
  <c r="U59016" i="1"/>
  <c r="U59015" i="1"/>
  <c r="U59014" i="1"/>
  <c r="U59013" i="1"/>
  <c r="U59012" i="1"/>
  <c r="U59011" i="1"/>
  <c r="U59010" i="1"/>
  <c r="U59009" i="1"/>
  <c r="U59008" i="1"/>
  <c r="U59007" i="1"/>
  <c r="U59006" i="1"/>
  <c r="U59005" i="1"/>
  <c r="U59004" i="1"/>
  <c r="U59003" i="1"/>
  <c r="U59002" i="1"/>
  <c r="U59001" i="1"/>
  <c r="U59000" i="1"/>
  <c r="U58999" i="1"/>
  <c r="U58998" i="1"/>
  <c r="U58997" i="1"/>
  <c r="U58996" i="1"/>
  <c r="U58995" i="1"/>
  <c r="U58994" i="1"/>
  <c r="U58993" i="1"/>
  <c r="U58992" i="1"/>
  <c r="U58991" i="1"/>
  <c r="U58990" i="1"/>
  <c r="U58989" i="1"/>
  <c r="U58988" i="1"/>
  <c r="U58987" i="1"/>
  <c r="U58986" i="1"/>
  <c r="U58985" i="1"/>
  <c r="U58984" i="1"/>
  <c r="U58983" i="1"/>
  <c r="U58982" i="1"/>
  <c r="U58981" i="1"/>
  <c r="U58980" i="1"/>
  <c r="U58979" i="1"/>
  <c r="U58978" i="1"/>
  <c r="U58977" i="1"/>
  <c r="U58976" i="1"/>
  <c r="U58975" i="1"/>
  <c r="U58974" i="1"/>
  <c r="U58973" i="1"/>
  <c r="U58972" i="1"/>
  <c r="U58971" i="1"/>
  <c r="U58970" i="1"/>
  <c r="U58969" i="1"/>
  <c r="U58968" i="1"/>
  <c r="U58967" i="1"/>
  <c r="U58966" i="1"/>
  <c r="U58965" i="1"/>
  <c r="U58964" i="1"/>
  <c r="U58963" i="1"/>
  <c r="U58962" i="1"/>
  <c r="U58961" i="1"/>
  <c r="U58960" i="1"/>
  <c r="U58959" i="1"/>
  <c r="U58958" i="1"/>
  <c r="U58957" i="1"/>
  <c r="U58956" i="1"/>
  <c r="U58955" i="1"/>
  <c r="U58954" i="1"/>
  <c r="U58953" i="1"/>
  <c r="U58952" i="1"/>
  <c r="U58951" i="1"/>
  <c r="U58950" i="1"/>
  <c r="U58949" i="1"/>
  <c r="U58948" i="1"/>
  <c r="U58947" i="1"/>
  <c r="U58946" i="1"/>
  <c r="U58945" i="1"/>
  <c r="U58944" i="1"/>
  <c r="U58943" i="1"/>
  <c r="U58942" i="1"/>
  <c r="U58941" i="1"/>
  <c r="U58940" i="1"/>
  <c r="U58939" i="1"/>
  <c r="U58938" i="1"/>
  <c r="U58937" i="1"/>
  <c r="U58936" i="1"/>
  <c r="U58935" i="1"/>
  <c r="U58934" i="1"/>
  <c r="U58933" i="1"/>
  <c r="U58932" i="1"/>
  <c r="U58931" i="1"/>
  <c r="U58930" i="1"/>
  <c r="U58929" i="1"/>
  <c r="U58928" i="1"/>
  <c r="U58927" i="1"/>
  <c r="U58926" i="1"/>
  <c r="U58925" i="1"/>
  <c r="U58924" i="1"/>
  <c r="U58923" i="1"/>
  <c r="U58922" i="1"/>
  <c r="U58921" i="1"/>
  <c r="U58920" i="1"/>
  <c r="U58919" i="1"/>
  <c r="U58918" i="1"/>
  <c r="U58917" i="1"/>
  <c r="U58916" i="1"/>
  <c r="U58915" i="1"/>
  <c r="U58914" i="1"/>
  <c r="U58913" i="1"/>
  <c r="U58912" i="1"/>
  <c r="U58911" i="1"/>
  <c r="U58910" i="1"/>
  <c r="U58909" i="1"/>
  <c r="U58908" i="1"/>
  <c r="U58907" i="1"/>
  <c r="U58906" i="1"/>
  <c r="U58905" i="1"/>
  <c r="U58904" i="1"/>
  <c r="U58903" i="1"/>
  <c r="U58902" i="1"/>
  <c r="U58901" i="1"/>
  <c r="U58900" i="1"/>
  <c r="U58899" i="1"/>
  <c r="U58898" i="1"/>
  <c r="U58897" i="1"/>
  <c r="U58896" i="1"/>
  <c r="U58895" i="1"/>
  <c r="U58894" i="1"/>
  <c r="U58893" i="1"/>
  <c r="U58892" i="1"/>
  <c r="U58891" i="1"/>
  <c r="U58890" i="1"/>
  <c r="U58889" i="1"/>
  <c r="U58888" i="1"/>
  <c r="U58887" i="1"/>
  <c r="U58886" i="1"/>
  <c r="U58885" i="1"/>
  <c r="U58884" i="1"/>
  <c r="U58883" i="1"/>
  <c r="U58882" i="1"/>
  <c r="U58881" i="1"/>
  <c r="U58880" i="1"/>
  <c r="U58879" i="1"/>
  <c r="U58878" i="1"/>
  <c r="U58877" i="1"/>
  <c r="U58876" i="1"/>
  <c r="U58875" i="1"/>
  <c r="U58874" i="1"/>
  <c r="U58873" i="1"/>
  <c r="U58872" i="1"/>
  <c r="U58871" i="1"/>
  <c r="U58870" i="1"/>
  <c r="U58869" i="1"/>
  <c r="U58868" i="1"/>
  <c r="U58867" i="1"/>
  <c r="U58866" i="1"/>
  <c r="U58865" i="1"/>
  <c r="U58864" i="1"/>
  <c r="U58863" i="1"/>
  <c r="U58862" i="1"/>
  <c r="U58861" i="1"/>
  <c r="U58860" i="1"/>
  <c r="U58859" i="1"/>
  <c r="U58858" i="1"/>
  <c r="U58857" i="1"/>
  <c r="U58856" i="1"/>
  <c r="U58855" i="1"/>
  <c r="U58854" i="1"/>
  <c r="U58853" i="1"/>
  <c r="U58852" i="1"/>
  <c r="U58851" i="1"/>
  <c r="U58850" i="1"/>
  <c r="U58849" i="1"/>
  <c r="U58848" i="1"/>
  <c r="U58847" i="1"/>
  <c r="U58846" i="1"/>
  <c r="U58845" i="1"/>
  <c r="U58844" i="1"/>
  <c r="U58843" i="1"/>
  <c r="U58842" i="1"/>
  <c r="U58841" i="1"/>
  <c r="U58840" i="1"/>
  <c r="U58839" i="1"/>
  <c r="U58838" i="1"/>
  <c r="U58837" i="1"/>
  <c r="U58836" i="1"/>
  <c r="U58835" i="1"/>
  <c r="U58834" i="1"/>
  <c r="U58833" i="1"/>
  <c r="U58832" i="1"/>
  <c r="U58831" i="1"/>
  <c r="U58830" i="1"/>
  <c r="U58829" i="1"/>
  <c r="U58828" i="1"/>
  <c r="U58827" i="1"/>
  <c r="U58826" i="1"/>
  <c r="U58825" i="1"/>
  <c r="U58824" i="1"/>
  <c r="U58823" i="1"/>
  <c r="U58822" i="1"/>
  <c r="U58821" i="1"/>
  <c r="U58820" i="1"/>
  <c r="U58819" i="1"/>
  <c r="U58818" i="1"/>
  <c r="U58817" i="1"/>
  <c r="U58816" i="1"/>
  <c r="U58815" i="1"/>
  <c r="U58814" i="1"/>
  <c r="U58813" i="1"/>
  <c r="U58812" i="1"/>
  <c r="U58811" i="1"/>
  <c r="U58810" i="1"/>
  <c r="U58809" i="1"/>
  <c r="U58808" i="1"/>
  <c r="U58807" i="1"/>
  <c r="U58806" i="1"/>
  <c r="U58805" i="1"/>
  <c r="U58804" i="1"/>
  <c r="U58803" i="1"/>
  <c r="U58802" i="1"/>
  <c r="U58801" i="1"/>
  <c r="U58800" i="1"/>
  <c r="U58799" i="1"/>
  <c r="U58798" i="1"/>
  <c r="U58797" i="1"/>
  <c r="U58796" i="1"/>
  <c r="U58795" i="1"/>
  <c r="U58794" i="1"/>
  <c r="U58793" i="1"/>
  <c r="U58792" i="1"/>
  <c r="U58791" i="1"/>
  <c r="U58790" i="1"/>
  <c r="U58789" i="1"/>
  <c r="U58788" i="1"/>
  <c r="U58787" i="1"/>
  <c r="U58786" i="1"/>
  <c r="U58785" i="1"/>
  <c r="U58784" i="1"/>
  <c r="U58783" i="1"/>
  <c r="U58782" i="1"/>
  <c r="U58781" i="1"/>
  <c r="U58780" i="1"/>
  <c r="U58779" i="1"/>
  <c r="U58778" i="1"/>
  <c r="U58777" i="1"/>
  <c r="U58776" i="1"/>
  <c r="U58775" i="1"/>
  <c r="U58774" i="1"/>
  <c r="U58773" i="1"/>
  <c r="U58772" i="1"/>
  <c r="U58771" i="1"/>
  <c r="U58770" i="1"/>
  <c r="U58769" i="1"/>
  <c r="U58768" i="1"/>
  <c r="U58767" i="1"/>
  <c r="U58766" i="1"/>
  <c r="U58765" i="1"/>
  <c r="U58764" i="1"/>
  <c r="U58763" i="1"/>
  <c r="U58762" i="1"/>
  <c r="U58761" i="1"/>
  <c r="U58760" i="1"/>
  <c r="U58759" i="1"/>
  <c r="U58758" i="1"/>
  <c r="U58757" i="1"/>
  <c r="U58756" i="1"/>
  <c r="U58755" i="1"/>
  <c r="U58754" i="1"/>
  <c r="U58753" i="1"/>
  <c r="U58752" i="1"/>
  <c r="U58751" i="1"/>
  <c r="U58750" i="1"/>
  <c r="U58749" i="1"/>
  <c r="U58748" i="1"/>
  <c r="U58747" i="1"/>
  <c r="U58746" i="1"/>
  <c r="U58745" i="1"/>
  <c r="U58744" i="1"/>
  <c r="U58743" i="1"/>
  <c r="U58742" i="1"/>
  <c r="U58741" i="1"/>
  <c r="U58740" i="1"/>
  <c r="U58739" i="1"/>
  <c r="U58738" i="1"/>
  <c r="U58737" i="1"/>
  <c r="U58736" i="1"/>
  <c r="U58735" i="1"/>
  <c r="U58734" i="1"/>
  <c r="U58733" i="1"/>
  <c r="U58732" i="1"/>
  <c r="U58731" i="1"/>
  <c r="U58730" i="1"/>
  <c r="U58729" i="1"/>
  <c r="U58728" i="1"/>
  <c r="U58727" i="1"/>
  <c r="U58726" i="1"/>
  <c r="U58725" i="1"/>
  <c r="U58724" i="1"/>
  <c r="U58723" i="1"/>
  <c r="U58722" i="1"/>
  <c r="U58721" i="1"/>
  <c r="U58720" i="1"/>
  <c r="U58719" i="1"/>
  <c r="U58718" i="1"/>
  <c r="U58717" i="1"/>
  <c r="U58716" i="1"/>
  <c r="U58715" i="1"/>
  <c r="U58714" i="1"/>
  <c r="U58713" i="1"/>
  <c r="U58712" i="1"/>
  <c r="U58711" i="1"/>
  <c r="U58710" i="1"/>
  <c r="U58709" i="1"/>
  <c r="U58708" i="1"/>
  <c r="U58707" i="1"/>
  <c r="U58706" i="1"/>
  <c r="U58705" i="1"/>
  <c r="U58704" i="1"/>
  <c r="U58703" i="1"/>
  <c r="U58702" i="1"/>
  <c r="U58701" i="1"/>
  <c r="U58700" i="1"/>
  <c r="U58699" i="1"/>
  <c r="U58698" i="1"/>
  <c r="U58697" i="1"/>
  <c r="U58696" i="1"/>
  <c r="U58695" i="1"/>
  <c r="U58694" i="1"/>
  <c r="U58693" i="1"/>
  <c r="U58692" i="1"/>
  <c r="U58691" i="1"/>
  <c r="U58690" i="1"/>
  <c r="U58689" i="1"/>
  <c r="U58688" i="1"/>
  <c r="U58687" i="1"/>
  <c r="U58686" i="1"/>
  <c r="U58685" i="1"/>
  <c r="U58684" i="1"/>
  <c r="U58683" i="1"/>
  <c r="U58682" i="1"/>
  <c r="U58681" i="1"/>
  <c r="U58680" i="1"/>
  <c r="U58679" i="1"/>
  <c r="U58678" i="1"/>
  <c r="U58677" i="1"/>
  <c r="U58676" i="1"/>
  <c r="U58675" i="1"/>
  <c r="U58674" i="1"/>
  <c r="U58673" i="1"/>
  <c r="U58672" i="1"/>
  <c r="U58671" i="1"/>
  <c r="U58670" i="1"/>
  <c r="U58669" i="1"/>
  <c r="U58668" i="1"/>
  <c r="U58667" i="1"/>
  <c r="U58666" i="1"/>
  <c r="U58665" i="1"/>
  <c r="U58664" i="1"/>
  <c r="U58663" i="1"/>
  <c r="U58662" i="1"/>
  <c r="U58661" i="1"/>
  <c r="U58660" i="1"/>
  <c r="U58659" i="1"/>
  <c r="U58658" i="1"/>
  <c r="U58657" i="1"/>
  <c r="U58656" i="1"/>
  <c r="U58655" i="1"/>
  <c r="U58654" i="1"/>
  <c r="U58653" i="1"/>
  <c r="U58652" i="1"/>
  <c r="U58651" i="1"/>
  <c r="U58650" i="1"/>
  <c r="U58649" i="1"/>
  <c r="U58648" i="1"/>
  <c r="U58647" i="1"/>
  <c r="U58646" i="1"/>
  <c r="U58645" i="1"/>
  <c r="U58644" i="1"/>
  <c r="U58643" i="1"/>
  <c r="U58642" i="1"/>
  <c r="U58641" i="1"/>
  <c r="U58640" i="1"/>
  <c r="U58639" i="1"/>
  <c r="U58638" i="1"/>
  <c r="U58637" i="1"/>
  <c r="U58636" i="1"/>
  <c r="U58635" i="1"/>
  <c r="U58634" i="1"/>
  <c r="U58633" i="1"/>
  <c r="U58632" i="1"/>
  <c r="U58631" i="1"/>
  <c r="U58630" i="1"/>
  <c r="U58629" i="1"/>
  <c r="U58628" i="1"/>
  <c r="U58627" i="1"/>
  <c r="U58626" i="1"/>
  <c r="U58625" i="1"/>
  <c r="U58624" i="1"/>
  <c r="U58623" i="1"/>
  <c r="U58622" i="1"/>
  <c r="U58621" i="1"/>
  <c r="U58620" i="1"/>
  <c r="U58619" i="1"/>
  <c r="U58618" i="1"/>
  <c r="U58617" i="1"/>
  <c r="U58616" i="1"/>
  <c r="U58615" i="1"/>
  <c r="U58614" i="1"/>
  <c r="U58613" i="1"/>
  <c r="U58612" i="1"/>
  <c r="U58611" i="1"/>
  <c r="U58610" i="1"/>
  <c r="U58609" i="1"/>
  <c r="U58608" i="1"/>
  <c r="U58607" i="1"/>
  <c r="U58606" i="1"/>
  <c r="U58605" i="1"/>
  <c r="U58604" i="1"/>
  <c r="U58603" i="1"/>
  <c r="U58602" i="1"/>
  <c r="U58601" i="1"/>
  <c r="U58600" i="1"/>
  <c r="U58599" i="1"/>
  <c r="U58598" i="1"/>
  <c r="U58597" i="1"/>
  <c r="U58596" i="1"/>
  <c r="U58595" i="1"/>
  <c r="U58594" i="1"/>
  <c r="U58593" i="1"/>
  <c r="U58592" i="1"/>
  <c r="U58591" i="1"/>
  <c r="U58590" i="1"/>
  <c r="U58589" i="1"/>
  <c r="U58588" i="1"/>
  <c r="U58587" i="1"/>
  <c r="U58586" i="1"/>
  <c r="U58585" i="1"/>
  <c r="U58584" i="1"/>
  <c r="U58583" i="1"/>
  <c r="U58582" i="1"/>
  <c r="U58581" i="1"/>
  <c r="U58580" i="1"/>
  <c r="U58579" i="1"/>
  <c r="U58578" i="1"/>
  <c r="U58577" i="1"/>
  <c r="U58576" i="1"/>
  <c r="U58575" i="1"/>
  <c r="U58574" i="1"/>
  <c r="U58573" i="1"/>
  <c r="U58572" i="1"/>
  <c r="U58571" i="1"/>
  <c r="U58570" i="1"/>
  <c r="U58569" i="1"/>
  <c r="U58568" i="1"/>
  <c r="U58567" i="1"/>
  <c r="U58566" i="1"/>
  <c r="U58565" i="1"/>
  <c r="U58564" i="1"/>
  <c r="U58563" i="1"/>
  <c r="U58562" i="1"/>
  <c r="U58561" i="1"/>
  <c r="U58560" i="1"/>
  <c r="U58559" i="1"/>
  <c r="U58558" i="1"/>
  <c r="U58557" i="1"/>
  <c r="U58556" i="1"/>
  <c r="U58555" i="1"/>
  <c r="U58554" i="1"/>
  <c r="U58553" i="1"/>
  <c r="U58552" i="1"/>
  <c r="U58551" i="1"/>
  <c r="U58550" i="1"/>
  <c r="U58549" i="1"/>
  <c r="U58548" i="1"/>
  <c r="U58547" i="1"/>
  <c r="U58546" i="1"/>
  <c r="U58545" i="1"/>
  <c r="U58544" i="1"/>
  <c r="U58543" i="1"/>
  <c r="U58542" i="1"/>
  <c r="U58541" i="1"/>
  <c r="U58540" i="1"/>
  <c r="U58539" i="1"/>
  <c r="U58538" i="1"/>
  <c r="U58537" i="1"/>
  <c r="U58536" i="1"/>
  <c r="U58535" i="1"/>
  <c r="U58534" i="1"/>
  <c r="U58533" i="1"/>
  <c r="U58532" i="1"/>
  <c r="U58531" i="1"/>
  <c r="U58530" i="1"/>
  <c r="U58529" i="1"/>
  <c r="U58528" i="1"/>
  <c r="U58527" i="1"/>
  <c r="U58526" i="1"/>
  <c r="U58525" i="1"/>
  <c r="U58524" i="1"/>
  <c r="U58523" i="1"/>
  <c r="U58522" i="1"/>
  <c r="U58521" i="1"/>
  <c r="U58520" i="1"/>
  <c r="U58519" i="1"/>
  <c r="U58518" i="1"/>
  <c r="U58517" i="1"/>
  <c r="U58516" i="1"/>
  <c r="U58515" i="1"/>
  <c r="U58514" i="1"/>
  <c r="U58513" i="1"/>
  <c r="U58512" i="1"/>
  <c r="U58511" i="1"/>
  <c r="U58510" i="1"/>
  <c r="U58509" i="1"/>
  <c r="U58508" i="1"/>
  <c r="U58507" i="1"/>
  <c r="U58506" i="1"/>
  <c r="U58505" i="1"/>
  <c r="U58504" i="1"/>
  <c r="U58503" i="1"/>
  <c r="U58502" i="1"/>
  <c r="U58501" i="1"/>
  <c r="U58500" i="1"/>
  <c r="U58499" i="1"/>
  <c r="U58498" i="1"/>
  <c r="U58497" i="1"/>
  <c r="U58496" i="1"/>
  <c r="U58495" i="1"/>
  <c r="U58494" i="1"/>
  <c r="U58493" i="1"/>
  <c r="U58492" i="1"/>
  <c r="U58491" i="1"/>
  <c r="U58490" i="1"/>
  <c r="U58489" i="1"/>
  <c r="U58488" i="1"/>
  <c r="U58487" i="1"/>
  <c r="U58486" i="1"/>
  <c r="U58485" i="1"/>
  <c r="U58484" i="1"/>
  <c r="U58483" i="1"/>
  <c r="U58482" i="1"/>
  <c r="U58481" i="1"/>
  <c r="U58480" i="1"/>
  <c r="U58479" i="1"/>
  <c r="U58478" i="1"/>
  <c r="U58477" i="1"/>
  <c r="U58476" i="1"/>
  <c r="U58475" i="1"/>
  <c r="U58474" i="1"/>
  <c r="U58473" i="1"/>
  <c r="U58472" i="1"/>
  <c r="U58471" i="1"/>
  <c r="U58470" i="1"/>
  <c r="U58469" i="1"/>
  <c r="U58468" i="1"/>
  <c r="U58467" i="1"/>
  <c r="U58466" i="1"/>
  <c r="U58465" i="1"/>
  <c r="U58464" i="1"/>
  <c r="U58463" i="1"/>
  <c r="U58462" i="1"/>
  <c r="U58461" i="1"/>
  <c r="U58460" i="1"/>
  <c r="U58459" i="1"/>
  <c r="U58458" i="1"/>
  <c r="U58457" i="1"/>
  <c r="U58456" i="1"/>
  <c r="U58455" i="1"/>
  <c r="U58454" i="1"/>
  <c r="U58453" i="1"/>
  <c r="U58452" i="1"/>
  <c r="U58451" i="1"/>
  <c r="U58450" i="1"/>
  <c r="U58449" i="1"/>
  <c r="U58448" i="1"/>
  <c r="U58447" i="1"/>
  <c r="U58446" i="1"/>
  <c r="U58445" i="1"/>
  <c r="U58444" i="1"/>
  <c r="U58443" i="1"/>
  <c r="U58442" i="1"/>
  <c r="U58441" i="1"/>
  <c r="U58440" i="1"/>
  <c r="U58439" i="1"/>
  <c r="U58438" i="1"/>
  <c r="U58437" i="1"/>
  <c r="U58436" i="1"/>
  <c r="U58435" i="1"/>
  <c r="U58434" i="1"/>
  <c r="U58433" i="1"/>
  <c r="U58432" i="1"/>
  <c r="U58431" i="1"/>
  <c r="U58430" i="1"/>
  <c r="U58429" i="1"/>
  <c r="U58428" i="1"/>
  <c r="U58427" i="1"/>
  <c r="U58426" i="1"/>
  <c r="U58425" i="1"/>
  <c r="U58424" i="1"/>
  <c r="U58423" i="1"/>
  <c r="U58422" i="1"/>
  <c r="U58421" i="1"/>
  <c r="U58420" i="1"/>
  <c r="U58419" i="1"/>
  <c r="U58418" i="1"/>
  <c r="U58417" i="1"/>
  <c r="U58416" i="1"/>
  <c r="U58415" i="1"/>
  <c r="U58414" i="1"/>
  <c r="U58413" i="1"/>
  <c r="U58412" i="1"/>
  <c r="U58411" i="1"/>
  <c r="U58410" i="1"/>
  <c r="U58409" i="1"/>
  <c r="U58408" i="1"/>
  <c r="U58407" i="1"/>
  <c r="U58406" i="1"/>
  <c r="U58405" i="1"/>
  <c r="U58404" i="1"/>
  <c r="U58403" i="1"/>
  <c r="U58402" i="1"/>
  <c r="U58401" i="1"/>
  <c r="U58400" i="1"/>
  <c r="U58399" i="1"/>
  <c r="U58398" i="1"/>
  <c r="U58397" i="1"/>
  <c r="U58396" i="1"/>
  <c r="U58395" i="1"/>
  <c r="U58394" i="1"/>
  <c r="U58393" i="1"/>
  <c r="U58392" i="1"/>
  <c r="U58391" i="1"/>
  <c r="U58390" i="1"/>
  <c r="U58389" i="1"/>
  <c r="U58388" i="1"/>
  <c r="U58387" i="1"/>
  <c r="U58386" i="1"/>
  <c r="U58385" i="1"/>
  <c r="U58384" i="1"/>
  <c r="U58383" i="1"/>
  <c r="U58382" i="1"/>
  <c r="U58381" i="1"/>
  <c r="U58380" i="1"/>
  <c r="U58379" i="1"/>
  <c r="U58378" i="1"/>
  <c r="U58377" i="1"/>
  <c r="U58376" i="1"/>
  <c r="U58375" i="1"/>
  <c r="U58374" i="1"/>
  <c r="U58373" i="1"/>
  <c r="U58372" i="1"/>
  <c r="U58371" i="1"/>
  <c r="U58370" i="1"/>
  <c r="U58369" i="1"/>
  <c r="U58368" i="1"/>
  <c r="U58367" i="1"/>
  <c r="U58366" i="1"/>
  <c r="U58365" i="1"/>
  <c r="U58364" i="1"/>
  <c r="U58363" i="1"/>
  <c r="U58362" i="1"/>
  <c r="U58361" i="1"/>
  <c r="U58360" i="1"/>
  <c r="U58359" i="1"/>
  <c r="U58358" i="1"/>
  <c r="U58357" i="1"/>
  <c r="U58356" i="1"/>
  <c r="U58355" i="1"/>
  <c r="U58354" i="1"/>
  <c r="U58353" i="1"/>
  <c r="U58352" i="1"/>
  <c r="U58351" i="1"/>
  <c r="U58350" i="1"/>
  <c r="U58349" i="1"/>
  <c r="U58348" i="1"/>
  <c r="U58347" i="1"/>
  <c r="U58346" i="1"/>
  <c r="U58345" i="1"/>
  <c r="U58344" i="1"/>
  <c r="U58343" i="1"/>
  <c r="U58342" i="1"/>
  <c r="U58341" i="1"/>
  <c r="U58340" i="1"/>
  <c r="U58339" i="1"/>
  <c r="U58338" i="1"/>
  <c r="U58337" i="1"/>
  <c r="U58336" i="1"/>
  <c r="U58335" i="1"/>
  <c r="U58334" i="1"/>
  <c r="U58333" i="1"/>
  <c r="U58332" i="1"/>
  <c r="U58331" i="1"/>
  <c r="U58330" i="1"/>
  <c r="U58329" i="1"/>
  <c r="U58328" i="1"/>
  <c r="U58327" i="1"/>
  <c r="U58326" i="1"/>
  <c r="U58325" i="1"/>
  <c r="U58324" i="1"/>
  <c r="U58323" i="1"/>
  <c r="U58322" i="1"/>
  <c r="U58321" i="1"/>
  <c r="U58320" i="1"/>
  <c r="U58319" i="1"/>
  <c r="U58318" i="1"/>
  <c r="U58317" i="1"/>
  <c r="U58316" i="1"/>
  <c r="U58315" i="1"/>
  <c r="U58314" i="1"/>
  <c r="U58313" i="1"/>
  <c r="U58312" i="1"/>
  <c r="U58311" i="1"/>
  <c r="U58310" i="1"/>
  <c r="U58309" i="1"/>
  <c r="U58308" i="1"/>
  <c r="U58307" i="1"/>
  <c r="U58306" i="1"/>
  <c r="U58305" i="1"/>
  <c r="U58304" i="1"/>
  <c r="U58303" i="1"/>
  <c r="U58302" i="1"/>
  <c r="U58301" i="1"/>
  <c r="U58300" i="1"/>
  <c r="U58299" i="1"/>
  <c r="U58298" i="1"/>
  <c r="U58297" i="1"/>
  <c r="U58296" i="1"/>
  <c r="U58295" i="1"/>
  <c r="U58294" i="1"/>
  <c r="U58293" i="1"/>
  <c r="U58292" i="1"/>
  <c r="U58291" i="1"/>
  <c r="U58290" i="1"/>
  <c r="U58289" i="1"/>
  <c r="U58288" i="1"/>
  <c r="U58287" i="1"/>
  <c r="U58286" i="1"/>
  <c r="U58285" i="1"/>
  <c r="U58284" i="1"/>
  <c r="U58283" i="1"/>
  <c r="U58282" i="1"/>
  <c r="U58281" i="1"/>
  <c r="U58280" i="1"/>
  <c r="U58279" i="1"/>
  <c r="U58278" i="1"/>
  <c r="U58277" i="1"/>
  <c r="U58276" i="1"/>
  <c r="U58275" i="1"/>
  <c r="U58274" i="1"/>
  <c r="U58273" i="1"/>
  <c r="U58272" i="1"/>
  <c r="U58271" i="1"/>
  <c r="U58270" i="1"/>
  <c r="U58269" i="1"/>
  <c r="U58268" i="1"/>
  <c r="U58267" i="1"/>
  <c r="U58266" i="1"/>
  <c r="U58265" i="1"/>
  <c r="U58264" i="1"/>
  <c r="U58263" i="1"/>
  <c r="U58262" i="1"/>
  <c r="U58261" i="1"/>
  <c r="U58260" i="1"/>
  <c r="U58259" i="1"/>
  <c r="U58258" i="1"/>
  <c r="U58257" i="1"/>
  <c r="U58256" i="1"/>
  <c r="U58255" i="1"/>
  <c r="U58254" i="1"/>
  <c r="U58253" i="1"/>
  <c r="U58252" i="1"/>
  <c r="U58251" i="1"/>
  <c r="U58250" i="1"/>
  <c r="U58249" i="1"/>
  <c r="U58248" i="1"/>
  <c r="U58247" i="1"/>
  <c r="U58246" i="1"/>
  <c r="U58245" i="1"/>
  <c r="U58244" i="1"/>
  <c r="U58243" i="1"/>
  <c r="U58242" i="1"/>
  <c r="U58241" i="1"/>
  <c r="U58240" i="1"/>
  <c r="U58239" i="1"/>
  <c r="U58238" i="1"/>
  <c r="U58237" i="1"/>
  <c r="U58236" i="1"/>
  <c r="U58235" i="1"/>
  <c r="U58234" i="1"/>
  <c r="U58233" i="1"/>
  <c r="U58232" i="1"/>
  <c r="U58231" i="1"/>
  <c r="U58230" i="1"/>
  <c r="U58229" i="1"/>
  <c r="U58228" i="1"/>
  <c r="U58227" i="1"/>
  <c r="U58226" i="1"/>
  <c r="U58225" i="1"/>
  <c r="U58224" i="1"/>
  <c r="U58223" i="1"/>
  <c r="U58222" i="1"/>
  <c r="U58221" i="1"/>
  <c r="U58220" i="1"/>
  <c r="U58219" i="1"/>
  <c r="U58218" i="1"/>
  <c r="U58217" i="1"/>
  <c r="U58216" i="1"/>
  <c r="U58215" i="1"/>
  <c r="U58214" i="1"/>
  <c r="U58213" i="1"/>
  <c r="U58212" i="1"/>
  <c r="U58211" i="1"/>
  <c r="U58210" i="1"/>
  <c r="U58209" i="1"/>
  <c r="U58208" i="1"/>
  <c r="U58207" i="1"/>
  <c r="U58206" i="1"/>
  <c r="U58205" i="1"/>
  <c r="U58204" i="1"/>
  <c r="U58203" i="1"/>
  <c r="U58202" i="1"/>
  <c r="U58201" i="1"/>
  <c r="U58200" i="1"/>
  <c r="U58199" i="1"/>
  <c r="U58198" i="1"/>
  <c r="U58197" i="1"/>
  <c r="U58196" i="1"/>
  <c r="U58195" i="1"/>
  <c r="U58194" i="1"/>
  <c r="U58193" i="1"/>
  <c r="U58192" i="1"/>
  <c r="U58191" i="1"/>
  <c r="U58190" i="1"/>
  <c r="U58189" i="1"/>
  <c r="U58188" i="1"/>
  <c r="U58187" i="1"/>
  <c r="U58186" i="1"/>
  <c r="U58185" i="1"/>
  <c r="U58184" i="1"/>
  <c r="U58183" i="1"/>
  <c r="U58182" i="1"/>
  <c r="U58181" i="1"/>
  <c r="U58180" i="1"/>
  <c r="U58179" i="1"/>
  <c r="U58178" i="1"/>
  <c r="U58177" i="1"/>
  <c r="U58176" i="1"/>
  <c r="U58175" i="1"/>
  <c r="U58174" i="1"/>
  <c r="U58173" i="1"/>
  <c r="U58172" i="1"/>
  <c r="U58171" i="1"/>
  <c r="U58170" i="1"/>
  <c r="U58169" i="1"/>
  <c r="U58168" i="1"/>
  <c r="U58167" i="1"/>
  <c r="U58166" i="1"/>
  <c r="U58165" i="1"/>
  <c r="U58164" i="1"/>
  <c r="U58163" i="1"/>
  <c r="U58162" i="1"/>
  <c r="U58161" i="1"/>
  <c r="U58160" i="1"/>
  <c r="U58159" i="1"/>
  <c r="U58158" i="1"/>
  <c r="U58157" i="1"/>
  <c r="U58156" i="1"/>
  <c r="U58155" i="1"/>
  <c r="U58154" i="1"/>
  <c r="U58153" i="1"/>
  <c r="U58152" i="1"/>
  <c r="U58151" i="1"/>
  <c r="U58150" i="1"/>
  <c r="U58149" i="1"/>
  <c r="U58148" i="1"/>
  <c r="U58147" i="1"/>
  <c r="U58146" i="1"/>
  <c r="U58145" i="1"/>
  <c r="U58144" i="1"/>
  <c r="U58143" i="1"/>
  <c r="U58142" i="1"/>
  <c r="U58141" i="1"/>
  <c r="U58140" i="1"/>
  <c r="U58139" i="1"/>
  <c r="U58138" i="1"/>
  <c r="U58137" i="1"/>
  <c r="U58136" i="1"/>
  <c r="U58135" i="1"/>
  <c r="U58134" i="1"/>
  <c r="U58133" i="1"/>
  <c r="U58132" i="1"/>
  <c r="U58131" i="1"/>
  <c r="U58130" i="1"/>
  <c r="U58129" i="1"/>
  <c r="U58128" i="1"/>
  <c r="U58127" i="1"/>
  <c r="U58126" i="1"/>
  <c r="U58125" i="1"/>
  <c r="U58124" i="1"/>
  <c r="U58123" i="1"/>
  <c r="U58122" i="1"/>
  <c r="U58121" i="1"/>
  <c r="U58120" i="1"/>
  <c r="U58119" i="1"/>
  <c r="U58118" i="1"/>
  <c r="U58117" i="1"/>
  <c r="U58116" i="1"/>
  <c r="U58115" i="1"/>
  <c r="U58114" i="1"/>
  <c r="U58113" i="1"/>
  <c r="U58112" i="1"/>
  <c r="U58111" i="1"/>
  <c r="U58110" i="1"/>
  <c r="U58109" i="1"/>
  <c r="U58108" i="1"/>
  <c r="U58107" i="1"/>
  <c r="U58106" i="1"/>
  <c r="U58105" i="1"/>
  <c r="U58104" i="1"/>
  <c r="U58103" i="1"/>
  <c r="U58102" i="1"/>
  <c r="U58101" i="1"/>
  <c r="U58100" i="1"/>
  <c r="U58099" i="1"/>
  <c r="U58098" i="1"/>
  <c r="U58097" i="1"/>
  <c r="U58096" i="1"/>
  <c r="U58095" i="1"/>
  <c r="U58094" i="1"/>
  <c r="U58093" i="1"/>
  <c r="U58092" i="1"/>
  <c r="U58091" i="1"/>
  <c r="U58090" i="1"/>
  <c r="U58089" i="1"/>
  <c r="U58088" i="1"/>
  <c r="U58087" i="1"/>
  <c r="U58086" i="1"/>
  <c r="U58085" i="1"/>
  <c r="U58084" i="1"/>
  <c r="U58083" i="1"/>
  <c r="U58082" i="1"/>
  <c r="U58081" i="1"/>
  <c r="U58080" i="1"/>
  <c r="U58079" i="1"/>
  <c r="U58078" i="1"/>
  <c r="U58077" i="1"/>
  <c r="U58076" i="1"/>
  <c r="U58075" i="1"/>
  <c r="U58074" i="1"/>
  <c r="U58073" i="1"/>
  <c r="U58072" i="1"/>
  <c r="U58071" i="1"/>
  <c r="U58070" i="1"/>
  <c r="U58069" i="1"/>
  <c r="U58068" i="1"/>
  <c r="U58067" i="1"/>
  <c r="U58066" i="1"/>
  <c r="U58065" i="1"/>
  <c r="U58064" i="1"/>
  <c r="U58063" i="1"/>
  <c r="U58062" i="1"/>
  <c r="U58061" i="1"/>
  <c r="U58060" i="1"/>
  <c r="U58059" i="1"/>
  <c r="U58058" i="1"/>
  <c r="U58057" i="1"/>
  <c r="U58056" i="1"/>
  <c r="U58055" i="1"/>
  <c r="U58054" i="1"/>
  <c r="U58053" i="1"/>
  <c r="U58052" i="1"/>
  <c r="U58051" i="1"/>
  <c r="U58050" i="1"/>
  <c r="U58049" i="1"/>
  <c r="U58048" i="1"/>
  <c r="U58047" i="1"/>
  <c r="U58046" i="1"/>
  <c r="U58045" i="1"/>
  <c r="U58044" i="1"/>
  <c r="U58043" i="1"/>
  <c r="U58042" i="1"/>
  <c r="U58041" i="1"/>
  <c r="U58040" i="1"/>
  <c r="U58039" i="1"/>
  <c r="U58038" i="1"/>
  <c r="U58037" i="1"/>
  <c r="U58036" i="1"/>
  <c r="U58035" i="1"/>
  <c r="U58034" i="1"/>
  <c r="U58033" i="1"/>
  <c r="U58032" i="1"/>
  <c r="U58031" i="1"/>
  <c r="U58030" i="1"/>
  <c r="U58029" i="1"/>
  <c r="U58028" i="1"/>
  <c r="U58027" i="1"/>
  <c r="U58026" i="1"/>
  <c r="U58025" i="1"/>
  <c r="U58024" i="1"/>
  <c r="U58023" i="1"/>
  <c r="U58022" i="1"/>
  <c r="U58021" i="1"/>
  <c r="U58020" i="1"/>
  <c r="U58019" i="1"/>
  <c r="U58018" i="1"/>
  <c r="U58017" i="1"/>
  <c r="U58016" i="1"/>
  <c r="U58015" i="1"/>
  <c r="U58014" i="1"/>
  <c r="U58013" i="1"/>
  <c r="U58012" i="1"/>
  <c r="U58011" i="1"/>
  <c r="U58010" i="1"/>
  <c r="U58009" i="1"/>
  <c r="U58008" i="1"/>
  <c r="U58007" i="1"/>
  <c r="U58006" i="1"/>
  <c r="U58005" i="1"/>
  <c r="U58004" i="1"/>
  <c r="U58003" i="1"/>
  <c r="U58002" i="1"/>
  <c r="U58001" i="1"/>
  <c r="U58000" i="1"/>
  <c r="U57999" i="1"/>
  <c r="U57998" i="1"/>
  <c r="U57997" i="1"/>
  <c r="U57996" i="1"/>
  <c r="U57995" i="1"/>
  <c r="U57994" i="1"/>
  <c r="U57993" i="1"/>
  <c r="U57992" i="1"/>
  <c r="U57991" i="1"/>
  <c r="U57990" i="1"/>
  <c r="U57989" i="1"/>
  <c r="U57988" i="1"/>
  <c r="U57987" i="1"/>
  <c r="U57986" i="1"/>
  <c r="U57985" i="1"/>
  <c r="U57984" i="1"/>
  <c r="U57983" i="1"/>
  <c r="U57982" i="1"/>
  <c r="U57981" i="1"/>
  <c r="U57980" i="1"/>
  <c r="U57979" i="1"/>
  <c r="U57978" i="1"/>
  <c r="U57977" i="1"/>
  <c r="U57976" i="1"/>
  <c r="U57975" i="1"/>
  <c r="U57974" i="1"/>
  <c r="U57973" i="1"/>
  <c r="U57972" i="1"/>
  <c r="U57971" i="1"/>
  <c r="U57970" i="1"/>
  <c r="U57969" i="1"/>
  <c r="U57968" i="1"/>
  <c r="U57967" i="1"/>
  <c r="U57966" i="1"/>
  <c r="U57965" i="1"/>
  <c r="U57964" i="1"/>
  <c r="U57963" i="1"/>
  <c r="U57962" i="1"/>
  <c r="U57961" i="1"/>
  <c r="U57960" i="1"/>
  <c r="U57959" i="1"/>
  <c r="U57958" i="1"/>
  <c r="U57957" i="1"/>
  <c r="U57956" i="1"/>
  <c r="U57955" i="1"/>
  <c r="U57954" i="1"/>
  <c r="U57953" i="1"/>
  <c r="U57952" i="1"/>
  <c r="U57951" i="1"/>
  <c r="U57950" i="1"/>
  <c r="U57949" i="1"/>
  <c r="U57948" i="1"/>
  <c r="U57947" i="1"/>
  <c r="U57946" i="1"/>
  <c r="U57945" i="1"/>
  <c r="U57944" i="1"/>
  <c r="U57943" i="1"/>
  <c r="U57942" i="1"/>
  <c r="U57941" i="1"/>
  <c r="U57940" i="1"/>
  <c r="U57939" i="1"/>
  <c r="U57938" i="1"/>
  <c r="U57937" i="1"/>
  <c r="U57936" i="1"/>
  <c r="U57935" i="1"/>
  <c r="U57934" i="1"/>
  <c r="U57933" i="1"/>
  <c r="U57932" i="1"/>
  <c r="U57931" i="1"/>
  <c r="U57930" i="1"/>
  <c r="U57929" i="1"/>
  <c r="U57928" i="1"/>
  <c r="U57927" i="1"/>
  <c r="U57926" i="1"/>
  <c r="U57925" i="1"/>
  <c r="U57924" i="1"/>
  <c r="U57923" i="1"/>
  <c r="U57922" i="1"/>
  <c r="U57921" i="1"/>
  <c r="U57920" i="1"/>
  <c r="U57919" i="1"/>
  <c r="U57918" i="1"/>
  <c r="U57917" i="1"/>
  <c r="U57916" i="1"/>
  <c r="U57915" i="1"/>
  <c r="U57914" i="1"/>
  <c r="U57913" i="1"/>
  <c r="U57912" i="1"/>
  <c r="U57911" i="1"/>
  <c r="U57910" i="1"/>
  <c r="U57909" i="1"/>
  <c r="U57908" i="1"/>
  <c r="U57907" i="1"/>
  <c r="U57906" i="1"/>
  <c r="U57905" i="1"/>
  <c r="U57904" i="1"/>
  <c r="U57903" i="1"/>
  <c r="U57902" i="1"/>
  <c r="U57901" i="1"/>
  <c r="U57900" i="1"/>
  <c r="U57899" i="1"/>
  <c r="U57898" i="1"/>
  <c r="U57897" i="1"/>
  <c r="U57896" i="1"/>
  <c r="U57895" i="1"/>
  <c r="U57894" i="1"/>
  <c r="U57893" i="1"/>
  <c r="U57892" i="1"/>
  <c r="U57891" i="1"/>
  <c r="U57890" i="1"/>
  <c r="U57889" i="1"/>
  <c r="U57888" i="1"/>
  <c r="U57887" i="1"/>
  <c r="U57886" i="1"/>
  <c r="U57885" i="1"/>
  <c r="U57884" i="1"/>
  <c r="U57883" i="1"/>
  <c r="U57882" i="1"/>
  <c r="U57881" i="1"/>
  <c r="U57880" i="1"/>
  <c r="U57879" i="1"/>
  <c r="U57878" i="1"/>
  <c r="U57877" i="1"/>
  <c r="U57876" i="1"/>
  <c r="U57875" i="1"/>
  <c r="U57874" i="1"/>
  <c r="U57873" i="1"/>
  <c r="U57872" i="1"/>
  <c r="U57871" i="1"/>
  <c r="U57870" i="1"/>
  <c r="U57869" i="1"/>
  <c r="U57868" i="1"/>
  <c r="U57867" i="1"/>
  <c r="U57866" i="1"/>
  <c r="U57865" i="1"/>
  <c r="U57864" i="1"/>
  <c r="U57863" i="1"/>
  <c r="U57862" i="1"/>
  <c r="U57861" i="1"/>
  <c r="U57860" i="1"/>
  <c r="U57859" i="1"/>
  <c r="U57858" i="1"/>
  <c r="U57857" i="1"/>
  <c r="U57856" i="1"/>
  <c r="U57855" i="1"/>
  <c r="U57854" i="1"/>
  <c r="U57853" i="1"/>
  <c r="U57852" i="1"/>
  <c r="U57851" i="1"/>
  <c r="U57850" i="1"/>
  <c r="U57849" i="1"/>
  <c r="U57848" i="1"/>
  <c r="U57847" i="1"/>
  <c r="U57846" i="1"/>
  <c r="U57845" i="1"/>
  <c r="U57844" i="1"/>
  <c r="U57843" i="1"/>
  <c r="U57842" i="1"/>
  <c r="U57841" i="1"/>
  <c r="U57840" i="1"/>
  <c r="U57839" i="1"/>
  <c r="U57838" i="1"/>
  <c r="U57837" i="1"/>
  <c r="U57836" i="1"/>
  <c r="U57835" i="1"/>
  <c r="U57834" i="1"/>
  <c r="U57833" i="1"/>
  <c r="U57832" i="1"/>
  <c r="U57831" i="1"/>
  <c r="U57830" i="1"/>
  <c r="U57829" i="1"/>
  <c r="U57828" i="1"/>
  <c r="U57827" i="1"/>
  <c r="U57826" i="1"/>
  <c r="U57825" i="1"/>
  <c r="U57824" i="1"/>
  <c r="U57823" i="1"/>
  <c r="U57822" i="1"/>
  <c r="U57821" i="1"/>
  <c r="U57820" i="1"/>
  <c r="U57819" i="1"/>
  <c r="U57818" i="1"/>
  <c r="U57817" i="1"/>
  <c r="U57816" i="1"/>
  <c r="U57815" i="1"/>
  <c r="U57814" i="1"/>
  <c r="U57813" i="1"/>
  <c r="U57812" i="1"/>
  <c r="U57811" i="1"/>
  <c r="U57810" i="1"/>
  <c r="U57809" i="1"/>
  <c r="U57808" i="1"/>
  <c r="U57807" i="1"/>
  <c r="U57806" i="1"/>
  <c r="U57805" i="1"/>
  <c r="U57804" i="1"/>
  <c r="U57803" i="1"/>
  <c r="U57802" i="1"/>
  <c r="U57801" i="1"/>
  <c r="U57800" i="1"/>
  <c r="U57799" i="1"/>
  <c r="U57798" i="1"/>
  <c r="U57797" i="1"/>
  <c r="U57796" i="1"/>
  <c r="U57795" i="1"/>
  <c r="U57794" i="1"/>
  <c r="U57793" i="1"/>
  <c r="U57792" i="1"/>
  <c r="U57791" i="1"/>
  <c r="U57790" i="1"/>
  <c r="U57789" i="1"/>
  <c r="U57788" i="1"/>
  <c r="U57787" i="1"/>
  <c r="U57786" i="1"/>
  <c r="U57785" i="1"/>
  <c r="U57784" i="1"/>
  <c r="U57783" i="1"/>
  <c r="U57782" i="1"/>
  <c r="U57781" i="1"/>
  <c r="U57780" i="1"/>
  <c r="U57779" i="1"/>
  <c r="U57778" i="1"/>
  <c r="U57777" i="1"/>
  <c r="U57776" i="1"/>
  <c r="U57775" i="1"/>
  <c r="U57774" i="1"/>
  <c r="U57773" i="1"/>
  <c r="U57772" i="1"/>
  <c r="U57771" i="1"/>
  <c r="U57770" i="1"/>
  <c r="U57769" i="1"/>
  <c r="U57768" i="1"/>
  <c r="U57767" i="1"/>
  <c r="U57766" i="1"/>
  <c r="U57765" i="1"/>
  <c r="U57764" i="1"/>
  <c r="U57763" i="1"/>
  <c r="U57762" i="1"/>
  <c r="U57761" i="1"/>
  <c r="U57760" i="1"/>
  <c r="U57759" i="1"/>
  <c r="U57758" i="1"/>
  <c r="U57757" i="1"/>
  <c r="U57756" i="1"/>
  <c r="U57755" i="1"/>
  <c r="U57754" i="1"/>
  <c r="U57753" i="1"/>
  <c r="U57752" i="1"/>
  <c r="U57751" i="1"/>
  <c r="U57750" i="1"/>
  <c r="U57749" i="1"/>
  <c r="U57748" i="1"/>
  <c r="U57747" i="1"/>
  <c r="U57746" i="1"/>
  <c r="U57745" i="1"/>
  <c r="U57744" i="1"/>
  <c r="U57743" i="1"/>
  <c r="U57742" i="1"/>
  <c r="U57741" i="1"/>
  <c r="U57740" i="1"/>
  <c r="U57739" i="1"/>
  <c r="U57738" i="1"/>
  <c r="U57737" i="1"/>
  <c r="U57736" i="1"/>
  <c r="U57735" i="1"/>
  <c r="U57734" i="1"/>
  <c r="U57733" i="1"/>
  <c r="U57732" i="1"/>
  <c r="U57731" i="1"/>
  <c r="U57730" i="1"/>
  <c r="U57729" i="1"/>
  <c r="U57728" i="1"/>
  <c r="U57727" i="1"/>
  <c r="U57726" i="1"/>
  <c r="U57725" i="1"/>
  <c r="U57724" i="1"/>
  <c r="U57723" i="1"/>
  <c r="U57722" i="1"/>
  <c r="U57721" i="1"/>
  <c r="U57720" i="1"/>
  <c r="U57719" i="1"/>
  <c r="U57718" i="1"/>
  <c r="U57717" i="1"/>
  <c r="U57716" i="1"/>
  <c r="U57715" i="1"/>
  <c r="U57714" i="1"/>
  <c r="U57713" i="1"/>
  <c r="U57712" i="1"/>
  <c r="U57711" i="1"/>
  <c r="U57710" i="1"/>
  <c r="U57709" i="1"/>
  <c r="U57708" i="1"/>
  <c r="U57707" i="1"/>
  <c r="U57706" i="1"/>
  <c r="U57705" i="1"/>
  <c r="U57704" i="1"/>
  <c r="U57703" i="1"/>
  <c r="U57702" i="1"/>
  <c r="U57701" i="1"/>
  <c r="U57700" i="1"/>
  <c r="U57699" i="1"/>
  <c r="U57698" i="1"/>
  <c r="U57697" i="1"/>
  <c r="U57696" i="1"/>
  <c r="U57695" i="1"/>
  <c r="U57694" i="1"/>
  <c r="U57693" i="1"/>
  <c r="U57692" i="1"/>
  <c r="U57691" i="1"/>
  <c r="U57690" i="1"/>
  <c r="U57689" i="1"/>
  <c r="U57688" i="1"/>
  <c r="U57687" i="1"/>
  <c r="U57686" i="1"/>
  <c r="U57685" i="1"/>
  <c r="U57684" i="1"/>
  <c r="U57683" i="1"/>
  <c r="U57682" i="1"/>
  <c r="U57681" i="1"/>
  <c r="U57680" i="1"/>
  <c r="U57679" i="1"/>
  <c r="U57678" i="1"/>
  <c r="U57677" i="1"/>
  <c r="U57676" i="1"/>
  <c r="U57675" i="1"/>
  <c r="U57674" i="1"/>
  <c r="U57673" i="1"/>
  <c r="U57672" i="1"/>
  <c r="U57671" i="1"/>
  <c r="U57670" i="1"/>
  <c r="U57669" i="1"/>
  <c r="U57668" i="1"/>
  <c r="U57667" i="1"/>
  <c r="U57666" i="1"/>
  <c r="U57665" i="1"/>
  <c r="U57664" i="1"/>
  <c r="U57663" i="1"/>
  <c r="U57662" i="1"/>
  <c r="U57661" i="1"/>
  <c r="U57660" i="1"/>
  <c r="U57659" i="1"/>
  <c r="U57658" i="1"/>
  <c r="U57657" i="1"/>
  <c r="U57656" i="1"/>
  <c r="U57655" i="1"/>
  <c r="U57654" i="1"/>
  <c r="U57653" i="1"/>
  <c r="U57652" i="1"/>
  <c r="U57651" i="1"/>
  <c r="U57650" i="1"/>
  <c r="U57649" i="1"/>
  <c r="U57648" i="1"/>
  <c r="U57647" i="1"/>
  <c r="U57646" i="1"/>
  <c r="U57645" i="1"/>
  <c r="U57644" i="1"/>
  <c r="U57643" i="1"/>
  <c r="U57642" i="1"/>
  <c r="U57641" i="1"/>
  <c r="U57640" i="1"/>
  <c r="U57639" i="1"/>
  <c r="U57638" i="1"/>
  <c r="U57637" i="1"/>
  <c r="U57636" i="1"/>
  <c r="U57635" i="1"/>
  <c r="U57634" i="1"/>
  <c r="U57633" i="1"/>
  <c r="U57632" i="1"/>
  <c r="U57631" i="1"/>
  <c r="U57630" i="1"/>
  <c r="U57629" i="1"/>
  <c r="U57628" i="1"/>
  <c r="U57627" i="1"/>
  <c r="U57626" i="1"/>
  <c r="U57625" i="1"/>
  <c r="U57624" i="1"/>
  <c r="U57623" i="1"/>
  <c r="U57622" i="1"/>
  <c r="U57621" i="1"/>
  <c r="U57620" i="1"/>
  <c r="U57619" i="1"/>
  <c r="U57618" i="1"/>
  <c r="U57617" i="1"/>
  <c r="U57616" i="1"/>
  <c r="U57615" i="1"/>
  <c r="U57614" i="1"/>
  <c r="U57613" i="1"/>
  <c r="U57612" i="1"/>
  <c r="U57611" i="1"/>
  <c r="U57610" i="1"/>
  <c r="U57609" i="1"/>
  <c r="U57608" i="1"/>
  <c r="U57607" i="1"/>
  <c r="U57606" i="1"/>
  <c r="U57605" i="1"/>
  <c r="U57604" i="1"/>
  <c r="U57603" i="1"/>
  <c r="U57602" i="1"/>
  <c r="U57601" i="1"/>
  <c r="U57600" i="1"/>
  <c r="U57599" i="1"/>
  <c r="U57598" i="1"/>
  <c r="U57597" i="1"/>
  <c r="U57596" i="1"/>
  <c r="U57595" i="1"/>
  <c r="U57594" i="1"/>
  <c r="U57593" i="1"/>
  <c r="U57592" i="1"/>
  <c r="U57591" i="1"/>
  <c r="U57590" i="1"/>
  <c r="U57589" i="1"/>
  <c r="U57588" i="1"/>
  <c r="U57587" i="1"/>
  <c r="U57586" i="1"/>
  <c r="U57585" i="1"/>
  <c r="U57584" i="1"/>
  <c r="U57583" i="1"/>
  <c r="U57582" i="1"/>
  <c r="U57581" i="1"/>
  <c r="U57580" i="1"/>
  <c r="U57579" i="1"/>
  <c r="U57578" i="1"/>
  <c r="U57577" i="1"/>
  <c r="U57576" i="1"/>
  <c r="U57575" i="1"/>
  <c r="U57574" i="1"/>
  <c r="U57573" i="1"/>
  <c r="U57572" i="1"/>
  <c r="U57571" i="1"/>
  <c r="U57570" i="1"/>
  <c r="U57569" i="1"/>
  <c r="U57568" i="1"/>
  <c r="U57567" i="1"/>
  <c r="U57566" i="1"/>
  <c r="U57565" i="1"/>
  <c r="U57564" i="1"/>
  <c r="U57563" i="1"/>
  <c r="U57562" i="1"/>
  <c r="U57561" i="1"/>
  <c r="U57560" i="1"/>
  <c r="U57559" i="1"/>
  <c r="U57558" i="1"/>
  <c r="U57557" i="1"/>
  <c r="U57556" i="1"/>
  <c r="U57555" i="1"/>
  <c r="U57554" i="1"/>
  <c r="U57553" i="1"/>
  <c r="U57552" i="1"/>
  <c r="U57551" i="1"/>
  <c r="U57550" i="1"/>
  <c r="U57549" i="1"/>
  <c r="U57548" i="1"/>
  <c r="U57547" i="1"/>
  <c r="U57546" i="1"/>
  <c r="U57545" i="1"/>
  <c r="U57544" i="1"/>
  <c r="U57543" i="1"/>
  <c r="U57542" i="1"/>
  <c r="U57541" i="1"/>
  <c r="U57540" i="1"/>
  <c r="U57539" i="1"/>
  <c r="U57538" i="1"/>
  <c r="U57537" i="1"/>
  <c r="U57536" i="1"/>
  <c r="U57535" i="1"/>
  <c r="U57534" i="1"/>
  <c r="U57533" i="1"/>
  <c r="U57532" i="1"/>
  <c r="U57531" i="1"/>
  <c r="U57530" i="1"/>
  <c r="U57529" i="1"/>
  <c r="U57528" i="1"/>
  <c r="U57527" i="1"/>
  <c r="U57526" i="1"/>
  <c r="U57525" i="1"/>
  <c r="U57524" i="1"/>
  <c r="U57523" i="1"/>
  <c r="U57522" i="1"/>
  <c r="U57521" i="1"/>
  <c r="U57520" i="1"/>
  <c r="U57519" i="1"/>
  <c r="U57518" i="1"/>
  <c r="U57517" i="1"/>
  <c r="U57516" i="1"/>
  <c r="U57515" i="1"/>
  <c r="U57514" i="1"/>
  <c r="U57513" i="1"/>
  <c r="U57512" i="1"/>
  <c r="U57511" i="1"/>
  <c r="U57510" i="1"/>
  <c r="U57509" i="1"/>
  <c r="U57508" i="1"/>
  <c r="U57507" i="1"/>
  <c r="U57506" i="1"/>
  <c r="U57505" i="1"/>
  <c r="U57504" i="1"/>
  <c r="U57503" i="1"/>
  <c r="U57502" i="1"/>
  <c r="U57501" i="1"/>
  <c r="U57500" i="1"/>
  <c r="U57499" i="1"/>
  <c r="U57498" i="1"/>
  <c r="U57497" i="1"/>
  <c r="U57496" i="1"/>
  <c r="U57495" i="1"/>
  <c r="U57494" i="1"/>
  <c r="U57493" i="1"/>
  <c r="U57492" i="1"/>
  <c r="U57491" i="1"/>
  <c r="U57490" i="1"/>
  <c r="U57489" i="1"/>
  <c r="U57488" i="1"/>
  <c r="U57487" i="1"/>
  <c r="U57486" i="1"/>
  <c r="U57485" i="1"/>
  <c r="U57484" i="1"/>
  <c r="U57483" i="1"/>
  <c r="U57482" i="1"/>
  <c r="U57481" i="1"/>
  <c r="U57480" i="1"/>
  <c r="U57479" i="1"/>
  <c r="U57478" i="1"/>
  <c r="U57477" i="1"/>
  <c r="U57476" i="1"/>
  <c r="U57475" i="1"/>
  <c r="U57474" i="1"/>
  <c r="U57473" i="1"/>
  <c r="U57472" i="1"/>
  <c r="U57471" i="1"/>
  <c r="U57470" i="1"/>
  <c r="U57469" i="1"/>
  <c r="U57468" i="1"/>
  <c r="U57467" i="1"/>
  <c r="U57466" i="1"/>
  <c r="U57465" i="1"/>
  <c r="U57464" i="1"/>
  <c r="U57463" i="1"/>
  <c r="U57462" i="1"/>
  <c r="U57461" i="1"/>
  <c r="U57460" i="1"/>
  <c r="U57459" i="1"/>
  <c r="U57458" i="1"/>
  <c r="U57457" i="1"/>
  <c r="U57456" i="1"/>
  <c r="U57455" i="1"/>
  <c r="U57454" i="1"/>
  <c r="U57453" i="1"/>
  <c r="U57452" i="1"/>
  <c r="U57451" i="1"/>
  <c r="U57450" i="1"/>
  <c r="U57449" i="1"/>
  <c r="U57448" i="1"/>
  <c r="U57447" i="1"/>
  <c r="U57446" i="1"/>
  <c r="U57445" i="1"/>
  <c r="U57444" i="1"/>
  <c r="U57443" i="1"/>
  <c r="U57442" i="1"/>
  <c r="U57441" i="1"/>
  <c r="U57440" i="1"/>
  <c r="U57439" i="1"/>
  <c r="U57438" i="1"/>
  <c r="U57437" i="1"/>
  <c r="U57436" i="1"/>
  <c r="U57435" i="1"/>
  <c r="U57434" i="1"/>
  <c r="U57433" i="1"/>
  <c r="U57432" i="1"/>
  <c r="U57431" i="1"/>
  <c r="U57430" i="1"/>
  <c r="U57429" i="1"/>
  <c r="U57428" i="1"/>
  <c r="U57427" i="1"/>
  <c r="U57426" i="1"/>
  <c r="U57425" i="1"/>
  <c r="U57424" i="1"/>
  <c r="U57423" i="1"/>
  <c r="U57422" i="1"/>
  <c r="U57421" i="1"/>
  <c r="U57420" i="1"/>
  <c r="U57419" i="1"/>
  <c r="U57418" i="1"/>
  <c r="U57417" i="1"/>
  <c r="U57416" i="1"/>
  <c r="U57415" i="1"/>
  <c r="U57414" i="1"/>
  <c r="U57413" i="1"/>
  <c r="U57412" i="1"/>
  <c r="U57411" i="1"/>
  <c r="U57410" i="1"/>
  <c r="U57409" i="1"/>
  <c r="U57408" i="1"/>
  <c r="U57407" i="1"/>
  <c r="U57406" i="1"/>
  <c r="U57405" i="1"/>
  <c r="U57404" i="1"/>
  <c r="U57403" i="1"/>
  <c r="U57402" i="1"/>
  <c r="U57401" i="1"/>
  <c r="U57400" i="1"/>
  <c r="U57399" i="1"/>
  <c r="U57398" i="1"/>
  <c r="U57397" i="1"/>
  <c r="U57396" i="1"/>
  <c r="U57395" i="1"/>
  <c r="U57394" i="1"/>
  <c r="U57393" i="1"/>
  <c r="U57392" i="1"/>
  <c r="U57391" i="1"/>
  <c r="U57390" i="1"/>
  <c r="U57389" i="1"/>
  <c r="U57388" i="1"/>
  <c r="U57387" i="1"/>
  <c r="U57386" i="1"/>
  <c r="U57385" i="1"/>
  <c r="U57384" i="1"/>
  <c r="U57383" i="1"/>
  <c r="U57382" i="1"/>
  <c r="U57381" i="1"/>
  <c r="U57380" i="1"/>
  <c r="U57379" i="1"/>
  <c r="U57378" i="1"/>
  <c r="U57377" i="1"/>
  <c r="U57376" i="1"/>
  <c r="U57375" i="1"/>
  <c r="U57374" i="1"/>
  <c r="U57373" i="1"/>
  <c r="U57372" i="1"/>
  <c r="U57371" i="1"/>
  <c r="U57370" i="1"/>
  <c r="U57369" i="1"/>
  <c r="U57368" i="1"/>
  <c r="U57367" i="1"/>
  <c r="U57366" i="1"/>
  <c r="U57365" i="1"/>
  <c r="U57364" i="1"/>
  <c r="U57363" i="1"/>
  <c r="U57362" i="1"/>
  <c r="U57361" i="1"/>
  <c r="U57360" i="1"/>
  <c r="U57359" i="1"/>
  <c r="U57358" i="1"/>
  <c r="U57357" i="1"/>
  <c r="U57356" i="1"/>
  <c r="U57355" i="1"/>
  <c r="U57354" i="1"/>
  <c r="U57353" i="1"/>
  <c r="U57352" i="1"/>
  <c r="U57351" i="1"/>
  <c r="U57350" i="1"/>
  <c r="U57349" i="1"/>
  <c r="U57348" i="1"/>
  <c r="U57347" i="1"/>
  <c r="U57346" i="1"/>
  <c r="U57345" i="1"/>
  <c r="U57344" i="1"/>
  <c r="U57343" i="1"/>
  <c r="U57342" i="1"/>
  <c r="U57341" i="1"/>
  <c r="U57340" i="1"/>
  <c r="U57339" i="1"/>
  <c r="U57338" i="1"/>
  <c r="U57337" i="1"/>
  <c r="U57336" i="1"/>
  <c r="U57335" i="1"/>
  <c r="U57334" i="1"/>
  <c r="U57333" i="1"/>
  <c r="U57332" i="1"/>
  <c r="U57331" i="1"/>
  <c r="U57330" i="1"/>
  <c r="U57329" i="1"/>
  <c r="U57328" i="1"/>
  <c r="U57327" i="1"/>
  <c r="U57326" i="1"/>
  <c r="U57325" i="1"/>
  <c r="U57324" i="1"/>
  <c r="U57323" i="1"/>
  <c r="U57322" i="1"/>
  <c r="U57321" i="1"/>
  <c r="U57320" i="1"/>
  <c r="U57319" i="1"/>
  <c r="U57318" i="1"/>
  <c r="U57317" i="1"/>
  <c r="U57316" i="1"/>
  <c r="U57315" i="1"/>
  <c r="U57314" i="1"/>
  <c r="U57313" i="1"/>
  <c r="U57312" i="1"/>
  <c r="U57311" i="1"/>
  <c r="U57310" i="1"/>
  <c r="U57309" i="1"/>
  <c r="U57308" i="1"/>
  <c r="U57307" i="1"/>
  <c r="U57306" i="1"/>
  <c r="U57305" i="1"/>
  <c r="U57304" i="1"/>
  <c r="U57303" i="1"/>
  <c r="U57302" i="1"/>
  <c r="U57301" i="1"/>
  <c r="U57300" i="1"/>
  <c r="U57299" i="1"/>
  <c r="U57298" i="1"/>
  <c r="U57297" i="1"/>
  <c r="U57296" i="1"/>
  <c r="U57295" i="1"/>
  <c r="U57294" i="1"/>
  <c r="U57293" i="1"/>
  <c r="U57292" i="1"/>
  <c r="U57291" i="1"/>
  <c r="U57290" i="1"/>
  <c r="U57289" i="1"/>
  <c r="U57288" i="1"/>
  <c r="U57287" i="1"/>
  <c r="U57286" i="1"/>
  <c r="U57285" i="1"/>
  <c r="U57284" i="1"/>
  <c r="U57283" i="1"/>
  <c r="U57282" i="1"/>
  <c r="U57281" i="1"/>
  <c r="U57280" i="1"/>
  <c r="U57279" i="1"/>
  <c r="U57278" i="1"/>
  <c r="U57277" i="1"/>
  <c r="U57276" i="1"/>
  <c r="U57275" i="1"/>
  <c r="U57274" i="1"/>
  <c r="U57273" i="1"/>
  <c r="U57272" i="1"/>
  <c r="U57271" i="1"/>
  <c r="U57270" i="1"/>
  <c r="U57269" i="1"/>
  <c r="U57268" i="1"/>
  <c r="U57267" i="1"/>
  <c r="U57266" i="1"/>
  <c r="U57265" i="1"/>
  <c r="U57264" i="1"/>
  <c r="U57263" i="1"/>
  <c r="U57262" i="1"/>
  <c r="U57261" i="1"/>
  <c r="U57260" i="1"/>
  <c r="U57259" i="1"/>
  <c r="U57258" i="1"/>
  <c r="U57257" i="1"/>
  <c r="U57256" i="1"/>
  <c r="U57255" i="1"/>
  <c r="U57254" i="1"/>
  <c r="U57253" i="1"/>
  <c r="U57252" i="1"/>
  <c r="U57251" i="1"/>
  <c r="U57250" i="1"/>
  <c r="U57249" i="1"/>
  <c r="U57248" i="1"/>
  <c r="U57247" i="1"/>
  <c r="U57246" i="1"/>
  <c r="U57245" i="1"/>
  <c r="U57244" i="1"/>
  <c r="U57243" i="1"/>
  <c r="U57242" i="1"/>
  <c r="U57241" i="1"/>
  <c r="U57240" i="1"/>
  <c r="U57239" i="1"/>
  <c r="U57238" i="1"/>
  <c r="U57237" i="1"/>
  <c r="U57236" i="1"/>
  <c r="U57235" i="1"/>
  <c r="U57234" i="1"/>
  <c r="U57233" i="1"/>
  <c r="U57232" i="1"/>
  <c r="U57231" i="1"/>
  <c r="U57230" i="1"/>
  <c r="U57229" i="1"/>
  <c r="U57228" i="1"/>
  <c r="U57227" i="1"/>
  <c r="U57226" i="1"/>
  <c r="U57225" i="1"/>
  <c r="U57224" i="1"/>
  <c r="U57223" i="1"/>
  <c r="U57222" i="1"/>
  <c r="U57221" i="1"/>
  <c r="U57220" i="1"/>
  <c r="U57219" i="1"/>
  <c r="U57218" i="1"/>
  <c r="U57217" i="1"/>
  <c r="U57216" i="1"/>
  <c r="U57215" i="1"/>
  <c r="U57214" i="1"/>
  <c r="U57213" i="1"/>
  <c r="U57212" i="1"/>
  <c r="U57211" i="1"/>
  <c r="U57210" i="1"/>
  <c r="U57209" i="1"/>
  <c r="U57208" i="1"/>
  <c r="U57207" i="1"/>
  <c r="U57206" i="1"/>
  <c r="U57205" i="1"/>
  <c r="U57204" i="1"/>
  <c r="U57203" i="1"/>
  <c r="U57202" i="1"/>
  <c r="U57201" i="1"/>
  <c r="U57200" i="1"/>
  <c r="U57199" i="1"/>
  <c r="U57198" i="1"/>
  <c r="U57197" i="1"/>
  <c r="U57196" i="1"/>
  <c r="U57195" i="1"/>
  <c r="U57194" i="1"/>
  <c r="U57193" i="1"/>
  <c r="U57192" i="1"/>
  <c r="U57191" i="1"/>
  <c r="U57190" i="1"/>
  <c r="U57189" i="1"/>
  <c r="U57188" i="1"/>
  <c r="U57187" i="1"/>
  <c r="U57186" i="1"/>
  <c r="U57185" i="1"/>
  <c r="U57184" i="1"/>
  <c r="U57183" i="1"/>
  <c r="U57182" i="1"/>
  <c r="U57181" i="1"/>
  <c r="U57180" i="1"/>
  <c r="U57179" i="1"/>
  <c r="U57178" i="1"/>
  <c r="U57177" i="1"/>
  <c r="U57176" i="1"/>
  <c r="U57175" i="1"/>
  <c r="U57174" i="1"/>
  <c r="U57173" i="1"/>
  <c r="U57172" i="1"/>
  <c r="U57171" i="1"/>
  <c r="U57170" i="1"/>
  <c r="U57169" i="1"/>
  <c r="U57168" i="1"/>
  <c r="U57167" i="1"/>
  <c r="U57166" i="1"/>
  <c r="U57165" i="1"/>
  <c r="U57164" i="1"/>
  <c r="U57163" i="1"/>
  <c r="U57162" i="1"/>
  <c r="U57161" i="1"/>
  <c r="U57160" i="1"/>
  <c r="U57159" i="1"/>
  <c r="U57158" i="1"/>
  <c r="U57157" i="1"/>
  <c r="U57156" i="1"/>
  <c r="U57155" i="1"/>
  <c r="U57154" i="1"/>
  <c r="U57153" i="1"/>
  <c r="U57152" i="1"/>
  <c r="U57151" i="1"/>
  <c r="U57150" i="1"/>
  <c r="U57149" i="1"/>
  <c r="U57148" i="1"/>
  <c r="U57147" i="1"/>
  <c r="U57146" i="1"/>
  <c r="U57145" i="1"/>
  <c r="U57144" i="1"/>
  <c r="U57143" i="1"/>
  <c r="U57142" i="1"/>
  <c r="U57141" i="1"/>
  <c r="U57140" i="1"/>
  <c r="U57139" i="1"/>
  <c r="U57138" i="1"/>
  <c r="U57137" i="1"/>
  <c r="U57136" i="1"/>
  <c r="U57135" i="1"/>
  <c r="U57134" i="1"/>
  <c r="U57133" i="1"/>
  <c r="U57132" i="1"/>
  <c r="U57131" i="1"/>
  <c r="U57130" i="1"/>
  <c r="U57129" i="1"/>
  <c r="U57128" i="1"/>
  <c r="U57127" i="1"/>
  <c r="U57126" i="1"/>
  <c r="U57125" i="1"/>
  <c r="U57124" i="1"/>
  <c r="U57123" i="1"/>
  <c r="U57122" i="1"/>
  <c r="U57121" i="1"/>
  <c r="U57120" i="1"/>
  <c r="U57119" i="1"/>
  <c r="U57118" i="1"/>
  <c r="U57117" i="1"/>
  <c r="U57116" i="1"/>
  <c r="U57115" i="1"/>
  <c r="U57114" i="1"/>
  <c r="U57113" i="1"/>
  <c r="U57112" i="1"/>
  <c r="U57111" i="1"/>
  <c r="U57110" i="1"/>
  <c r="U57109" i="1"/>
  <c r="U57108" i="1"/>
  <c r="U57107" i="1"/>
  <c r="U57106" i="1"/>
  <c r="U57105" i="1"/>
  <c r="U57104" i="1"/>
  <c r="U57103" i="1"/>
  <c r="U57102" i="1"/>
  <c r="U57101" i="1"/>
  <c r="U57100" i="1"/>
  <c r="U57099" i="1"/>
  <c r="U57098" i="1"/>
  <c r="U57097" i="1"/>
  <c r="U57096" i="1"/>
  <c r="U57095" i="1"/>
  <c r="U57094" i="1"/>
  <c r="U57093" i="1"/>
  <c r="U57092" i="1"/>
  <c r="U57091" i="1"/>
  <c r="U57090" i="1"/>
  <c r="U57089" i="1"/>
  <c r="U57088" i="1"/>
  <c r="U57087" i="1"/>
  <c r="U57086" i="1"/>
  <c r="U57085" i="1"/>
  <c r="U57084" i="1"/>
  <c r="U57083" i="1"/>
  <c r="U57082" i="1"/>
  <c r="U57081" i="1"/>
  <c r="U57080" i="1"/>
  <c r="U57079" i="1"/>
  <c r="U57078" i="1"/>
  <c r="U57077" i="1"/>
  <c r="U57076" i="1"/>
  <c r="U57075" i="1"/>
  <c r="U57074" i="1"/>
  <c r="U57073" i="1"/>
  <c r="U57072" i="1"/>
  <c r="U57071" i="1"/>
  <c r="U57070" i="1"/>
  <c r="U57069" i="1"/>
  <c r="U57068" i="1"/>
  <c r="U57067" i="1"/>
  <c r="U57066" i="1"/>
  <c r="U57065" i="1"/>
  <c r="U57064" i="1"/>
  <c r="U57063" i="1"/>
  <c r="U57062" i="1"/>
  <c r="U57061" i="1"/>
  <c r="U57060" i="1"/>
  <c r="U57059" i="1"/>
  <c r="U57058" i="1"/>
  <c r="U57057" i="1"/>
  <c r="U57056" i="1"/>
  <c r="U57055" i="1"/>
  <c r="U57054" i="1"/>
  <c r="U57053" i="1"/>
  <c r="U57052" i="1"/>
  <c r="U57051" i="1"/>
  <c r="U57050" i="1"/>
  <c r="U57049" i="1"/>
  <c r="U57048" i="1"/>
  <c r="U57047" i="1"/>
  <c r="U57046" i="1"/>
  <c r="U57045" i="1"/>
  <c r="U57044" i="1"/>
  <c r="U57043" i="1"/>
  <c r="U57042" i="1"/>
  <c r="U57041" i="1"/>
  <c r="U57040" i="1"/>
  <c r="U57039" i="1"/>
  <c r="U57038" i="1"/>
  <c r="U57037" i="1"/>
  <c r="U57036" i="1"/>
  <c r="U57035" i="1"/>
  <c r="U57034" i="1"/>
  <c r="U57033" i="1"/>
  <c r="U57032" i="1"/>
  <c r="U57031" i="1"/>
  <c r="U57030" i="1"/>
  <c r="U57029" i="1"/>
  <c r="U57028" i="1"/>
  <c r="U57027" i="1"/>
  <c r="U57026" i="1"/>
  <c r="U57025" i="1"/>
  <c r="U57024" i="1"/>
  <c r="U57023" i="1"/>
  <c r="U57022" i="1"/>
  <c r="U57021" i="1"/>
  <c r="U57020" i="1"/>
  <c r="U57019" i="1"/>
  <c r="U57018" i="1"/>
  <c r="U57017" i="1"/>
  <c r="U57016" i="1"/>
  <c r="U57015" i="1"/>
  <c r="U57014" i="1"/>
  <c r="U57013" i="1"/>
  <c r="U57012" i="1"/>
  <c r="U57011" i="1"/>
  <c r="U57010" i="1"/>
  <c r="U57009" i="1"/>
  <c r="U57008" i="1"/>
  <c r="U57007" i="1"/>
  <c r="U57006" i="1"/>
  <c r="U57005" i="1"/>
  <c r="U57004" i="1"/>
  <c r="U57003" i="1"/>
  <c r="U57002" i="1"/>
  <c r="U57001" i="1"/>
  <c r="U57000" i="1"/>
  <c r="U56999" i="1"/>
  <c r="U56998" i="1"/>
  <c r="U56997" i="1"/>
  <c r="U56996" i="1"/>
  <c r="U56995" i="1"/>
  <c r="U56994" i="1"/>
  <c r="U56993" i="1"/>
  <c r="U56992" i="1"/>
  <c r="U56991" i="1"/>
  <c r="U56990" i="1"/>
  <c r="U56989" i="1"/>
  <c r="U56988" i="1"/>
  <c r="U56987" i="1"/>
  <c r="U56986" i="1"/>
  <c r="U56985" i="1"/>
  <c r="U56984" i="1"/>
  <c r="U56983" i="1"/>
  <c r="U56982" i="1"/>
  <c r="U56981" i="1"/>
  <c r="U56980" i="1"/>
  <c r="U56979" i="1"/>
  <c r="U56978" i="1"/>
  <c r="U56977" i="1"/>
  <c r="U56976" i="1"/>
  <c r="U56975" i="1"/>
  <c r="U56974" i="1"/>
  <c r="U56973" i="1"/>
  <c r="U56972" i="1"/>
  <c r="U56971" i="1"/>
  <c r="U56970" i="1"/>
  <c r="U56969" i="1"/>
  <c r="U56968" i="1"/>
  <c r="U56967" i="1"/>
  <c r="U56966" i="1"/>
  <c r="U56965" i="1"/>
  <c r="U56964" i="1"/>
  <c r="U56963" i="1"/>
  <c r="U56962" i="1"/>
  <c r="U56961" i="1"/>
  <c r="U56960" i="1"/>
  <c r="U56959" i="1"/>
  <c r="U56958" i="1"/>
  <c r="U56957" i="1"/>
  <c r="U56956" i="1"/>
  <c r="U56955" i="1"/>
  <c r="U56954" i="1"/>
  <c r="U56953" i="1"/>
  <c r="U56952" i="1"/>
  <c r="U56951" i="1"/>
  <c r="U56950" i="1"/>
  <c r="U56949" i="1"/>
  <c r="U56948" i="1"/>
  <c r="U56947" i="1"/>
  <c r="U56946" i="1"/>
  <c r="U56945" i="1"/>
  <c r="U56944" i="1"/>
  <c r="U56943" i="1"/>
  <c r="U56942" i="1"/>
  <c r="U56941" i="1"/>
  <c r="U56940" i="1"/>
  <c r="U56939" i="1"/>
  <c r="U56938" i="1"/>
  <c r="U56937" i="1"/>
  <c r="U56936" i="1"/>
  <c r="U56935" i="1"/>
  <c r="U56934" i="1"/>
  <c r="U56933" i="1"/>
  <c r="U56932" i="1"/>
  <c r="U56931" i="1"/>
  <c r="U56930" i="1"/>
  <c r="U56929" i="1"/>
  <c r="U56928" i="1"/>
  <c r="U56927" i="1"/>
  <c r="U56926" i="1"/>
  <c r="U56925" i="1"/>
  <c r="U56924" i="1"/>
  <c r="U56923" i="1"/>
  <c r="U56922" i="1"/>
  <c r="U56921" i="1"/>
  <c r="U56920" i="1"/>
  <c r="U56919" i="1"/>
  <c r="U56918" i="1"/>
  <c r="U56917" i="1"/>
  <c r="U56916" i="1"/>
  <c r="U56915" i="1"/>
  <c r="U56914" i="1"/>
  <c r="U56913" i="1"/>
  <c r="U56912" i="1"/>
  <c r="U56911" i="1"/>
  <c r="U56910" i="1"/>
  <c r="U56909" i="1"/>
  <c r="U56908" i="1"/>
  <c r="U56907" i="1"/>
  <c r="U56906" i="1"/>
  <c r="U56905" i="1"/>
  <c r="U56904" i="1"/>
  <c r="U56903" i="1"/>
  <c r="U56902" i="1"/>
  <c r="U56901" i="1"/>
  <c r="U56900" i="1"/>
  <c r="U56899" i="1"/>
  <c r="U56898" i="1"/>
  <c r="U56897" i="1"/>
  <c r="U56896" i="1"/>
  <c r="U56895" i="1"/>
  <c r="U56894" i="1"/>
  <c r="U56893" i="1"/>
  <c r="U56892" i="1"/>
  <c r="U56891" i="1"/>
  <c r="U56890" i="1"/>
  <c r="U56889" i="1"/>
  <c r="U56888" i="1"/>
  <c r="U56887" i="1"/>
  <c r="U56886" i="1"/>
  <c r="U56885" i="1"/>
  <c r="U56884" i="1"/>
  <c r="U56883" i="1"/>
  <c r="U56882" i="1"/>
  <c r="U56881" i="1"/>
  <c r="U56880" i="1"/>
  <c r="U56879" i="1"/>
  <c r="U56878" i="1"/>
  <c r="U56877" i="1"/>
  <c r="U56876" i="1"/>
  <c r="U56875" i="1"/>
  <c r="U56874" i="1"/>
  <c r="U56873" i="1"/>
  <c r="U56872" i="1"/>
  <c r="U56871" i="1"/>
  <c r="U56870" i="1"/>
  <c r="U56869" i="1"/>
  <c r="U56868" i="1"/>
  <c r="U56867" i="1"/>
  <c r="U56866" i="1"/>
  <c r="U56865" i="1"/>
  <c r="U56864" i="1"/>
  <c r="U56863" i="1"/>
  <c r="U56862" i="1"/>
  <c r="U56861" i="1"/>
  <c r="U56860" i="1"/>
  <c r="U56859" i="1"/>
  <c r="U56858" i="1"/>
  <c r="U56857" i="1"/>
  <c r="U56856" i="1"/>
  <c r="U56855" i="1"/>
  <c r="U56854" i="1"/>
  <c r="U56853" i="1"/>
  <c r="U56852" i="1"/>
  <c r="U56851" i="1"/>
  <c r="U56850" i="1"/>
  <c r="U56849" i="1"/>
  <c r="U56848" i="1"/>
  <c r="U56847" i="1"/>
  <c r="U56846" i="1"/>
  <c r="U56845" i="1"/>
  <c r="U56844" i="1"/>
  <c r="U56843" i="1"/>
  <c r="U56842" i="1"/>
  <c r="U56841" i="1"/>
  <c r="U56840" i="1"/>
  <c r="U56839" i="1"/>
  <c r="U56838" i="1"/>
  <c r="U56837" i="1"/>
  <c r="U56836" i="1"/>
  <c r="U56835" i="1"/>
  <c r="U56834" i="1"/>
  <c r="U56833" i="1"/>
  <c r="U56832" i="1"/>
  <c r="U56831" i="1"/>
  <c r="U56830" i="1"/>
  <c r="U56829" i="1"/>
  <c r="U56828" i="1"/>
  <c r="U56827" i="1"/>
  <c r="U56826" i="1"/>
  <c r="U56825" i="1"/>
  <c r="U56824" i="1"/>
  <c r="U56823" i="1"/>
  <c r="U56822" i="1"/>
  <c r="U56821" i="1"/>
  <c r="U56820" i="1"/>
  <c r="U56819" i="1"/>
  <c r="U56818" i="1"/>
  <c r="U56817" i="1"/>
  <c r="U56816" i="1"/>
  <c r="U56815" i="1"/>
  <c r="U56814" i="1"/>
  <c r="U56813" i="1"/>
  <c r="U56812" i="1"/>
  <c r="U56811" i="1"/>
  <c r="U56810" i="1"/>
  <c r="U56809" i="1"/>
  <c r="U56808" i="1"/>
  <c r="U56807" i="1"/>
  <c r="U56806" i="1"/>
  <c r="U56805" i="1"/>
  <c r="U56804" i="1"/>
  <c r="U56803" i="1"/>
  <c r="U56802" i="1"/>
  <c r="U56801" i="1"/>
  <c r="U56800" i="1"/>
  <c r="U56799" i="1"/>
  <c r="U56798" i="1"/>
  <c r="U56797" i="1"/>
  <c r="U56796" i="1"/>
  <c r="U56795" i="1"/>
  <c r="U56794" i="1"/>
  <c r="U56793" i="1"/>
  <c r="U56792" i="1"/>
  <c r="U56791" i="1"/>
  <c r="U56790" i="1"/>
  <c r="U56789" i="1"/>
  <c r="U56788" i="1"/>
  <c r="U56787" i="1"/>
  <c r="U56786" i="1"/>
  <c r="U56785" i="1"/>
  <c r="U56784" i="1"/>
  <c r="U56783" i="1"/>
  <c r="U56782" i="1"/>
  <c r="U56781" i="1"/>
  <c r="U56780" i="1"/>
  <c r="U56779" i="1"/>
  <c r="U56778" i="1"/>
  <c r="U56777" i="1"/>
  <c r="U56776" i="1"/>
  <c r="U56775" i="1"/>
  <c r="U56774" i="1"/>
  <c r="U56773" i="1"/>
  <c r="U56772" i="1"/>
  <c r="U56771" i="1"/>
  <c r="U56770" i="1"/>
  <c r="U56769" i="1"/>
  <c r="U56768" i="1"/>
  <c r="U56767" i="1"/>
  <c r="U56766" i="1"/>
  <c r="U56765" i="1"/>
  <c r="U56764" i="1"/>
  <c r="U56763" i="1"/>
  <c r="U56762" i="1"/>
  <c r="U56761" i="1"/>
  <c r="U56760" i="1"/>
  <c r="U56759" i="1"/>
  <c r="U56758" i="1"/>
  <c r="U56757" i="1"/>
  <c r="U56756" i="1"/>
  <c r="U56755" i="1"/>
  <c r="U56754" i="1"/>
  <c r="U56753" i="1"/>
  <c r="U56752" i="1"/>
  <c r="U56751" i="1"/>
  <c r="U56750" i="1"/>
  <c r="U56749" i="1"/>
  <c r="U56748" i="1"/>
  <c r="U56747" i="1"/>
  <c r="U56746" i="1"/>
  <c r="U56745" i="1"/>
  <c r="U56744" i="1"/>
  <c r="U56743" i="1"/>
  <c r="U56742" i="1"/>
  <c r="U56741" i="1"/>
  <c r="U56740" i="1"/>
  <c r="U56739" i="1"/>
  <c r="U56738" i="1"/>
  <c r="U56737" i="1"/>
  <c r="U56736" i="1"/>
  <c r="U56735" i="1"/>
  <c r="U56734" i="1"/>
  <c r="U56733" i="1"/>
  <c r="U56732" i="1"/>
  <c r="U56731" i="1"/>
  <c r="U56730" i="1"/>
  <c r="U56729" i="1"/>
  <c r="U56728" i="1"/>
  <c r="U56727" i="1"/>
  <c r="U56726" i="1"/>
  <c r="U56725" i="1"/>
  <c r="U56724" i="1"/>
  <c r="U56723" i="1"/>
  <c r="U56722" i="1"/>
  <c r="U56721" i="1"/>
  <c r="U56720" i="1"/>
  <c r="U56719" i="1"/>
  <c r="U56718" i="1"/>
  <c r="U56717" i="1"/>
  <c r="U56716" i="1"/>
  <c r="U56715" i="1"/>
  <c r="U56714" i="1"/>
  <c r="U56713" i="1"/>
  <c r="U56712" i="1"/>
  <c r="U56711" i="1"/>
  <c r="U56710" i="1"/>
  <c r="U56709" i="1"/>
  <c r="U56708" i="1"/>
  <c r="U56707" i="1"/>
  <c r="U56706" i="1"/>
  <c r="U56705" i="1"/>
  <c r="U56704" i="1"/>
  <c r="U56703" i="1"/>
  <c r="U56702" i="1"/>
  <c r="U56701" i="1"/>
  <c r="U56700" i="1"/>
  <c r="U56699" i="1"/>
  <c r="U56698" i="1"/>
  <c r="U56697" i="1"/>
  <c r="U56696" i="1"/>
  <c r="U56695" i="1"/>
  <c r="U56694" i="1"/>
  <c r="U56693" i="1"/>
  <c r="U56692" i="1"/>
  <c r="U56691" i="1"/>
  <c r="U56690" i="1"/>
  <c r="U56689" i="1"/>
  <c r="U56688" i="1"/>
  <c r="U56687" i="1"/>
  <c r="U56686" i="1"/>
  <c r="U56685" i="1"/>
  <c r="U56684" i="1"/>
  <c r="U56683" i="1"/>
  <c r="U56682" i="1"/>
  <c r="U56681" i="1"/>
  <c r="U56680" i="1"/>
  <c r="U56679" i="1"/>
  <c r="U56678" i="1"/>
  <c r="U56677" i="1"/>
  <c r="U56676" i="1"/>
  <c r="U56675" i="1"/>
  <c r="U56674" i="1"/>
  <c r="U56673" i="1"/>
  <c r="U56672" i="1"/>
  <c r="U56671" i="1"/>
  <c r="U56670" i="1"/>
  <c r="U56669" i="1"/>
  <c r="U56668" i="1"/>
  <c r="U56667" i="1"/>
  <c r="U56666" i="1"/>
  <c r="U56665" i="1"/>
  <c r="U56664" i="1"/>
  <c r="U56663" i="1"/>
  <c r="U56662" i="1"/>
  <c r="U56661" i="1"/>
  <c r="U56660" i="1"/>
  <c r="U56659" i="1"/>
  <c r="U56658" i="1"/>
  <c r="U56657" i="1"/>
  <c r="U56656" i="1"/>
  <c r="U56655" i="1"/>
  <c r="U56654" i="1"/>
  <c r="U56653" i="1"/>
  <c r="U56652" i="1"/>
  <c r="U56651" i="1"/>
  <c r="U56650" i="1"/>
  <c r="U56649" i="1"/>
  <c r="U56648" i="1"/>
  <c r="U56647" i="1"/>
  <c r="U56646" i="1"/>
  <c r="U56645" i="1"/>
  <c r="U56644" i="1"/>
  <c r="U56643" i="1"/>
  <c r="U56642" i="1"/>
  <c r="U56641" i="1"/>
  <c r="U56640" i="1"/>
  <c r="U56639" i="1"/>
  <c r="U56638" i="1"/>
  <c r="U56637" i="1"/>
  <c r="U56636" i="1"/>
  <c r="U56635" i="1"/>
  <c r="U56634" i="1"/>
  <c r="U56633" i="1"/>
  <c r="U56632" i="1"/>
  <c r="U56631" i="1"/>
  <c r="U56630" i="1"/>
  <c r="U56629" i="1"/>
  <c r="U56628" i="1"/>
  <c r="U56627" i="1"/>
  <c r="U56626" i="1"/>
  <c r="U56625" i="1"/>
  <c r="U56624" i="1"/>
  <c r="U56623" i="1"/>
  <c r="U56622" i="1"/>
  <c r="U56621" i="1"/>
  <c r="U56620" i="1"/>
  <c r="U56619" i="1"/>
  <c r="U56618" i="1"/>
  <c r="U56617" i="1"/>
  <c r="U56616" i="1"/>
  <c r="U56615" i="1"/>
  <c r="U56614" i="1"/>
  <c r="U56613" i="1"/>
  <c r="U56612" i="1"/>
  <c r="U56611" i="1"/>
  <c r="U56610" i="1"/>
  <c r="U56609" i="1"/>
  <c r="U56608" i="1"/>
  <c r="U56607" i="1"/>
  <c r="U56606" i="1"/>
  <c r="U56605" i="1"/>
  <c r="U56604" i="1"/>
  <c r="U56603" i="1"/>
  <c r="U56602" i="1"/>
  <c r="U56601" i="1"/>
  <c r="U56600" i="1"/>
  <c r="U56599" i="1"/>
  <c r="U56598" i="1"/>
  <c r="U56597" i="1"/>
  <c r="U56596" i="1"/>
  <c r="U56595" i="1"/>
  <c r="U56594" i="1"/>
  <c r="U56593" i="1"/>
  <c r="U56592" i="1"/>
  <c r="U56591" i="1"/>
  <c r="U56590" i="1"/>
  <c r="U56589" i="1"/>
  <c r="U56588" i="1"/>
  <c r="U56587" i="1"/>
  <c r="U56586" i="1"/>
  <c r="U56585" i="1"/>
  <c r="U56584" i="1"/>
  <c r="U56583" i="1"/>
  <c r="U56582" i="1"/>
  <c r="U56581" i="1"/>
  <c r="U56580" i="1"/>
  <c r="U56579" i="1"/>
  <c r="U56578" i="1"/>
  <c r="U56577" i="1"/>
  <c r="U56576" i="1"/>
  <c r="U56575" i="1"/>
  <c r="U56574" i="1"/>
  <c r="U56573" i="1"/>
  <c r="U56572" i="1"/>
  <c r="U56571" i="1"/>
  <c r="U56570" i="1"/>
  <c r="U56569" i="1"/>
  <c r="U56568" i="1"/>
  <c r="U56567" i="1"/>
  <c r="U56566" i="1"/>
  <c r="U56565" i="1"/>
  <c r="U56564" i="1"/>
  <c r="U56563" i="1"/>
  <c r="U56562" i="1"/>
  <c r="U56561" i="1"/>
  <c r="U56560" i="1"/>
  <c r="U56559" i="1"/>
  <c r="U56558" i="1"/>
  <c r="U56557" i="1"/>
  <c r="U56556" i="1"/>
  <c r="U56555" i="1"/>
  <c r="U56554" i="1"/>
  <c r="U56553" i="1"/>
  <c r="U56552" i="1"/>
  <c r="U56551" i="1"/>
  <c r="U56550" i="1"/>
  <c r="U56549" i="1"/>
  <c r="U56548" i="1"/>
  <c r="U56547" i="1"/>
  <c r="U56546" i="1"/>
  <c r="U56545" i="1"/>
  <c r="U56544" i="1"/>
  <c r="U56543" i="1"/>
  <c r="U56542" i="1"/>
  <c r="U56541" i="1"/>
  <c r="U56540" i="1"/>
  <c r="U56539" i="1"/>
  <c r="U56538" i="1"/>
  <c r="U56537" i="1"/>
  <c r="U56536" i="1"/>
  <c r="U56535" i="1"/>
  <c r="U56534" i="1"/>
  <c r="U56533" i="1"/>
  <c r="U56532" i="1"/>
  <c r="U56531" i="1"/>
  <c r="U56530" i="1"/>
  <c r="U56529" i="1"/>
  <c r="U56528" i="1"/>
  <c r="U56527" i="1"/>
  <c r="U56526" i="1"/>
  <c r="U56525" i="1"/>
  <c r="U56524" i="1"/>
  <c r="U56523" i="1"/>
  <c r="U56522" i="1"/>
  <c r="U56521" i="1"/>
  <c r="U56520" i="1"/>
  <c r="U56519" i="1"/>
  <c r="U56518" i="1"/>
  <c r="U56517" i="1"/>
  <c r="U56516" i="1"/>
  <c r="U56515" i="1"/>
  <c r="U56514" i="1"/>
  <c r="U56513" i="1"/>
  <c r="U56512" i="1"/>
  <c r="U56511" i="1"/>
  <c r="U56510" i="1"/>
  <c r="U56509" i="1"/>
  <c r="U56508" i="1"/>
  <c r="U56507" i="1"/>
  <c r="U56506" i="1"/>
  <c r="U56505" i="1"/>
  <c r="U56504" i="1"/>
  <c r="U56503" i="1"/>
  <c r="U56502" i="1"/>
  <c r="U56501" i="1"/>
  <c r="U56500" i="1"/>
  <c r="U56499" i="1"/>
  <c r="U56498" i="1"/>
  <c r="U56497" i="1"/>
  <c r="U56496" i="1"/>
  <c r="U56495" i="1"/>
  <c r="U56494" i="1"/>
  <c r="U56493" i="1"/>
  <c r="U56492" i="1"/>
  <c r="U56491" i="1"/>
  <c r="U56490" i="1"/>
  <c r="U56489" i="1"/>
  <c r="U56488" i="1"/>
  <c r="U56487" i="1"/>
  <c r="U56486" i="1"/>
  <c r="U56485" i="1"/>
  <c r="U56484" i="1"/>
  <c r="U56483" i="1"/>
  <c r="U56482" i="1"/>
  <c r="U56481" i="1"/>
  <c r="U56480" i="1"/>
  <c r="U56479" i="1"/>
  <c r="U56478" i="1"/>
  <c r="U56477" i="1"/>
  <c r="U56476" i="1"/>
  <c r="U56475" i="1"/>
  <c r="U56474" i="1"/>
  <c r="U56473" i="1"/>
  <c r="U56472" i="1"/>
  <c r="U56471" i="1"/>
  <c r="U56470" i="1"/>
  <c r="U56469" i="1"/>
  <c r="U56468" i="1"/>
  <c r="U56467" i="1"/>
  <c r="U56466" i="1"/>
  <c r="U56465" i="1"/>
  <c r="U56464" i="1"/>
  <c r="U56463" i="1"/>
  <c r="U56462" i="1"/>
  <c r="U56461" i="1"/>
  <c r="U56460" i="1"/>
  <c r="U56459" i="1"/>
  <c r="U56458" i="1"/>
  <c r="U56457" i="1"/>
  <c r="U56456" i="1"/>
  <c r="U56455" i="1"/>
  <c r="U56454" i="1"/>
  <c r="U56453" i="1"/>
  <c r="U56452" i="1"/>
  <c r="U56451" i="1"/>
  <c r="U56450" i="1"/>
  <c r="U56449" i="1"/>
  <c r="U56448" i="1"/>
  <c r="U56447" i="1"/>
  <c r="U56446" i="1"/>
  <c r="U56445" i="1"/>
  <c r="U56444" i="1"/>
  <c r="U56443" i="1"/>
  <c r="U56442" i="1"/>
  <c r="U56441" i="1"/>
  <c r="U56440" i="1"/>
  <c r="U56439" i="1"/>
  <c r="U56438" i="1"/>
  <c r="U56437" i="1"/>
  <c r="U56436" i="1"/>
  <c r="U56435" i="1"/>
  <c r="U56434" i="1"/>
  <c r="U56433" i="1"/>
  <c r="U56432" i="1"/>
  <c r="U56431" i="1"/>
  <c r="U56430" i="1"/>
  <c r="U56429" i="1"/>
  <c r="U56428" i="1"/>
  <c r="U56427" i="1"/>
  <c r="U56426" i="1"/>
  <c r="U56425" i="1"/>
  <c r="U56424" i="1"/>
  <c r="U56423" i="1"/>
  <c r="U56422" i="1"/>
  <c r="U56421" i="1"/>
  <c r="U56420" i="1"/>
  <c r="U56419" i="1"/>
  <c r="U56418" i="1"/>
  <c r="U56417" i="1"/>
  <c r="U56416" i="1"/>
  <c r="U56415" i="1"/>
  <c r="U56414" i="1"/>
  <c r="U56413" i="1"/>
  <c r="U56412" i="1"/>
  <c r="U56411" i="1"/>
  <c r="U56410" i="1"/>
  <c r="U56409" i="1"/>
  <c r="U56408" i="1"/>
  <c r="U56407" i="1"/>
  <c r="U56406" i="1"/>
  <c r="U56405" i="1"/>
  <c r="U56404" i="1"/>
  <c r="U56403" i="1"/>
  <c r="U56402" i="1"/>
  <c r="U56401" i="1"/>
  <c r="U56400" i="1"/>
  <c r="U56399" i="1"/>
  <c r="U56398" i="1"/>
  <c r="U56397" i="1"/>
  <c r="U56396" i="1"/>
  <c r="U56395" i="1"/>
  <c r="U56394" i="1"/>
  <c r="U56393" i="1"/>
  <c r="U56392" i="1"/>
  <c r="U56391" i="1"/>
  <c r="U56390" i="1"/>
  <c r="U56389" i="1"/>
  <c r="U56388" i="1"/>
  <c r="U56387" i="1"/>
  <c r="U56386" i="1"/>
  <c r="U56385" i="1"/>
  <c r="U56384" i="1"/>
  <c r="U56383" i="1"/>
  <c r="U56382" i="1"/>
  <c r="U56381" i="1"/>
  <c r="U56380" i="1"/>
  <c r="U56379" i="1"/>
  <c r="U56378" i="1"/>
  <c r="U56377" i="1"/>
  <c r="U56376" i="1"/>
  <c r="U56375" i="1"/>
  <c r="U56374" i="1"/>
  <c r="U56373" i="1"/>
  <c r="U56372" i="1"/>
  <c r="U56371" i="1"/>
  <c r="U56370" i="1"/>
  <c r="U56369" i="1"/>
  <c r="U56368" i="1"/>
  <c r="U56367" i="1"/>
  <c r="U56366" i="1"/>
  <c r="U56365" i="1"/>
  <c r="U56364" i="1"/>
  <c r="U56363" i="1"/>
  <c r="U56362" i="1"/>
  <c r="U56361" i="1"/>
  <c r="U56360" i="1"/>
  <c r="U56359" i="1"/>
  <c r="U56358" i="1"/>
  <c r="U56357" i="1"/>
  <c r="U56356" i="1"/>
  <c r="U56355" i="1"/>
  <c r="U56354" i="1"/>
  <c r="U56353" i="1"/>
  <c r="U56352" i="1"/>
  <c r="U56351" i="1"/>
  <c r="U56350" i="1"/>
  <c r="U56349" i="1"/>
  <c r="U56348" i="1"/>
  <c r="U56347" i="1"/>
  <c r="U56346" i="1"/>
  <c r="U56345" i="1"/>
  <c r="U56344" i="1"/>
  <c r="U56343" i="1"/>
  <c r="U56342" i="1"/>
  <c r="U56341" i="1"/>
  <c r="U56340" i="1"/>
  <c r="U56339" i="1"/>
  <c r="U56338" i="1"/>
  <c r="U56337" i="1"/>
  <c r="U56336" i="1"/>
  <c r="U56335" i="1"/>
  <c r="U56334" i="1"/>
  <c r="U56333" i="1"/>
  <c r="U56332" i="1"/>
  <c r="U56331" i="1"/>
  <c r="U56330" i="1"/>
  <c r="U56329" i="1"/>
  <c r="U56328" i="1"/>
  <c r="U56327" i="1"/>
  <c r="U56326" i="1"/>
  <c r="U56325" i="1"/>
  <c r="U56324" i="1"/>
  <c r="U56323" i="1"/>
  <c r="U56322" i="1"/>
  <c r="U56321" i="1"/>
  <c r="U56320" i="1"/>
  <c r="U56319" i="1"/>
  <c r="U56318" i="1"/>
  <c r="U56317" i="1"/>
  <c r="U56316" i="1"/>
  <c r="U56315" i="1"/>
  <c r="U56314" i="1"/>
  <c r="U56313" i="1"/>
  <c r="U56312" i="1"/>
  <c r="U56311" i="1"/>
  <c r="U56310" i="1"/>
  <c r="U56309" i="1"/>
  <c r="U56308" i="1"/>
  <c r="U56307" i="1"/>
  <c r="U56306" i="1"/>
  <c r="U56305" i="1"/>
  <c r="U56304" i="1"/>
  <c r="U56303" i="1"/>
  <c r="U56302" i="1"/>
  <c r="U56301" i="1"/>
  <c r="U56300" i="1"/>
  <c r="U56299" i="1"/>
  <c r="U56298" i="1"/>
  <c r="U56297" i="1"/>
  <c r="U56296" i="1"/>
  <c r="U56295" i="1"/>
  <c r="U56294" i="1"/>
  <c r="U56293" i="1"/>
  <c r="U56292" i="1"/>
  <c r="U56291" i="1"/>
  <c r="U56290" i="1"/>
  <c r="U56289" i="1"/>
  <c r="U56288" i="1"/>
  <c r="U56287" i="1"/>
  <c r="U56286" i="1"/>
  <c r="U56285" i="1"/>
  <c r="U56284" i="1"/>
  <c r="U56283" i="1"/>
  <c r="U56282" i="1"/>
  <c r="U56281" i="1"/>
  <c r="U56280" i="1"/>
  <c r="U56279" i="1"/>
  <c r="U56278" i="1"/>
  <c r="U56277" i="1"/>
  <c r="U56276" i="1"/>
  <c r="U56275" i="1"/>
  <c r="U56274" i="1"/>
  <c r="U56273" i="1"/>
  <c r="U56272" i="1"/>
  <c r="U56271" i="1"/>
  <c r="U56270" i="1"/>
  <c r="U56269" i="1"/>
  <c r="U56268" i="1"/>
  <c r="U56267" i="1"/>
  <c r="U56266" i="1"/>
  <c r="U56265" i="1"/>
  <c r="U56264" i="1"/>
  <c r="U56263" i="1"/>
  <c r="U56262" i="1"/>
  <c r="U56261" i="1"/>
  <c r="U56260" i="1"/>
  <c r="U56259" i="1"/>
  <c r="U56258" i="1"/>
  <c r="U56257" i="1"/>
  <c r="U56256" i="1"/>
  <c r="U56255" i="1"/>
  <c r="U56254" i="1"/>
  <c r="U56253" i="1"/>
  <c r="U56252" i="1"/>
  <c r="U56251" i="1"/>
  <c r="U56250" i="1"/>
  <c r="U56249" i="1"/>
  <c r="U56248" i="1"/>
  <c r="U56247" i="1"/>
  <c r="U56246" i="1"/>
  <c r="U56245" i="1"/>
  <c r="U56244" i="1"/>
  <c r="U56243" i="1"/>
  <c r="U56242" i="1"/>
  <c r="U56241" i="1"/>
  <c r="U56240" i="1"/>
  <c r="U56239" i="1"/>
  <c r="U56238" i="1"/>
  <c r="U56237" i="1"/>
  <c r="U56236" i="1"/>
  <c r="U56235" i="1"/>
  <c r="U56234" i="1"/>
  <c r="U56233" i="1"/>
  <c r="U56232" i="1"/>
  <c r="U56231" i="1"/>
  <c r="U56230" i="1"/>
  <c r="U56229" i="1"/>
  <c r="U56228" i="1"/>
  <c r="U56227" i="1"/>
  <c r="U56226" i="1"/>
  <c r="U56225" i="1"/>
  <c r="U56224" i="1"/>
  <c r="U56223" i="1"/>
  <c r="U56222" i="1"/>
  <c r="U56221" i="1"/>
  <c r="U56220" i="1"/>
  <c r="U56219" i="1"/>
  <c r="U56218" i="1"/>
  <c r="U56217" i="1"/>
  <c r="U56216" i="1"/>
  <c r="U56215" i="1"/>
  <c r="U56214" i="1"/>
  <c r="U56213" i="1"/>
  <c r="U56212" i="1"/>
  <c r="U56211" i="1"/>
  <c r="U56210" i="1"/>
  <c r="U56209" i="1"/>
  <c r="U56208" i="1"/>
  <c r="U56207" i="1"/>
  <c r="U56206" i="1"/>
  <c r="U56205" i="1"/>
  <c r="U56204" i="1"/>
  <c r="U56203" i="1"/>
  <c r="U56202" i="1"/>
  <c r="U56201" i="1"/>
  <c r="U56200" i="1"/>
  <c r="U56199" i="1"/>
  <c r="U56198" i="1"/>
  <c r="U56197" i="1"/>
  <c r="U56196" i="1"/>
  <c r="U56195" i="1"/>
  <c r="U56194" i="1"/>
  <c r="U56193" i="1"/>
  <c r="U56192" i="1"/>
  <c r="U56191" i="1"/>
  <c r="U56190" i="1"/>
  <c r="U56189" i="1"/>
  <c r="U56188" i="1"/>
  <c r="U56187" i="1"/>
  <c r="U56186" i="1"/>
  <c r="U56185" i="1"/>
  <c r="U56184" i="1"/>
  <c r="U56183" i="1"/>
  <c r="U56182" i="1"/>
  <c r="U56181" i="1"/>
  <c r="U56180" i="1"/>
  <c r="U56179" i="1"/>
  <c r="U56178" i="1"/>
  <c r="U56177" i="1"/>
  <c r="U56176" i="1"/>
  <c r="U56175" i="1"/>
  <c r="U56174" i="1"/>
  <c r="U56173" i="1"/>
  <c r="U56172" i="1"/>
  <c r="U56171" i="1"/>
  <c r="U56170" i="1"/>
  <c r="U56169" i="1"/>
  <c r="U56168" i="1"/>
  <c r="U56167" i="1"/>
  <c r="U56166" i="1"/>
  <c r="U56165" i="1"/>
  <c r="U56164" i="1"/>
  <c r="U56163" i="1"/>
  <c r="U56162" i="1"/>
  <c r="U56161" i="1"/>
  <c r="U56160" i="1"/>
  <c r="U56159" i="1"/>
  <c r="U56158" i="1"/>
  <c r="U56157" i="1"/>
  <c r="U56156" i="1"/>
  <c r="U56155" i="1"/>
  <c r="U56154" i="1"/>
  <c r="U56153" i="1"/>
  <c r="U56152" i="1"/>
  <c r="U56151" i="1"/>
  <c r="U56150" i="1"/>
  <c r="U56149" i="1"/>
  <c r="U56148" i="1"/>
  <c r="U56147" i="1"/>
  <c r="U56146" i="1"/>
  <c r="U56145" i="1"/>
  <c r="U56144" i="1"/>
  <c r="U56143" i="1"/>
  <c r="U56142" i="1"/>
  <c r="U56141" i="1"/>
  <c r="U56140" i="1"/>
  <c r="U56139" i="1"/>
  <c r="U56138" i="1"/>
  <c r="U56137" i="1"/>
  <c r="U56136" i="1"/>
  <c r="U56135" i="1"/>
  <c r="U56134" i="1"/>
  <c r="U56133" i="1"/>
  <c r="U56132" i="1"/>
  <c r="U56131" i="1"/>
  <c r="U56130" i="1"/>
  <c r="U56129" i="1"/>
  <c r="U56128" i="1"/>
  <c r="U56127" i="1"/>
  <c r="U56126" i="1"/>
  <c r="U56125" i="1"/>
  <c r="U56124" i="1"/>
  <c r="U56123" i="1"/>
  <c r="U56122" i="1"/>
  <c r="U56121" i="1"/>
  <c r="U56120" i="1"/>
  <c r="U56119" i="1"/>
  <c r="U56118" i="1"/>
  <c r="U56117" i="1"/>
  <c r="U56116" i="1"/>
  <c r="U56115" i="1"/>
  <c r="U56114" i="1"/>
  <c r="U56113" i="1"/>
  <c r="U56112" i="1"/>
  <c r="U56111" i="1"/>
  <c r="U56110" i="1"/>
  <c r="U56109" i="1"/>
  <c r="U56108" i="1"/>
  <c r="U56107" i="1"/>
  <c r="U56106" i="1"/>
  <c r="U56105" i="1"/>
  <c r="U56104" i="1"/>
  <c r="U56103" i="1"/>
  <c r="U56102" i="1"/>
  <c r="U56101" i="1"/>
  <c r="U56100" i="1"/>
  <c r="U56099" i="1"/>
  <c r="U56098" i="1"/>
  <c r="U56097" i="1"/>
  <c r="U56096" i="1"/>
  <c r="U56095" i="1"/>
  <c r="U56094" i="1"/>
  <c r="U56093" i="1"/>
  <c r="U56092" i="1"/>
  <c r="U56091" i="1"/>
  <c r="U56090" i="1"/>
  <c r="U56089" i="1"/>
  <c r="U56088" i="1"/>
  <c r="U56087" i="1"/>
  <c r="U56086" i="1"/>
  <c r="U56085" i="1"/>
  <c r="U56084" i="1"/>
  <c r="U56083" i="1"/>
  <c r="U56082" i="1"/>
  <c r="U56081" i="1"/>
  <c r="U56080" i="1"/>
  <c r="U56079" i="1"/>
  <c r="U56078" i="1"/>
  <c r="U56077" i="1"/>
  <c r="U56076" i="1"/>
  <c r="U56075" i="1"/>
  <c r="U56074" i="1"/>
  <c r="U56073" i="1"/>
  <c r="U56072" i="1"/>
  <c r="U56071" i="1"/>
  <c r="U56070" i="1"/>
  <c r="U56069" i="1"/>
  <c r="U56068" i="1"/>
  <c r="U56067" i="1"/>
  <c r="U56066" i="1"/>
  <c r="U56065" i="1"/>
  <c r="U56064" i="1"/>
  <c r="U56063" i="1"/>
  <c r="U56062" i="1"/>
  <c r="U56061" i="1"/>
  <c r="U56060" i="1"/>
  <c r="U56059" i="1"/>
  <c r="U56058" i="1"/>
  <c r="U56057" i="1"/>
  <c r="U56056" i="1"/>
  <c r="U56055" i="1"/>
  <c r="U56054" i="1"/>
  <c r="U56053" i="1"/>
  <c r="U56052" i="1"/>
  <c r="U56051" i="1"/>
  <c r="U56050" i="1"/>
  <c r="U56049" i="1"/>
  <c r="U56048" i="1"/>
  <c r="U56047" i="1"/>
  <c r="U56046" i="1"/>
  <c r="U56045" i="1"/>
  <c r="U56044" i="1"/>
  <c r="U56043" i="1"/>
  <c r="U56042" i="1"/>
  <c r="U56041" i="1"/>
  <c r="U56040" i="1"/>
  <c r="U56039" i="1"/>
  <c r="U56038" i="1"/>
  <c r="U56037" i="1"/>
  <c r="U56036" i="1"/>
  <c r="U56035" i="1"/>
  <c r="U56034" i="1"/>
  <c r="U56033" i="1"/>
  <c r="U56032" i="1"/>
  <c r="U56031" i="1"/>
  <c r="U56030" i="1"/>
  <c r="U56029" i="1"/>
  <c r="U56028" i="1"/>
  <c r="U56027" i="1"/>
  <c r="U56026" i="1"/>
  <c r="U56025" i="1"/>
  <c r="U56024" i="1"/>
  <c r="U56023" i="1"/>
  <c r="U56022" i="1"/>
  <c r="U56021" i="1"/>
  <c r="U56020" i="1"/>
  <c r="U56019" i="1"/>
  <c r="U56018" i="1"/>
  <c r="U56017" i="1"/>
  <c r="U56016" i="1"/>
  <c r="U56015" i="1"/>
  <c r="U56014" i="1"/>
  <c r="U56013" i="1"/>
  <c r="U56012" i="1"/>
  <c r="U56011" i="1"/>
  <c r="U56010" i="1"/>
  <c r="U56009" i="1"/>
  <c r="U56008" i="1"/>
  <c r="U56007" i="1"/>
  <c r="U56006" i="1"/>
  <c r="U56005" i="1"/>
  <c r="U56004" i="1"/>
  <c r="U56003" i="1"/>
  <c r="U56002" i="1"/>
  <c r="U56001" i="1"/>
  <c r="U56000" i="1"/>
  <c r="U55999" i="1"/>
  <c r="U55998" i="1"/>
  <c r="U55997" i="1"/>
  <c r="U55996" i="1"/>
  <c r="U55995" i="1"/>
  <c r="U55994" i="1"/>
  <c r="U55993" i="1"/>
  <c r="U55992" i="1"/>
  <c r="U55991" i="1"/>
  <c r="U55990" i="1"/>
  <c r="U55989" i="1"/>
  <c r="U55988" i="1"/>
  <c r="U55987" i="1"/>
  <c r="U55986" i="1"/>
  <c r="U55985" i="1"/>
  <c r="U55984" i="1"/>
  <c r="U55983" i="1"/>
  <c r="U55982" i="1"/>
  <c r="U55981" i="1"/>
  <c r="U55980" i="1"/>
  <c r="U55979" i="1"/>
  <c r="U55978" i="1"/>
  <c r="U55977" i="1"/>
  <c r="U55976" i="1"/>
  <c r="U55975" i="1"/>
  <c r="U55974" i="1"/>
  <c r="U55973" i="1"/>
  <c r="U55972" i="1"/>
  <c r="U55971" i="1"/>
  <c r="U55970" i="1"/>
  <c r="U55969" i="1"/>
  <c r="U55968" i="1"/>
  <c r="U55967" i="1"/>
  <c r="U55966" i="1"/>
  <c r="U55965" i="1"/>
  <c r="U55964" i="1"/>
  <c r="U55963" i="1"/>
  <c r="U55962" i="1"/>
  <c r="U55961" i="1"/>
  <c r="U55960" i="1"/>
  <c r="U55959" i="1"/>
  <c r="U55958" i="1"/>
  <c r="U55957" i="1"/>
  <c r="U55956" i="1"/>
  <c r="U55955" i="1"/>
  <c r="U55954" i="1"/>
  <c r="U55953" i="1"/>
  <c r="U55952" i="1"/>
  <c r="U55951" i="1"/>
  <c r="U55950" i="1"/>
  <c r="U55949" i="1"/>
  <c r="U55948" i="1"/>
  <c r="U55947" i="1"/>
  <c r="U55946" i="1"/>
  <c r="U55945" i="1"/>
  <c r="U55944" i="1"/>
  <c r="U55943" i="1"/>
  <c r="U55942" i="1"/>
  <c r="U55941" i="1"/>
  <c r="U55940" i="1"/>
  <c r="U55939" i="1"/>
  <c r="U55938" i="1"/>
  <c r="U55937" i="1"/>
  <c r="U55936" i="1"/>
  <c r="U55935" i="1"/>
  <c r="U55934" i="1"/>
  <c r="U55933" i="1"/>
  <c r="U55932" i="1"/>
  <c r="U55931" i="1"/>
  <c r="U55930" i="1"/>
  <c r="U55929" i="1"/>
  <c r="U55928" i="1"/>
  <c r="U55927" i="1"/>
  <c r="U55926" i="1"/>
  <c r="U55925" i="1"/>
  <c r="U55924" i="1"/>
  <c r="U55923" i="1"/>
  <c r="U55922" i="1"/>
  <c r="U55921" i="1"/>
  <c r="U55920" i="1"/>
  <c r="U55919" i="1"/>
  <c r="U55918" i="1"/>
  <c r="U55917" i="1"/>
  <c r="U55916" i="1"/>
  <c r="U55915" i="1"/>
  <c r="U55914" i="1"/>
  <c r="U55913" i="1"/>
  <c r="U55912" i="1"/>
  <c r="U55911" i="1"/>
  <c r="U55910" i="1"/>
  <c r="U55909" i="1"/>
  <c r="U55908" i="1"/>
  <c r="U55907" i="1"/>
  <c r="U55906" i="1"/>
  <c r="U55905" i="1"/>
  <c r="U55904" i="1"/>
  <c r="U55903" i="1"/>
  <c r="U55902" i="1"/>
  <c r="U55901" i="1"/>
  <c r="U55900" i="1"/>
  <c r="U55899" i="1"/>
  <c r="U55898" i="1"/>
  <c r="U55897" i="1"/>
  <c r="U55896" i="1"/>
  <c r="U55895" i="1"/>
  <c r="U55894" i="1"/>
  <c r="U55893" i="1"/>
  <c r="U55892" i="1"/>
  <c r="U55891" i="1"/>
  <c r="U55890" i="1"/>
  <c r="U55889" i="1"/>
  <c r="U55888" i="1"/>
  <c r="U55887" i="1"/>
  <c r="U55886" i="1"/>
  <c r="U55885" i="1"/>
  <c r="U55884" i="1"/>
  <c r="U55883" i="1"/>
  <c r="U55882" i="1"/>
  <c r="U55881" i="1"/>
  <c r="U55880" i="1"/>
  <c r="U55879" i="1"/>
  <c r="U55878" i="1"/>
  <c r="U55877" i="1"/>
  <c r="U55876" i="1"/>
  <c r="U55875" i="1"/>
  <c r="U55874" i="1"/>
  <c r="U55873" i="1"/>
  <c r="U55872" i="1"/>
  <c r="U55871" i="1"/>
  <c r="U55870" i="1"/>
  <c r="U55869" i="1"/>
  <c r="U55868" i="1"/>
  <c r="U55867" i="1"/>
  <c r="U55866" i="1"/>
  <c r="U55865" i="1"/>
  <c r="U55864" i="1"/>
  <c r="U55863" i="1"/>
  <c r="U55862" i="1"/>
  <c r="U55861" i="1"/>
  <c r="U55860" i="1"/>
  <c r="U55859" i="1"/>
  <c r="U55858" i="1"/>
  <c r="U55857" i="1"/>
  <c r="U55856" i="1"/>
  <c r="U55855" i="1"/>
  <c r="U55854" i="1"/>
  <c r="U55853" i="1"/>
  <c r="U55852" i="1"/>
  <c r="U55851" i="1"/>
  <c r="U55850" i="1"/>
  <c r="U55849" i="1"/>
  <c r="U55848" i="1"/>
  <c r="U55847" i="1"/>
  <c r="U55846" i="1"/>
  <c r="U55845" i="1"/>
  <c r="U55844" i="1"/>
  <c r="U55843" i="1"/>
  <c r="U55842" i="1"/>
  <c r="U55841" i="1"/>
  <c r="U55840" i="1"/>
  <c r="U55839" i="1"/>
  <c r="U55838" i="1"/>
  <c r="U55837" i="1"/>
  <c r="U55836" i="1"/>
  <c r="U55835" i="1"/>
  <c r="U55834" i="1"/>
  <c r="U55833" i="1"/>
  <c r="U55832" i="1"/>
  <c r="U55831" i="1"/>
  <c r="U55830" i="1"/>
  <c r="U55829" i="1"/>
  <c r="U55828" i="1"/>
  <c r="U55827" i="1"/>
  <c r="U55826" i="1"/>
  <c r="U55825" i="1"/>
  <c r="U55824" i="1"/>
  <c r="U55823" i="1"/>
  <c r="U55822" i="1"/>
  <c r="U55821" i="1"/>
  <c r="U55820" i="1"/>
  <c r="U55819" i="1"/>
  <c r="U55818" i="1"/>
  <c r="U55817" i="1"/>
  <c r="U55816" i="1"/>
  <c r="U55815" i="1"/>
  <c r="U55814" i="1"/>
  <c r="U55813" i="1"/>
  <c r="U55812" i="1"/>
  <c r="U55811" i="1"/>
  <c r="U55810" i="1"/>
  <c r="U55809" i="1"/>
  <c r="U55808" i="1"/>
  <c r="U55807" i="1"/>
  <c r="U55806" i="1"/>
  <c r="U55805" i="1"/>
  <c r="U55804" i="1"/>
  <c r="U55803" i="1"/>
  <c r="U55802" i="1"/>
  <c r="U55801" i="1"/>
  <c r="U55800" i="1"/>
  <c r="U55799" i="1"/>
  <c r="U55798" i="1"/>
  <c r="U55797" i="1"/>
  <c r="U55796" i="1"/>
  <c r="U55795" i="1"/>
  <c r="U55794" i="1"/>
  <c r="U55793" i="1"/>
  <c r="U55792" i="1"/>
  <c r="U55791" i="1"/>
  <c r="U55790" i="1"/>
  <c r="U55789" i="1"/>
  <c r="U55788" i="1"/>
  <c r="U55787" i="1"/>
  <c r="U55786" i="1"/>
  <c r="U55785" i="1"/>
  <c r="U55784" i="1"/>
  <c r="U55783" i="1"/>
  <c r="U55782" i="1"/>
  <c r="U55781" i="1"/>
  <c r="U55780" i="1"/>
  <c r="U55779" i="1"/>
  <c r="U55778" i="1"/>
  <c r="U55777" i="1"/>
  <c r="U55776" i="1"/>
  <c r="U55775" i="1"/>
  <c r="U55774" i="1"/>
  <c r="U55773" i="1"/>
  <c r="U55772" i="1"/>
  <c r="U55771" i="1"/>
  <c r="U55770" i="1"/>
  <c r="U55769" i="1"/>
  <c r="U55768" i="1"/>
  <c r="U55767" i="1"/>
  <c r="U55766" i="1"/>
  <c r="U55765" i="1"/>
  <c r="U55764" i="1"/>
  <c r="U55763" i="1"/>
  <c r="U55762" i="1"/>
  <c r="U55761" i="1"/>
  <c r="U55760" i="1"/>
  <c r="U55759" i="1"/>
  <c r="U55758" i="1"/>
  <c r="U55757" i="1"/>
  <c r="U55756" i="1"/>
  <c r="U55755" i="1"/>
  <c r="U55754" i="1"/>
  <c r="U55753" i="1"/>
  <c r="U55752" i="1"/>
  <c r="U55751" i="1"/>
  <c r="U55750" i="1"/>
  <c r="U55749" i="1"/>
  <c r="U55748" i="1"/>
  <c r="U55747" i="1"/>
  <c r="U55746" i="1"/>
  <c r="U55745" i="1"/>
  <c r="U55744" i="1"/>
  <c r="U55743" i="1"/>
  <c r="U55742" i="1"/>
  <c r="U55741" i="1"/>
  <c r="U55740" i="1"/>
  <c r="U55739" i="1"/>
  <c r="U55738" i="1"/>
  <c r="U55737" i="1"/>
  <c r="U55736" i="1"/>
  <c r="U55735" i="1"/>
  <c r="U55734" i="1"/>
  <c r="U55733" i="1"/>
  <c r="U55732" i="1"/>
  <c r="U55731" i="1"/>
  <c r="U55730" i="1"/>
  <c r="U55729" i="1"/>
  <c r="U55728" i="1"/>
  <c r="U55727" i="1"/>
  <c r="U55726" i="1"/>
  <c r="U55725" i="1"/>
  <c r="U55724" i="1"/>
  <c r="U55723" i="1"/>
  <c r="U55722" i="1"/>
  <c r="U55721" i="1"/>
  <c r="U55720" i="1"/>
  <c r="U55719" i="1"/>
  <c r="U55718" i="1"/>
  <c r="U55717" i="1"/>
  <c r="U55716" i="1"/>
  <c r="U55715" i="1"/>
  <c r="U55714" i="1"/>
  <c r="U55713" i="1"/>
  <c r="U55712" i="1"/>
  <c r="U55711" i="1"/>
  <c r="U55710" i="1"/>
  <c r="U55709" i="1"/>
  <c r="U55708" i="1"/>
  <c r="U55707" i="1"/>
  <c r="U55706" i="1"/>
  <c r="U55705" i="1"/>
  <c r="U55704" i="1"/>
  <c r="U55703" i="1"/>
  <c r="U55702" i="1"/>
  <c r="U55701" i="1"/>
  <c r="U55700" i="1"/>
  <c r="U55699" i="1"/>
  <c r="U55698" i="1"/>
  <c r="U55697" i="1"/>
  <c r="U55696" i="1"/>
  <c r="U55695" i="1"/>
  <c r="U55694" i="1"/>
  <c r="U55693" i="1"/>
  <c r="U55692" i="1"/>
  <c r="U55691" i="1"/>
  <c r="U55690" i="1"/>
  <c r="U55689" i="1"/>
  <c r="U55688" i="1"/>
  <c r="U55687" i="1"/>
  <c r="U55686" i="1"/>
  <c r="U55685" i="1"/>
  <c r="U55684" i="1"/>
  <c r="U55683" i="1"/>
  <c r="U55682" i="1"/>
  <c r="U55681" i="1"/>
  <c r="U55680" i="1"/>
  <c r="U55679" i="1"/>
  <c r="U55678" i="1"/>
  <c r="U55677" i="1"/>
  <c r="U55676" i="1"/>
  <c r="U55675" i="1"/>
  <c r="U55674" i="1"/>
  <c r="U55673" i="1"/>
  <c r="U55672" i="1"/>
  <c r="U55671" i="1"/>
  <c r="U55670" i="1"/>
  <c r="U55669" i="1"/>
  <c r="U55668" i="1"/>
  <c r="U55667" i="1"/>
  <c r="U55666" i="1"/>
  <c r="U55665" i="1"/>
  <c r="U55664" i="1"/>
  <c r="U55663" i="1"/>
  <c r="U55662" i="1"/>
  <c r="U55661" i="1"/>
  <c r="U55660" i="1"/>
  <c r="U55659" i="1"/>
  <c r="U55658" i="1"/>
  <c r="U55657" i="1"/>
  <c r="U55656" i="1"/>
  <c r="U55655" i="1"/>
  <c r="U55654" i="1"/>
  <c r="U55653" i="1"/>
  <c r="U55652" i="1"/>
  <c r="U55651" i="1"/>
  <c r="U55650" i="1"/>
  <c r="U55649" i="1"/>
  <c r="U55648" i="1"/>
  <c r="U55647" i="1"/>
  <c r="U55646" i="1"/>
  <c r="U55645" i="1"/>
  <c r="U55644" i="1"/>
  <c r="U55643" i="1"/>
  <c r="U55642" i="1"/>
  <c r="U55641" i="1"/>
  <c r="U55640" i="1"/>
  <c r="U55639" i="1"/>
  <c r="U55638" i="1"/>
  <c r="U55637" i="1"/>
  <c r="U55636" i="1"/>
  <c r="U55635" i="1"/>
  <c r="U55634" i="1"/>
  <c r="U55633" i="1"/>
  <c r="U55632" i="1"/>
  <c r="U55631" i="1"/>
  <c r="U55630" i="1"/>
  <c r="U55629" i="1"/>
  <c r="U55628" i="1"/>
  <c r="U55627" i="1"/>
  <c r="U55626" i="1"/>
  <c r="U55625" i="1"/>
  <c r="U55624" i="1"/>
  <c r="U55623" i="1"/>
  <c r="U55622" i="1"/>
  <c r="U55621" i="1"/>
  <c r="U55620" i="1"/>
  <c r="U55619" i="1"/>
  <c r="U55618" i="1"/>
  <c r="U55617" i="1"/>
  <c r="U55616" i="1"/>
  <c r="U55615" i="1"/>
  <c r="U55614" i="1"/>
  <c r="U55613" i="1"/>
  <c r="U55612" i="1"/>
  <c r="U55611" i="1"/>
  <c r="U55610" i="1"/>
  <c r="U55609" i="1"/>
  <c r="U55608" i="1"/>
  <c r="U55607" i="1"/>
  <c r="U55606" i="1"/>
  <c r="U55605" i="1"/>
  <c r="U55604" i="1"/>
  <c r="U55603" i="1"/>
  <c r="U55602" i="1"/>
  <c r="U55601" i="1"/>
  <c r="U55600" i="1"/>
  <c r="U55599" i="1"/>
  <c r="U55598" i="1"/>
  <c r="U55597" i="1"/>
  <c r="U55596" i="1"/>
  <c r="U55595" i="1"/>
  <c r="U55594" i="1"/>
  <c r="U55593" i="1"/>
  <c r="U55592" i="1"/>
  <c r="U55591" i="1"/>
  <c r="U55590" i="1"/>
  <c r="U55589" i="1"/>
  <c r="U55588" i="1"/>
  <c r="U55587" i="1"/>
  <c r="U55586" i="1"/>
  <c r="U55585" i="1"/>
  <c r="U55584" i="1"/>
  <c r="U55583" i="1"/>
  <c r="U55582" i="1"/>
  <c r="U55581" i="1"/>
  <c r="U55580" i="1"/>
  <c r="U55579" i="1"/>
  <c r="U55578" i="1"/>
  <c r="U55577" i="1"/>
  <c r="U55576" i="1"/>
  <c r="U55575" i="1"/>
  <c r="U55574" i="1"/>
  <c r="U55573" i="1"/>
  <c r="U55572" i="1"/>
  <c r="U55571" i="1"/>
  <c r="U55570" i="1"/>
  <c r="U55569" i="1"/>
  <c r="U55568" i="1"/>
  <c r="U55567" i="1"/>
  <c r="U55566" i="1"/>
  <c r="U55565" i="1"/>
  <c r="U55564" i="1"/>
  <c r="U55563" i="1"/>
  <c r="U55562" i="1"/>
  <c r="U55561" i="1"/>
  <c r="U55560" i="1"/>
  <c r="U55559" i="1"/>
  <c r="U55558" i="1"/>
  <c r="U55557" i="1"/>
  <c r="U55556" i="1"/>
  <c r="U55555" i="1"/>
  <c r="U55554" i="1"/>
  <c r="U55553" i="1"/>
  <c r="U55552" i="1"/>
  <c r="U55551" i="1"/>
  <c r="U55550" i="1"/>
  <c r="U55549" i="1"/>
  <c r="U55548" i="1"/>
  <c r="U55547" i="1"/>
  <c r="U55546" i="1"/>
  <c r="U55545" i="1"/>
  <c r="U55544" i="1"/>
  <c r="U55543" i="1"/>
  <c r="U55542" i="1"/>
  <c r="U55541" i="1"/>
  <c r="U55540" i="1"/>
  <c r="U55539" i="1"/>
  <c r="U55538" i="1"/>
  <c r="U55537" i="1"/>
  <c r="U55536" i="1"/>
  <c r="U55535" i="1"/>
  <c r="U55534" i="1"/>
  <c r="U55533" i="1"/>
  <c r="U55532" i="1"/>
  <c r="U55531" i="1"/>
  <c r="U55530" i="1"/>
  <c r="U55529" i="1"/>
  <c r="U55528" i="1"/>
  <c r="U55527" i="1"/>
  <c r="U55526" i="1"/>
  <c r="U55525" i="1"/>
  <c r="U55524" i="1"/>
  <c r="U55523" i="1"/>
  <c r="U55522" i="1"/>
  <c r="U55521" i="1"/>
  <c r="U55520" i="1"/>
  <c r="U55519" i="1"/>
  <c r="U55518" i="1"/>
  <c r="U55517" i="1"/>
  <c r="U55516" i="1"/>
  <c r="U55515" i="1"/>
  <c r="U55514" i="1"/>
  <c r="U55513" i="1"/>
  <c r="U55512" i="1"/>
  <c r="U55511" i="1"/>
  <c r="U55510" i="1"/>
  <c r="U55509" i="1"/>
  <c r="U55508" i="1"/>
  <c r="U55507" i="1"/>
  <c r="U55506" i="1"/>
  <c r="U55505" i="1"/>
  <c r="U55504" i="1"/>
  <c r="U55503" i="1"/>
  <c r="U55502" i="1"/>
  <c r="U55501" i="1"/>
  <c r="U55500" i="1"/>
  <c r="U55499" i="1"/>
  <c r="U55498" i="1"/>
  <c r="U55497" i="1"/>
  <c r="U55496" i="1"/>
  <c r="U55495" i="1"/>
  <c r="U55494" i="1"/>
  <c r="U55493" i="1"/>
  <c r="U55492" i="1"/>
  <c r="U55491" i="1"/>
  <c r="U55490" i="1"/>
  <c r="U55489" i="1"/>
  <c r="U55488" i="1"/>
  <c r="U55487" i="1"/>
  <c r="U55486" i="1"/>
  <c r="U55485" i="1"/>
  <c r="U55484" i="1"/>
  <c r="U55483" i="1"/>
  <c r="U55482" i="1"/>
  <c r="U55481" i="1"/>
  <c r="U55480" i="1"/>
  <c r="U55479" i="1"/>
  <c r="U55478" i="1"/>
  <c r="U55477" i="1"/>
  <c r="U55476" i="1"/>
  <c r="U55475" i="1"/>
  <c r="U55474" i="1"/>
  <c r="U55473" i="1"/>
  <c r="U55472" i="1"/>
  <c r="U55471" i="1"/>
  <c r="U55470" i="1"/>
  <c r="U55469" i="1"/>
  <c r="U55468" i="1"/>
  <c r="U55467" i="1"/>
  <c r="U55466" i="1"/>
  <c r="U55465" i="1"/>
  <c r="U55464" i="1"/>
  <c r="U55463" i="1"/>
  <c r="U55462" i="1"/>
  <c r="U55461" i="1"/>
  <c r="U55460" i="1"/>
  <c r="U55459" i="1"/>
  <c r="U55458" i="1"/>
  <c r="U55457" i="1"/>
  <c r="U55456" i="1"/>
  <c r="U55455" i="1"/>
  <c r="U55454" i="1"/>
  <c r="U55453" i="1"/>
  <c r="U55452" i="1"/>
  <c r="U55451" i="1"/>
  <c r="U55450" i="1"/>
  <c r="U55449" i="1"/>
  <c r="U55448" i="1"/>
  <c r="U55447" i="1"/>
  <c r="U55446" i="1"/>
  <c r="U55445" i="1"/>
  <c r="U55444" i="1"/>
  <c r="U55443" i="1"/>
  <c r="U55442" i="1"/>
  <c r="U55441" i="1"/>
  <c r="U55440" i="1"/>
  <c r="U55439" i="1"/>
  <c r="U55438" i="1"/>
  <c r="U55437" i="1"/>
  <c r="U55436" i="1"/>
  <c r="U55435" i="1"/>
  <c r="U55434" i="1"/>
  <c r="U55433" i="1"/>
  <c r="U55432" i="1"/>
  <c r="U55431" i="1"/>
  <c r="U55430" i="1"/>
  <c r="U55429" i="1"/>
  <c r="U55428" i="1"/>
  <c r="U55427" i="1"/>
  <c r="U55426" i="1"/>
  <c r="U55425" i="1"/>
  <c r="U55424" i="1"/>
  <c r="U55423" i="1"/>
  <c r="U55422" i="1"/>
  <c r="U55421" i="1"/>
  <c r="U55420" i="1"/>
  <c r="U55419" i="1"/>
  <c r="U55418" i="1"/>
  <c r="U55417" i="1"/>
  <c r="U55416" i="1"/>
  <c r="U55415" i="1"/>
  <c r="U55414" i="1"/>
  <c r="U55413" i="1"/>
  <c r="U55412" i="1"/>
  <c r="U55411" i="1"/>
  <c r="U55410" i="1"/>
  <c r="U55409" i="1"/>
  <c r="U55408" i="1"/>
  <c r="U55407" i="1"/>
  <c r="U55406" i="1"/>
  <c r="U55405" i="1"/>
  <c r="U55404" i="1"/>
  <c r="U55403" i="1"/>
  <c r="U55402" i="1"/>
  <c r="U55401" i="1"/>
  <c r="U55400" i="1"/>
  <c r="U55399" i="1"/>
  <c r="U55398" i="1"/>
  <c r="U55397" i="1"/>
  <c r="U55396" i="1"/>
  <c r="U55395" i="1"/>
  <c r="U55394" i="1"/>
  <c r="U55393" i="1"/>
  <c r="U55392" i="1"/>
  <c r="U55391" i="1"/>
  <c r="U55390" i="1"/>
  <c r="U55389" i="1"/>
  <c r="U55388" i="1"/>
  <c r="U55387" i="1"/>
  <c r="U55386" i="1"/>
  <c r="U55385" i="1"/>
  <c r="U55384" i="1"/>
  <c r="U55383" i="1"/>
  <c r="U55382" i="1"/>
  <c r="U55381" i="1"/>
  <c r="U55380" i="1"/>
  <c r="U55379" i="1"/>
  <c r="U55378" i="1"/>
  <c r="U55377" i="1"/>
  <c r="U55376" i="1"/>
  <c r="U55375" i="1"/>
  <c r="U55374" i="1"/>
  <c r="U55373" i="1"/>
  <c r="U55372" i="1"/>
  <c r="U55371" i="1"/>
  <c r="U55370" i="1"/>
  <c r="U55369" i="1"/>
  <c r="U55368" i="1"/>
  <c r="U55367" i="1"/>
  <c r="U55366" i="1"/>
  <c r="U55365" i="1"/>
  <c r="U55364" i="1"/>
  <c r="U55363" i="1"/>
  <c r="U55362" i="1"/>
  <c r="U55361" i="1"/>
  <c r="U55360" i="1"/>
  <c r="U55359" i="1"/>
  <c r="U55358" i="1"/>
  <c r="U55357" i="1"/>
  <c r="U55356" i="1"/>
  <c r="U55355" i="1"/>
  <c r="U55354" i="1"/>
  <c r="U55353" i="1"/>
  <c r="U55352" i="1"/>
  <c r="U55351" i="1"/>
  <c r="U55350" i="1"/>
  <c r="U55349" i="1"/>
  <c r="U55348" i="1"/>
  <c r="U55347" i="1"/>
  <c r="U55346" i="1"/>
  <c r="U55345" i="1"/>
  <c r="U55344" i="1"/>
  <c r="U55343" i="1"/>
  <c r="U55342" i="1"/>
  <c r="U55341" i="1"/>
  <c r="U55340" i="1"/>
  <c r="U55339" i="1"/>
  <c r="U55338" i="1"/>
  <c r="U55337" i="1"/>
  <c r="U55336" i="1"/>
  <c r="U55335" i="1"/>
  <c r="U55334" i="1"/>
  <c r="U55333" i="1"/>
  <c r="U55332" i="1"/>
  <c r="U55331" i="1"/>
  <c r="U55330" i="1"/>
  <c r="U55329" i="1"/>
  <c r="U55328" i="1"/>
  <c r="U55327" i="1"/>
  <c r="U55326" i="1"/>
  <c r="U55325" i="1"/>
  <c r="U55324" i="1"/>
  <c r="U55323" i="1"/>
  <c r="U55322" i="1"/>
  <c r="U55321" i="1"/>
  <c r="U55320" i="1"/>
  <c r="U55319" i="1"/>
  <c r="U55318" i="1"/>
  <c r="U55317" i="1"/>
  <c r="U55316" i="1"/>
  <c r="U55315" i="1"/>
  <c r="U55314" i="1"/>
  <c r="U55313" i="1"/>
  <c r="U55312" i="1"/>
  <c r="U55311" i="1"/>
  <c r="U55310" i="1"/>
  <c r="U55309" i="1"/>
  <c r="U55308" i="1"/>
  <c r="U55307" i="1"/>
  <c r="U55306" i="1"/>
  <c r="U55305" i="1"/>
  <c r="U55304" i="1"/>
  <c r="U55303" i="1"/>
  <c r="U55302" i="1"/>
  <c r="U55301" i="1"/>
  <c r="U55300" i="1"/>
  <c r="U55299" i="1"/>
  <c r="U55298" i="1"/>
  <c r="U55297" i="1"/>
  <c r="U55296" i="1"/>
  <c r="U55295" i="1"/>
  <c r="U55294" i="1"/>
  <c r="U55293" i="1"/>
  <c r="U55292" i="1"/>
  <c r="U55291" i="1"/>
  <c r="U55290" i="1"/>
  <c r="U55289" i="1"/>
  <c r="U55288" i="1"/>
  <c r="U55287" i="1"/>
  <c r="U55286" i="1"/>
  <c r="U55285" i="1"/>
  <c r="U55284" i="1"/>
  <c r="U55283" i="1"/>
  <c r="U55282" i="1"/>
  <c r="U55281" i="1"/>
  <c r="U55280" i="1"/>
  <c r="U55279" i="1"/>
  <c r="U55278" i="1"/>
  <c r="U55277" i="1"/>
  <c r="U55276" i="1"/>
  <c r="U55275" i="1"/>
  <c r="U55274" i="1"/>
  <c r="U55273" i="1"/>
  <c r="U55272" i="1"/>
  <c r="U55271" i="1"/>
  <c r="U55270" i="1"/>
  <c r="U55269" i="1"/>
  <c r="U55268" i="1"/>
  <c r="U55267" i="1"/>
  <c r="U55266" i="1"/>
  <c r="U55265" i="1"/>
  <c r="U55264" i="1"/>
  <c r="U55263" i="1"/>
  <c r="U55262" i="1"/>
  <c r="U55261" i="1"/>
  <c r="U55260" i="1"/>
  <c r="U55259" i="1"/>
  <c r="U55258" i="1"/>
  <c r="U55257" i="1"/>
  <c r="U55256" i="1"/>
  <c r="U55255" i="1"/>
  <c r="U55254" i="1"/>
  <c r="U55253" i="1"/>
  <c r="U55252" i="1"/>
  <c r="U55251" i="1"/>
  <c r="U55250" i="1"/>
  <c r="U55249" i="1"/>
  <c r="U55248" i="1"/>
  <c r="U55247" i="1"/>
  <c r="U55246" i="1"/>
  <c r="U55245" i="1"/>
  <c r="U55244" i="1"/>
  <c r="U55243" i="1"/>
  <c r="U55242" i="1"/>
  <c r="U55241" i="1"/>
  <c r="U55240" i="1"/>
  <c r="U55239" i="1"/>
  <c r="U55238" i="1"/>
  <c r="U55237" i="1"/>
  <c r="U55236" i="1"/>
  <c r="U55235" i="1"/>
  <c r="U55234" i="1"/>
  <c r="U55233" i="1"/>
  <c r="U55232" i="1"/>
  <c r="U55231" i="1"/>
  <c r="U55230" i="1"/>
  <c r="U55229" i="1"/>
  <c r="U55228" i="1"/>
  <c r="U55227" i="1"/>
  <c r="U55226" i="1"/>
  <c r="U55225" i="1"/>
  <c r="U55224" i="1"/>
  <c r="U55223" i="1"/>
  <c r="U55222" i="1"/>
  <c r="U55221" i="1"/>
  <c r="U55220" i="1"/>
  <c r="U55219" i="1"/>
  <c r="U55218" i="1"/>
  <c r="U55217" i="1"/>
  <c r="U55216" i="1"/>
  <c r="U55215" i="1"/>
  <c r="U55214" i="1"/>
  <c r="U55213" i="1"/>
  <c r="U55212" i="1"/>
  <c r="U55211" i="1"/>
  <c r="U55210" i="1"/>
  <c r="U55209" i="1"/>
  <c r="U55208" i="1"/>
  <c r="U55207" i="1"/>
  <c r="U55206" i="1"/>
  <c r="U55205" i="1"/>
  <c r="U55204" i="1"/>
  <c r="U55203" i="1"/>
  <c r="U55202" i="1"/>
  <c r="U55201" i="1"/>
  <c r="U55200" i="1"/>
  <c r="U55199" i="1"/>
  <c r="U55198" i="1"/>
  <c r="U55197" i="1"/>
  <c r="U55196" i="1"/>
  <c r="U55195" i="1"/>
  <c r="U55194" i="1"/>
  <c r="U55193" i="1"/>
  <c r="U55192" i="1"/>
  <c r="U55191" i="1"/>
  <c r="U55190" i="1"/>
  <c r="U55189" i="1"/>
  <c r="U55188" i="1"/>
  <c r="U55187" i="1"/>
  <c r="U55186" i="1"/>
  <c r="U55185" i="1"/>
  <c r="U55184" i="1"/>
  <c r="U55183" i="1"/>
  <c r="U55182" i="1"/>
  <c r="U55181" i="1"/>
  <c r="U55180" i="1"/>
  <c r="U55179" i="1"/>
  <c r="U55178" i="1"/>
  <c r="U55177" i="1"/>
  <c r="U55176" i="1"/>
  <c r="U55175" i="1"/>
  <c r="U55174" i="1"/>
  <c r="U55173" i="1"/>
  <c r="U55172" i="1"/>
  <c r="U55171" i="1"/>
  <c r="U55170" i="1"/>
  <c r="U55169" i="1"/>
  <c r="U55168" i="1"/>
  <c r="U55167" i="1"/>
  <c r="U55166" i="1"/>
  <c r="U55165" i="1"/>
  <c r="U55164" i="1"/>
  <c r="U55163" i="1"/>
  <c r="U55162" i="1"/>
  <c r="U55161" i="1"/>
  <c r="U55160" i="1"/>
  <c r="U55159" i="1"/>
  <c r="U55158" i="1"/>
  <c r="U55157" i="1"/>
  <c r="U55156" i="1"/>
  <c r="U55155" i="1"/>
  <c r="U55154" i="1"/>
  <c r="U55153" i="1"/>
  <c r="U55152" i="1"/>
  <c r="U55151" i="1"/>
  <c r="U55150" i="1"/>
  <c r="U55149" i="1"/>
  <c r="U55148" i="1"/>
  <c r="U55147" i="1"/>
  <c r="U55146" i="1"/>
  <c r="U55145" i="1"/>
  <c r="U55144" i="1"/>
  <c r="U55143" i="1"/>
  <c r="U55142" i="1"/>
  <c r="U55141" i="1"/>
  <c r="U55140" i="1"/>
  <c r="U55139" i="1"/>
  <c r="U55138" i="1"/>
  <c r="U55137" i="1"/>
  <c r="U55136" i="1"/>
  <c r="U55135" i="1"/>
  <c r="U55134" i="1"/>
  <c r="U55133" i="1"/>
  <c r="U55132" i="1"/>
  <c r="U55131" i="1"/>
  <c r="U55130" i="1"/>
  <c r="U55129" i="1"/>
  <c r="U55128" i="1"/>
  <c r="U55127" i="1"/>
  <c r="U55126" i="1"/>
  <c r="U55125" i="1"/>
  <c r="U55124" i="1"/>
  <c r="U55123" i="1"/>
  <c r="U55122" i="1"/>
  <c r="U55121" i="1"/>
  <c r="U55120" i="1"/>
  <c r="U55119" i="1"/>
  <c r="U55118" i="1"/>
  <c r="U55117" i="1"/>
  <c r="U55116" i="1"/>
  <c r="U55115" i="1"/>
  <c r="U55114" i="1"/>
  <c r="U55113" i="1"/>
  <c r="U55112" i="1"/>
  <c r="U55111" i="1"/>
  <c r="U55110" i="1"/>
  <c r="U55109" i="1"/>
  <c r="U55108" i="1"/>
  <c r="U55107" i="1"/>
  <c r="U55106" i="1"/>
  <c r="U55105" i="1"/>
  <c r="U55104" i="1"/>
  <c r="U55103" i="1"/>
  <c r="U55102" i="1"/>
  <c r="U55101" i="1"/>
  <c r="U55100" i="1"/>
  <c r="U55099" i="1"/>
  <c r="U55098" i="1"/>
  <c r="U55097" i="1"/>
  <c r="U55096" i="1"/>
  <c r="U55095" i="1"/>
  <c r="U55094" i="1"/>
  <c r="U55093" i="1"/>
  <c r="U55092" i="1"/>
  <c r="U55091" i="1"/>
  <c r="U55090" i="1"/>
  <c r="U55089" i="1"/>
  <c r="U55088" i="1"/>
  <c r="U55087" i="1"/>
  <c r="U55086" i="1"/>
  <c r="U55085" i="1"/>
  <c r="U55084" i="1"/>
  <c r="U55083" i="1"/>
  <c r="U55082" i="1"/>
  <c r="U55081" i="1"/>
  <c r="U55080" i="1"/>
  <c r="U55079" i="1"/>
  <c r="U55078" i="1"/>
  <c r="U55077" i="1"/>
  <c r="U55076" i="1"/>
  <c r="U55075" i="1"/>
  <c r="U55074" i="1"/>
  <c r="U55073" i="1"/>
  <c r="U55072" i="1"/>
  <c r="U55071" i="1"/>
  <c r="U55070" i="1"/>
  <c r="U55069" i="1"/>
  <c r="U55068" i="1"/>
  <c r="U55067" i="1"/>
  <c r="U55066" i="1"/>
  <c r="U55065" i="1"/>
  <c r="U55064" i="1"/>
  <c r="U55063" i="1"/>
  <c r="U55062" i="1"/>
  <c r="U55061" i="1"/>
  <c r="U55060" i="1"/>
  <c r="U55059" i="1"/>
  <c r="U55058" i="1"/>
  <c r="U55057" i="1"/>
  <c r="U55056" i="1"/>
  <c r="U55055" i="1"/>
  <c r="U55054" i="1"/>
  <c r="U55053" i="1"/>
  <c r="U55052" i="1"/>
  <c r="U55051" i="1"/>
  <c r="U55050" i="1"/>
  <c r="U55049" i="1"/>
  <c r="U55048" i="1"/>
  <c r="U55047" i="1"/>
  <c r="U55046" i="1"/>
  <c r="U55045" i="1"/>
  <c r="U55044" i="1"/>
  <c r="U55043" i="1"/>
  <c r="U55042" i="1"/>
  <c r="U55041" i="1"/>
  <c r="U55040" i="1"/>
  <c r="U55039" i="1"/>
  <c r="U55038" i="1"/>
  <c r="U55037" i="1"/>
  <c r="U55036" i="1"/>
  <c r="U55035" i="1"/>
  <c r="U55034" i="1"/>
  <c r="U55033" i="1"/>
  <c r="U55032" i="1"/>
  <c r="U55031" i="1"/>
  <c r="U55030" i="1"/>
  <c r="U55029" i="1"/>
  <c r="U55028" i="1"/>
  <c r="U55027" i="1"/>
  <c r="U55026" i="1"/>
  <c r="U55025" i="1"/>
  <c r="U55024" i="1"/>
  <c r="U55023" i="1"/>
  <c r="U55022" i="1"/>
  <c r="U55021" i="1"/>
  <c r="U55020" i="1"/>
  <c r="U55019" i="1"/>
  <c r="U55018" i="1"/>
  <c r="U55017" i="1"/>
  <c r="U55016" i="1"/>
  <c r="U55015" i="1"/>
  <c r="U55014" i="1"/>
  <c r="U55013" i="1"/>
  <c r="U55012" i="1"/>
  <c r="U55011" i="1"/>
  <c r="U55010" i="1"/>
  <c r="U55009" i="1"/>
  <c r="U55008" i="1"/>
  <c r="U55007" i="1"/>
  <c r="U55006" i="1"/>
  <c r="U55005" i="1"/>
  <c r="U55004" i="1"/>
  <c r="U55003" i="1"/>
  <c r="U55002" i="1"/>
  <c r="U55001" i="1"/>
  <c r="U55000" i="1"/>
  <c r="U54999" i="1"/>
  <c r="U54998" i="1"/>
  <c r="U54997" i="1"/>
  <c r="U54996" i="1"/>
  <c r="U54995" i="1"/>
  <c r="U54994" i="1"/>
  <c r="U54993" i="1"/>
  <c r="U54992" i="1"/>
  <c r="U54991" i="1"/>
  <c r="U54990" i="1"/>
  <c r="U54989" i="1"/>
  <c r="U54988" i="1"/>
  <c r="U54987" i="1"/>
  <c r="U54986" i="1"/>
  <c r="U54985" i="1"/>
  <c r="U54984" i="1"/>
  <c r="U54983" i="1"/>
  <c r="U54982" i="1"/>
  <c r="U54981" i="1"/>
  <c r="U54980" i="1"/>
  <c r="U54979" i="1"/>
  <c r="U54978" i="1"/>
  <c r="U54977" i="1"/>
  <c r="U54976" i="1"/>
  <c r="U54975" i="1"/>
  <c r="U54974" i="1"/>
  <c r="U54973" i="1"/>
  <c r="U54972" i="1"/>
  <c r="U54971" i="1"/>
  <c r="U54970" i="1"/>
  <c r="U54969" i="1"/>
  <c r="U54968" i="1"/>
  <c r="U54967" i="1"/>
  <c r="U54966" i="1"/>
  <c r="U54965" i="1"/>
  <c r="U54964" i="1"/>
  <c r="U54963" i="1"/>
  <c r="U54962" i="1"/>
  <c r="U54961" i="1"/>
  <c r="U54960" i="1"/>
  <c r="U54959" i="1"/>
  <c r="U54958" i="1"/>
  <c r="U54957" i="1"/>
  <c r="U54956" i="1"/>
  <c r="U54955" i="1"/>
  <c r="U54954" i="1"/>
  <c r="U54953" i="1"/>
  <c r="U54952" i="1"/>
  <c r="U54951" i="1"/>
  <c r="U54950" i="1"/>
  <c r="U54949" i="1"/>
  <c r="U54948" i="1"/>
  <c r="U54947" i="1"/>
  <c r="U54946" i="1"/>
  <c r="U54945" i="1"/>
  <c r="U54944" i="1"/>
  <c r="U54943" i="1"/>
  <c r="U54942" i="1"/>
  <c r="U54941" i="1"/>
  <c r="U54940" i="1"/>
  <c r="U54939" i="1"/>
  <c r="U54938" i="1"/>
  <c r="U54937" i="1"/>
  <c r="U54936" i="1"/>
  <c r="U54935" i="1"/>
  <c r="U54934" i="1"/>
  <c r="U54933" i="1"/>
  <c r="U54932" i="1"/>
  <c r="U54931" i="1"/>
  <c r="U54930" i="1"/>
  <c r="U54929" i="1"/>
  <c r="U54928" i="1"/>
  <c r="U54927" i="1"/>
  <c r="U54926" i="1"/>
  <c r="U54925" i="1"/>
  <c r="U54924" i="1"/>
  <c r="U54923" i="1"/>
  <c r="U54922" i="1"/>
  <c r="U54921" i="1"/>
  <c r="U54920" i="1"/>
  <c r="U54919" i="1"/>
  <c r="U54918" i="1"/>
  <c r="U54917" i="1"/>
  <c r="U54916" i="1"/>
  <c r="U54915" i="1"/>
  <c r="U54914" i="1"/>
  <c r="U54913" i="1"/>
  <c r="U54912" i="1"/>
  <c r="U54911" i="1"/>
  <c r="U54910" i="1"/>
  <c r="U54909" i="1"/>
  <c r="U54908" i="1"/>
  <c r="U54907" i="1"/>
  <c r="U54906" i="1"/>
  <c r="U54905" i="1"/>
  <c r="U54904" i="1"/>
  <c r="U54903" i="1"/>
  <c r="U54902" i="1"/>
  <c r="U54901" i="1"/>
  <c r="U54900" i="1"/>
  <c r="U54899" i="1"/>
  <c r="U54898" i="1"/>
  <c r="U54897" i="1"/>
  <c r="U54896" i="1"/>
  <c r="U54895" i="1"/>
  <c r="U54894" i="1"/>
  <c r="U54893" i="1"/>
  <c r="U54892" i="1"/>
  <c r="U54891" i="1"/>
  <c r="U54890" i="1"/>
  <c r="U54889" i="1"/>
  <c r="U54888" i="1"/>
  <c r="U54887" i="1"/>
  <c r="U54886" i="1"/>
  <c r="U54885" i="1"/>
  <c r="U54884" i="1"/>
  <c r="U54883" i="1"/>
  <c r="U54882" i="1"/>
  <c r="U54881" i="1"/>
  <c r="U54880" i="1"/>
  <c r="U54879" i="1"/>
  <c r="U54878" i="1"/>
  <c r="U54877" i="1"/>
  <c r="U54876" i="1"/>
  <c r="U54875" i="1"/>
  <c r="U54874" i="1"/>
  <c r="U54873" i="1"/>
  <c r="U54872" i="1"/>
  <c r="U54871" i="1"/>
  <c r="U54870" i="1"/>
  <c r="U54869" i="1"/>
  <c r="U54868" i="1"/>
  <c r="U54867" i="1"/>
  <c r="U54866" i="1"/>
  <c r="U54865" i="1"/>
  <c r="U54864" i="1"/>
  <c r="U54863" i="1"/>
  <c r="U54862" i="1"/>
  <c r="U54861" i="1"/>
  <c r="U54860" i="1"/>
  <c r="U54859" i="1"/>
  <c r="U54858" i="1"/>
  <c r="U54857" i="1"/>
  <c r="U54856" i="1"/>
  <c r="U54855" i="1"/>
  <c r="U54854" i="1"/>
  <c r="U54853" i="1"/>
  <c r="U54852" i="1"/>
  <c r="U54851" i="1"/>
  <c r="U54850" i="1"/>
  <c r="U54849" i="1"/>
  <c r="U54848" i="1"/>
  <c r="U54847" i="1"/>
  <c r="U54846" i="1"/>
  <c r="U54845" i="1"/>
  <c r="U54844" i="1"/>
  <c r="U54843" i="1"/>
  <c r="U54842" i="1"/>
  <c r="U54841" i="1"/>
  <c r="U54840" i="1"/>
  <c r="U54839" i="1"/>
  <c r="U54838" i="1"/>
  <c r="U54837" i="1"/>
  <c r="U54836" i="1"/>
  <c r="U54835" i="1"/>
  <c r="U54834" i="1"/>
  <c r="U54833" i="1"/>
  <c r="U54832" i="1"/>
  <c r="U54831" i="1"/>
  <c r="U54830" i="1"/>
  <c r="U54829" i="1"/>
  <c r="U54828" i="1"/>
  <c r="U54827" i="1"/>
  <c r="U54826" i="1"/>
  <c r="U54825" i="1"/>
  <c r="U54824" i="1"/>
  <c r="U54823" i="1"/>
  <c r="U54822" i="1"/>
  <c r="U54821" i="1"/>
  <c r="U54820" i="1"/>
  <c r="U54819" i="1"/>
  <c r="U54818" i="1"/>
  <c r="U54817" i="1"/>
  <c r="U54816" i="1"/>
  <c r="U54815" i="1"/>
  <c r="U54814" i="1"/>
  <c r="U54813" i="1"/>
  <c r="U54812" i="1"/>
  <c r="U54811" i="1"/>
  <c r="U54810" i="1"/>
  <c r="U54809" i="1"/>
  <c r="U54808" i="1"/>
  <c r="U54807" i="1"/>
  <c r="U54806" i="1"/>
  <c r="U54805" i="1"/>
  <c r="U54804" i="1"/>
  <c r="U54803" i="1"/>
  <c r="U54802" i="1"/>
  <c r="U54801" i="1"/>
  <c r="U54800" i="1"/>
  <c r="U54799" i="1"/>
  <c r="U54798" i="1"/>
  <c r="U54797" i="1"/>
  <c r="U54796" i="1"/>
  <c r="U54795" i="1"/>
  <c r="U54794" i="1"/>
  <c r="U54793" i="1"/>
  <c r="U54792" i="1"/>
  <c r="U54791" i="1"/>
  <c r="U54790" i="1"/>
  <c r="U54789" i="1"/>
  <c r="U54788" i="1"/>
  <c r="U54787" i="1"/>
  <c r="U54786" i="1"/>
  <c r="U54785" i="1"/>
  <c r="U54784" i="1"/>
  <c r="U54783" i="1"/>
  <c r="U54782" i="1"/>
  <c r="U54781" i="1"/>
  <c r="U54780" i="1"/>
  <c r="U54779" i="1"/>
  <c r="U54778" i="1"/>
  <c r="U54777" i="1"/>
  <c r="U54776" i="1"/>
  <c r="U54775" i="1"/>
  <c r="U54774" i="1"/>
  <c r="U54773" i="1"/>
  <c r="U54772" i="1"/>
  <c r="U54771" i="1"/>
  <c r="U54770" i="1"/>
  <c r="U54769" i="1"/>
  <c r="U54768" i="1"/>
  <c r="U54767" i="1"/>
  <c r="U54766" i="1"/>
  <c r="U54765" i="1"/>
  <c r="U54764" i="1"/>
  <c r="U54763" i="1"/>
  <c r="U54762" i="1"/>
  <c r="U54761" i="1"/>
  <c r="U54760" i="1"/>
  <c r="U54759" i="1"/>
  <c r="U54758" i="1"/>
  <c r="U54757" i="1"/>
  <c r="U54756" i="1"/>
  <c r="U54755" i="1"/>
  <c r="U54754" i="1"/>
  <c r="U54753" i="1"/>
  <c r="U54752" i="1"/>
  <c r="U54751" i="1"/>
  <c r="U54750" i="1"/>
  <c r="U54749" i="1"/>
  <c r="U54748" i="1"/>
  <c r="U54747" i="1"/>
  <c r="U54746" i="1"/>
  <c r="U54745" i="1"/>
  <c r="U54744" i="1"/>
  <c r="U54743" i="1"/>
  <c r="U54742" i="1"/>
  <c r="U54741" i="1"/>
  <c r="U54740" i="1"/>
  <c r="U54739" i="1"/>
  <c r="U54738" i="1"/>
  <c r="U54737" i="1"/>
  <c r="U54736" i="1"/>
  <c r="U54735" i="1"/>
  <c r="U54734" i="1"/>
  <c r="U54733" i="1"/>
  <c r="U54732" i="1"/>
  <c r="U54731" i="1"/>
  <c r="U54730" i="1"/>
  <c r="U54729" i="1"/>
  <c r="U54728" i="1"/>
  <c r="U54727" i="1"/>
  <c r="U54726" i="1"/>
  <c r="U54725" i="1"/>
  <c r="U54724" i="1"/>
  <c r="U54723" i="1"/>
  <c r="U54722" i="1"/>
  <c r="U54721" i="1"/>
  <c r="U54720" i="1"/>
  <c r="U54719" i="1"/>
  <c r="U54718" i="1"/>
  <c r="U54717" i="1"/>
  <c r="U54716" i="1"/>
  <c r="U54715" i="1"/>
  <c r="U54714" i="1"/>
  <c r="U54713" i="1"/>
  <c r="U54712" i="1"/>
  <c r="U54711" i="1"/>
  <c r="U54710" i="1"/>
  <c r="U54709" i="1"/>
  <c r="U54708" i="1"/>
  <c r="U54707" i="1"/>
  <c r="U54706" i="1"/>
  <c r="U54705" i="1"/>
  <c r="U54704" i="1"/>
  <c r="U54703" i="1"/>
  <c r="U54702" i="1"/>
  <c r="U54701" i="1"/>
  <c r="U54700" i="1"/>
  <c r="U54699" i="1"/>
  <c r="U54698" i="1"/>
  <c r="U54697" i="1"/>
  <c r="U54696" i="1"/>
  <c r="U54695" i="1"/>
  <c r="U54694" i="1"/>
  <c r="U54693" i="1"/>
  <c r="U54692" i="1"/>
  <c r="U54691" i="1"/>
  <c r="U54690" i="1"/>
  <c r="U54689" i="1"/>
  <c r="U54688" i="1"/>
  <c r="U54687" i="1"/>
  <c r="U54686" i="1"/>
  <c r="U54685" i="1"/>
  <c r="U54684" i="1"/>
  <c r="U54683" i="1"/>
  <c r="U54682" i="1"/>
  <c r="U54681" i="1"/>
  <c r="U54680" i="1"/>
  <c r="U54679" i="1"/>
  <c r="U54678" i="1"/>
  <c r="U54677" i="1"/>
  <c r="U54676" i="1"/>
  <c r="U54675" i="1"/>
  <c r="U54674" i="1"/>
  <c r="U54673" i="1"/>
  <c r="U54672" i="1"/>
  <c r="U54671" i="1"/>
  <c r="U54670" i="1"/>
  <c r="U54669" i="1"/>
  <c r="U54668" i="1"/>
  <c r="U54667" i="1"/>
  <c r="U54666" i="1"/>
  <c r="U54665" i="1"/>
  <c r="U54664" i="1"/>
  <c r="U54663" i="1"/>
  <c r="U54662" i="1"/>
  <c r="U54661" i="1"/>
  <c r="U54660" i="1"/>
  <c r="U54659" i="1"/>
  <c r="U54658" i="1"/>
  <c r="U54657" i="1"/>
  <c r="U54656" i="1"/>
  <c r="U54655" i="1"/>
  <c r="U54654" i="1"/>
  <c r="U54653" i="1"/>
  <c r="U54652" i="1"/>
  <c r="U54651" i="1"/>
  <c r="U54650" i="1"/>
  <c r="U54649" i="1"/>
  <c r="U54648" i="1"/>
  <c r="U54647" i="1"/>
  <c r="U54646" i="1"/>
  <c r="U54645" i="1"/>
  <c r="U54644" i="1"/>
  <c r="U54643" i="1"/>
  <c r="U54642" i="1"/>
  <c r="U54641" i="1"/>
  <c r="U54640" i="1"/>
  <c r="U54639" i="1"/>
  <c r="U54638" i="1"/>
  <c r="U54637" i="1"/>
  <c r="U54636" i="1"/>
  <c r="U54635" i="1"/>
  <c r="U54634" i="1"/>
  <c r="U54633" i="1"/>
  <c r="U54632" i="1"/>
  <c r="U54631" i="1"/>
  <c r="U54630" i="1"/>
  <c r="U54629" i="1"/>
  <c r="U54628" i="1"/>
  <c r="U54627" i="1"/>
  <c r="U54626" i="1"/>
  <c r="U54625" i="1"/>
  <c r="U54624" i="1"/>
  <c r="U54623" i="1"/>
  <c r="U54622" i="1"/>
  <c r="U54621" i="1"/>
  <c r="U54620" i="1"/>
  <c r="U54619" i="1"/>
  <c r="U54618" i="1"/>
  <c r="U54617" i="1"/>
  <c r="U54616" i="1"/>
  <c r="U54615" i="1"/>
  <c r="U54614" i="1"/>
  <c r="U54613" i="1"/>
  <c r="U54612" i="1"/>
  <c r="U54611" i="1"/>
  <c r="U54610" i="1"/>
  <c r="U54609" i="1"/>
  <c r="U54608" i="1"/>
  <c r="U54607" i="1"/>
  <c r="U54606" i="1"/>
  <c r="U54605" i="1"/>
  <c r="U54604" i="1"/>
  <c r="U54603" i="1"/>
  <c r="U54602" i="1"/>
  <c r="U54601" i="1"/>
  <c r="U54600" i="1"/>
  <c r="U54599" i="1"/>
  <c r="U54598" i="1"/>
  <c r="U54597" i="1"/>
  <c r="U54596" i="1"/>
  <c r="U54595" i="1"/>
  <c r="U54594" i="1"/>
  <c r="U54593" i="1"/>
  <c r="U54592" i="1"/>
  <c r="U54591" i="1"/>
  <c r="U54590" i="1"/>
  <c r="U54589" i="1"/>
  <c r="U54588" i="1"/>
  <c r="U54587" i="1"/>
  <c r="U54586" i="1"/>
  <c r="U54585" i="1"/>
  <c r="U54584" i="1"/>
  <c r="U54583" i="1"/>
  <c r="U54582" i="1"/>
  <c r="U54581" i="1"/>
  <c r="U54580" i="1"/>
  <c r="U54579" i="1"/>
  <c r="U54578" i="1"/>
  <c r="U54577" i="1"/>
  <c r="U54576" i="1"/>
  <c r="U54575" i="1"/>
  <c r="U54574" i="1"/>
  <c r="U54573" i="1"/>
  <c r="U54572" i="1"/>
  <c r="U54571" i="1"/>
  <c r="U54570" i="1"/>
  <c r="U54569" i="1"/>
  <c r="U54568" i="1"/>
  <c r="U54567" i="1"/>
  <c r="U54566" i="1"/>
  <c r="U54565" i="1"/>
  <c r="U54564" i="1"/>
  <c r="U54563" i="1"/>
  <c r="U54562" i="1"/>
  <c r="U54561" i="1"/>
  <c r="U54560" i="1"/>
  <c r="U54559" i="1"/>
  <c r="U54558" i="1"/>
  <c r="U54557" i="1"/>
  <c r="U54556" i="1"/>
  <c r="U54555" i="1"/>
  <c r="U54554" i="1"/>
  <c r="U54553" i="1"/>
  <c r="U54552" i="1"/>
  <c r="U54551" i="1"/>
  <c r="U54550" i="1"/>
  <c r="U54549" i="1"/>
  <c r="U54548" i="1"/>
  <c r="U54547" i="1"/>
  <c r="U54546" i="1"/>
  <c r="U54545" i="1"/>
  <c r="U54544" i="1"/>
  <c r="U54543" i="1"/>
  <c r="U54542" i="1"/>
  <c r="U54541" i="1"/>
  <c r="U54540" i="1"/>
  <c r="U54539" i="1"/>
  <c r="U54538" i="1"/>
  <c r="U54537" i="1"/>
  <c r="U54536" i="1"/>
  <c r="U54535" i="1"/>
  <c r="U54534" i="1"/>
  <c r="U54533" i="1"/>
  <c r="U54532" i="1"/>
  <c r="U54531" i="1"/>
  <c r="U54530" i="1"/>
  <c r="U54529" i="1"/>
  <c r="U54528" i="1"/>
  <c r="U54527" i="1"/>
  <c r="U54526" i="1"/>
  <c r="U54525" i="1"/>
  <c r="U54524" i="1"/>
  <c r="U54523" i="1"/>
  <c r="U54522" i="1"/>
  <c r="U54521" i="1"/>
  <c r="U54520" i="1"/>
  <c r="U54519" i="1"/>
  <c r="U54518" i="1"/>
  <c r="U54517" i="1"/>
  <c r="U54516" i="1"/>
  <c r="U54515" i="1"/>
  <c r="U54514" i="1"/>
  <c r="U54513" i="1"/>
  <c r="U54512" i="1"/>
  <c r="U54511" i="1"/>
  <c r="U54510" i="1"/>
  <c r="U54509" i="1"/>
  <c r="U54508" i="1"/>
  <c r="U54507" i="1"/>
  <c r="U54506" i="1"/>
  <c r="U54505" i="1"/>
  <c r="U54504" i="1"/>
  <c r="U54503" i="1"/>
  <c r="U54502" i="1"/>
  <c r="U54501" i="1"/>
  <c r="U54500" i="1"/>
  <c r="U54499" i="1"/>
  <c r="U54498" i="1"/>
  <c r="U54497" i="1"/>
  <c r="U54496" i="1"/>
  <c r="U54495" i="1"/>
  <c r="U54494" i="1"/>
  <c r="U54493" i="1"/>
  <c r="U54492" i="1"/>
  <c r="U54491" i="1"/>
  <c r="U54490" i="1"/>
  <c r="U54489" i="1"/>
  <c r="U54488" i="1"/>
  <c r="U54487" i="1"/>
  <c r="U54486" i="1"/>
  <c r="U54485" i="1"/>
  <c r="U54484" i="1"/>
  <c r="U54483" i="1"/>
  <c r="U54482" i="1"/>
  <c r="U54481" i="1"/>
  <c r="U54480" i="1"/>
  <c r="U54479" i="1"/>
  <c r="U54478" i="1"/>
  <c r="U54477" i="1"/>
  <c r="U54476" i="1"/>
  <c r="U54475" i="1"/>
  <c r="U54474" i="1"/>
  <c r="U54473" i="1"/>
  <c r="U54472" i="1"/>
  <c r="U54471" i="1"/>
  <c r="U54470" i="1"/>
  <c r="U54469" i="1"/>
  <c r="U54468" i="1"/>
  <c r="U54467" i="1"/>
  <c r="U54466" i="1"/>
  <c r="U54465" i="1"/>
  <c r="U54464" i="1"/>
  <c r="U54463" i="1"/>
  <c r="U54462" i="1"/>
  <c r="U54461" i="1"/>
  <c r="U54460" i="1"/>
  <c r="U54459" i="1"/>
  <c r="U54458" i="1"/>
  <c r="U54457" i="1"/>
  <c r="U54456" i="1"/>
  <c r="U54455" i="1"/>
  <c r="U54454" i="1"/>
  <c r="U54453" i="1"/>
  <c r="U54452" i="1"/>
  <c r="U54451" i="1"/>
  <c r="U54450" i="1"/>
  <c r="U54449" i="1"/>
  <c r="U54448" i="1"/>
  <c r="U54447" i="1"/>
  <c r="U54446" i="1"/>
  <c r="U54445" i="1"/>
  <c r="U54444" i="1"/>
  <c r="U54443" i="1"/>
  <c r="U54442" i="1"/>
  <c r="U54441" i="1"/>
  <c r="U54440" i="1"/>
  <c r="U54439" i="1"/>
  <c r="U54438" i="1"/>
  <c r="U54437" i="1"/>
  <c r="U54436" i="1"/>
  <c r="U54435" i="1"/>
  <c r="U54434" i="1"/>
  <c r="U54433" i="1"/>
  <c r="U54432" i="1"/>
  <c r="U54431" i="1"/>
  <c r="U54430" i="1"/>
  <c r="U54429" i="1"/>
  <c r="U54428" i="1"/>
  <c r="U54427" i="1"/>
  <c r="U54426" i="1"/>
  <c r="U54425" i="1"/>
  <c r="U54424" i="1"/>
  <c r="U54423" i="1"/>
  <c r="U54422" i="1"/>
  <c r="U54421" i="1"/>
  <c r="U54420" i="1"/>
  <c r="U54419" i="1"/>
  <c r="U54418" i="1"/>
  <c r="U54417" i="1"/>
  <c r="U54416" i="1"/>
  <c r="U54415" i="1"/>
  <c r="U54414" i="1"/>
  <c r="U54413" i="1"/>
  <c r="U54412" i="1"/>
  <c r="U54411" i="1"/>
  <c r="U54410" i="1"/>
  <c r="U54409" i="1"/>
  <c r="U54408" i="1"/>
  <c r="U54407" i="1"/>
  <c r="U54406" i="1"/>
  <c r="U54405" i="1"/>
  <c r="U54404" i="1"/>
  <c r="U54403" i="1"/>
  <c r="U54402" i="1"/>
  <c r="U54401" i="1"/>
  <c r="U54400" i="1"/>
  <c r="U54399" i="1"/>
  <c r="U54398" i="1"/>
  <c r="U54397" i="1"/>
  <c r="U54396" i="1"/>
  <c r="U54395" i="1"/>
  <c r="U54394" i="1"/>
  <c r="U54393" i="1"/>
  <c r="U54392" i="1"/>
  <c r="U54391" i="1"/>
  <c r="U54390" i="1"/>
  <c r="U54389" i="1"/>
  <c r="U54388" i="1"/>
  <c r="U54387" i="1"/>
  <c r="U54386" i="1"/>
  <c r="U54385" i="1"/>
  <c r="U54384" i="1"/>
  <c r="U54383" i="1"/>
  <c r="U54382" i="1"/>
  <c r="U54381" i="1"/>
  <c r="U54380" i="1"/>
  <c r="U54379" i="1"/>
  <c r="U54378" i="1"/>
  <c r="U54377" i="1"/>
  <c r="U54376" i="1"/>
  <c r="U54375" i="1"/>
  <c r="U54374" i="1"/>
  <c r="U54373" i="1"/>
  <c r="U54372" i="1"/>
  <c r="U54371" i="1"/>
  <c r="U54370" i="1"/>
  <c r="U54369" i="1"/>
  <c r="U54368" i="1"/>
  <c r="U54367" i="1"/>
  <c r="U54366" i="1"/>
  <c r="U54365" i="1"/>
  <c r="U54364" i="1"/>
  <c r="U54363" i="1"/>
  <c r="U54362" i="1"/>
  <c r="U54361" i="1"/>
  <c r="U54360" i="1"/>
  <c r="U54359" i="1"/>
  <c r="U54358" i="1"/>
  <c r="U54357" i="1"/>
  <c r="U54356" i="1"/>
  <c r="U54355" i="1"/>
  <c r="U54354" i="1"/>
  <c r="U54353" i="1"/>
  <c r="U54352" i="1"/>
  <c r="U54351" i="1"/>
  <c r="U54350" i="1"/>
  <c r="U54349" i="1"/>
  <c r="U54348" i="1"/>
  <c r="U54347" i="1"/>
  <c r="U54346" i="1"/>
  <c r="U54345" i="1"/>
  <c r="U54344" i="1"/>
  <c r="U54343" i="1"/>
  <c r="U54342" i="1"/>
  <c r="U54341" i="1"/>
  <c r="U54340" i="1"/>
  <c r="U54339" i="1"/>
  <c r="U54338" i="1"/>
  <c r="U54337" i="1"/>
  <c r="U54336" i="1"/>
  <c r="U54335" i="1"/>
  <c r="U54334" i="1"/>
  <c r="U54333" i="1"/>
  <c r="U54332" i="1"/>
  <c r="U54331" i="1"/>
  <c r="U54330" i="1"/>
  <c r="U54329" i="1"/>
  <c r="U54328" i="1"/>
  <c r="U54327" i="1"/>
  <c r="U54326" i="1"/>
  <c r="U54325" i="1"/>
  <c r="U54324" i="1"/>
  <c r="U54323" i="1"/>
  <c r="U54322" i="1"/>
  <c r="U54321" i="1"/>
  <c r="U54320" i="1"/>
  <c r="U54319" i="1"/>
  <c r="U54318" i="1"/>
  <c r="U54317" i="1"/>
  <c r="U54316" i="1"/>
  <c r="U54315" i="1"/>
  <c r="U54314" i="1"/>
  <c r="U54313" i="1"/>
  <c r="U54312" i="1"/>
  <c r="U54311" i="1"/>
  <c r="U54310" i="1"/>
  <c r="U54309" i="1"/>
  <c r="U54308" i="1"/>
  <c r="U54307" i="1"/>
  <c r="U54306" i="1"/>
  <c r="U54305" i="1"/>
  <c r="U54304" i="1"/>
  <c r="U54303" i="1"/>
  <c r="U54302" i="1"/>
  <c r="U54301" i="1"/>
  <c r="U54300" i="1"/>
  <c r="U54299" i="1"/>
  <c r="U54298" i="1"/>
  <c r="U54297" i="1"/>
  <c r="U54296" i="1"/>
  <c r="U54295" i="1"/>
  <c r="U54294" i="1"/>
  <c r="U54293" i="1"/>
  <c r="U54292" i="1"/>
  <c r="U54291" i="1"/>
  <c r="U54290" i="1"/>
  <c r="U54289" i="1"/>
  <c r="U54288" i="1"/>
  <c r="U54287" i="1"/>
  <c r="U54286" i="1"/>
  <c r="U54285" i="1"/>
  <c r="U54284" i="1"/>
  <c r="U54283" i="1"/>
  <c r="U54282" i="1"/>
  <c r="U54281" i="1"/>
  <c r="U54280" i="1"/>
  <c r="U54279" i="1"/>
  <c r="U54278" i="1"/>
  <c r="U54277" i="1"/>
  <c r="U54276" i="1"/>
  <c r="U54275" i="1"/>
  <c r="U54274" i="1"/>
  <c r="U54273" i="1"/>
  <c r="U54272" i="1"/>
  <c r="U54271" i="1"/>
  <c r="U54270" i="1"/>
  <c r="U54269" i="1"/>
  <c r="U54268" i="1"/>
  <c r="U54267" i="1"/>
  <c r="U54266" i="1"/>
  <c r="U54265" i="1"/>
  <c r="U54264" i="1"/>
  <c r="U54263" i="1"/>
  <c r="U54262" i="1"/>
  <c r="U54261" i="1"/>
  <c r="U54260" i="1"/>
  <c r="U54259" i="1"/>
  <c r="U54258" i="1"/>
  <c r="U54257" i="1"/>
  <c r="U54256" i="1"/>
  <c r="U54255" i="1"/>
  <c r="U54254" i="1"/>
  <c r="U54253" i="1"/>
  <c r="U54252" i="1"/>
  <c r="U54251" i="1"/>
  <c r="U54250" i="1"/>
  <c r="U54249" i="1"/>
  <c r="U54248" i="1"/>
  <c r="U54247" i="1"/>
  <c r="U54246" i="1"/>
  <c r="U54245" i="1"/>
  <c r="U54244" i="1"/>
  <c r="U54243" i="1"/>
  <c r="U54242" i="1"/>
  <c r="U54241" i="1"/>
  <c r="U54240" i="1"/>
  <c r="U54239" i="1"/>
  <c r="U54238" i="1"/>
  <c r="U54237" i="1"/>
  <c r="U54236" i="1"/>
  <c r="U54235" i="1"/>
  <c r="U54234" i="1"/>
  <c r="U54233" i="1"/>
  <c r="U54232" i="1"/>
  <c r="U54231" i="1"/>
  <c r="U54230" i="1"/>
  <c r="U54229" i="1"/>
  <c r="U54228" i="1"/>
  <c r="U54227" i="1"/>
  <c r="U54226" i="1"/>
  <c r="U54225" i="1"/>
  <c r="U54224" i="1"/>
  <c r="U54223" i="1"/>
  <c r="U54222" i="1"/>
  <c r="U54221" i="1"/>
  <c r="U54220" i="1"/>
  <c r="U54219" i="1"/>
  <c r="U54218" i="1"/>
  <c r="U54217" i="1"/>
  <c r="U54216" i="1"/>
  <c r="U54215" i="1"/>
  <c r="U54214" i="1"/>
  <c r="U54213" i="1"/>
  <c r="U54212" i="1"/>
  <c r="U54211" i="1"/>
  <c r="U54210" i="1"/>
  <c r="U54209" i="1"/>
  <c r="U54208" i="1"/>
  <c r="U54207" i="1"/>
  <c r="U54206" i="1"/>
  <c r="U54205" i="1"/>
  <c r="U54204" i="1"/>
  <c r="U54203" i="1"/>
  <c r="U54202" i="1"/>
  <c r="U54201" i="1"/>
  <c r="U54200" i="1"/>
  <c r="U54199" i="1"/>
  <c r="U54198" i="1"/>
  <c r="U54197" i="1"/>
  <c r="U54196" i="1"/>
  <c r="U54195" i="1"/>
  <c r="U54194" i="1"/>
  <c r="U54193" i="1"/>
  <c r="U54192" i="1"/>
  <c r="U54191" i="1"/>
  <c r="U54190" i="1"/>
  <c r="U54189" i="1"/>
  <c r="U54188" i="1"/>
  <c r="U54187" i="1"/>
  <c r="U54186" i="1"/>
  <c r="U54185" i="1"/>
  <c r="U54184" i="1"/>
  <c r="U54183" i="1"/>
  <c r="U54182" i="1"/>
  <c r="U54181" i="1"/>
  <c r="U54180" i="1"/>
  <c r="U54179" i="1"/>
  <c r="U54178" i="1"/>
  <c r="U54177" i="1"/>
  <c r="U54176" i="1"/>
  <c r="U54175" i="1"/>
  <c r="U54174" i="1"/>
  <c r="U54173" i="1"/>
  <c r="U54172" i="1"/>
  <c r="U54171" i="1"/>
  <c r="U54170" i="1"/>
  <c r="U54169" i="1"/>
  <c r="U54168" i="1"/>
  <c r="U54167" i="1"/>
  <c r="U54166" i="1"/>
  <c r="U54165" i="1"/>
  <c r="U54164" i="1"/>
  <c r="U54163" i="1"/>
  <c r="U54162" i="1"/>
  <c r="U54161" i="1"/>
  <c r="U54160" i="1"/>
  <c r="U54159" i="1"/>
  <c r="U54158" i="1"/>
  <c r="U54157" i="1"/>
  <c r="U54156" i="1"/>
  <c r="U54155" i="1"/>
  <c r="U54154" i="1"/>
  <c r="U54153" i="1"/>
  <c r="U54152" i="1"/>
  <c r="U54151" i="1"/>
  <c r="U54150" i="1"/>
  <c r="U54149" i="1"/>
  <c r="U54148" i="1"/>
  <c r="U54147" i="1"/>
  <c r="U54146" i="1"/>
  <c r="U54145" i="1"/>
  <c r="U54144" i="1"/>
  <c r="U54143" i="1"/>
  <c r="U54142" i="1"/>
  <c r="U54141" i="1"/>
  <c r="U54140" i="1"/>
  <c r="U54139" i="1"/>
  <c r="U54138" i="1"/>
  <c r="U54137" i="1"/>
  <c r="U54136" i="1"/>
  <c r="U54135" i="1"/>
  <c r="U54134" i="1"/>
  <c r="U54133" i="1"/>
  <c r="U54132" i="1"/>
  <c r="U54131" i="1"/>
  <c r="U54130" i="1"/>
  <c r="U54129" i="1"/>
  <c r="U54128" i="1"/>
  <c r="U54127" i="1"/>
  <c r="U54126" i="1"/>
  <c r="U54125" i="1"/>
  <c r="U54124" i="1"/>
  <c r="U54123" i="1"/>
  <c r="U54122" i="1"/>
  <c r="U54121" i="1"/>
  <c r="U54120" i="1"/>
  <c r="U54119" i="1"/>
  <c r="U54118" i="1"/>
  <c r="U54117" i="1"/>
  <c r="U54116" i="1"/>
  <c r="U54115" i="1"/>
  <c r="U54114" i="1"/>
  <c r="U54113" i="1"/>
  <c r="U54112" i="1"/>
  <c r="U54111" i="1"/>
  <c r="U54110" i="1"/>
  <c r="U54109" i="1"/>
  <c r="U54108" i="1"/>
  <c r="U54107" i="1"/>
  <c r="U54106" i="1"/>
  <c r="U54105" i="1"/>
  <c r="U54104" i="1"/>
  <c r="U54103" i="1"/>
  <c r="U54102" i="1"/>
  <c r="U54101" i="1"/>
  <c r="U54100" i="1"/>
  <c r="U54099" i="1"/>
  <c r="U54098" i="1"/>
  <c r="U54097" i="1"/>
  <c r="U54096" i="1"/>
  <c r="U54095" i="1"/>
  <c r="U54094" i="1"/>
  <c r="U54093" i="1"/>
  <c r="U54092" i="1"/>
  <c r="U54091" i="1"/>
  <c r="U54090" i="1"/>
  <c r="U54089" i="1"/>
  <c r="U54088" i="1"/>
  <c r="U54087" i="1"/>
  <c r="U54086" i="1"/>
  <c r="U54085" i="1"/>
  <c r="U54084" i="1"/>
  <c r="U54083" i="1"/>
  <c r="U54082" i="1"/>
  <c r="U54081" i="1"/>
  <c r="U54080" i="1"/>
  <c r="U54079" i="1"/>
  <c r="U54078" i="1"/>
  <c r="U54077" i="1"/>
  <c r="U54076" i="1"/>
  <c r="U54075" i="1"/>
  <c r="U54074" i="1"/>
  <c r="U54073" i="1"/>
  <c r="U54072" i="1"/>
  <c r="U54071" i="1"/>
  <c r="U54070" i="1"/>
  <c r="U54069" i="1"/>
  <c r="U54068" i="1"/>
  <c r="U54067" i="1"/>
  <c r="U54066" i="1"/>
  <c r="U54065" i="1"/>
  <c r="U54064" i="1"/>
  <c r="U54063" i="1"/>
  <c r="U54062" i="1"/>
  <c r="U54061" i="1"/>
  <c r="U54060" i="1"/>
  <c r="U54059" i="1"/>
  <c r="U54058" i="1"/>
  <c r="U54057" i="1"/>
  <c r="U54056" i="1"/>
  <c r="U54055" i="1"/>
  <c r="U54054" i="1"/>
  <c r="U54053" i="1"/>
  <c r="U54052" i="1"/>
  <c r="U54051" i="1"/>
  <c r="U54050" i="1"/>
  <c r="U54049" i="1"/>
  <c r="U54048" i="1"/>
  <c r="U54047" i="1"/>
  <c r="U54046" i="1"/>
  <c r="U54045" i="1"/>
  <c r="U54044" i="1"/>
  <c r="U54043" i="1"/>
  <c r="U54042" i="1"/>
  <c r="U54041" i="1"/>
  <c r="U54040" i="1"/>
  <c r="U54039" i="1"/>
  <c r="U54038" i="1"/>
  <c r="U54037" i="1"/>
  <c r="U54036" i="1"/>
  <c r="U54035" i="1"/>
  <c r="U54034" i="1"/>
  <c r="U54033" i="1"/>
  <c r="U54032" i="1"/>
  <c r="U54031" i="1"/>
  <c r="U54030" i="1"/>
  <c r="U54029" i="1"/>
  <c r="U54028" i="1"/>
  <c r="U54027" i="1"/>
  <c r="U54026" i="1"/>
  <c r="U54025" i="1"/>
  <c r="U54024" i="1"/>
  <c r="U54023" i="1"/>
  <c r="U54022" i="1"/>
  <c r="U54021" i="1"/>
  <c r="U54020" i="1"/>
  <c r="U54019" i="1"/>
  <c r="U54018" i="1"/>
  <c r="U54017" i="1"/>
  <c r="U54016" i="1"/>
  <c r="U54015" i="1"/>
  <c r="U54014" i="1"/>
  <c r="U54013" i="1"/>
  <c r="U54012" i="1"/>
  <c r="U54011" i="1"/>
  <c r="U54010" i="1"/>
  <c r="U54009" i="1"/>
  <c r="U54008" i="1"/>
  <c r="U54007" i="1"/>
  <c r="U54006" i="1"/>
  <c r="U54005" i="1"/>
  <c r="U54004" i="1"/>
  <c r="U54003" i="1"/>
  <c r="U54002" i="1"/>
  <c r="U54001" i="1"/>
  <c r="U54000" i="1"/>
  <c r="U53999" i="1"/>
  <c r="U53998" i="1"/>
  <c r="U53997" i="1"/>
  <c r="U53996" i="1"/>
  <c r="U53995" i="1"/>
  <c r="U53994" i="1"/>
  <c r="U53993" i="1"/>
  <c r="U53992" i="1"/>
  <c r="U53991" i="1"/>
  <c r="U53990" i="1"/>
  <c r="U53989" i="1"/>
  <c r="U53988" i="1"/>
  <c r="U53987" i="1"/>
  <c r="U53986" i="1"/>
  <c r="U53985" i="1"/>
  <c r="U53984" i="1"/>
  <c r="U53983" i="1"/>
  <c r="U53982" i="1"/>
  <c r="U53981" i="1"/>
  <c r="U53980" i="1"/>
  <c r="U53979" i="1"/>
  <c r="U53978" i="1"/>
  <c r="U53977" i="1"/>
  <c r="U53976" i="1"/>
  <c r="U53975" i="1"/>
  <c r="U53974" i="1"/>
  <c r="U53973" i="1"/>
  <c r="U53972" i="1"/>
  <c r="U53971" i="1"/>
  <c r="U53970" i="1"/>
  <c r="U53969" i="1"/>
  <c r="U53968" i="1"/>
  <c r="U53967" i="1"/>
  <c r="U53966" i="1"/>
  <c r="U53965" i="1"/>
  <c r="U53964" i="1"/>
  <c r="U53963" i="1"/>
  <c r="U53962" i="1"/>
  <c r="U53961" i="1"/>
  <c r="U53960" i="1"/>
  <c r="U53959" i="1"/>
  <c r="U53958" i="1"/>
  <c r="U53957" i="1"/>
  <c r="U53956" i="1"/>
  <c r="U53955" i="1"/>
  <c r="U53954" i="1"/>
  <c r="U53953" i="1"/>
  <c r="U53952" i="1"/>
  <c r="U53951" i="1"/>
  <c r="U53950" i="1"/>
  <c r="U53949" i="1"/>
  <c r="U53948" i="1"/>
  <c r="U53947" i="1"/>
  <c r="U53946" i="1"/>
  <c r="U53945" i="1"/>
  <c r="U53944" i="1"/>
  <c r="U53943" i="1"/>
  <c r="U53942" i="1"/>
  <c r="U53941" i="1"/>
  <c r="U53940" i="1"/>
  <c r="U53939" i="1"/>
  <c r="U53938" i="1"/>
  <c r="U53937" i="1"/>
  <c r="U53936" i="1"/>
  <c r="U53935" i="1"/>
  <c r="U53934" i="1"/>
  <c r="U53933" i="1"/>
  <c r="U53932" i="1"/>
  <c r="U53931" i="1"/>
  <c r="U53930" i="1"/>
  <c r="U53929" i="1"/>
  <c r="U53928" i="1"/>
  <c r="U53927" i="1"/>
  <c r="U53926" i="1"/>
  <c r="U53925" i="1"/>
  <c r="U53924" i="1"/>
  <c r="U53923" i="1"/>
  <c r="U53922" i="1"/>
  <c r="U53921" i="1"/>
  <c r="U53920" i="1"/>
  <c r="U53919" i="1"/>
  <c r="U53918" i="1"/>
  <c r="U53917" i="1"/>
  <c r="U53916" i="1"/>
  <c r="U53915" i="1"/>
  <c r="U53914" i="1"/>
  <c r="U53913" i="1"/>
  <c r="U53912" i="1"/>
  <c r="U53911" i="1"/>
  <c r="U53910" i="1"/>
  <c r="U53909" i="1"/>
  <c r="U53908" i="1"/>
  <c r="U53907" i="1"/>
  <c r="U53906" i="1"/>
  <c r="U53905" i="1"/>
  <c r="U53904" i="1"/>
  <c r="U53903" i="1"/>
  <c r="U53902" i="1"/>
  <c r="U53901" i="1"/>
  <c r="U53900" i="1"/>
  <c r="U53899" i="1"/>
  <c r="U53898" i="1"/>
  <c r="U53897" i="1"/>
  <c r="U53896" i="1"/>
  <c r="U53895" i="1"/>
  <c r="U53894" i="1"/>
  <c r="U53893" i="1"/>
  <c r="U53892" i="1"/>
  <c r="U53891" i="1"/>
  <c r="U53890" i="1"/>
  <c r="U53889" i="1"/>
  <c r="U53888" i="1"/>
  <c r="U53887" i="1"/>
  <c r="U53886" i="1"/>
  <c r="U53885" i="1"/>
  <c r="U53884" i="1"/>
  <c r="U53883" i="1"/>
  <c r="U53882" i="1"/>
  <c r="U53881" i="1"/>
  <c r="U53880" i="1"/>
  <c r="U53879" i="1"/>
  <c r="U53878" i="1"/>
  <c r="U53877" i="1"/>
  <c r="U53876" i="1"/>
  <c r="U53875" i="1"/>
  <c r="U53874" i="1"/>
  <c r="U53873" i="1"/>
  <c r="U53872" i="1"/>
  <c r="U53871" i="1"/>
  <c r="U53870" i="1"/>
  <c r="U53869" i="1"/>
  <c r="U53868" i="1"/>
  <c r="U53867" i="1"/>
  <c r="U53866" i="1"/>
  <c r="U53865" i="1"/>
  <c r="U53864" i="1"/>
  <c r="U53863" i="1"/>
  <c r="U53862" i="1"/>
  <c r="U53861" i="1"/>
  <c r="U53860" i="1"/>
  <c r="U53859" i="1"/>
  <c r="U53858" i="1"/>
  <c r="U53857" i="1"/>
  <c r="U53856" i="1"/>
  <c r="U53855" i="1"/>
  <c r="U53854" i="1"/>
  <c r="U53853" i="1"/>
  <c r="U53852" i="1"/>
  <c r="U53851" i="1"/>
  <c r="U53850" i="1"/>
  <c r="U53849" i="1"/>
  <c r="U53848" i="1"/>
  <c r="U53847" i="1"/>
  <c r="U53846" i="1"/>
  <c r="U53845" i="1"/>
  <c r="U53844" i="1"/>
  <c r="U53843" i="1"/>
  <c r="U53842" i="1"/>
  <c r="U53841" i="1"/>
  <c r="U53840" i="1"/>
  <c r="U53839" i="1"/>
  <c r="U53838" i="1"/>
  <c r="U53837" i="1"/>
  <c r="U53836" i="1"/>
  <c r="U53835" i="1"/>
  <c r="U53834" i="1"/>
  <c r="U53833" i="1"/>
  <c r="U53832" i="1"/>
  <c r="U53831" i="1"/>
  <c r="U53830" i="1"/>
  <c r="U53829" i="1"/>
  <c r="U53828" i="1"/>
  <c r="U53827" i="1"/>
  <c r="U53826" i="1"/>
  <c r="U53825" i="1"/>
  <c r="U53824" i="1"/>
  <c r="U53823" i="1"/>
  <c r="U53822" i="1"/>
  <c r="U53821" i="1"/>
  <c r="U53820" i="1"/>
  <c r="U53819" i="1"/>
  <c r="U53818" i="1"/>
  <c r="U53817" i="1"/>
  <c r="U53816" i="1"/>
  <c r="U53815" i="1"/>
  <c r="U53814" i="1"/>
  <c r="U53813" i="1"/>
  <c r="U53812" i="1"/>
  <c r="U53811" i="1"/>
  <c r="U53810" i="1"/>
  <c r="U53809" i="1"/>
  <c r="U53808" i="1"/>
  <c r="U53807" i="1"/>
  <c r="U53806" i="1"/>
  <c r="U53805" i="1"/>
  <c r="U53804" i="1"/>
  <c r="U53803" i="1"/>
  <c r="U53802" i="1"/>
  <c r="U53801" i="1"/>
  <c r="U53800" i="1"/>
  <c r="U53799" i="1"/>
  <c r="U53798" i="1"/>
  <c r="U53797" i="1"/>
  <c r="U53796" i="1"/>
  <c r="U53795" i="1"/>
  <c r="U53794" i="1"/>
  <c r="U53793" i="1"/>
  <c r="U53792" i="1"/>
  <c r="U53791" i="1"/>
  <c r="U53790" i="1"/>
  <c r="U53789" i="1"/>
  <c r="U53788" i="1"/>
  <c r="U53787" i="1"/>
  <c r="U53786" i="1"/>
  <c r="U53785" i="1"/>
  <c r="U53784" i="1"/>
  <c r="U53783" i="1"/>
  <c r="U53782" i="1"/>
  <c r="U53781" i="1"/>
  <c r="U53780" i="1"/>
  <c r="U53779" i="1"/>
  <c r="U53778" i="1"/>
  <c r="U53777" i="1"/>
  <c r="U53776" i="1"/>
  <c r="U53775" i="1"/>
  <c r="U53774" i="1"/>
  <c r="U53773" i="1"/>
  <c r="U53772" i="1"/>
  <c r="U53771" i="1"/>
  <c r="U53770" i="1"/>
  <c r="U53769" i="1"/>
  <c r="U53768" i="1"/>
  <c r="U53767" i="1"/>
  <c r="U53766" i="1"/>
  <c r="U53765" i="1"/>
  <c r="U53764" i="1"/>
  <c r="U53763" i="1"/>
  <c r="U53762" i="1"/>
  <c r="U53761" i="1"/>
  <c r="U53760" i="1"/>
  <c r="U53759" i="1"/>
  <c r="U53758" i="1"/>
  <c r="U53757" i="1"/>
  <c r="U53756" i="1"/>
  <c r="U53755" i="1"/>
  <c r="U53754" i="1"/>
  <c r="U53753" i="1"/>
  <c r="U53752" i="1"/>
  <c r="U53751" i="1"/>
  <c r="U53750" i="1"/>
  <c r="U53749" i="1"/>
  <c r="U53748" i="1"/>
  <c r="U53747" i="1"/>
  <c r="U53746" i="1"/>
  <c r="U53745" i="1"/>
  <c r="U53744" i="1"/>
  <c r="U53743" i="1"/>
  <c r="U53742" i="1"/>
  <c r="U53741" i="1"/>
  <c r="U53740" i="1"/>
  <c r="U53739" i="1"/>
  <c r="U53738" i="1"/>
  <c r="U53737" i="1"/>
  <c r="U53736" i="1"/>
  <c r="U53735" i="1"/>
  <c r="U53734" i="1"/>
  <c r="U53733" i="1"/>
  <c r="U53732" i="1"/>
  <c r="U53731" i="1"/>
  <c r="U53730" i="1"/>
  <c r="U53729" i="1"/>
  <c r="U53728" i="1"/>
  <c r="U53727" i="1"/>
  <c r="U53726" i="1"/>
  <c r="U53725" i="1"/>
  <c r="U53724" i="1"/>
  <c r="U53723" i="1"/>
  <c r="U53722" i="1"/>
  <c r="U53721" i="1"/>
  <c r="U53720" i="1"/>
  <c r="U53719" i="1"/>
  <c r="U53718" i="1"/>
  <c r="U53717" i="1"/>
  <c r="U53716" i="1"/>
  <c r="U53715" i="1"/>
  <c r="U53714" i="1"/>
  <c r="U53713" i="1"/>
  <c r="U53712" i="1"/>
  <c r="U53711" i="1"/>
  <c r="U53710" i="1"/>
  <c r="U53709" i="1"/>
  <c r="U53708" i="1"/>
  <c r="U53707" i="1"/>
  <c r="U53706" i="1"/>
  <c r="U53705" i="1"/>
  <c r="U53704" i="1"/>
  <c r="U53703" i="1"/>
  <c r="U53702" i="1"/>
  <c r="U53701" i="1"/>
  <c r="U53700" i="1"/>
  <c r="U53699" i="1"/>
  <c r="U53698" i="1"/>
  <c r="U53697" i="1"/>
  <c r="U53696" i="1"/>
  <c r="U53695" i="1"/>
  <c r="U53694" i="1"/>
  <c r="U53693" i="1"/>
  <c r="U53692" i="1"/>
  <c r="U53691" i="1"/>
  <c r="U53690" i="1"/>
  <c r="U53689" i="1"/>
  <c r="U53688" i="1"/>
  <c r="U53687" i="1"/>
  <c r="U53686" i="1"/>
  <c r="U53685" i="1"/>
  <c r="U53684" i="1"/>
  <c r="U53683" i="1"/>
  <c r="U53682" i="1"/>
  <c r="U53681" i="1"/>
  <c r="U53680" i="1"/>
  <c r="U53679" i="1"/>
  <c r="U53678" i="1"/>
  <c r="U53677" i="1"/>
  <c r="U53676" i="1"/>
  <c r="U53675" i="1"/>
  <c r="U53674" i="1"/>
  <c r="U53673" i="1"/>
  <c r="U53672" i="1"/>
  <c r="U53671" i="1"/>
  <c r="U53670" i="1"/>
  <c r="U53669" i="1"/>
  <c r="U53668" i="1"/>
  <c r="U53667" i="1"/>
  <c r="U53666" i="1"/>
  <c r="U53665" i="1"/>
  <c r="U53664" i="1"/>
  <c r="U53663" i="1"/>
  <c r="U53662" i="1"/>
  <c r="U53661" i="1"/>
  <c r="U53660" i="1"/>
  <c r="U53659" i="1"/>
  <c r="U53658" i="1"/>
  <c r="U53657" i="1"/>
  <c r="U53656" i="1"/>
  <c r="U53655" i="1"/>
  <c r="U53654" i="1"/>
  <c r="U53653" i="1"/>
  <c r="U53652" i="1"/>
  <c r="U53651" i="1"/>
  <c r="U53650" i="1"/>
  <c r="U53649" i="1"/>
  <c r="U53648" i="1"/>
  <c r="U53647" i="1"/>
  <c r="U53646" i="1"/>
  <c r="U53645" i="1"/>
  <c r="U53644" i="1"/>
  <c r="U53643" i="1"/>
  <c r="U53642" i="1"/>
  <c r="U53641" i="1"/>
  <c r="U53640" i="1"/>
  <c r="U53639" i="1"/>
  <c r="U53638" i="1"/>
  <c r="U53637" i="1"/>
  <c r="U53636" i="1"/>
  <c r="U53635" i="1"/>
  <c r="U53634" i="1"/>
  <c r="U53633" i="1"/>
  <c r="U53632" i="1"/>
  <c r="U53631" i="1"/>
  <c r="U53630" i="1"/>
  <c r="U53629" i="1"/>
  <c r="U53628" i="1"/>
  <c r="U53627" i="1"/>
  <c r="U53626" i="1"/>
  <c r="U53625" i="1"/>
  <c r="U53624" i="1"/>
  <c r="U53623" i="1"/>
  <c r="U53622" i="1"/>
  <c r="U53621" i="1"/>
  <c r="U53620" i="1"/>
  <c r="U53619" i="1"/>
  <c r="U53618" i="1"/>
  <c r="U53617" i="1"/>
  <c r="U53616" i="1"/>
  <c r="U53615" i="1"/>
  <c r="U53614" i="1"/>
  <c r="U53613" i="1"/>
  <c r="U53612" i="1"/>
  <c r="U53611" i="1"/>
  <c r="U53610" i="1"/>
  <c r="U53609" i="1"/>
  <c r="U53608" i="1"/>
  <c r="U53607" i="1"/>
  <c r="U53606" i="1"/>
  <c r="U53605" i="1"/>
  <c r="U53604" i="1"/>
  <c r="U53603" i="1"/>
  <c r="U53602" i="1"/>
  <c r="U53601" i="1"/>
  <c r="U53600" i="1"/>
  <c r="U53599" i="1"/>
  <c r="U53598" i="1"/>
  <c r="U53597" i="1"/>
  <c r="U53596" i="1"/>
  <c r="U53595" i="1"/>
  <c r="U53594" i="1"/>
  <c r="U53593" i="1"/>
  <c r="U53592" i="1"/>
  <c r="U53591" i="1"/>
  <c r="U53590" i="1"/>
  <c r="U53589" i="1"/>
  <c r="U53588" i="1"/>
  <c r="U53587" i="1"/>
  <c r="U53586" i="1"/>
  <c r="U53585" i="1"/>
  <c r="U53584" i="1"/>
  <c r="U53583" i="1"/>
  <c r="U53582" i="1"/>
  <c r="U53581" i="1"/>
  <c r="U53580" i="1"/>
  <c r="U53579" i="1"/>
  <c r="U53578" i="1"/>
  <c r="U53577" i="1"/>
  <c r="U53576" i="1"/>
  <c r="U53575" i="1"/>
  <c r="U53574" i="1"/>
  <c r="U53573" i="1"/>
  <c r="U53572" i="1"/>
  <c r="U53571" i="1"/>
  <c r="U53570" i="1"/>
  <c r="U53569" i="1"/>
  <c r="U53568" i="1"/>
  <c r="U53567" i="1"/>
  <c r="U53566" i="1"/>
  <c r="U53565" i="1"/>
  <c r="U53564" i="1"/>
  <c r="U53563" i="1"/>
  <c r="U53562" i="1"/>
  <c r="U53561" i="1"/>
  <c r="U53560" i="1"/>
  <c r="U53559" i="1"/>
  <c r="U53558" i="1"/>
  <c r="U53557" i="1"/>
  <c r="U53556" i="1"/>
  <c r="U53555" i="1"/>
  <c r="U53554" i="1"/>
  <c r="U53553" i="1"/>
  <c r="U53552" i="1"/>
  <c r="U53551" i="1"/>
  <c r="U53550" i="1"/>
  <c r="U53549" i="1"/>
  <c r="U53548" i="1"/>
  <c r="U53547" i="1"/>
  <c r="U53546" i="1"/>
  <c r="U53545" i="1"/>
  <c r="U53544" i="1"/>
  <c r="U53543" i="1"/>
  <c r="U53542" i="1"/>
  <c r="U53541" i="1"/>
  <c r="U53540" i="1"/>
  <c r="U53539" i="1"/>
  <c r="U53538" i="1"/>
  <c r="U53537" i="1"/>
  <c r="U53536" i="1"/>
  <c r="U53535" i="1"/>
  <c r="U53534" i="1"/>
  <c r="U53533" i="1"/>
  <c r="U53532" i="1"/>
  <c r="U53531" i="1"/>
  <c r="U53530" i="1"/>
  <c r="U53529" i="1"/>
  <c r="U53528" i="1"/>
  <c r="U53527" i="1"/>
  <c r="U53526" i="1"/>
  <c r="U53525" i="1"/>
  <c r="U53524" i="1"/>
  <c r="U53523" i="1"/>
  <c r="U53522" i="1"/>
  <c r="U53521" i="1"/>
  <c r="U53520" i="1"/>
  <c r="U53519" i="1"/>
  <c r="U53518" i="1"/>
  <c r="U53517" i="1"/>
  <c r="U53516" i="1"/>
  <c r="U53515" i="1"/>
  <c r="U53514" i="1"/>
  <c r="U53513" i="1"/>
  <c r="U53512" i="1"/>
  <c r="U53511" i="1"/>
  <c r="U53510" i="1"/>
  <c r="U53509" i="1"/>
  <c r="U53508" i="1"/>
  <c r="U53507" i="1"/>
  <c r="U53506" i="1"/>
  <c r="U53505" i="1"/>
  <c r="U53504" i="1"/>
  <c r="U53503" i="1"/>
  <c r="U53502" i="1"/>
  <c r="U53501" i="1"/>
  <c r="U53500" i="1"/>
  <c r="U53499" i="1"/>
  <c r="U53498" i="1"/>
  <c r="U53497" i="1"/>
  <c r="U53496" i="1"/>
  <c r="U53495" i="1"/>
  <c r="U53494" i="1"/>
  <c r="U53493" i="1"/>
  <c r="U53492" i="1"/>
  <c r="U53491" i="1"/>
  <c r="U53490" i="1"/>
  <c r="U53489" i="1"/>
  <c r="U53488" i="1"/>
  <c r="U53487" i="1"/>
  <c r="U53486" i="1"/>
  <c r="U53485" i="1"/>
  <c r="U53484" i="1"/>
  <c r="U53483" i="1"/>
  <c r="U53482" i="1"/>
  <c r="U53481" i="1"/>
  <c r="U53480" i="1"/>
  <c r="U53479" i="1"/>
  <c r="U53478" i="1"/>
  <c r="U53477" i="1"/>
  <c r="U53476" i="1"/>
  <c r="U53475" i="1"/>
  <c r="U53474" i="1"/>
  <c r="U53473" i="1"/>
  <c r="U53472" i="1"/>
  <c r="U53471" i="1"/>
  <c r="U53470" i="1"/>
  <c r="U53469" i="1"/>
  <c r="U53468" i="1"/>
  <c r="U53467" i="1"/>
  <c r="U53466" i="1"/>
  <c r="U53465" i="1"/>
  <c r="U53464" i="1"/>
  <c r="U53463" i="1"/>
  <c r="U53462" i="1"/>
  <c r="U53461" i="1"/>
  <c r="U53460" i="1"/>
  <c r="U53459" i="1"/>
  <c r="U53458" i="1"/>
  <c r="U53457" i="1"/>
  <c r="U53456" i="1"/>
  <c r="U53455" i="1"/>
  <c r="U53454" i="1"/>
  <c r="U53453" i="1"/>
  <c r="U53452" i="1"/>
  <c r="U53451" i="1"/>
  <c r="U53450" i="1"/>
  <c r="U53449" i="1"/>
  <c r="U53448" i="1"/>
  <c r="U53447" i="1"/>
  <c r="U53446" i="1"/>
  <c r="U53445" i="1"/>
  <c r="U53444" i="1"/>
  <c r="U53443" i="1"/>
  <c r="U53442" i="1"/>
  <c r="U53441" i="1"/>
  <c r="U53440" i="1"/>
  <c r="U53439" i="1"/>
  <c r="U53438" i="1"/>
  <c r="U53437" i="1"/>
  <c r="U53436" i="1"/>
  <c r="U53435" i="1"/>
  <c r="U53434" i="1"/>
  <c r="U53433" i="1"/>
  <c r="U53432" i="1"/>
  <c r="U53431" i="1"/>
  <c r="U53430" i="1"/>
  <c r="U53429" i="1"/>
  <c r="U53428" i="1"/>
  <c r="U53427" i="1"/>
  <c r="U53426" i="1"/>
  <c r="U53425" i="1"/>
  <c r="U53424" i="1"/>
  <c r="U53423" i="1"/>
  <c r="U53422" i="1"/>
  <c r="U53421" i="1"/>
  <c r="U53420" i="1"/>
  <c r="U53419" i="1"/>
  <c r="U53418" i="1"/>
  <c r="U53417" i="1"/>
  <c r="U53416" i="1"/>
  <c r="U53415" i="1"/>
  <c r="U53414" i="1"/>
  <c r="U53413" i="1"/>
  <c r="U53412" i="1"/>
  <c r="U53411" i="1"/>
  <c r="U53410" i="1"/>
  <c r="U53409" i="1"/>
  <c r="U53408" i="1"/>
  <c r="U53407" i="1"/>
  <c r="U53406" i="1"/>
  <c r="U53405" i="1"/>
  <c r="U53404" i="1"/>
  <c r="U53403" i="1"/>
  <c r="U53402" i="1"/>
  <c r="U53401" i="1"/>
  <c r="U53400" i="1"/>
  <c r="U53399" i="1"/>
  <c r="U53398" i="1"/>
  <c r="U53397" i="1"/>
  <c r="U53396" i="1"/>
  <c r="U53395" i="1"/>
  <c r="U53394" i="1"/>
  <c r="U53393" i="1"/>
  <c r="U53392" i="1"/>
  <c r="U53391" i="1"/>
  <c r="U53390" i="1"/>
  <c r="U53389" i="1"/>
  <c r="U53388" i="1"/>
  <c r="U53387" i="1"/>
  <c r="U53386" i="1"/>
  <c r="U53385" i="1"/>
  <c r="U53384" i="1"/>
  <c r="U53383" i="1"/>
  <c r="U53382" i="1"/>
  <c r="U53381" i="1"/>
  <c r="U53380" i="1"/>
  <c r="U53379" i="1"/>
  <c r="U53378" i="1"/>
  <c r="U53377" i="1"/>
  <c r="U53376" i="1"/>
  <c r="U53375" i="1"/>
  <c r="U53374" i="1"/>
  <c r="U53373" i="1"/>
  <c r="U53372" i="1"/>
  <c r="U53371" i="1"/>
  <c r="U53370" i="1"/>
  <c r="U53369" i="1"/>
  <c r="U53368" i="1"/>
  <c r="U53367" i="1"/>
  <c r="U53366" i="1"/>
  <c r="U53365" i="1"/>
  <c r="U53364" i="1"/>
  <c r="U53363" i="1"/>
  <c r="U53362" i="1"/>
  <c r="U53361" i="1"/>
  <c r="U53360" i="1"/>
  <c r="U53359" i="1"/>
  <c r="U53358" i="1"/>
  <c r="U53357" i="1"/>
  <c r="U53356" i="1"/>
  <c r="U53355" i="1"/>
  <c r="U53354" i="1"/>
  <c r="U53353" i="1"/>
  <c r="U53352" i="1"/>
  <c r="U53351" i="1"/>
  <c r="U53350" i="1"/>
  <c r="U53349" i="1"/>
  <c r="U53348" i="1"/>
  <c r="U53347" i="1"/>
  <c r="U53346" i="1"/>
  <c r="U53345" i="1"/>
  <c r="U53344" i="1"/>
  <c r="U53343" i="1"/>
  <c r="U53342" i="1"/>
  <c r="U53341" i="1"/>
  <c r="U53340" i="1"/>
  <c r="U53339" i="1"/>
  <c r="U53338" i="1"/>
  <c r="U53337" i="1"/>
  <c r="U53336" i="1"/>
  <c r="U53335" i="1"/>
  <c r="U53334" i="1"/>
  <c r="U53333" i="1"/>
  <c r="U53332" i="1"/>
  <c r="U53331" i="1"/>
  <c r="U53330" i="1"/>
  <c r="U53329" i="1"/>
  <c r="U53328" i="1"/>
  <c r="U53327" i="1"/>
  <c r="U53326" i="1"/>
  <c r="U53325" i="1"/>
  <c r="U53324" i="1"/>
  <c r="U53323" i="1"/>
  <c r="U53322" i="1"/>
  <c r="U53321" i="1"/>
  <c r="U53320" i="1"/>
  <c r="U53319" i="1"/>
  <c r="U53318" i="1"/>
  <c r="U53317" i="1"/>
  <c r="U53316" i="1"/>
  <c r="U53315" i="1"/>
  <c r="U53314" i="1"/>
  <c r="U53313" i="1"/>
  <c r="U53312" i="1"/>
  <c r="U53311" i="1"/>
  <c r="U53310" i="1"/>
  <c r="U53309" i="1"/>
  <c r="U53308" i="1"/>
  <c r="U53307" i="1"/>
  <c r="U53306" i="1"/>
  <c r="U53305" i="1"/>
  <c r="U53304" i="1"/>
  <c r="U53303" i="1"/>
  <c r="U53302" i="1"/>
  <c r="U53301" i="1"/>
  <c r="U53300" i="1"/>
  <c r="U53299" i="1"/>
  <c r="U53298" i="1"/>
  <c r="U53297" i="1"/>
  <c r="U53296" i="1"/>
  <c r="U53295" i="1"/>
  <c r="U53294" i="1"/>
  <c r="U53293" i="1"/>
  <c r="U53292" i="1"/>
  <c r="U53291" i="1"/>
  <c r="U53290" i="1"/>
  <c r="U53289" i="1"/>
  <c r="U53288" i="1"/>
  <c r="U53287" i="1"/>
  <c r="U53286" i="1"/>
  <c r="U53285" i="1"/>
  <c r="U53284" i="1"/>
  <c r="U53283" i="1"/>
  <c r="U53282" i="1"/>
  <c r="U53281" i="1"/>
  <c r="U53280" i="1"/>
  <c r="U53279" i="1"/>
  <c r="U53278" i="1"/>
  <c r="U53277" i="1"/>
  <c r="U53276" i="1"/>
  <c r="U53275" i="1"/>
  <c r="U53274" i="1"/>
  <c r="U53273" i="1"/>
  <c r="U53272" i="1"/>
  <c r="U53271" i="1"/>
  <c r="U53270" i="1"/>
  <c r="U53269" i="1"/>
  <c r="U53268" i="1"/>
  <c r="U53267" i="1"/>
  <c r="U53266" i="1"/>
  <c r="U53265" i="1"/>
  <c r="U53264" i="1"/>
  <c r="U53263" i="1"/>
  <c r="U53262" i="1"/>
  <c r="U53261" i="1"/>
  <c r="U53260" i="1"/>
  <c r="U53259" i="1"/>
  <c r="U53258" i="1"/>
  <c r="U53257" i="1"/>
  <c r="U53256" i="1"/>
  <c r="U53255" i="1"/>
  <c r="U53254" i="1"/>
  <c r="U53253" i="1"/>
  <c r="U53252" i="1"/>
  <c r="U53251" i="1"/>
  <c r="U53250" i="1"/>
  <c r="U53249" i="1"/>
  <c r="U53248" i="1"/>
  <c r="U53247" i="1"/>
  <c r="U53246" i="1"/>
  <c r="U53245" i="1"/>
  <c r="U53244" i="1"/>
  <c r="U53243" i="1"/>
  <c r="U53242" i="1"/>
  <c r="U53241" i="1"/>
  <c r="U53240" i="1"/>
  <c r="U53239" i="1"/>
  <c r="U53238" i="1"/>
  <c r="U53237" i="1"/>
  <c r="U53236" i="1"/>
  <c r="U53235" i="1"/>
  <c r="U53234" i="1"/>
  <c r="U53233" i="1"/>
  <c r="U53232" i="1"/>
  <c r="U53231" i="1"/>
  <c r="U53230" i="1"/>
  <c r="U53229" i="1"/>
  <c r="U53228" i="1"/>
  <c r="U53227" i="1"/>
  <c r="U53226" i="1"/>
  <c r="U53225" i="1"/>
  <c r="U53224" i="1"/>
  <c r="U53223" i="1"/>
  <c r="U53222" i="1"/>
  <c r="U53221" i="1"/>
  <c r="U53220" i="1"/>
  <c r="U53219" i="1"/>
  <c r="U53218" i="1"/>
  <c r="U53217" i="1"/>
  <c r="U53216" i="1"/>
  <c r="U53215" i="1"/>
  <c r="U53214" i="1"/>
  <c r="U53213" i="1"/>
  <c r="U53212" i="1"/>
  <c r="U53211" i="1"/>
  <c r="U53210" i="1"/>
  <c r="U53209" i="1"/>
  <c r="U53208" i="1"/>
  <c r="U53207" i="1"/>
  <c r="U53206" i="1"/>
  <c r="U53205" i="1"/>
  <c r="U53204" i="1"/>
  <c r="U53203" i="1"/>
  <c r="U53202" i="1"/>
  <c r="U53201" i="1"/>
  <c r="U53200" i="1"/>
  <c r="U53199" i="1"/>
  <c r="U53198" i="1"/>
  <c r="U53197" i="1"/>
  <c r="U53196" i="1"/>
  <c r="U53195" i="1"/>
  <c r="U53194" i="1"/>
  <c r="U53193" i="1"/>
  <c r="U53192" i="1"/>
  <c r="U53191" i="1"/>
  <c r="U53190" i="1"/>
  <c r="U53189" i="1"/>
  <c r="U53188" i="1"/>
  <c r="U53187" i="1"/>
  <c r="U53186" i="1"/>
  <c r="U53185" i="1"/>
  <c r="U53184" i="1"/>
  <c r="U53183" i="1"/>
  <c r="U53182" i="1"/>
  <c r="U53181" i="1"/>
  <c r="U53180" i="1"/>
  <c r="U53179" i="1"/>
  <c r="U53178" i="1"/>
  <c r="U53177" i="1"/>
  <c r="U53176" i="1"/>
  <c r="U53175" i="1"/>
  <c r="U53174" i="1"/>
  <c r="U53173" i="1"/>
  <c r="U53172" i="1"/>
  <c r="U53171" i="1"/>
  <c r="U53170" i="1"/>
  <c r="U53169" i="1"/>
  <c r="U53168" i="1"/>
  <c r="U53167" i="1"/>
  <c r="U53166" i="1"/>
  <c r="U53165" i="1"/>
  <c r="U53164" i="1"/>
  <c r="U53163" i="1"/>
  <c r="U53162" i="1"/>
  <c r="U53161" i="1"/>
  <c r="U53160" i="1"/>
  <c r="U53159" i="1"/>
  <c r="U53158" i="1"/>
  <c r="U53157" i="1"/>
  <c r="U53156" i="1"/>
  <c r="U53155" i="1"/>
  <c r="U53154" i="1"/>
  <c r="U53153" i="1"/>
  <c r="U53152" i="1"/>
  <c r="U53151" i="1"/>
  <c r="U53150" i="1"/>
  <c r="U53149" i="1"/>
  <c r="U53148" i="1"/>
  <c r="U53147" i="1"/>
  <c r="U53146" i="1"/>
  <c r="U53145" i="1"/>
  <c r="U53144" i="1"/>
  <c r="U53143" i="1"/>
  <c r="U53142" i="1"/>
  <c r="U53141" i="1"/>
  <c r="U53140" i="1"/>
  <c r="U53139" i="1"/>
  <c r="U53138" i="1"/>
  <c r="U53137" i="1"/>
  <c r="U53136" i="1"/>
  <c r="U53135" i="1"/>
  <c r="U53134" i="1"/>
  <c r="U53133" i="1"/>
  <c r="U53132" i="1"/>
  <c r="U53131" i="1"/>
  <c r="U53130" i="1"/>
  <c r="U53129" i="1"/>
  <c r="U53128" i="1"/>
  <c r="U53127" i="1"/>
  <c r="U53126" i="1"/>
  <c r="U53125" i="1"/>
  <c r="U53124" i="1"/>
  <c r="U53123" i="1"/>
  <c r="U53122" i="1"/>
  <c r="U53121" i="1"/>
  <c r="U53120" i="1"/>
  <c r="U53119" i="1"/>
  <c r="U53118" i="1"/>
  <c r="U53117" i="1"/>
  <c r="U53116" i="1"/>
  <c r="U53115" i="1"/>
  <c r="U53114" i="1"/>
  <c r="U53113" i="1"/>
  <c r="U53112" i="1"/>
  <c r="U53111" i="1"/>
  <c r="U53110" i="1"/>
  <c r="U53109" i="1"/>
  <c r="U53108" i="1"/>
  <c r="U53107" i="1"/>
  <c r="U53106" i="1"/>
  <c r="U53105" i="1"/>
  <c r="U53104" i="1"/>
  <c r="U53103" i="1"/>
  <c r="U53102" i="1"/>
  <c r="U53101" i="1"/>
  <c r="U53100" i="1"/>
  <c r="U53099" i="1"/>
  <c r="U53098" i="1"/>
  <c r="U53097" i="1"/>
  <c r="U53096" i="1"/>
  <c r="U53095" i="1"/>
  <c r="U53094" i="1"/>
  <c r="U53093" i="1"/>
  <c r="U53092" i="1"/>
  <c r="U53091" i="1"/>
  <c r="U53090" i="1"/>
  <c r="U53089" i="1"/>
  <c r="U53088" i="1"/>
  <c r="U53087" i="1"/>
  <c r="U53086" i="1"/>
  <c r="U53085" i="1"/>
  <c r="U53084" i="1"/>
  <c r="U53083" i="1"/>
  <c r="U53082" i="1"/>
  <c r="U53081" i="1"/>
  <c r="U53080" i="1"/>
  <c r="U53079" i="1"/>
  <c r="U53078" i="1"/>
  <c r="U53077" i="1"/>
  <c r="U53076" i="1"/>
  <c r="U53075" i="1"/>
  <c r="U53074" i="1"/>
  <c r="U53073" i="1"/>
  <c r="U53072" i="1"/>
  <c r="U53071" i="1"/>
  <c r="U53070" i="1"/>
  <c r="U53069" i="1"/>
  <c r="U53068" i="1"/>
  <c r="U53067" i="1"/>
  <c r="U53066" i="1"/>
  <c r="U53065" i="1"/>
  <c r="U53064" i="1"/>
  <c r="U53063" i="1"/>
  <c r="U53062" i="1"/>
  <c r="U53061" i="1"/>
  <c r="U53060" i="1"/>
  <c r="U53059" i="1"/>
  <c r="U53058" i="1"/>
  <c r="U53057" i="1"/>
  <c r="U53056" i="1"/>
  <c r="U53055" i="1"/>
  <c r="U53054" i="1"/>
  <c r="U53053" i="1"/>
  <c r="U53052" i="1"/>
  <c r="U53051" i="1"/>
  <c r="U53050" i="1"/>
  <c r="U53049" i="1"/>
  <c r="U53048" i="1"/>
  <c r="U53047" i="1"/>
  <c r="U53046" i="1"/>
  <c r="U53045" i="1"/>
  <c r="U53044" i="1"/>
  <c r="U53043" i="1"/>
  <c r="U53042" i="1"/>
  <c r="U53041" i="1"/>
  <c r="U53040" i="1"/>
  <c r="U53039" i="1"/>
  <c r="U53038" i="1"/>
  <c r="U53037" i="1"/>
  <c r="U53036" i="1"/>
  <c r="U53035" i="1"/>
  <c r="U53034" i="1"/>
  <c r="U53033" i="1"/>
  <c r="U53032" i="1"/>
  <c r="U53031" i="1"/>
  <c r="U53030" i="1"/>
  <c r="U53029" i="1"/>
  <c r="U53028" i="1"/>
  <c r="U53027" i="1"/>
  <c r="U53026" i="1"/>
  <c r="U53025" i="1"/>
  <c r="U53024" i="1"/>
  <c r="U53023" i="1"/>
  <c r="U53022" i="1"/>
  <c r="U53021" i="1"/>
  <c r="U53020" i="1"/>
  <c r="U53019" i="1"/>
  <c r="U53018" i="1"/>
  <c r="U53017" i="1"/>
  <c r="U53016" i="1"/>
  <c r="U53015" i="1"/>
  <c r="U53014" i="1"/>
  <c r="U53013" i="1"/>
  <c r="U53012" i="1"/>
  <c r="U53011" i="1"/>
  <c r="U53010" i="1"/>
  <c r="U53009" i="1"/>
  <c r="U53008" i="1"/>
  <c r="U53007" i="1"/>
  <c r="U53006" i="1"/>
  <c r="U53005" i="1"/>
  <c r="U53004" i="1"/>
  <c r="U53003" i="1"/>
  <c r="U53002" i="1"/>
  <c r="U53001" i="1"/>
  <c r="U53000" i="1"/>
  <c r="U52999" i="1"/>
  <c r="U52998" i="1"/>
  <c r="U52997" i="1"/>
  <c r="U52996" i="1"/>
  <c r="U52995" i="1"/>
  <c r="U52994" i="1"/>
  <c r="U52993" i="1"/>
  <c r="U52992" i="1"/>
  <c r="U52991" i="1"/>
  <c r="U52990" i="1"/>
  <c r="U52989" i="1"/>
  <c r="U52988" i="1"/>
  <c r="U52987" i="1"/>
  <c r="U52986" i="1"/>
  <c r="U52985" i="1"/>
  <c r="U52984" i="1"/>
  <c r="U52983" i="1"/>
  <c r="U52982" i="1"/>
  <c r="U52981" i="1"/>
  <c r="U52980" i="1"/>
  <c r="U52979" i="1"/>
  <c r="U52978" i="1"/>
  <c r="U52977" i="1"/>
  <c r="U52976" i="1"/>
  <c r="U52975" i="1"/>
  <c r="U52974" i="1"/>
  <c r="U52973" i="1"/>
  <c r="U52972" i="1"/>
  <c r="U52971" i="1"/>
  <c r="U52970" i="1"/>
  <c r="U52969" i="1"/>
  <c r="U52968" i="1"/>
  <c r="U52967" i="1"/>
  <c r="U52966" i="1"/>
  <c r="U52965" i="1"/>
  <c r="U52964" i="1"/>
  <c r="U52963" i="1"/>
  <c r="U52962" i="1"/>
  <c r="U52961" i="1"/>
  <c r="U52960" i="1"/>
  <c r="U52959" i="1"/>
  <c r="U52958" i="1"/>
  <c r="U52957" i="1"/>
  <c r="U52956" i="1"/>
  <c r="U52955" i="1"/>
  <c r="U52954" i="1"/>
  <c r="U52953" i="1"/>
  <c r="U52952" i="1"/>
  <c r="U52951" i="1"/>
  <c r="U52950" i="1"/>
  <c r="U52949" i="1"/>
  <c r="U52948" i="1"/>
  <c r="U52947" i="1"/>
  <c r="U52946" i="1"/>
  <c r="U52945" i="1"/>
  <c r="U52944" i="1"/>
  <c r="U52943" i="1"/>
  <c r="U52942" i="1"/>
  <c r="U52941" i="1"/>
  <c r="U52940" i="1"/>
  <c r="U52939" i="1"/>
  <c r="U52938" i="1"/>
  <c r="U52937" i="1"/>
  <c r="U52936" i="1"/>
  <c r="U52935" i="1"/>
  <c r="U52934" i="1"/>
  <c r="U52933" i="1"/>
  <c r="U52932" i="1"/>
  <c r="U52931" i="1"/>
  <c r="U52930" i="1"/>
  <c r="U52929" i="1"/>
  <c r="U52928" i="1"/>
  <c r="U52927" i="1"/>
  <c r="U52926" i="1"/>
  <c r="U52925" i="1"/>
  <c r="U52924" i="1"/>
  <c r="U52923" i="1"/>
  <c r="U52922" i="1"/>
  <c r="U52921" i="1"/>
  <c r="U52920" i="1"/>
  <c r="U52919" i="1"/>
  <c r="U52918" i="1"/>
  <c r="U52917" i="1"/>
  <c r="U52916" i="1"/>
  <c r="U52915" i="1"/>
  <c r="U52914" i="1"/>
  <c r="U52913" i="1"/>
  <c r="U52912" i="1"/>
  <c r="U52911" i="1"/>
  <c r="U52910" i="1"/>
  <c r="U52909" i="1"/>
  <c r="U52908" i="1"/>
  <c r="U52907" i="1"/>
  <c r="U52906" i="1"/>
  <c r="U52905" i="1"/>
  <c r="U52904" i="1"/>
  <c r="U52903" i="1"/>
  <c r="U52902" i="1"/>
  <c r="U52901" i="1"/>
  <c r="U52900" i="1"/>
  <c r="U52899" i="1"/>
  <c r="U52898" i="1"/>
  <c r="U52897" i="1"/>
  <c r="U52896" i="1"/>
  <c r="U52895" i="1"/>
  <c r="U52894" i="1"/>
  <c r="U52893" i="1"/>
  <c r="U52892" i="1"/>
  <c r="U52891" i="1"/>
  <c r="U52890" i="1"/>
  <c r="U52889" i="1"/>
  <c r="U52888" i="1"/>
  <c r="U52887" i="1"/>
  <c r="U52886" i="1"/>
  <c r="U52885" i="1"/>
  <c r="U52884" i="1"/>
  <c r="U52883" i="1"/>
  <c r="U52882" i="1"/>
  <c r="U52881" i="1"/>
  <c r="U52880" i="1"/>
  <c r="U52879" i="1"/>
  <c r="U52878" i="1"/>
  <c r="U52877" i="1"/>
  <c r="U52876" i="1"/>
  <c r="U52875" i="1"/>
  <c r="U52874" i="1"/>
  <c r="U52873" i="1"/>
  <c r="U52872" i="1"/>
  <c r="U52871" i="1"/>
  <c r="U52870" i="1"/>
  <c r="U52869" i="1"/>
  <c r="U52868" i="1"/>
  <c r="U52867" i="1"/>
  <c r="U52866" i="1"/>
  <c r="U52865" i="1"/>
  <c r="U52864" i="1"/>
  <c r="U52863" i="1"/>
  <c r="U52862" i="1"/>
  <c r="U52861" i="1"/>
  <c r="U52860" i="1"/>
  <c r="U52859" i="1"/>
  <c r="U52858" i="1"/>
  <c r="U52857" i="1"/>
  <c r="U52856" i="1"/>
  <c r="U52855" i="1"/>
  <c r="U52854" i="1"/>
  <c r="U52853" i="1"/>
  <c r="U52852" i="1"/>
  <c r="U52851" i="1"/>
  <c r="U52850" i="1"/>
  <c r="U52849" i="1"/>
  <c r="U52848" i="1"/>
  <c r="U52847" i="1"/>
  <c r="U52846" i="1"/>
  <c r="U52845" i="1"/>
  <c r="U52844" i="1"/>
  <c r="U52843" i="1"/>
  <c r="U52842" i="1"/>
  <c r="U52841" i="1"/>
  <c r="U52840" i="1"/>
  <c r="U52839" i="1"/>
  <c r="U52838" i="1"/>
  <c r="U52837" i="1"/>
  <c r="U52836" i="1"/>
  <c r="U52835" i="1"/>
  <c r="U52834" i="1"/>
  <c r="U52833" i="1"/>
  <c r="U52832" i="1"/>
  <c r="U52831" i="1"/>
  <c r="U52830" i="1"/>
  <c r="U52829" i="1"/>
  <c r="U52828" i="1"/>
  <c r="U52827" i="1"/>
  <c r="U52826" i="1"/>
  <c r="U52825" i="1"/>
  <c r="U52824" i="1"/>
  <c r="U52823" i="1"/>
  <c r="U52822" i="1"/>
  <c r="U52821" i="1"/>
  <c r="U52820" i="1"/>
  <c r="U52819" i="1"/>
  <c r="U52818" i="1"/>
  <c r="U52817" i="1"/>
  <c r="U52816" i="1"/>
  <c r="U52815" i="1"/>
  <c r="U52814" i="1"/>
  <c r="U52813" i="1"/>
  <c r="U52812" i="1"/>
  <c r="U52811" i="1"/>
  <c r="U52810" i="1"/>
  <c r="U52809" i="1"/>
  <c r="U52808" i="1"/>
  <c r="U52807" i="1"/>
  <c r="U52806" i="1"/>
  <c r="U52805" i="1"/>
  <c r="U52804" i="1"/>
  <c r="U52803" i="1"/>
  <c r="U52802" i="1"/>
  <c r="U52801" i="1"/>
  <c r="U52800" i="1"/>
  <c r="U52799" i="1"/>
  <c r="U52798" i="1"/>
  <c r="U52797" i="1"/>
  <c r="U52796" i="1"/>
  <c r="U52795" i="1"/>
  <c r="U52794" i="1"/>
  <c r="U52793" i="1"/>
  <c r="U52792" i="1"/>
  <c r="U52791" i="1"/>
  <c r="U52790" i="1"/>
  <c r="U52789" i="1"/>
  <c r="U52788" i="1"/>
  <c r="U52787" i="1"/>
  <c r="U52786" i="1"/>
  <c r="U52785" i="1"/>
  <c r="U52784" i="1"/>
  <c r="U52783" i="1"/>
  <c r="U52782" i="1"/>
  <c r="U52781" i="1"/>
  <c r="U52780" i="1"/>
  <c r="U52779" i="1"/>
  <c r="U52778" i="1"/>
  <c r="U52777" i="1"/>
  <c r="U52776" i="1"/>
  <c r="U52775" i="1"/>
  <c r="U52774" i="1"/>
  <c r="U52773" i="1"/>
  <c r="U52772" i="1"/>
  <c r="U52771" i="1"/>
  <c r="U52770" i="1"/>
  <c r="U52769" i="1"/>
  <c r="U52768" i="1"/>
  <c r="U52767" i="1"/>
  <c r="U52766" i="1"/>
  <c r="U52765" i="1"/>
  <c r="U52764" i="1"/>
  <c r="U52763" i="1"/>
  <c r="U52762" i="1"/>
  <c r="U52761" i="1"/>
  <c r="U52760" i="1"/>
  <c r="U52759" i="1"/>
  <c r="U52758" i="1"/>
  <c r="U52757" i="1"/>
  <c r="U52756" i="1"/>
  <c r="U52755" i="1"/>
  <c r="U52754" i="1"/>
  <c r="U52753" i="1"/>
  <c r="U52752" i="1"/>
  <c r="U52751" i="1"/>
  <c r="U52750" i="1"/>
  <c r="U52749" i="1"/>
  <c r="U52748" i="1"/>
  <c r="U52747" i="1"/>
  <c r="U52746" i="1"/>
  <c r="U52745" i="1"/>
  <c r="U52744" i="1"/>
  <c r="U52743" i="1"/>
  <c r="U52742" i="1"/>
  <c r="U52741" i="1"/>
  <c r="U52740" i="1"/>
  <c r="U52739" i="1"/>
  <c r="U52738" i="1"/>
  <c r="U52737" i="1"/>
  <c r="U52736" i="1"/>
  <c r="U52735" i="1"/>
  <c r="U52734" i="1"/>
  <c r="U52733" i="1"/>
  <c r="U52732" i="1"/>
  <c r="U52731" i="1"/>
  <c r="U52730" i="1"/>
  <c r="U52729" i="1"/>
  <c r="U52728" i="1"/>
  <c r="U52727" i="1"/>
  <c r="U52726" i="1"/>
  <c r="U52725" i="1"/>
  <c r="U52724" i="1"/>
  <c r="U52723" i="1"/>
  <c r="U52722" i="1"/>
  <c r="U52721" i="1"/>
  <c r="U52720" i="1"/>
  <c r="U52719" i="1"/>
  <c r="U52718" i="1"/>
  <c r="U52717" i="1"/>
  <c r="U52716" i="1"/>
  <c r="U52715" i="1"/>
  <c r="U52714" i="1"/>
  <c r="U52713" i="1"/>
  <c r="U52712" i="1"/>
  <c r="U52711" i="1"/>
  <c r="U52710" i="1"/>
  <c r="U52709" i="1"/>
  <c r="U52708" i="1"/>
  <c r="U52707" i="1"/>
  <c r="U52706" i="1"/>
  <c r="U52705" i="1"/>
  <c r="U52704" i="1"/>
  <c r="U52703" i="1"/>
  <c r="U52702" i="1"/>
  <c r="U52701" i="1"/>
  <c r="U52700" i="1"/>
  <c r="U52699" i="1"/>
  <c r="U52698" i="1"/>
  <c r="U52697" i="1"/>
  <c r="U52696" i="1"/>
  <c r="U52695" i="1"/>
  <c r="U52694" i="1"/>
  <c r="U52693" i="1"/>
  <c r="U52692" i="1"/>
  <c r="U52691" i="1"/>
  <c r="U52690" i="1"/>
  <c r="U52689" i="1"/>
  <c r="U52688" i="1"/>
  <c r="U52687" i="1"/>
  <c r="U52686" i="1"/>
  <c r="U52685" i="1"/>
  <c r="U52684" i="1"/>
  <c r="U52683" i="1"/>
  <c r="U52682" i="1"/>
  <c r="U52681" i="1"/>
  <c r="U52680" i="1"/>
  <c r="U52679" i="1"/>
  <c r="U52678" i="1"/>
  <c r="U52677" i="1"/>
  <c r="U52676" i="1"/>
  <c r="U52675" i="1"/>
  <c r="U52674" i="1"/>
  <c r="U52673" i="1"/>
  <c r="U52672" i="1"/>
  <c r="U52671" i="1"/>
  <c r="U52670" i="1"/>
  <c r="U52669" i="1"/>
  <c r="U52668" i="1"/>
  <c r="U52667" i="1"/>
  <c r="U52666" i="1"/>
  <c r="U52665" i="1"/>
  <c r="U52664" i="1"/>
  <c r="U52663" i="1"/>
  <c r="U52662" i="1"/>
  <c r="U52661" i="1"/>
  <c r="U52660" i="1"/>
  <c r="U52659" i="1"/>
  <c r="U52658" i="1"/>
  <c r="U52657" i="1"/>
  <c r="U52656" i="1"/>
  <c r="U52655" i="1"/>
  <c r="U52654" i="1"/>
  <c r="U52653" i="1"/>
  <c r="U52652" i="1"/>
  <c r="U52651" i="1"/>
  <c r="U52650" i="1"/>
  <c r="U52649" i="1"/>
  <c r="U52648" i="1"/>
  <c r="U52647" i="1"/>
  <c r="U52646" i="1"/>
  <c r="U52645" i="1"/>
  <c r="U52644" i="1"/>
  <c r="U52643" i="1"/>
  <c r="U52642" i="1"/>
  <c r="U52641" i="1"/>
  <c r="U52640" i="1"/>
  <c r="U52639" i="1"/>
  <c r="U52638" i="1"/>
  <c r="U52637" i="1"/>
  <c r="U52636" i="1"/>
  <c r="U52635" i="1"/>
  <c r="U52634" i="1"/>
  <c r="U52633" i="1"/>
  <c r="U52632" i="1"/>
  <c r="U52631" i="1"/>
  <c r="U52630" i="1"/>
  <c r="U52629" i="1"/>
  <c r="U52628" i="1"/>
  <c r="U52627" i="1"/>
  <c r="U52626" i="1"/>
  <c r="U52625" i="1"/>
  <c r="U52624" i="1"/>
  <c r="U52623" i="1"/>
  <c r="U52622" i="1"/>
  <c r="U52621" i="1"/>
  <c r="U52620" i="1"/>
  <c r="U52619" i="1"/>
  <c r="U52618" i="1"/>
  <c r="U52617" i="1"/>
  <c r="U52616" i="1"/>
  <c r="U52615" i="1"/>
  <c r="U52614" i="1"/>
  <c r="U52613" i="1"/>
  <c r="U52612" i="1"/>
  <c r="U52611" i="1"/>
  <c r="U52610" i="1"/>
  <c r="U52609" i="1"/>
  <c r="U52608" i="1"/>
  <c r="U52607" i="1"/>
  <c r="U52606" i="1"/>
  <c r="U52605" i="1"/>
  <c r="U52604" i="1"/>
  <c r="U52603" i="1"/>
  <c r="U52602" i="1"/>
  <c r="U52601" i="1"/>
  <c r="U52600" i="1"/>
  <c r="U52599" i="1"/>
  <c r="U52598" i="1"/>
  <c r="U52597" i="1"/>
  <c r="U52596" i="1"/>
  <c r="U52595" i="1"/>
  <c r="U52594" i="1"/>
  <c r="U52593" i="1"/>
  <c r="U52592" i="1"/>
  <c r="U52591" i="1"/>
  <c r="U52590" i="1"/>
  <c r="U52589" i="1"/>
  <c r="U52588" i="1"/>
  <c r="U52587" i="1"/>
  <c r="U52586" i="1"/>
  <c r="U52585" i="1"/>
  <c r="U52584" i="1"/>
  <c r="U52583" i="1"/>
  <c r="U52582" i="1"/>
  <c r="U52581" i="1"/>
  <c r="U52580" i="1"/>
  <c r="U52579" i="1"/>
  <c r="U52578" i="1"/>
  <c r="U52577" i="1"/>
  <c r="U52576" i="1"/>
  <c r="U52575" i="1"/>
  <c r="U52574" i="1"/>
  <c r="U52573" i="1"/>
  <c r="U52572" i="1"/>
  <c r="U52571" i="1"/>
  <c r="U52570" i="1"/>
  <c r="U52569" i="1"/>
  <c r="U52568" i="1"/>
  <c r="U52567" i="1"/>
  <c r="U52566" i="1"/>
  <c r="U52565" i="1"/>
  <c r="U52564" i="1"/>
  <c r="U52563" i="1"/>
  <c r="U52562" i="1"/>
  <c r="U52561" i="1"/>
  <c r="U52560" i="1"/>
  <c r="U52559" i="1"/>
  <c r="U52558" i="1"/>
  <c r="U52557" i="1"/>
  <c r="U52556" i="1"/>
  <c r="U52555" i="1"/>
  <c r="U52554" i="1"/>
  <c r="U52553" i="1"/>
  <c r="U52552" i="1"/>
  <c r="U52551" i="1"/>
  <c r="U52550" i="1"/>
  <c r="U52549" i="1"/>
  <c r="U52548" i="1"/>
  <c r="U52547" i="1"/>
  <c r="U52546" i="1"/>
  <c r="U52545" i="1"/>
  <c r="U52544" i="1"/>
  <c r="U52543" i="1"/>
  <c r="U52542" i="1"/>
  <c r="U52541" i="1"/>
  <c r="U52540" i="1"/>
  <c r="U52539" i="1"/>
  <c r="U52538" i="1"/>
  <c r="U52537" i="1"/>
  <c r="U52536" i="1"/>
  <c r="U52535" i="1"/>
  <c r="U52534" i="1"/>
  <c r="U52533" i="1"/>
  <c r="U52532" i="1"/>
  <c r="U52531" i="1"/>
  <c r="U52530" i="1"/>
  <c r="U52529" i="1"/>
  <c r="U52528" i="1"/>
  <c r="U52527" i="1"/>
  <c r="U52526" i="1"/>
  <c r="U52525" i="1"/>
  <c r="U52524" i="1"/>
  <c r="U52523" i="1"/>
  <c r="U52522" i="1"/>
  <c r="U52521" i="1"/>
  <c r="U52520" i="1"/>
  <c r="U52519" i="1"/>
  <c r="U52518" i="1"/>
  <c r="U52517" i="1"/>
  <c r="U52516" i="1"/>
  <c r="U52515" i="1"/>
  <c r="U52514" i="1"/>
  <c r="U52513" i="1"/>
  <c r="U52512" i="1"/>
  <c r="U52511" i="1"/>
  <c r="U52510" i="1"/>
  <c r="U52509" i="1"/>
  <c r="U52508" i="1"/>
  <c r="U52507" i="1"/>
  <c r="U52506" i="1"/>
  <c r="U52505" i="1"/>
  <c r="U52504" i="1"/>
  <c r="U52503" i="1"/>
  <c r="U52502" i="1"/>
  <c r="U52501" i="1"/>
  <c r="U52500" i="1"/>
  <c r="U52499" i="1"/>
  <c r="U52498" i="1"/>
  <c r="U52497" i="1"/>
  <c r="U52496" i="1"/>
  <c r="U52495" i="1"/>
  <c r="U52494" i="1"/>
  <c r="U52493" i="1"/>
  <c r="U52492" i="1"/>
  <c r="U52491" i="1"/>
  <c r="U52490" i="1"/>
  <c r="U52489" i="1"/>
  <c r="U52488" i="1"/>
  <c r="U52487" i="1"/>
  <c r="U52486" i="1"/>
  <c r="U52485" i="1"/>
  <c r="U52484" i="1"/>
  <c r="U52483" i="1"/>
  <c r="U52482" i="1"/>
  <c r="U52481" i="1"/>
  <c r="U52480" i="1"/>
  <c r="U52479" i="1"/>
  <c r="U52478" i="1"/>
  <c r="U52477" i="1"/>
  <c r="U52476" i="1"/>
  <c r="U52475" i="1"/>
  <c r="U52474" i="1"/>
  <c r="U52473" i="1"/>
  <c r="U52472" i="1"/>
  <c r="U52471" i="1"/>
  <c r="U52470" i="1"/>
  <c r="U52469" i="1"/>
  <c r="U52468" i="1"/>
  <c r="U52467" i="1"/>
  <c r="U52466" i="1"/>
  <c r="U52465" i="1"/>
  <c r="U52464" i="1"/>
  <c r="U52463" i="1"/>
  <c r="U52462" i="1"/>
  <c r="U52461" i="1"/>
  <c r="U52460" i="1"/>
  <c r="U52459" i="1"/>
  <c r="U52458" i="1"/>
  <c r="U52457" i="1"/>
  <c r="U52456" i="1"/>
  <c r="U52455" i="1"/>
  <c r="U52454" i="1"/>
  <c r="U52453" i="1"/>
  <c r="U52452" i="1"/>
  <c r="U52451" i="1"/>
  <c r="U52450" i="1"/>
  <c r="U52449" i="1"/>
  <c r="U52448" i="1"/>
  <c r="U52447" i="1"/>
  <c r="U52446" i="1"/>
  <c r="U52445" i="1"/>
  <c r="U52444" i="1"/>
  <c r="U52443" i="1"/>
  <c r="U52442" i="1"/>
  <c r="U52441" i="1"/>
  <c r="U52440" i="1"/>
  <c r="U52439" i="1"/>
  <c r="U52438" i="1"/>
  <c r="U52437" i="1"/>
  <c r="U52436" i="1"/>
  <c r="U52435" i="1"/>
  <c r="U52434" i="1"/>
  <c r="U52433" i="1"/>
  <c r="U52432" i="1"/>
  <c r="U52431" i="1"/>
  <c r="U52430" i="1"/>
  <c r="U52429" i="1"/>
  <c r="U52428" i="1"/>
  <c r="U52427" i="1"/>
  <c r="U52426" i="1"/>
  <c r="U52425" i="1"/>
  <c r="U52424" i="1"/>
  <c r="U52423" i="1"/>
  <c r="U52422" i="1"/>
  <c r="U52421" i="1"/>
  <c r="U52420" i="1"/>
  <c r="U52419" i="1"/>
  <c r="U52418" i="1"/>
  <c r="U52417" i="1"/>
  <c r="U52416" i="1"/>
  <c r="U52415" i="1"/>
  <c r="U52414" i="1"/>
  <c r="U52413" i="1"/>
  <c r="U52412" i="1"/>
  <c r="U52411" i="1"/>
  <c r="U52410" i="1"/>
  <c r="U52409" i="1"/>
  <c r="U52408" i="1"/>
  <c r="U52407" i="1"/>
  <c r="U52406" i="1"/>
  <c r="U52405" i="1"/>
  <c r="U52404" i="1"/>
  <c r="U52403" i="1"/>
  <c r="U52402" i="1"/>
  <c r="U52401" i="1"/>
  <c r="U52400" i="1"/>
  <c r="U52399" i="1"/>
  <c r="U52398" i="1"/>
  <c r="U52397" i="1"/>
  <c r="U52396" i="1"/>
  <c r="U52395" i="1"/>
  <c r="U52394" i="1"/>
  <c r="U52393" i="1"/>
  <c r="U52392" i="1"/>
  <c r="U52391" i="1"/>
  <c r="U52390" i="1"/>
  <c r="U52389" i="1"/>
  <c r="U52388" i="1"/>
  <c r="U52387" i="1"/>
  <c r="U52386" i="1"/>
  <c r="U52385" i="1"/>
  <c r="U52384" i="1"/>
  <c r="U52383" i="1"/>
  <c r="U52382" i="1"/>
  <c r="U52381" i="1"/>
  <c r="U52380" i="1"/>
  <c r="U52379" i="1"/>
  <c r="U52378" i="1"/>
  <c r="U52377" i="1"/>
  <c r="U52376" i="1"/>
  <c r="U52375" i="1"/>
  <c r="U52374" i="1"/>
  <c r="U52373" i="1"/>
  <c r="U52372" i="1"/>
  <c r="U52371" i="1"/>
  <c r="U52370" i="1"/>
  <c r="U52369" i="1"/>
  <c r="U52368" i="1"/>
  <c r="U52367" i="1"/>
  <c r="U52366" i="1"/>
  <c r="U52365" i="1"/>
  <c r="U52364" i="1"/>
  <c r="U52363" i="1"/>
  <c r="U52362" i="1"/>
  <c r="U52361" i="1"/>
  <c r="U52360" i="1"/>
  <c r="U52359" i="1"/>
  <c r="U52358" i="1"/>
  <c r="U52357" i="1"/>
  <c r="U52356" i="1"/>
  <c r="U52355" i="1"/>
  <c r="U52354" i="1"/>
  <c r="U52353" i="1"/>
  <c r="U52352" i="1"/>
  <c r="U52351" i="1"/>
  <c r="U52350" i="1"/>
  <c r="U52349" i="1"/>
  <c r="U52348" i="1"/>
  <c r="U52347" i="1"/>
  <c r="U52346" i="1"/>
  <c r="U52345" i="1"/>
  <c r="U52344" i="1"/>
  <c r="U52343" i="1"/>
  <c r="U52342" i="1"/>
  <c r="U52341" i="1"/>
  <c r="U52340" i="1"/>
  <c r="U52339" i="1"/>
  <c r="U52338" i="1"/>
  <c r="U52337" i="1"/>
  <c r="U52336" i="1"/>
  <c r="U52335" i="1"/>
  <c r="U52334" i="1"/>
  <c r="U52333" i="1"/>
  <c r="U52332" i="1"/>
  <c r="U52331" i="1"/>
  <c r="U52330" i="1"/>
  <c r="U52329" i="1"/>
  <c r="U52328" i="1"/>
  <c r="U52327" i="1"/>
  <c r="U52326" i="1"/>
  <c r="U52325" i="1"/>
  <c r="U52324" i="1"/>
  <c r="U52323" i="1"/>
  <c r="U52322" i="1"/>
  <c r="U52321" i="1"/>
  <c r="U52320" i="1"/>
  <c r="U52319" i="1"/>
  <c r="U52318" i="1"/>
  <c r="U52317" i="1"/>
  <c r="U52316" i="1"/>
  <c r="U52315" i="1"/>
  <c r="U52314" i="1"/>
  <c r="U52313" i="1"/>
  <c r="U52312" i="1"/>
  <c r="U52311" i="1"/>
  <c r="U52310" i="1"/>
  <c r="U52309" i="1"/>
  <c r="U52308" i="1"/>
  <c r="U52307" i="1"/>
  <c r="U52306" i="1"/>
  <c r="U52305" i="1"/>
  <c r="U52304" i="1"/>
  <c r="U52303" i="1"/>
  <c r="U52302" i="1"/>
  <c r="U52301" i="1"/>
  <c r="U52300" i="1"/>
  <c r="U52299" i="1"/>
  <c r="U52298" i="1"/>
  <c r="U52297" i="1"/>
  <c r="U52296" i="1"/>
  <c r="U52295" i="1"/>
  <c r="U52294" i="1"/>
  <c r="U52293" i="1"/>
  <c r="U52292" i="1"/>
  <c r="U52291" i="1"/>
  <c r="U52290" i="1"/>
  <c r="U52289" i="1"/>
  <c r="U52288" i="1"/>
  <c r="U52287" i="1"/>
  <c r="U52286" i="1"/>
  <c r="U52285" i="1"/>
  <c r="U52284" i="1"/>
  <c r="U52283" i="1"/>
  <c r="U52282" i="1"/>
  <c r="U52281" i="1"/>
  <c r="U52280" i="1"/>
  <c r="U52279" i="1"/>
  <c r="U52278" i="1"/>
  <c r="U52277" i="1"/>
  <c r="U52276" i="1"/>
  <c r="U52275" i="1"/>
  <c r="U52274" i="1"/>
  <c r="U52273" i="1"/>
  <c r="U52272" i="1"/>
  <c r="U52271" i="1"/>
  <c r="U52270" i="1"/>
  <c r="U52269" i="1"/>
  <c r="U52268" i="1"/>
  <c r="U52267" i="1"/>
  <c r="U52266" i="1"/>
  <c r="U52265" i="1"/>
  <c r="U52264" i="1"/>
  <c r="U52263" i="1"/>
  <c r="U52262" i="1"/>
  <c r="U52261" i="1"/>
  <c r="U52260" i="1"/>
  <c r="U52259" i="1"/>
  <c r="U52258" i="1"/>
  <c r="U52257" i="1"/>
  <c r="U52256" i="1"/>
  <c r="U52255" i="1"/>
  <c r="U52254" i="1"/>
  <c r="U52253" i="1"/>
  <c r="U52252" i="1"/>
  <c r="U52251" i="1"/>
  <c r="U52250" i="1"/>
  <c r="U52249" i="1"/>
  <c r="U52248" i="1"/>
  <c r="U52247" i="1"/>
  <c r="U52246" i="1"/>
  <c r="U52245" i="1"/>
  <c r="U52244" i="1"/>
  <c r="U52243" i="1"/>
  <c r="U52242" i="1"/>
  <c r="U52241" i="1"/>
  <c r="U52240" i="1"/>
  <c r="U52239" i="1"/>
  <c r="U52238" i="1"/>
  <c r="U52237" i="1"/>
  <c r="U52236" i="1"/>
  <c r="U52235" i="1"/>
  <c r="U52234" i="1"/>
  <c r="U52233" i="1"/>
  <c r="U52232" i="1"/>
  <c r="U52231" i="1"/>
  <c r="U52230" i="1"/>
  <c r="U52229" i="1"/>
  <c r="U52228" i="1"/>
  <c r="U52227" i="1"/>
  <c r="U52226" i="1"/>
  <c r="U52225" i="1"/>
  <c r="U52224" i="1"/>
  <c r="U52223" i="1"/>
  <c r="U52222" i="1"/>
  <c r="U52221" i="1"/>
  <c r="U52220" i="1"/>
  <c r="U52219" i="1"/>
  <c r="U52218" i="1"/>
  <c r="U52217" i="1"/>
  <c r="U52216" i="1"/>
  <c r="U52215" i="1"/>
  <c r="U52214" i="1"/>
  <c r="U52213" i="1"/>
  <c r="U52212" i="1"/>
  <c r="U52211" i="1"/>
  <c r="U52210" i="1"/>
  <c r="U52209" i="1"/>
  <c r="U52208" i="1"/>
  <c r="U52207" i="1"/>
  <c r="U52206" i="1"/>
  <c r="U52205" i="1"/>
  <c r="U52204" i="1"/>
  <c r="U52203" i="1"/>
  <c r="U52202" i="1"/>
  <c r="U52201" i="1"/>
  <c r="U52200" i="1"/>
  <c r="U52199" i="1"/>
  <c r="U52198" i="1"/>
  <c r="U52197" i="1"/>
  <c r="U52196" i="1"/>
  <c r="U52195" i="1"/>
  <c r="U52194" i="1"/>
  <c r="U52193" i="1"/>
  <c r="U52192" i="1"/>
  <c r="U52191" i="1"/>
  <c r="U52190" i="1"/>
  <c r="U52189" i="1"/>
  <c r="U52188" i="1"/>
  <c r="U52187" i="1"/>
  <c r="U52186" i="1"/>
  <c r="U52185" i="1"/>
  <c r="U52184" i="1"/>
  <c r="U52183" i="1"/>
  <c r="U52182" i="1"/>
  <c r="U52181" i="1"/>
  <c r="U52180" i="1"/>
  <c r="U52179" i="1"/>
  <c r="U52178" i="1"/>
  <c r="U52177" i="1"/>
  <c r="U52176" i="1"/>
  <c r="U52175" i="1"/>
  <c r="U52174" i="1"/>
  <c r="U52173" i="1"/>
  <c r="U52172" i="1"/>
  <c r="U52171" i="1"/>
  <c r="U52170" i="1"/>
  <c r="U52169" i="1"/>
  <c r="U52168" i="1"/>
  <c r="U52167" i="1"/>
  <c r="U52166" i="1"/>
  <c r="U52165" i="1"/>
  <c r="U52164" i="1"/>
  <c r="U52163" i="1"/>
  <c r="U52162" i="1"/>
  <c r="U52161" i="1"/>
  <c r="U52160" i="1"/>
  <c r="U52159" i="1"/>
  <c r="U52158" i="1"/>
  <c r="U52157" i="1"/>
  <c r="U52156" i="1"/>
  <c r="U52155" i="1"/>
  <c r="U52154" i="1"/>
  <c r="U52153" i="1"/>
  <c r="U52152" i="1"/>
  <c r="U52151" i="1"/>
  <c r="U52150" i="1"/>
  <c r="U52149" i="1"/>
  <c r="U52148" i="1"/>
  <c r="U52147" i="1"/>
  <c r="U52146" i="1"/>
  <c r="U52145" i="1"/>
  <c r="U52144" i="1"/>
  <c r="U52143" i="1"/>
  <c r="U52142" i="1"/>
  <c r="U52141" i="1"/>
  <c r="U52140" i="1"/>
  <c r="U52139" i="1"/>
  <c r="U52138" i="1"/>
  <c r="U52137" i="1"/>
  <c r="U52136" i="1"/>
  <c r="U52135" i="1"/>
  <c r="U52134" i="1"/>
  <c r="U52133" i="1"/>
  <c r="U52132" i="1"/>
  <c r="U52131" i="1"/>
  <c r="U52130" i="1"/>
  <c r="U52129" i="1"/>
  <c r="U52128" i="1"/>
  <c r="U52127" i="1"/>
  <c r="U52126" i="1"/>
  <c r="U52125" i="1"/>
  <c r="U52124" i="1"/>
  <c r="U52123" i="1"/>
  <c r="U52122" i="1"/>
  <c r="U52121" i="1"/>
  <c r="U52120" i="1"/>
  <c r="U52119" i="1"/>
  <c r="U52118" i="1"/>
  <c r="U52117" i="1"/>
  <c r="U52116" i="1"/>
  <c r="U52115" i="1"/>
  <c r="U52114" i="1"/>
  <c r="U52113" i="1"/>
  <c r="U52112" i="1"/>
  <c r="U52111" i="1"/>
  <c r="U52110" i="1"/>
  <c r="U52109" i="1"/>
  <c r="U52108" i="1"/>
  <c r="U52107" i="1"/>
  <c r="U52106" i="1"/>
  <c r="U52105" i="1"/>
  <c r="U52104" i="1"/>
  <c r="U52103" i="1"/>
  <c r="U52102" i="1"/>
  <c r="U52101" i="1"/>
  <c r="U52100" i="1"/>
  <c r="U52099" i="1"/>
  <c r="U52098" i="1"/>
  <c r="U52097" i="1"/>
  <c r="U52096" i="1"/>
  <c r="U52095" i="1"/>
  <c r="U52094" i="1"/>
  <c r="U52093" i="1"/>
  <c r="U52092" i="1"/>
  <c r="U52091" i="1"/>
  <c r="U52090" i="1"/>
  <c r="U52089" i="1"/>
  <c r="U52088" i="1"/>
  <c r="U52087" i="1"/>
  <c r="U52086" i="1"/>
  <c r="U52085" i="1"/>
  <c r="U52084" i="1"/>
  <c r="U52083" i="1"/>
  <c r="U52082" i="1"/>
  <c r="U52081" i="1"/>
  <c r="U52080" i="1"/>
  <c r="U52079" i="1"/>
  <c r="U52078" i="1"/>
  <c r="U52077" i="1"/>
  <c r="U52076" i="1"/>
  <c r="U52075" i="1"/>
  <c r="U52074" i="1"/>
  <c r="U52073" i="1"/>
  <c r="U52072" i="1"/>
  <c r="U52071" i="1"/>
  <c r="U52070" i="1"/>
  <c r="U52069" i="1"/>
  <c r="U52068" i="1"/>
  <c r="U52067" i="1"/>
  <c r="U52066" i="1"/>
  <c r="U52065" i="1"/>
  <c r="U52064" i="1"/>
  <c r="U52063" i="1"/>
  <c r="U52062" i="1"/>
  <c r="U52061" i="1"/>
  <c r="U52060" i="1"/>
  <c r="U52059" i="1"/>
  <c r="U52058" i="1"/>
  <c r="U52057" i="1"/>
  <c r="U52056" i="1"/>
  <c r="U52055" i="1"/>
  <c r="U52054" i="1"/>
  <c r="U52053" i="1"/>
  <c r="U52052" i="1"/>
  <c r="U52051" i="1"/>
  <c r="U52050" i="1"/>
  <c r="U52049" i="1"/>
  <c r="U52048" i="1"/>
  <c r="U52047" i="1"/>
  <c r="U52046" i="1"/>
  <c r="U52045" i="1"/>
  <c r="U52044" i="1"/>
  <c r="U52043" i="1"/>
  <c r="U52042" i="1"/>
  <c r="U52041" i="1"/>
  <c r="U52040" i="1"/>
  <c r="U52039" i="1"/>
  <c r="U52038" i="1"/>
  <c r="U52037" i="1"/>
  <c r="U52036" i="1"/>
  <c r="U52035" i="1"/>
  <c r="U52034" i="1"/>
  <c r="U52033" i="1"/>
  <c r="U52032" i="1"/>
  <c r="U52031" i="1"/>
  <c r="U52030" i="1"/>
  <c r="U52029" i="1"/>
  <c r="U52028" i="1"/>
  <c r="U52027" i="1"/>
  <c r="U52026" i="1"/>
  <c r="U52025" i="1"/>
  <c r="U52024" i="1"/>
  <c r="U52023" i="1"/>
  <c r="U52022" i="1"/>
  <c r="U52021" i="1"/>
  <c r="U52020" i="1"/>
  <c r="U52019" i="1"/>
  <c r="U52018" i="1"/>
  <c r="U52017" i="1"/>
  <c r="U52016" i="1"/>
  <c r="U52015" i="1"/>
  <c r="U52014" i="1"/>
  <c r="U52013" i="1"/>
  <c r="U52012" i="1"/>
  <c r="U52011" i="1"/>
  <c r="U52010" i="1"/>
  <c r="U52009" i="1"/>
  <c r="U52008" i="1"/>
  <c r="U52007" i="1"/>
  <c r="U52006" i="1"/>
  <c r="U52005" i="1"/>
  <c r="U52004" i="1"/>
  <c r="U52003" i="1"/>
  <c r="U52002" i="1"/>
  <c r="U52001" i="1"/>
  <c r="U52000" i="1"/>
  <c r="U51999" i="1"/>
  <c r="U51998" i="1"/>
  <c r="U51997" i="1"/>
  <c r="U51996" i="1"/>
  <c r="U51995" i="1"/>
  <c r="U51994" i="1"/>
  <c r="U51993" i="1"/>
  <c r="U51992" i="1"/>
  <c r="U51991" i="1"/>
  <c r="U51990" i="1"/>
  <c r="U51989" i="1"/>
  <c r="U51988" i="1"/>
  <c r="U51987" i="1"/>
  <c r="U51986" i="1"/>
  <c r="U51985" i="1"/>
  <c r="U51984" i="1"/>
  <c r="U51983" i="1"/>
  <c r="U51982" i="1"/>
  <c r="U51981" i="1"/>
  <c r="U51980" i="1"/>
  <c r="U51979" i="1"/>
  <c r="U51978" i="1"/>
  <c r="U51977" i="1"/>
  <c r="U51976" i="1"/>
  <c r="U51975" i="1"/>
  <c r="U51974" i="1"/>
  <c r="U51973" i="1"/>
  <c r="U51972" i="1"/>
  <c r="U51971" i="1"/>
  <c r="U51970" i="1"/>
  <c r="U51969" i="1"/>
  <c r="U51968" i="1"/>
  <c r="U51967" i="1"/>
  <c r="U51966" i="1"/>
  <c r="U51965" i="1"/>
  <c r="U51964" i="1"/>
  <c r="U51963" i="1"/>
  <c r="U51962" i="1"/>
  <c r="U51961" i="1"/>
  <c r="U51960" i="1"/>
  <c r="U51959" i="1"/>
  <c r="U51958" i="1"/>
  <c r="U51957" i="1"/>
  <c r="U51956" i="1"/>
  <c r="U51955" i="1"/>
  <c r="U51954" i="1"/>
  <c r="U51953" i="1"/>
  <c r="U51952" i="1"/>
  <c r="U51951" i="1"/>
  <c r="U51950" i="1"/>
  <c r="U51949" i="1"/>
  <c r="U51948" i="1"/>
  <c r="U51947" i="1"/>
  <c r="U51946" i="1"/>
  <c r="U51945" i="1"/>
  <c r="U51944" i="1"/>
  <c r="U51943" i="1"/>
  <c r="U51942" i="1"/>
  <c r="U51941" i="1"/>
  <c r="U51940" i="1"/>
  <c r="U51939" i="1"/>
  <c r="U51938" i="1"/>
  <c r="U51937" i="1"/>
  <c r="U51936" i="1"/>
  <c r="U51935" i="1"/>
  <c r="U51934" i="1"/>
  <c r="U51933" i="1"/>
  <c r="U51932" i="1"/>
  <c r="U51931" i="1"/>
  <c r="U51930" i="1"/>
  <c r="U51929" i="1"/>
  <c r="U51928" i="1"/>
  <c r="U51927" i="1"/>
  <c r="U51926" i="1"/>
  <c r="U51925" i="1"/>
  <c r="U51924" i="1"/>
  <c r="U51923" i="1"/>
  <c r="U51922" i="1"/>
  <c r="U51921" i="1"/>
  <c r="U51920" i="1"/>
  <c r="U51919" i="1"/>
  <c r="U51918" i="1"/>
  <c r="U51917" i="1"/>
  <c r="U51916" i="1"/>
  <c r="U51915" i="1"/>
  <c r="U51914" i="1"/>
  <c r="U51913" i="1"/>
  <c r="U51912" i="1"/>
  <c r="U51911" i="1"/>
  <c r="U51910" i="1"/>
  <c r="U51909" i="1"/>
  <c r="U51908" i="1"/>
  <c r="U51907" i="1"/>
  <c r="U51906" i="1"/>
  <c r="U51905" i="1"/>
  <c r="U51904" i="1"/>
  <c r="U51903" i="1"/>
  <c r="U51902" i="1"/>
  <c r="U51901" i="1"/>
  <c r="U51900" i="1"/>
  <c r="U51899" i="1"/>
  <c r="U51898" i="1"/>
  <c r="U51897" i="1"/>
  <c r="U51896" i="1"/>
  <c r="U51895" i="1"/>
  <c r="U51894" i="1"/>
  <c r="U51893" i="1"/>
  <c r="U51892" i="1"/>
  <c r="U51891" i="1"/>
  <c r="U51890" i="1"/>
  <c r="U51889" i="1"/>
  <c r="U51888" i="1"/>
  <c r="U51887" i="1"/>
  <c r="U51886" i="1"/>
  <c r="U51885" i="1"/>
  <c r="U51884" i="1"/>
  <c r="U51883" i="1"/>
  <c r="U51882" i="1"/>
  <c r="U51881" i="1"/>
  <c r="U51880" i="1"/>
  <c r="U51879" i="1"/>
  <c r="U51878" i="1"/>
  <c r="U51877" i="1"/>
  <c r="U51876" i="1"/>
  <c r="U51875" i="1"/>
  <c r="U51874" i="1"/>
  <c r="U51873" i="1"/>
  <c r="U51872" i="1"/>
  <c r="U51871" i="1"/>
  <c r="U51870" i="1"/>
  <c r="U51869" i="1"/>
  <c r="U51868" i="1"/>
  <c r="U51867" i="1"/>
  <c r="U51866" i="1"/>
  <c r="U51865" i="1"/>
  <c r="U51864" i="1"/>
  <c r="U51863" i="1"/>
  <c r="U51862" i="1"/>
  <c r="U51861" i="1"/>
  <c r="U51860" i="1"/>
  <c r="U51859" i="1"/>
  <c r="U51858" i="1"/>
  <c r="U51857" i="1"/>
  <c r="U51856" i="1"/>
  <c r="U51855" i="1"/>
  <c r="U51854" i="1"/>
  <c r="U51853" i="1"/>
  <c r="U51852" i="1"/>
  <c r="U51851" i="1"/>
  <c r="U51850" i="1"/>
  <c r="U51849" i="1"/>
  <c r="U51848" i="1"/>
  <c r="U51847" i="1"/>
  <c r="U51846" i="1"/>
  <c r="U51845" i="1"/>
  <c r="U51844" i="1"/>
  <c r="U51843" i="1"/>
  <c r="U51842" i="1"/>
  <c r="U51841" i="1"/>
  <c r="U51840" i="1"/>
  <c r="U51839" i="1"/>
  <c r="U51838" i="1"/>
  <c r="U51837" i="1"/>
  <c r="U51836" i="1"/>
  <c r="U51835" i="1"/>
  <c r="U51834" i="1"/>
  <c r="U51833" i="1"/>
  <c r="U51832" i="1"/>
  <c r="U51831" i="1"/>
  <c r="U51830" i="1"/>
  <c r="U51829" i="1"/>
  <c r="U51828" i="1"/>
  <c r="U51827" i="1"/>
  <c r="U51826" i="1"/>
  <c r="U51825" i="1"/>
  <c r="U51824" i="1"/>
  <c r="U51823" i="1"/>
  <c r="U51822" i="1"/>
  <c r="U51821" i="1"/>
  <c r="U51820" i="1"/>
  <c r="U51819" i="1"/>
  <c r="U51818" i="1"/>
  <c r="U51817" i="1"/>
  <c r="U51816" i="1"/>
  <c r="U51815" i="1"/>
  <c r="U51814" i="1"/>
  <c r="U51813" i="1"/>
  <c r="U51812" i="1"/>
  <c r="U51811" i="1"/>
  <c r="U51810" i="1"/>
  <c r="U51809" i="1"/>
  <c r="U51808" i="1"/>
  <c r="U51807" i="1"/>
  <c r="U51806" i="1"/>
  <c r="U51805" i="1"/>
  <c r="U51804" i="1"/>
  <c r="U51803" i="1"/>
  <c r="U51802" i="1"/>
  <c r="U51801" i="1"/>
  <c r="U51800" i="1"/>
  <c r="U51799" i="1"/>
  <c r="U51798" i="1"/>
  <c r="U51797" i="1"/>
  <c r="U51796" i="1"/>
  <c r="U51795" i="1"/>
  <c r="U51794" i="1"/>
  <c r="U51793" i="1"/>
  <c r="U51792" i="1"/>
  <c r="U51791" i="1"/>
  <c r="U51790" i="1"/>
  <c r="U51789" i="1"/>
  <c r="U51788" i="1"/>
  <c r="U51787" i="1"/>
  <c r="U51786" i="1"/>
  <c r="U51785" i="1"/>
  <c r="U51784" i="1"/>
  <c r="U51783" i="1"/>
  <c r="U51782" i="1"/>
  <c r="U51781" i="1"/>
  <c r="U51780" i="1"/>
  <c r="U51779" i="1"/>
  <c r="U51778" i="1"/>
  <c r="U51777" i="1"/>
  <c r="U51776" i="1"/>
  <c r="U51775" i="1"/>
  <c r="U51774" i="1"/>
  <c r="U51773" i="1"/>
  <c r="U51772" i="1"/>
  <c r="U51771" i="1"/>
  <c r="U51770" i="1"/>
  <c r="U51769" i="1"/>
  <c r="U51768" i="1"/>
  <c r="U51767" i="1"/>
  <c r="U51766" i="1"/>
  <c r="U51765" i="1"/>
  <c r="U51764" i="1"/>
  <c r="U51763" i="1"/>
  <c r="U51762" i="1"/>
  <c r="U51761" i="1"/>
  <c r="U51760" i="1"/>
  <c r="U51759" i="1"/>
  <c r="U51758" i="1"/>
  <c r="U51757" i="1"/>
  <c r="U51756" i="1"/>
  <c r="U51755" i="1"/>
  <c r="U51754" i="1"/>
  <c r="U51753" i="1"/>
  <c r="U51752" i="1"/>
  <c r="U51751" i="1"/>
  <c r="U51750" i="1"/>
  <c r="U51749" i="1"/>
  <c r="U51748" i="1"/>
  <c r="U51747" i="1"/>
  <c r="U51746" i="1"/>
  <c r="U51745" i="1"/>
  <c r="U51744" i="1"/>
  <c r="U51743" i="1"/>
  <c r="U51742" i="1"/>
  <c r="U51741" i="1"/>
  <c r="U51740" i="1"/>
  <c r="U51739" i="1"/>
  <c r="U51738" i="1"/>
  <c r="U51737" i="1"/>
  <c r="U51736" i="1"/>
  <c r="U51735" i="1"/>
  <c r="U51734" i="1"/>
  <c r="U51733" i="1"/>
  <c r="U51732" i="1"/>
  <c r="U51731" i="1"/>
  <c r="U51730" i="1"/>
  <c r="U51729" i="1"/>
  <c r="U51728" i="1"/>
  <c r="U51727" i="1"/>
  <c r="U51726" i="1"/>
  <c r="U51725" i="1"/>
  <c r="U51724" i="1"/>
  <c r="U51723" i="1"/>
  <c r="U51722" i="1"/>
  <c r="U51721" i="1"/>
  <c r="U51720" i="1"/>
  <c r="U51719" i="1"/>
  <c r="U51718" i="1"/>
  <c r="U51717" i="1"/>
  <c r="U51716" i="1"/>
  <c r="U51715" i="1"/>
  <c r="U51714" i="1"/>
  <c r="U51713" i="1"/>
  <c r="U51712" i="1"/>
  <c r="U51711" i="1"/>
  <c r="U51710" i="1"/>
  <c r="U51709" i="1"/>
  <c r="U51708" i="1"/>
  <c r="U51707" i="1"/>
  <c r="U51706" i="1"/>
  <c r="U51705" i="1"/>
  <c r="U51704" i="1"/>
  <c r="U51703" i="1"/>
  <c r="U51702" i="1"/>
  <c r="U51701" i="1"/>
  <c r="U51700" i="1"/>
  <c r="U51699" i="1"/>
  <c r="U51698" i="1"/>
  <c r="U51697" i="1"/>
  <c r="U51696" i="1"/>
  <c r="U51695" i="1"/>
  <c r="U51694" i="1"/>
  <c r="U51693" i="1"/>
  <c r="U51692" i="1"/>
  <c r="U51691" i="1"/>
  <c r="U51690" i="1"/>
  <c r="U51689" i="1"/>
  <c r="U51688" i="1"/>
  <c r="U51687" i="1"/>
  <c r="U51686" i="1"/>
  <c r="U51685" i="1"/>
  <c r="U51684" i="1"/>
  <c r="U51683" i="1"/>
  <c r="U51682" i="1"/>
  <c r="U51681" i="1"/>
  <c r="U51680" i="1"/>
  <c r="U51679" i="1"/>
  <c r="U51678" i="1"/>
  <c r="U51677" i="1"/>
  <c r="U51676" i="1"/>
  <c r="U51675" i="1"/>
  <c r="U51674" i="1"/>
  <c r="U51673" i="1"/>
  <c r="U51672" i="1"/>
  <c r="U51671" i="1"/>
  <c r="U51670" i="1"/>
  <c r="U51669" i="1"/>
  <c r="U51668" i="1"/>
  <c r="U51667" i="1"/>
  <c r="U51666" i="1"/>
  <c r="U51665" i="1"/>
  <c r="U51664" i="1"/>
  <c r="U51663" i="1"/>
  <c r="U51662" i="1"/>
  <c r="U51661" i="1"/>
  <c r="U51660" i="1"/>
  <c r="U51659" i="1"/>
  <c r="U51658" i="1"/>
  <c r="U51657" i="1"/>
  <c r="U51656" i="1"/>
  <c r="U51655" i="1"/>
  <c r="U51654" i="1"/>
  <c r="U51653" i="1"/>
  <c r="U51652" i="1"/>
  <c r="U51651" i="1"/>
  <c r="U51650" i="1"/>
  <c r="U51649" i="1"/>
  <c r="U51648" i="1"/>
  <c r="U51647" i="1"/>
  <c r="U51646" i="1"/>
  <c r="U51645" i="1"/>
  <c r="U51644" i="1"/>
  <c r="U51643" i="1"/>
  <c r="U51642" i="1"/>
  <c r="U51641" i="1"/>
  <c r="U51640" i="1"/>
  <c r="U51639" i="1"/>
  <c r="U51638" i="1"/>
  <c r="U51637" i="1"/>
  <c r="U51636" i="1"/>
  <c r="U51635" i="1"/>
  <c r="U51634" i="1"/>
  <c r="U51633" i="1"/>
  <c r="U51632" i="1"/>
  <c r="U51631" i="1"/>
  <c r="U51630" i="1"/>
  <c r="U51629" i="1"/>
  <c r="U51628" i="1"/>
  <c r="U51627" i="1"/>
  <c r="U51626" i="1"/>
  <c r="U51625" i="1"/>
  <c r="U51624" i="1"/>
  <c r="U51623" i="1"/>
  <c r="U51622" i="1"/>
  <c r="U51621" i="1"/>
  <c r="U51620" i="1"/>
  <c r="U51619" i="1"/>
  <c r="U51618" i="1"/>
  <c r="U51617" i="1"/>
  <c r="U51616" i="1"/>
  <c r="U51615" i="1"/>
  <c r="U51614" i="1"/>
  <c r="U51613" i="1"/>
  <c r="U51612" i="1"/>
  <c r="U51611" i="1"/>
  <c r="U51610" i="1"/>
  <c r="U51609" i="1"/>
  <c r="U51608" i="1"/>
  <c r="U51607" i="1"/>
  <c r="U51606" i="1"/>
  <c r="U51605" i="1"/>
  <c r="U51604" i="1"/>
  <c r="U51603" i="1"/>
  <c r="U51602" i="1"/>
  <c r="U51601" i="1"/>
  <c r="U51600" i="1"/>
  <c r="U51599" i="1"/>
  <c r="U51598" i="1"/>
  <c r="U51597" i="1"/>
  <c r="U51596" i="1"/>
  <c r="U51595" i="1"/>
  <c r="U51594" i="1"/>
  <c r="U51593" i="1"/>
  <c r="U51592" i="1"/>
  <c r="U51591" i="1"/>
  <c r="U51590" i="1"/>
  <c r="U51589" i="1"/>
  <c r="U51588" i="1"/>
  <c r="U51587" i="1"/>
  <c r="U51586" i="1"/>
  <c r="U51585" i="1"/>
  <c r="U51584" i="1"/>
  <c r="U51583" i="1"/>
  <c r="U51582" i="1"/>
  <c r="U51581" i="1"/>
  <c r="U51580" i="1"/>
  <c r="U51579" i="1"/>
  <c r="U51578" i="1"/>
  <c r="U51577" i="1"/>
  <c r="U51576" i="1"/>
  <c r="U51575" i="1"/>
  <c r="U51574" i="1"/>
  <c r="U51573" i="1"/>
  <c r="U51572" i="1"/>
  <c r="U51571" i="1"/>
  <c r="U51570" i="1"/>
  <c r="U51569" i="1"/>
  <c r="U51568" i="1"/>
  <c r="U51567" i="1"/>
  <c r="U51566" i="1"/>
  <c r="U51565" i="1"/>
  <c r="U51564" i="1"/>
  <c r="U51563" i="1"/>
  <c r="U51562" i="1"/>
  <c r="U51561" i="1"/>
  <c r="U51560" i="1"/>
  <c r="U51559" i="1"/>
  <c r="U51558" i="1"/>
  <c r="U51557" i="1"/>
  <c r="U51556" i="1"/>
  <c r="U51555" i="1"/>
  <c r="U51554" i="1"/>
  <c r="U51553" i="1"/>
  <c r="U51552" i="1"/>
  <c r="U51551" i="1"/>
  <c r="U51550" i="1"/>
  <c r="U51549" i="1"/>
  <c r="U51548" i="1"/>
  <c r="U51547" i="1"/>
  <c r="U51546" i="1"/>
  <c r="U51545" i="1"/>
  <c r="U51544" i="1"/>
  <c r="U51543" i="1"/>
  <c r="U51542" i="1"/>
  <c r="U51541" i="1"/>
  <c r="U51540" i="1"/>
  <c r="U51539" i="1"/>
  <c r="U51538" i="1"/>
  <c r="U51537" i="1"/>
  <c r="U51536" i="1"/>
  <c r="U51535" i="1"/>
  <c r="U51534" i="1"/>
  <c r="U51533" i="1"/>
  <c r="U51532" i="1"/>
  <c r="U51531" i="1"/>
  <c r="U51530" i="1"/>
  <c r="U51529" i="1"/>
  <c r="U51528" i="1"/>
  <c r="U51527" i="1"/>
  <c r="U51526" i="1"/>
  <c r="U51525" i="1"/>
  <c r="U51524" i="1"/>
  <c r="U51523" i="1"/>
  <c r="U51522" i="1"/>
  <c r="U51521" i="1"/>
  <c r="U51520" i="1"/>
  <c r="U51519" i="1"/>
  <c r="U51518" i="1"/>
  <c r="U51517" i="1"/>
  <c r="U51516" i="1"/>
  <c r="U51515" i="1"/>
  <c r="U51514" i="1"/>
  <c r="U51513" i="1"/>
  <c r="U51512" i="1"/>
  <c r="U51511" i="1"/>
  <c r="U51510" i="1"/>
  <c r="U51509" i="1"/>
  <c r="U51508" i="1"/>
  <c r="U51507" i="1"/>
  <c r="U51506" i="1"/>
  <c r="U51505" i="1"/>
  <c r="U51504" i="1"/>
  <c r="U51503" i="1"/>
  <c r="U51502" i="1"/>
  <c r="U51501" i="1"/>
  <c r="U51500" i="1"/>
  <c r="U51499" i="1"/>
  <c r="U51498" i="1"/>
  <c r="U51497" i="1"/>
  <c r="U51496" i="1"/>
  <c r="U51495" i="1"/>
  <c r="U51494" i="1"/>
  <c r="U51493" i="1"/>
  <c r="U51492" i="1"/>
  <c r="U51491" i="1"/>
  <c r="U51490" i="1"/>
  <c r="U51489" i="1"/>
  <c r="U51488" i="1"/>
  <c r="U51487" i="1"/>
  <c r="U51486" i="1"/>
  <c r="U51485" i="1"/>
  <c r="U51484" i="1"/>
  <c r="U51483" i="1"/>
  <c r="U51482" i="1"/>
  <c r="U51481" i="1"/>
  <c r="U51480" i="1"/>
  <c r="U51479" i="1"/>
  <c r="U51478" i="1"/>
  <c r="U51477" i="1"/>
  <c r="U51476" i="1"/>
  <c r="U51475" i="1"/>
  <c r="U51474" i="1"/>
  <c r="U51473" i="1"/>
  <c r="U51472" i="1"/>
  <c r="U51471" i="1"/>
  <c r="U51470" i="1"/>
  <c r="U51469" i="1"/>
  <c r="U51468" i="1"/>
  <c r="U51467" i="1"/>
  <c r="U51466" i="1"/>
  <c r="U51465" i="1"/>
  <c r="U51464" i="1"/>
  <c r="U51463" i="1"/>
  <c r="U51462" i="1"/>
  <c r="U51461" i="1"/>
  <c r="U51460" i="1"/>
  <c r="U51459" i="1"/>
  <c r="U51458" i="1"/>
  <c r="U51457" i="1"/>
  <c r="U51456" i="1"/>
  <c r="U51455" i="1"/>
  <c r="U51454" i="1"/>
  <c r="U51453" i="1"/>
  <c r="U51452" i="1"/>
  <c r="U51451" i="1"/>
  <c r="U51450" i="1"/>
  <c r="U51449" i="1"/>
  <c r="U51448" i="1"/>
  <c r="U51447" i="1"/>
  <c r="U51446" i="1"/>
  <c r="U51445" i="1"/>
  <c r="U51444" i="1"/>
  <c r="U51443" i="1"/>
  <c r="U51442" i="1"/>
  <c r="U51441" i="1"/>
  <c r="U51440" i="1"/>
  <c r="U51439" i="1"/>
  <c r="U51438" i="1"/>
  <c r="U51437" i="1"/>
  <c r="U51436" i="1"/>
  <c r="U51435" i="1"/>
  <c r="U51434" i="1"/>
  <c r="U51433" i="1"/>
  <c r="U51432" i="1"/>
  <c r="U51431" i="1"/>
  <c r="U51430" i="1"/>
  <c r="U51429" i="1"/>
  <c r="U51428" i="1"/>
  <c r="U51427" i="1"/>
  <c r="U51426" i="1"/>
  <c r="U51425" i="1"/>
  <c r="U51424" i="1"/>
  <c r="U51423" i="1"/>
  <c r="U51422" i="1"/>
  <c r="U51421" i="1"/>
  <c r="U51420" i="1"/>
  <c r="U51419" i="1"/>
  <c r="U51418" i="1"/>
  <c r="U51417" i="1"/>
  <c r="U51416" i="1"/>
  <c r="U51415" i="1"/>
  <c r="U51414" i="1"/>
  <c r="U51413" i="1"/>
  <c r="U51412" i="1"/>
  <c r="U51411" i="1"/>
  <c r="U51410" i="1"/>
  <c r="U51409" i="1"/>
  <c r="U51408" i="1"/>
  <c r="U51407" i="1"/>
  <c r="U51406" i="1"/>
  <c r="U51405" i="1"/>
  <c r="U51404" i="1"/>
  <c r="U51403" i="1"/>
  <c r="U51402" i="1"/>
  <c r="U51401" i="1"/>
  <c r="U51400" i="1"/>
  <c r="U51399" i="1"/>
  <c r="U51398" i="1"/>
  <c r="U51397" i="1"/>
  <c r="U51396" i="1"/>
  <c r="U51395" i="1"/>
  <c r="U51394" i="1"/>
  <c r="U51393" i="1"/>
  <c r="U51392" i="1"/>
  <c r="U51391" i="1"/>
  <c r="U51390" i="1"/>
  <c r="U51389" i="1"/>
  <c r="U51388" i="1"/>
  <c r="U51387" i="1"/>
  <c r="U51386" i="1"/>
  <c r="U51385" i="1"/>
  <c r="U51384" i="1"/>
  <c r="U51383" i="1"/>
  <c r="U51382" i="1"/>
  <c r="U51381" i="1"/>
  <c r="U51380" i="1"/>
  <c r="U51379" i="1"/>
  <c r="U51378" i="1"/>
  <c r="U51377" i="1"/>
  <c r="U51376" i="1"/>
  <c r="U51375" i="1"/>
  <c r="U51374" i="1"/>
  <c r="U51373" i="1"/>
  <c r="U51372" i="1"/>
  <c r="U51371" i="1"/>
  <c r="U51370" i="1"/>
  <c r="U51369" i="1"/>
  <c r="U51368" i="1"/>
  <c r="U51367" i="1"/>
  <c r="U51366" i="1"/>
  <c r="U51365" i="1"/>
  <c r="U51364" i="1"/>
  <c r="U51363" i="1"/>
  <c r="U51362" i="1"/>
  <c r="U51361" i="1"/>
  <c r="U51360" i="1"/>
  <c r="U51359" i="1"/>
  <c r="U51358" i="1"/>
  <c r="U51357" i="1"/>
  <c r="U51356" i="1"/>
  <c r="U51355" i="1"/>
  <c r="U51354" i="1"/>
  <c r="U51353" i="1"/>
  <c r="U51352" i="1"/>
  <c r="U51351" i="1"/>
  <c r="U51350" i="1"/>
  <c r="U51349" i="1"/>
  <c r="U51348" i="1"/>
  <c r="U51347" i="1"/>
  <c r="U51346" i="1"/>
  <c r="U51345" i="1"/>
  <c r="U51344" i="1"/>
  <c r="U51343" i="1"/>
  <c r="U51342" i="1"/>
  <c r="U51341" i="1"/>
  <c r="U51340" i="1"/>
  <c r="U51339" i="1"/>
  <c r="U51338" i="1"/>
  <c r="U51337" i="1"/>
  <c r="U51336" i="1"/>
  <c r="U51335" i="1"/>
  <c r="U51334" i="1"/>
  <c r="U51333" i="1"/>
  <c r="U51332" i="1"/>
  <c r="U51331" i="1"/>
  <c r="U51330" i="1"/>
  <c r="U51329" i="1"/>
  <c r="U51328" i="1"/>
  <c r="U51327" i="1"/>
  <c r="U51326" i="1"/>
  <c r="U51325" i="1"/>
  <c r="U51324" i="1"/>
  <c r="U51323" i="1"/>
  <c r="U51322" i="1"/>
  <c r="U51321" i="1"/>
  <c r="U51320" i="1"/>
  <c r="U51319" i="1"/>
  <c r="U51318" i="1"/>
  <c r="U51317" i="1"/>
  <c r="U51316" i="1"/>
  <c r="U51315" i="1"/>
  <c r="U51314" i="1"/>
  <c r="U51313" i="1"/>
  <c r="U51312" i="1"/>
  <c r="U51311" i="1"/>
  <c r="U51310" i="1"/>
  <c r="U51309" i="1"/>
  <c r="U51308" i="1"/>
  <c r="U51307" i="1"/>
  <c r="U51306" i="1"/>
  <c r="U51305" i="1"/>
  <c r="U51304" i="1"/>
  <c r="U51303" i="1"/>
  <c r="U51302" i="1"/>
  <c r="U51301" i="1"/>
  <c r="U51300" i="1"/>
  <c r="U51299" i="1"/>
  <c r="U51298" i="1"/>
  <c r="U51297" i="1"/>
  <c r="U51296" i="1"/>
  <c r="U51295" i="1"/>
  <c r="U51294" i="1"/>
  <c r="U51293" i="1"/>
  <c r="U51292" i="1"/>
  <c r="U51291" i="1"/>
  <c r="U51290" i="1"/>
  <c r="U51289" i="1"/>
  <c r="U51288" i="1"/>
  <c r="U51287" i="1"/>
  <c r="U51286" i="1"/>
  <c r="U51285" i="1"/>
  <c r="U51284" i="1"/>
  <c r="U51283" i="1"/>
  <c r="U51282" i="1"/>
  <c r="U51281" i="1"/>
  <c r="U51280" i="1"/>
  <c r="U51279" i="1"/>
  <c r="U51278" i="1"/>
  <c r="U51277" i="1"/>
  <c r="U51276" i="1"/>
  <c r="U51275" i="1"/>
  <c r="U51274" i="1"/>
  <c r="U51273" i="1"/>
  <c r="U51272" i="1"/>
  <c r="U51271" i="1"/>
  <c r="U51270" i="1"/>
  <c r="U51269" i="1"/>
  <c r="U51268" i="1"/>
  <c r="U51267" i="1"/>
  <c r="U51266" i="1"/>
  <c r="U51265" i="1"/>
  <c r="U51264" i="1"/>
  <c r="U51263" i="1"/>
  <c r="U51262" i="1"/>
  <c r="U51261" i="1"/>
  <c r="U51260" i="1"/>
  <c r="U51259" i="1"/>
  <c r="U51258" i="1"/>
  <c r="U51257" i="1"/>
  <c r="U51256" i="1"/>
  <c r="U51255" i="1"/>
  <c r="U51254" i="1"/>
  <c r="U51253" i="1"/>
  <c r="U51252" i="1"/>
  <c r="U51251" i="1"/>
  <c r="U51250" i="1"/>
  <c r="U51249" i="1"/>
  <c r="U51248" i="1"/>
  <c r="U51247" i="1"/>
  <c r="U51246" i="1"/>
  <c r="U51245" i="1"/>
  <c r="U51244" i="1"/>
  <c r="U51243" i="1"/>
  <c r="U51242" i="1"/>
  <c r="U51241" i="1"/>
  <c r="U51240" i="1"/>
  <c r="U51239" i="1"/>
  <c r="U51238" i="1"/>
  <c r="U51237" i="1"/>
  <c r="U51236" i="1"/>
  <c r="U51235" i="1"/>
  <c r="U51234" i="1"/>
  <c r="U51233" i="1"/>
  <c r="U51232" i="1"/>
  <c r="U51231" i="1"/>
  <c r="U51230" i="1"/>
  <c r="U51229" i="1"/>
  <c r="U51228" i="1"/>
  <c r="U51227" i="1"/>
  <c r="U51226" i="1"/>
  <c r="U51225" i="1"/>
  <c r="U51224" i="1"/>
  <c r="U51223" i="1"/>
  <c r="U51222" i="1"/>
  <c r="U51221" i="1"/>
  <c r="U51220" i="1"/>
  <c r="U51219" i="1"/>
  <c r="U51218" i="1"/>
  <c r="U51217" i="1"/>
  <c r="U51216" i="1"/>
  <c r="U51215" i="1"/>
  <c r="U51214" i="1"/>
  <c r="U51213" i="1"/>
  <c r="U51212" i="1"/>
  <c r="U51211" i="1"/>
  <c r="U51210" i="1"/>
  <c r="U51209" i="1"/>
  <c r="U51208" i="1"/>
  <c r="U51207" i="1"/>
  <c r="U51206" i="1"/>
  <c r="U51205" i="1"/>
  <c r="U51204" i="1"/>
  <c r="U51203" i="1"/>
  <c r="U51202" i="1"/>
  <c r="U51201" i="1"/>
  <c r="U51200" i="1"/>
  <c r="U51199" i="1"/>
  <c r="U51198" i="1"/>
  <c r="U51197" i="1"/>
  <c r="U51196" i="1"/>
  <c r="U51195" i="1"/>
  <c r="U51194" i="1"/>
  <c r="U51193" i="1"/>
  <c r="U51192" i="1"/>
  <c r="U51191" i="1"/>
  <c r="U51190" i="1"/>
  <c r="U51189" i="1"/>
  <c r="U51188" i="1"/>
  <c r="U51187" i="1"/>
  <c r="U51186" i="1"/>
  <c r="U51185" i="1"/>
  <c r="U51184" i="1"/>
  <c r="U51183" i="1"/>
  <c r="U51182" i="1"/>
  <c r="U51181" i="1"/>
  <c r="U51180" i="1"/>
  <c r="U51179" i="1"/>
  <c r="U51178" i="1"/>
  <c r="U51177" i="1"/>
  <c r="U51176" i="1"/>
  <c r="U51175" i="1"/>
  <c r="U51174" i="1"/>
  <c r="U51173" i="1"/>
  <c r="U51172" i="1"/>
  <c r="U51171" i="1"/>
  <c r="U51170" i="1"/>
  <c r="U51169" i="1"/>
  <c r="U51168" i="1"/>
  <c r="U51167" i="1"/>
  <c r="U51166" i="1"/>
  <c r="U51165" i="1"/>
  <c r="U51164" i="1"/>
  <c r="U51163" i="1"/>
  <c r="U51162" i="1"/>
  <c r="U51161" i="1"/>
  <c r="U51160" i="1"/>
  <c r="U51159" i="1"/>
  <c r="U51158" i="1"/>
  <c r="U51157" i="1"/>
  <c r="U51156" i="1"/>
  <c r="U51155" i="1"/>
  <c r="U51154" i="1"/>
  <c r="U51153" i="1"/>
  <c r="U51152" i="1"/>
  <c r="U51151" i="1"/>
  <c r="U51150" i="1"/>
  <c r="U51149" i="1"/>
  <c r="U51148" i="1"/>
  <c r="U51147" i="1"/>
  <c r="U51146" i="1"/>
  <c r="U51145" i="1"/>
  <c r="U51144" i="1"/>
  <c r="U51143" i="1"/>
  <c r="U51142" i="1"/>
  <c r="U51141" i="1"/>
  <c r="U51140" i="1"/>
  <c r="U51139" i="1"/>
  <c r="U51138" i="1"/>
  <c r="U51137" i="1"/>
  <c r="U51136" i="1"/>
  <c r="U51135" i="1"/>
  <c r="U51134" i="1"/>
  <c r="U51133" i="1"/>
  <c r="U51132" i="1"/>
  <c r="U51131" i="1"/>
  <c r="U51130" i="1"/>
  <c r="U51129" i="1"/>
  <c r="U51128" i="1"/>
  <c r="U51127" i="1"/>
  <c r="U51126" i="1"/>
  <c r="U51125" i="1"/>
  <c r="U51124" i="1"/>
  <c r="U51123" i="1"/>
  <c r="U51122" i="1"/>
  <c r="U51121" i="1"/>
  <c r="U51120" i="1"/>
  <c r="U51119" i="1"/>
  <c r="U51118" i="1"/>
  <c r="U51117" i="1"/>
  <c r="U51116" i="1"/>
  <c r="U51115" i="1"/>
  <c r="U51114" i="1"/>
  <c r="U51113" i="1"/>
  <c r="U51112" i="1"/>
  <c r="U51111" i="1"/>
  <c r="U51110" i="1"/>
  <c r="U51109" i="1"/>
  <c r="U51108" i="1"/>
  <c r="U51107" i="1"/>
  <c r="U51106" i="1"/>
  <c r="U51105" i="1"/>
  <c r="U51104" i="1"/>
  <c r="U51103" i="1"/>
  <c r="U51102" i="1"/>
  <c r="U51101" i="1"/>
  <c r="U51100" i="1"/>
  <c r="U51099" i="1"/>
  <c r="U51098" i="1"/>
  <c r="U51097" i="1"/>
  <c r="U51096" i="1"/>
  <c r="U51095" i="1"/>
  <c r="U51094" i="1"/>
  <c r="U51093" i="1"/>
  <c r="U51092" i="1"/>
  <c r="U51091" i="1"/>
  <c r="U51090" i="1"/>
  <c r="U51089" i="1"/>
  <c r="U51088" i="1"/>
  <c r="U51087" i="1"/>
  <c r="U51086" i="1"/>
  <c r="U51085" i="1"/>
  <c r="U51084" i="1"/>
  <c r="U51083" i="1"/>
  <c r="U51082" i="1"/>
  <c r="U51081" i="1"/>
  <c r="U51080" i="1"/>
  <c r="U51079" i="1"/>
  <c r="U51078" i="1"/>
  <c r="U51077" i="1"/>
  <c r="U51076" i="1"/>
  <c r="U51075" i="1"/>
  <c r="U51074" i="1"/>
  <c r="U51073" i="1"/>
  <c r="U51072" i="1"/>
  <c r="U51071" i="1"/>
  <c r="U51070" i="1"/>
  <c r="U51069" i="1"/>
  <c r="U51068" i="1"/>
  <c r="U51067" i="1"/>
  <c r="U51066" i="1"/>
  <c r="U51065" i="1"/>
  <c r="U51064" i="1"/>
  <c r="U51063" i="1"/>
  <c r="U51062" i="1"/>
  <c r="U51061" i="1"/>
  <c r="U51060" i="1"/>
  <c r="U51059" i="1"/>
  <c r="U51058" i="1"/>
  <c r="U51057" i="1"/>
  <c r="U51056" i="1"/>
  <c r="U51055" i="1"/>
  <c r="U51054" i="1"/>
  <c r="U51053" i="1"/>
  <c r="U51052" i="1"/>
  <c r="U51051" i="1"/>
  <c r="U51050" i="1"/>
  <c r="U51049" i="1"/>
  <c r="U51048" i="1"/>
  <c r="U51047" i="1"/>
  <c r="U51046" i="1"/>
  <c r="U51045" i="1"/>
  <c r="U51044" i="1"/>
  <c r="U51043" i="1"/>
  <c r="U51042" i="1"/>
  <c r="U51041" i="1"/>
  <c r="U51040" i="1"/>
  <c r="U51039" i="1"/>
  <c r="U51038" i="1"/>
  <c r="U51037" i="1"/>
  <c r="U51036" i="1"/>
  <c r="U51035" i="1"/>
  <c r="U51034" i="1"/>
  <c r="U51033" i="1"/>
  <c r="U51032" i="1"/>
  <c r="U51031" i="1"/>
  <c r="U51030" i="1"/>
  <c r="U51029" i="1"/>
  <c r="U51028" i="1"/>
  <c r="U51027" i="1"/>
  <c r="U51026" i="1"/>
  <c r="U51025" i="1"/>
  <c r="U51024" i="1"/>
  <c r="U51023" i="1"/>
  <c r="U51022" i="1"/>
  <c r="U51021" i="1"/>
  <c r="U51020" i="1"/>
  <c r="U51019" i="1"/>
  <c r="U51018" i="1"/>
  <c r="U51017" i="1"/>
  <c r="U51016" i="1"/>
  <c r="U51015" i="1"/>
  <c r="U51014" i="1"/>
  <c r="U51013" i="1"/>
  <c r="U51012" i="1"/>
  <c r="U51011" i="1"/>
  <c r="U51010" i="1"/>
  <c r="U51009" i="1"/>
  <c r="U51008" i="1"/>
  <c r="U51007" i="1"/>
  <c r="U51006" i="1"/>
  <c r="U51005" i="1"/>
  <c r="U51004" i="1"/>
  <c r="U51003" i="1"/>
  <c r="U51002" i="1"/>
  <c r="U51001" i="1"/>
  <c r="U51000" i="1"/>
  <c r="U50999" i="1"/>
  <c r="U50998" i="1"/>
  <c r="U50997" i="1"/>
  <c r="U50996" i="1"/>
  <c r="U50995" i="1"/>
  <c r="U50994" i="1"/>
  <c r="U50993" i="1"/>
  <c r="U50992" i="1"/>
  <c r="U50991" i="1"/>
  <c r="U50990" i="1"/>
  <c r="U50989" i="1"/>
  <c r="U50988" i="1"/>
  <c r="U50987" i="1"/>
  <c r="U50986" i="1"/>
  <c r="U50985" i="1"/>
  <c r="U50984" i="1"/>
  <c r="U50983" i="1"/>
  <c r="U50982" i="1"/>
  <c r="U50981" i="1"/>
  <c r="U50980" i="1"/>
  <c r="U50979" i="1"/>
  <c r="U50978" i="1"/>
  <c r="U50977" i="1"/>
  <c r="U50976" i="1"/>
  <c r="U50975" i="1"/>
  <c r="U50974" i="1"/>
  <c r="U50973" i="1"/>
  <c r="U50972" i="1"/>
  <c r="U50971" i="1"/>
  <c r="U50970" i="1"/>
  <c r="U50969" i="1"/>
  <c r="U50968" i="1"/>
  <c r="U50967" i="1"/>
  <c r="U50966" i="1"/>
  <c r="U50965" i="1"/>
  <c r="U50964" i="1"/>
  <c r="U50963" i="1"/>
  <c r="U50962" i="1"/>
  <c r="U50961" i="1"/>
  <c r="U50960" i="1"/>
  <c r="U50959" i="1"/>
  <c r="U50958" i="1"/>
  <c r="U50957" i="1"/>
  <c r="U50956" i="1"/>
  <c r="U50955" i="1"/>
  <c r="U50954" i="1"/>
  <c r="U50953" i="1"/>
  <c r="U50952" i="1"/>
  <c r="U50951" i="1"/>
  <c r="U50950" i="1"/>
  <c r="U50949" i="1"/>
  <c r="U50948" i="1"/>
  <c r="U50947" i="1"/>
  <c r="U50946" i="1"/>
  <c r="U50945" i="1"/>
  <c r="U50944" i="1"/>
  <c r="U50943" i="1"/>
  <c r="U50942" i="1"/>
  <c r="U50941" i="1"/>
  <c r="U50940" i="1"/>
  <c r="U50939" i="1"/>
  <c r="U50938" i="1"/>
  <c r="U50937" i="1"/>
  <c r="U50936" i="1"/>
  <c r="U50935" i="1"/>
  <c r="U50934" i="1"/>
  <c r="U50933" i="1"/>
  <c r="U50932" i="1"/>
  <c r="U50931" i="1"/>
  <c r="U50930" i="1"/>
  <c r="U50929" i="1"/>
  <c r="U50928" i="1"/>
  <c r="U50927" i="1"/>
  <c r="U50926" i="1"/>
  <c r="U50925" i="1"/>
  <c r="U50924" i="1"/>
  <c r="U50923" i="1"/>
  <c r="U50922" i="1"/>
  <c r="U50921" i="1"/>
  <c r="U50920" i="1"/>
  <c r="U50919" i="1"/>
  <c r="U50918" i="1"/>
  <c r="U50917" i="1"/>
  <c r="U50916" i="1"/>
  <c r="U50915" i="1"/>
  <c r="U50914" i="1"/>
  <c r="U50913" i="1"/>
  <c r="U50912" i="1"/>
  <c r="U50911" i="1"/>
  <c r="U50910" i="1"/>
  <c r="U50909" i="1"/>
  <c r="U50908" i="1"/>
  <c r="U50907" i="1"/>
  <c r="U50906" i="1"/>
  <c r="U50905" i="1"/>
  <c r="U50904" i="1"/>
  <c r="U50903" i="1"/>
  <c r="U50902" i="1"/>
  <c r="U50901" i="1"/>
  <c r="U50900" i="1"/>
  <c r="U50899" i="1"/>
  <c r="U50898" i="1"/>
  <c r="U50897" i="1"/>
  <c r="U50896" i="1"/>
  <c r="U50895" i="1"/>
  <c r="U50894" i="1"/>
  <c r="U50893" i="1"/>
  <c r="U50892" i="1"/>
  <c r="U50891" i="1"/>
  <c r="U50890" i="1"/>
  <c r="U50889" i="1"/>
  <c r="U50888" i="1"/>
  <c r="U50887" i="1"/>
  <c r="U50886" i="1"/>
  <c r="U50885" i="1"/>
  <c r="U50884" i="1"/>
  <c r="U50883" i="1"/>
  <c r="U50882" i="1"/>
  <c r="U50881" i="1"/>
  <c r="U50880" i="1"/>
  <c r="U50879" i="1"/>
  <c r="U50878" i="1"/>
  <c r="U50877" i="1"/>
  <c r="U50876" i="1"/>
  <c r="U50875" i="1"/>
  <c r="U50874" i="1"/>
  <c r="U50873" i="1"/>
  <c r="U50872" i="1"/>
  <c r="U50871" i="1"/>
  <c r="U50870" i="1"/>
  <c r="U50869" i="1"/>
  <c r="U50868" i="1"/>
  <c r="U50867" i="1"/>
  <c r="U50866" i="1"/>
  <c r="U50865" i="1"/>
  <c r="U50864" i="1"/>
  <c r="U50863" i="1"/>
  <c r="U50862" i="1"/>
  <c r="U50861" i="1"/>
  <c r="U50860" i="1"/>
  <c r="U50859" i="1"/>
  <c r="U50858" i="1"/>
  <c r="U50857" i="1"/>
  <c r="U50856" i="1"/>
  <c r="U50855" i="1"/>
  <c r="U50854" i="1"/>
  <c r="U50853" i="1"/>
  <c r="U50852" i="1"/>
  <c r="U50851" i="1"/>
  <c r="U50850" i="1"/>
  <c r="U50849" i="1"/>
  <c r="U50848" i="1"/>
  <c r="U50847" i="1"/>
  <c r="U50846" i="1"/>
  <c r="U50845" i="1"/>
  <c r="U50844" i="1"/>
  <c r="U50843" i="1"/>
  <c r="U50842" i="1"/>
  <c r="U50841" i="1"/>
  <c r="U50840" i="1"/>
  <c r="U50839" i="1"/>
  <c r="U50838" i="1"/>
  <c r="U50837" i="1"/>
  <c r="U50836" i="1"/>
  <c r="U50835" i="1"/>
  <c r="U50834" i="1"/>
  <c r="U50833" i="1"/>
  <c r="U50832" i="1"/>
  <c r="U50831" i="1"/>
  <c r="U50830" i="1"/>
  <c r="U50829" i="1"/>
  <c r="U50828" i="1"/>
  <c r="U50827" i="1"/>
  <c r="U50826" i="1"/>
  <c r="U50825" i="1"/>
  <c r="U50824" i="1"/>
  <c r="U50823" i="1"/>
  <c r="U50822" i="1"/>
  <c r="U50821" i="1"/>
  <c r="U50820" i="1"/>
  <c r="U50819" i="1"/>
  <c r="U50818" i="1"/>
  <c r="U50817" i="1"/>
  <c r="U50816" i="1"/>
  <c r="U50815" i="1"/>
  <c r="U50814" i="1"/>
  <c r="U50813" i="1"/>
  <c r="U50812" i="1"/>
  <c r="U50811" i="1"/>
  <c r="U50810" i="1"/>
  <c r="U50809" i="1"/>
  <c r="U50808" i="1"/>
  <c r="U50807" i="1"/>
  <c r="U50806" i="1"/>
  <c r="U50805" i="1"/>
  <c r="U50804" i="1"/>
  <c r="U50803" i="1"/>
  <c r="U50802" i="1"/>
  <c r="U50801" i="1"/>
  <c r="U50800" i="1"/>
  <c r="U50799" i="1"/>
  <c r="U50798" i="1"/>
  <c r="U50797" i="1"/>
  <c r="U50796" i="1"/>
  <c r="U50795" i="1"/>
  <c r="U50794" i="1"/>
  <c r="U50793" i="1"/>
  <c r="U50792" i="1"/>
  <c r="U50791" i="1"/>
  <c r="U50790" i="1"/>
  <c r="U50789" i="1"/>
  <c r="U50788" i="1"/>
  <c r="U50787" i="1"/>
  <c r="U50786" i="1"/>
  <c r="U50785" i="1"/>
  <c r="U50784" i="1"/>
  <c r="U50783" i="1"/>
  <c r="U50782" i="1"/>
  <c r="U50781" i="1"/>
  <c r="U50780" i="1"/>
  <c r="U50779" i="1"/>
  <c r="U50778" i="1"/>
  <c r="U50777" i="1"/>
  <c r="U50776" i="1"/>
  <c r="U50775" i="1"/>
  <c r="U50774" i="1"/>
  <c r="U50773" i="1"/>
  <c r="U50772" i="1"/>
  <c r="U50771" i="1"/>
  <c r="U50770" i="1"/>
  <c r="U50769" i="1"/>
  <c r="U50768" i="1"/>
  <c r="U50767" i="1"/>
  <c r="U50766" i="1"/>
  <c r="U50765" i="1"/>
  <c r="U50764" i="1"/>
  <c r="U50763" i="1"/>
  <c r="U50762" i="1"/>
  <c r="U50761" i="1"/>
  <c r="U50760" i="1"/>
  <c r="U50759" i="1"/>
  <c r="U50758" i="1"/>
  <c r="U50757" i="1"/>
  <c r="U50756" i="1"/>
  <c r="U50755" i="1"/>
  <c r="U50754" i="1"/>
  <c r="U50753" i="1"/>
  <c r="U50752" i="1"/>
  <c r="U50751" i="1"/>
  <c r="U50750" i="1"/>
  <c r="U50749" i="1"/>
  <c r="U50748" i="1"/>
  <c r="U50747" i="1"/>
  <c r="U50746" i="1"/>
  <c r="U50745" i="1"/>
  <c r="U50744" i="1"/>
  <c r="U50743" i="1"/>
  <c r="U50742" i="1"/>
  <c r="U50741" i="1"/>
  <c r="U50740" i="1"/>
  <c r="U50739" i="1"/>
  <c r="U50738" i="1"/>
  <c r="U50737" i="1"/>
  <c r="U50736" i="1"/>
  <c r="U50735" i="1"/>
  <c r="U50734" i="1"/>
  <c r="U50733" i="1"/>
  <c r="U50732" i="1"/>
  <c r="U50731" i="1"/>
  <c r="U50730" i="1"/>
  <c r="U50729" i="1"/>
  <c r="U50728" i="1"/>
  <c r="U50727" i="1"/>
  <c r="U50726" i="1"/>
  <c r="U50725" i="1"/>
  <c r="U50724" i="1"/>
  <c r="U50723" i="1"/>
  <c r="U50722" i="1"/>
  <c r="U50721" i="1"/>
  <c r="U50720" i="1"/>
  <c r="U50719" i="1"/>
  <c r="U50718" i="1"/>
  <c r="U50717" i="1"/>
  <c r="U50716" i="1"/>
  <c r="U50715" i="1"/>
  <c r="U50714" i="1"/>
  <c r="U50713" i="1"/>
  <c r="U50712" i="1"/>
  <c r="U50711" i="1"/>
  <c r="U50710" i="1"/>
  <c r="U50709" i="1"/>
  <c r="U50708" i="1"/>
  <c r="U50707" i="1"/>
  <c r="U50706" i="1"/>
  <c r="U50705" i="1"/>
  <c r="U50704" i="1"/>
  <c r="U50703" i="1"/>
  <c r="U50702" i="1"/>
  <c r="U50701" i="1"/>
  <c r="U50700" i="1"/>
  <c r="U50699" i="1"/>
  <c r="U50698" i="1"/>
  <c r="U50697" i="1"/>
  <c r="U50696" i="1"/>
  <c r="U50695" i="1"/>
  <c r="U50694" i="1"/>
  <c r="U50693" i="1"/>
  <c r="U50692" i="1"/>
  <c r="U50691" i="1"/>
  <c r="U50690" i="1"/>
  <c r="U50689" i="1"/>
  <c r="U50688" i="1"/>
  <c r="U50687" i="1"/>
  <c r="U50686" i="1"/>
  <c r="U50685" i="1"/>
  <c r="U50684" i="1"/>
  <c r="U50683" i="1"/>
  <c r="U50682" i="1"/>
  <c r="U50681" i="1"/>
  <c r="U50680" i="1"/>
  <c r="U50679" i="1"/>
  <c r="U50678" i="1"/>
  <c r="U50677" i="1"/>
  <c r="U50676" i="1"/>
  <c r="U50675" i="1"/>
  <c r="U50674" i="1"/>
  <c r="U50673" i="1"/>
  <c r="U50672" i="1"/>
  <c r="U50671" i="1"/>
  <c r="U50670" i="1"/>
  <c r="U50669" i="1"/>
  <c r="U50668" i="1"/>
  <c r="U50667" i="1"/>
  <c r="U50666" i="1"/>
  <c r="U50665" i="1"/>
  <c r="U50664" i="1"/>
  <c r="U50663" i="1"/>
  <c r="U50662" i="1"/>
  <c r="U50661" i="1"/>
  <c r="U50660" i="1"/>
  <c r="U50659" i="1"/>
  <c r="U50658" i="1"/>
  <c r="U50657" i="1"/>
  <c r="U50656" i="1"/>
  <c r="U50655" i="1"/>
  <c r="U50654" i="1"/>
  <c r="U50653" i="1"/>
  <c r="U50652" i="1"/>
  <c r="U50651" i="1"/>
  <c r="U50650" i="1"/>
  <c r="U50649" i="1"/>
  <c r="U50648" i="1"/>
  <c r="U50647" i="1"/>
  <c r="U50646" i="1"/>
  <c r="U50645" i="1"/>
  <c r="U50644" i="1"/>
  <c r="U50643" i="1"/>
  <c r="U50642" i="1"/>
  <c r="U50641" i="1"/>
  <c r="U50640" i="1"/>
  <c r="U50639" i="1"/>
  <c r="U50638" i="1"/>
  <c r="U50637" i="1"/>
  <c r="U50636" i="1"/>
  <c r="U50635" i="1"/>
  <c r="U50634" i="1"/>
  <c r="U50633" i="1"/>
  <c r="U50632" i="1"/>
  <c r="U50631" i="1"/>
  <c r="U50630" i="1"/>
  <c r="U50629" i="1"/>
  <c r="U50628" i="1"/>
  <c r="U50627" i="1"/>
  <c r="U50626" i="1"/>
  <c r="U50625" i="1"/>
  <c r="U50624" i="1"/>
  <c r="U50623" i="1"/>
  <c r="U50622" i="1"/>
  <c r="U50621" i="1"/>
  <c r="U50620" i="1"/>
  <c r="U50619" i="1"/>
  <c r="U50618" i="1"/>
  <c r="U50617" i="1"/>
  <c r="U50616" i="1"/>
  <c r="U50615" i="1"/>
  <c r="U50614" i="1"/>
  <c r="U50613" i="1"/>
  <c r="U50612" i="1"/>
  <c r="U50611" i="1"/>
  <c r="U50610" i="1"/>
  <c r="U50609" i="1"/>
  <c r="U50608" i="1"/>
  <c r="U50607" i="1"/>
  <c r="U50606" i="1"/>
  <c r="U50605" i="1"/>
  <c r="U50604" i="1"/>
  <c r="U50603" i="1"/>
  <c r="U50602" i="1"/>
  <c r="U50601" i="1"/>
  <c r="U50600" i="1"/>
  <c r="U50599" i="1"/>
  <c r="U50598" i="1"/>
  <c r="U50597" i="1"/>
  <c r="U50596" i="1"/>
  <c r="U50595" i="1"/>
  <c r="U50594" i="1"/>
  <c r="U50593" i="1"/>
  <c r="U50592" i="1"/>
  <c r="U50591" i="1"/>
  <c r="U50590" i="1"/>
  <c r="U50589" i="1"/>
  <c r="U50588" i="1"/>
  <c r="U50587" i="1"/>
  <c r="U50586" i="1"/>
  <c r="U50585" i="1"/>
  <c r="U50584" i="1"/>
  <c r="U50583" i="1"/>
  <c r="U50582" i="1"/>
  <c r="U50581" i="1"/>
  <c r="U50580" i="1"/>
  <c r="U50579" i="1"/>
  <c r="U50578" i="1"/>
  <c r="U50577" i="1"/>
  <c r="U50576" i="1"/>
  <c r="U50575" i="1"/>
  <c r="U50574" i="1"/>
  <c r="U50573" i="1"/>
  <c r="U50572" i="1"/>
  <c r="U50571" i="1"/>
  <c r="U50570" i="1"/>
  <c r="U50569" i="1"/>
  <c r="U50568" i="1"/>
  <c r="U50567" i="1"/>
  <c r="U50566" i="1"/>
  <c r="U50565" i="1"/>
  <c r="U50564" i="1"/>
  <c r="U50563" i="1"/>
  <c r="U50562" i="1"/>
  <c r="U50561" i="1"/>
  <c r="U50560" i="1"/>
  <c r="U50559" i="1"/>
  <c r="U50558" i="1"/>
  <c r="U50557" i="1"/>
  <c r="U50556" i="1"/>
  <c r="U50555" i="1"/>
  <c r="U50554" i="1"/>
  <c r="U50553" i="1"/>
  <c r="U50552" i="1"/>
  <c r="U50551" i="1"/>
  <c r="U50550" i="1"/>
  <c r="U50549" i="1"/>
  <c r="U50548" i="1"/>
  <c r="U50547" i="1"/>
  <c r="U50546" i="1"/>
  <c r="U50545" i="1"/>
  <c r="U50544" i="1"/>
  <c r="U50543" i="1"/>
  <c r="U50542" i="1"/>
  <c r="U50541" i="1"/>
  <c r="U50540" i="1"/>
  <c r="U50539" i="1"/>
  <c r="U50538" i="1"/>
  <c r="U50537" i="1"/>
  <c r="U50536" i="1"/>
  <c r="U50535" i="1"/>
  <c r="U50534" i="1"/>
  <c r="U50533" i="1"/>
  <c r="U50532" i="1"/>
  <c r="U50531" i="1"/>
  <c r="U50530" i="1"/>
  <c r="U50529" i="1"/>
  <c r="U50528" i="1"/>
  <c r="U50527" i="1"/>
  <c r="U50526" i="1"/>
  <c r="U50525" i="1"/>
  <c r="U50524" i="1"/>
  <c r="U50523" i="1"/>
  <c r="U50522" i="1"/>
  <c r="U50521" i="1"/>
  <c r="U50520" i="1"/>
  <c r="U50519" i="1"/>
  <c r="U50518" i="1"/>
  <c r="U50517" i="1"/>
  <c r="U50516" i="1"/>
  <c r="U50515" i="1"/>
  <c r="U50514" i="1"/>
  <c r="U50513" i="1"/>
  <c r="U50512" i="1"/>
  <c r="U50511" i="1"/>
  <c r="U50510" i="1"/>
  <c r="U50509" i="1"/>
  <c r="U50508" i="1"/>
  <c r="U50507" i="1"/>
  <c r="U50506" i="1"/>
  <c r="U50505" i="1"/>
  <c r="U50504" i="1"/>
  <c r="U50503" i="1"/>
  <c r="U50502" i="1"/>
  <c r="U50501" i="1"/>
  <c r="U50500" i="1"/>
  <c r="U50499" i="1"/>
  <c r="U50498" i="1"/>
  <c r="U50497" i="1"/>
  <c r="U50496" i="1"/>
  <c r="U50495" i="1"/>
  <c r="U50494" i="1"/>
  <c r="U50493" i="1"/>
  <c r="U50492" i="1"/>
  <c r="U50491" i="1"/>
  <c r="U50490" i="1"/>
  <c r="U50489" i="1"/>
  <c r="U50488" i="1"/>
  <c r="U50487" i="1"/>
  <c r="U50486" i="1"/>
  <c r="U50485" i="1"/>
  <c r="U50484" i="1"/>
  <c r="U50483" i="1"/>
  <c r="U50482" i="1"/>
  <c r="U50481" i="1"/>
  <c r="U50480" i="1"/>
  <c r="U50479" i="1"/>
  <c r="U50478" i="1"/>
  <c r="U50477" i="1"/>
  <c r="U50476" i="1"/>
  <c r="U50475" i="1"/>
  <c r="U50474" i="1"/>
  <c r="U50473" i="1"/>
  <c r="U50472" i="1"/>
  <c r="U50471" i="1"/>
  <c r="U50470" i="1"/>
  <c r="U50469" i="1"/>
  <c r="U50468" i="1"/>
  <c r="U50467" i="1"/>
  <c r="U50466" i="1"/>
  <c r="U50465" i="1"/>
  <c r="U50464" i="1"/>
  <c r="U50463" i="1"/>
  <c r="U50462" i="1"/>
  <c r="U50461" i="1"/>
  <c r="U50460" i="1"/>
  <c r="U50459" i="1"/>
  <c r="U50458" i="1"/>
  <c r="U50457" i="1"/>
  <c r="U50456" i="1"/>
  <c r="U50455" i="1"/>
  <c r="U50454" i="1"/>
  <c r="U50453" i="1"/>
  <c r="U50452" i="1"/>
  <c r="U50451" i="1"/>
  <c r="U50450" i="1"/>
  <c r="U50449" i="1"/>
  <c r="U50448" i="1"/>
  <c r="U50447" i="1"/>
  <c r="U50446" i="1"/>
  <c r="U50445" i="1"/>
  <c r="U50444" i="1"/>
  <c r="U50443" i="1"/>
  <c r="U50442" i="1"/>
  <c r="U50441" i="1"/>
  <c r="U50440" i="1"/>
  <c r="U50439" i="1"/>
  <c r="U50438" i="1"/>
  <c r="U50437" i="1"/>
  <c r="U50436" i="1"/>
  <c r="U50435" i="1"/>
  <c r="U50434" i="1"/>
  <c r="U50433" i="1"/>
  <c r="U50432" i="1"/>
  <c r="U50431" i="1"/>
  <c r="U50430" i="1"/>
  <c r="U50429" i="1"/>
  <c r="U50428" i="1"/>
  <c r="U50427" i="1"/>
  <c r="U50426" i="1"/>
  <c r="U50425" i="1"/>
  <c r="U50424" i="1"/>
  <c r="U50423" i="1"/>
  <c r="U50422" i="1"/>
  <c r="U50421" i="1"/>
  <c r="U50420" i="1"/>
  <c r="U50419" i="1"/>
  <c r="U50418" i="1"/>
  <c r="U50417" i="1"/>
  <c r="U50416" i="1"/>
  <c r="U50415" i="1"/>
  <c r="U50414" i="1"/>
  <c r="U50413" i="1"/>
  <c r="U50412" i="1"/>
  <c r="U50411" i="1"/>
  <c r="U50410" i="1"/>
  <c r="U50409" i="1"/>
  <c r="U50408" i="1"/>
  <c r="U50407" i="1"/>
  <c r="U50406" i="1"/>
  <c r="U50405" i="1"/>
  <c r="U50404" i="1"/>
  <c r="U50403" i="1"/>
  <c r="U50402" i="1"/>
  <c r="U50401" i="1"/>
  <c r="U50400" i="1"/>
  <c r="U50399" i="1"/>
  <c r="U50398" i="1"/>
  <c r="U50397" i="1"/>
  <c r="U50396" i="1"/>
  <c r="U50395" i="1"/>
  <c r="U50394" i="1"/>
  <c r="U50393" i="1"/>
  <c r="U50392" i="1"/>
  <c r="U50391" i="1"/>
  <c r="U50390" i="1"/>
  <c r="U50389" i="1"/>
  <c r="U50388" i="1"/>
  <c r="U50387" i="1"/>
  <c r="U50386" i="1"/>
  <c r="U50385" i="1"/>
  <c r="U50384" i="1"/>
  <c r="U50383" i="1"/>
  <c r="U50382" i="1"/>
  <c r="U50381" i="1"/>
  <c r="U50380" i="1"/>
  <c r="U50379" i="1"/>
  <c r="U50378" i="1"/>
  <c r="U50377" i="1"/>
  <c r="U50376" i="1"/>
  <c r="U50375" i="1"/>
  <c r="U50374" i="1"/>
  <c r="U50373" i="1"/>
  <c r="U50372" i="1"/>
  <c r="U50371" i="1"/>
  <c r="U50370" i="1"/>
  <c r="U50369" i="1"/>
  <c r="U50368" i="1"/>
  <c r="U50367" i="1"/>
  <c r="U50366" i="1"/>
  <c r="U50365" i="1"/>
  <c r="U50364" i="1"/>
  <c r="U50363" i="1"/>
  <c r="U50362" i="1"/>
  <c r="U50361" i="1"/>
  <c r="U50360" i="1"/>
  <c r="U50359" i="1"/>
  <c r="U50358" i="1"/>
  <c r="U50357" i="1"/>
  <c r="U50356" i="1"/>
  <c r="U50355" i="1"/>
  <c r="U50354" i="1"/>
  <c r="U50353" i="1"/>
  <c r="U50352" i="1"/>
  <c r="U50351" i="1"/>
  <c r="U50350" i="1"/>
  <c r="U50349" i="1"/>
  <c r="U50348" i="1"/>
  <c r="U50347" i="1"/>
  <c r="U50346" i="1"/>
  <c r="U50345" i="1"/>
  <c r="U50344" i="1"/>
  <c r="U50343" i="1"/>
  <c r="U50342" i="1"/>
  <c r="U50341" i="1"/>
  <c r="U50340" i="1"/>
  <c r="U50339" i="1"/>
  <c r="U50338" i="1"/>
  <c r="U50337" i="1"/>
  <c r="U50336" i="1"/>
  <c r="U50335" i="1"/>
  <c r="U50334" i="1"/>
  <c r="U50333" i="1"/>
  <c r="U50332" i="1"/>
  <c r="U50331" i="1"/>
  <c r="U50330" i="1"/>
  <c r="U50329" i="1"/>
  <c r="U50328" i="1"/>
  <c r="U50327" i="1"/>
  <c r="U50326" i="1"/>
  <c r="U50325" i="1"/>
  <c r="U50324" i="1"/>
  <c r="U50323" i="1"/>
  <c r="U50322" i="1"/>
  <c r="U50321" i="1"/>
  <c r="U50320" i="1"/>
  <c r="U50319" i="1"/>
  <c r="U50318" i="1"/>
  <c r="U50317" i="1"/>
  <c r="U50316" i="1"/>
  <c r="U50315" i="1"/>
  <c r="U50314" i="1"/>
  <c r="U50313" i="1"/>
  <c r="U50312" i="1"/>
  <c r="U50311" i="1"/>
  <c r="U50310" i="1"/>
  <c r="U50309" i="1"/>
  <c r="U50308" i="1"/>
  <c r="U50307" i="1"/>
  <c r="U50306" i="1"/>
  <c r="U50305" i="1"/>
  <c r="U50304" i="1"/>
  <c r="U50303" i="1"/>
  <c r="U50302" i="1"/>
  <c r="U50301" i="1"/>
  <c r="U50300" i="1"/>
  <c r="U50299" i="1"/>
  <c r="U50298" i="1"/>
  <c r="U50297" i="1"/>
  <c r="U50296" i="1"/>
  <c r="U50295" i="1"/>
  <c r="U50294" i="1"/>
  <c r="U50293" i="1"/>
  <c r="U50292" i="1"/>
  <c r="U50291" i="1"/>
  <c r="U50290" i="1"/>
  <c r="U50289" i="1"/>
  <c r="U50288" i="1"/>
  <c r="U50287" i="1"/>
  <c r="U50286" i="1"/>
  <c r="U50285" i="1"/>
  <c r="U50284" i="1"/>
  <c r="U50283" i="1"/>
  <c r="U50282" i="1"/>
  <c r="U50281" i="1"/>
  <c r="U50280" i="1"/>
  <c r="U50279" i="1"/>
  <c r="U50278" i="1"/>
  <c r="U50277" i="1"/>
  <c r="U50276" i="1"/>
  <c r="U50275" i="1"/>
  <c r="U50274" i="1"/>
  <c r="U50273" i="1"/>
  <c r="U50272" i="1"/>
  <c r="U50271" i="1"/>
  <c r="U50270" i="1"/>
  <c r="U50269" i="1"/>
  <c r="U50268" i="1"/>
  <c r="U50267" i="1"/>
  <c r="U50266" i="1"/>
  <c r="U50265" i="1"/>
  <c r="U50264" i="1"/>
  <c r="U50263" i="1"/>
  <c r="U50262" i="1"/>
  <c r="U50261" i="1"/>
  <c r="U50260" i="1"/>
  <c r="U50259" i="1"/>
  <c r="U50258" i="1"/>
  <c r="U50257" i="1"/>
  <c r="U50256" i="1"/>
  <c r="U50255" i="1"/>
  <c r="U50254" i="1"/>
  <c r="U50253" i="1"/>
  <c r="U50252" i="1"/>
  <c r="U50251" i="1"/>
  <c r="U50250" i="1"/>
  <c r="U50249" i="1"/>
  <c r="U50248" i="1"/>
  <c r="U50247" i="1"/>
  <c r="U50246" i="1"/>
  <c r="U50245" i="1"/>
  <c r="U50244" i="1"/>
  <c r="U50243" i="1"/>
  <c r="U50242" i="1"/>
  <c r="U50241" i="1"/>
  <c r="U50240" i="1"/>
  <c r="U50239" i="1"/>
  <c r="U50238" i="1"/>
  <c r="U50237" i="1"/>
  <c r="U50236" i="1"/>
  <c r="U50235" i="1"/>
  <c r="U50234" i="1"/>
  <c r="U50233" i="1"/>
  <c r="U50232" i="1"/>
  <c r="U50231" i="1"/>
  <c r="U50230" i="1"/>
  <c r="U50229" i="1"/>
  <c r="U50228" i="1"/>
  <c r="U50227" i="1"/>
  <c r="U50226" i="1"/>
  <c r="U50225" i="1"/>
  <c r="U50224" i="1"/>
  <c r="U50223" i="1"/>
  <c r="U50222" i="1"/>
  <c r="U50221" i="1"/>
  <c r="U50220" i="1"/>
  <c r="U50219" i="1"/>
  <c r="U50218" i="1"/>
  <c r="U50217" i="1"/>
  <c r="U50216" i="1"/>
  <c r="U50215" i="1"/>
  <c r="U50214" i="1"/>
  <c r="U50213" i="1"/>
  <c r="U50212" i="1"/>
  <c r="U50211" i="1"/>
  <c r="U50210" i="1"/>
  <c r="U50209" i="1"/>
  <c r="U50208" i="1"/>
  <c r="U50207" i="1"/>
  <c r="U50206" i="1"/>
  <c r="U50205" i="1"/>
  <c r="U50204" i="1"/>
  <c r="U50203" i="1"/>
  <c r="U50202" i="1"/>
  <c r="U50201" i="1"/>
  <c r="U50200" i="1"/>
  <c r="U50199" i="1"/>
  <c r="U50198" i="1"/>
  <c r="U50197" i="1"/>
  <c r="U50196" i="1"/>
  <c r="U50195" i="1"/>
  <c r="U50194" i="1"/>
  <c r="U50193" i="1"/>
  <c r="U50192" i="1"/>
  <c r="U50191" i="1"/>
  <c r="U50190" i="1"/>
  <c r="U50189" i="1"/>
  <c r="U50188" i="1"/>
  <c r="U50187" i="1"/>
  <c r="U50186" i="1"/>
  <c r="U50185" i="1"/>
  <c r="U50184" i="1"/>
  <c r="U50183" i="1"/>
  <c r="U50182" i="1"/>
  <c r="U50181" i="1"/>
  <c r="U50180" i="1"/>
  <c r="U50179" i="1"/>
  <c r="U50178" i="1"/>
  <c r="U50177" i="1"/>
  <c r="U50176" i="1"/>
  <c r="U50175" i="1"/>
  <c r="U50174" i="1"/>
  <c r="U50173" i="1"/>
  <c r="U50172" i="1"/>
  <c r="U50171" i="1"/>
  <c r="U50170" i="1"/>
  <c r="U50169" i="1"/>
  <c r="U50168" i="1"/>
  <c r="U50167" i="1"/>
  <c r="U50166" i="1"/>
  <c r="U50165" i="1"/>
  <c r="U50164" i="1"/>
  <c r="U50163" i="1"/>
  <c r="U50162" i="1"/>
  <c r="U50161" i="1"/>
  <c r="U50160" i="1"/>
  <c r="U50159" i="1"/>
  <c r="U50158" i="1"/>
  <c r="U50157" i="1"/>
  <c r="U50156" i="1"/>
  <c r="U50155" i="1"/>
  <c r="U50154" i="1"/>
  <c r="U50153" i="1"/>
  <c r="U50152" i="1"/>
  <c r="U50151" i="1"/>
  <c r="U50150" i="1"/>
  <c r="U50149" i="1"/>
  <c r="U50148" i="1"/>
  <c r="U50147" i="1"/>
  <c r="U50146" i="1"/>
  <c r="U50145" i="1"/>
  <c r="U50144" i="1"/>
  <c r="U50143" i="1"/>
  <c r="U50142" i="1"/>
  <c r="U50141" i="1"/>
  <c r="U50140" i="1"/>
  <c r="U50139" i="1"/>
  <c r="U50138" i="1"/>
  <c r="U50137" i="1"/>
  <c r="U50136" i="1"/>
  <c r="U50135" i="1"/>
  <c r="U50134" i="1"/>
  <c r="U50133" i="1"/>
  <c r="U50132" i="1"/>
  <c r="U50131" i="1"/>
  <c r="U50130" i="1"/>
  <c r="U50129" i="1"/>
  <c r="U50128" i="1"/>
  <c r="U50127" i="1"/>
  <c r="U50126" i="1"/>
  <c r="U50125" i="1"/>
  <c r="U50124" i="1"/>
  <c r="U50123" i="1"/>
  <c r="U50122" i="1"/>
  <c r="U50121" i="1"/>
  <c r="U50120" i="1"/>
  <c r="U50119" i="1"/>
  <c r="U50118" i="1"/>
  <c r="U50117" i="1"/>
  <c r="U50116" i="1"/>
  <c r="U50115" i="1"/>
  <c r="U50114" i="1"/>
  <c r="U50113" i="1"/>
  <c r="U50112" i="1"/>
  <c r="U50111" i="1"/>
  <c r="U50110" i="1"/>
  <c r="U50109" i="1"/>
  <c r="U50108" i="1"/>
  <c r="U50107" i="1"/>
  <c r="U50106" i="1"/>
  <c r="U50105" i="1"/>
  <c r="U50104" i="1"/>
  <c r="U50103" i="1"/>
  <c r="U50102" i="1"/>
  <c r="U50101" i="1"/>
  <c r="U50100" i="1"/>
  <c r="U50099" i="1"/>
  <c r="U50098" i="1"/>
  <c r="U50097" i="1"/>
  <c r="U50096" i="1"/>
  <c r="U50095" i="1"/>
  <c r="U50094" i="1"/>
  <c r="U50093" i="1"/>
  <c r="U50092" i="1"/>
  <c r="U50091" i="1"/>
  <c r="U50090" i="1"/>
  <c r="U50089" i="1"/>
  <c r="U50088" i="1"/>
  <c r="U50087" i="1"/>
  <c r="U50086" i="1"/>
  <c r="U50085" i="1"/>
  <c r="U50084" i="1"/>
  <c r="U50083" i="1"/>
  <c r="U50082" i="1"/>
  <c r="U50081" i="1"/>
  <c r="U50080" i="1"/>
  <c r="U50079" i="1"/>
  <c r="U50078" i="1"/>
  <c r="U50077" i="1"/>
  <c r="U50076" i="1"/>
  <c r="U50075" i="1"/>
  <c r="U50074" i="1"/>
  <c r="U50073" i="1"/>
  <c r="U50072" i="1"/>
  <c r="U50071" i="1"/>
  <c r="U50070" i="1"/>
  <c r="U50069" i="1"/>
  <c r="U50068" i="1"/>
  <c r="U50067" i="1"/>
  <c r="U50066" i="1"/>
  <c r="U50065" i="1"/>
  <c r="U50064" i="1"/>
  <c r="U50063" i="1"/>
  <c r="U50062" i="1"/>
  <c r="U50061" i="1"/>
  <c r="U50060" i="1"/>
  <c r="U50059" i="1"/>
  <c r="U50058" i="1"/>
  <c r="U50057" i="1"/>
  <c r="U50056" i="1"/>
  <c r="U50055" i="1"/>
  <c r="U50054" i="1"/>
  <c r="U50053" i="1"/>
  <c r="U50052" i="1"/>
  <c r="U50051" i="1"/>
  <c r="U50050" i="1"/>
  <c r="U50049" i="1"/>
  <c r="U50048" i="1"/>
  <c r="U50047" i="1"/>
  <c r="U50046" i="1"/>
  <c r="U50045" i="1"/>
  <c r="U50044" i="1"/>
  <c r="U50043" i="1"/>
  <c r="U50042" i="1"/>
  <c r="U50041" i="1"/>
  <c r="U50040" i="1"/>
  <c r="U50039" i="1"/>
  <c r="U50038" i="1"/>
  <c r="U50037" i="1"/>
  <c r="U50036" i="1"/>
  <c r="U50035" i="1"/>
  <c r="U50034" i="1"/>
  <c r="U50033" i="1"/>
  <c r="U50032" i="1"/>
  <c r="U50031" i="1"/>
  <c r="U50030" i="1"/>
  <c r="U50029" i="1"/>
  <c r="U50028" i="1"/>
  <c r="U50027" i="1"/>
  <c r="U50026" i="1"/>
  <c r="U50025" i="1"/>
  <c r="U50024" i="1"/>
  <c r="U50023" i="1"/>
  <c r="U50022" i="1"/>
  <c r="U50021" i="1"/>
  <c r="U50020" i="1"/>
  <c r="U50019" i="1"/>
  <c r="U50018" i="1"/>
  <c r="U50017" i="1"/>
  <c r="U50016" i="1"/>
  <c r="U50015" i="1"/>
  <c r="U50014" i="1"/>
  <c r="U50013" i="1"/>
  <c r="U50012" i="1"/>
  <c r="U50011" i="1"/>
  <c r="U50010" i="1"/>
  <c r="U50009" i="1"/>
  <c r="U50008" i="1"/>
  <c r="U50007" i="1"/>
  <c r="U50006" i="1"/>
  <c r="U50005" i="1"/>
  <c r="U50004" i="1"/>
  <c r="U50003" i="1"/>
  <c r="U50002" i="1"/>
  <c r="U50001" i="1"/>
  <c r="U50000" i="1"/>
  <c r="U49999" i="1"/>
  <c r="U49998" i="1"/>
  <c r="U49997" i="1"/>
  <c r="U49996" i="1"/>
  <c r="U49995" i="1"/>
  <c r="U49994" i="1"/>
  <c r="U49993" i="1"/>
  <c r="U49992" i="1"/>
  <c r="U49991" i="1"/>
  <c r="U49990" i="1"/>
  <c r="U49989" i="1"/>
  <c r="U49988" i="1"/>
  <c r="U49987" i="1"/>
  <c r="U49986" i="1"/>
  <c r="U49985" i="1"/>
  <c r="U49984" i="1"/>
  <c r="U49983" i="1"/>
  <c r="U49982" i="1"/>
  <c r="U49981" i="1"/>
  <c r="U49980" i="1"/>
  <c r="U49979" i="1"/>
  <c r="U49978" i="1"/>
  <c r="U49977" i="1"/>
  <c r="U49976" i="1"/>
  <c r="U49975" i="1"/>
  <c r="U49974" i="1"/>
  <c r="U49973" i="1"/>
  <c r="U49972" i="1"/>
  <c r="U49971" i="1"/>
  <c r="U49970" i="1"/>
  <c r="U49969" i="1"/>
  <c r="U49968" i="1"/>
  <c r="U49967" i="1"/>
  <c r="U49966" i="1"/>
  <c r="U49965" i="1"/>
  <c r="U49964" i="1"/>
  <c r="U49963" i="1"/>
  <c r="U49962" i="1"/>
  <c r="U49961" i="1"/>
  <c r="U49960" i="1"/>
  <c r="U49959" i="1"/>
  <c r="U49958" i="1"/>
  <c r="U49957" i="1"/>
  <c r="U49956" i="1"/>
  <c r="U49955" i="1"/>
  <c r="U49954" i="1"/>
  <c r="U49953" i="1"/>
  <c r="U49952" i="1"/>
  <c r="U49951" i="1"/>
  <c r="U49950" i="1"/>
  <c r="U49949" i="1"/>
  <c r="U49948" i="1"/>
  <c r="U49947" i="1"/>
  <c r="U49946" i="1"/>
  <c r="U49945" i="1"/>
  <c r="U49944" i="1"/>
  <c r="U49943" i="1"/>
  <c r="U49942" i="1"/>
  <c r="U49941" i="1"/>
  <c r="U49940" i="1"/>
  <c r="U49939" i="1"/>
  <c r="U49938" i="1"/>
  <c r="U49937" i="1"/>
  <c r="U49936" i="1"/>
  <c r="U49935" i="1"/>
  <c r="U49934" i="1"/>
  <c r="U49933" i="1"/>
  <c r="U49932" i="1"/>
  <c r="U49931" i="1"/>
  <c r="U49930" i="1"/>
  <c r="U49929" i="1"/>
  <c r="U49928" i="1"/>
  <c r="U49927" i="1"/>
  <c r="U49926" i="1"/>
  <c r="U49925" i="1"/>
  <c r="U49924" i="1"/>
  <c r="U49923" i="1"/>
  <c r="U49922" i="1"/>
  <c r="U49921" i="1"/>
  <c r="U49920" i="1"/>
  <c r="U49919" i="1"/>
  <c r="U49918" i="1"/>
  <c r="U49917" i="1"/>
  <c r="U49916" i="1"/>
  <c r="U49915" i="1"/>
  <c r="U49914" i="1"/>
  <c r="U49913" i="1"/>
  <c r="U49912" i="1"/>
  <c r="U49911" i="1"/>
  <c r="U49910" i="1"/>
  <c r="U49909" i="1"/>
  <c r="U49908" i="1"/>
  <c r="U49907" i="1"/>
  <c r="U49906" i="1"/>
  <c r="U49905" i="1"/>
  <c r="U49904" i="1"/>
  <c r="U49903" i="1"/>
  <c r="U49902" i="1"/>
  <c r="U49901" i="1"/>
  <c r="U49900" i="1"/>
  <c r="U49899" i="1"/>
  <c r="U49898" i="1"/>
  <c r="U49897" i="1"/>
  <c r="U49896" i="1"/>
  <c r="U49895" i="1"/>
  <c r="U49894" i="1"/>
  <c r="U49893" i="1"/>
  <c r="U49892" i="1"/>
  <c r="U49891" i="1"/>
  <c r="U49890" i="1"/>
  <c r="U49889" i="1"/>
  <c r="U49888" i="1"/>
  <c r="U49887" i="1"/>
  <c r="U49886" i="1"/>
  <c r="U49885" i="1"/>
  <c r="U49884" i="1"/>
  <c r="U49883" i="1"/>
  <c r="U49882" i="1"/>
  <c r="U49881" i="1"/>
  <c r="U49880" i="1"/>
  <c r="U49879" i="1"/>
  <c r="U49878" i="1"/>
  <c r="U49877" i="1"/>
  <c r="U49876" i="1"/>
  <c r="U49875" i="1"/>
  <c r="U49874" i="1"/>
  <c r="U49873" i="1"/>
  <c r="U49872" i="1"/>
  <c r="U49871" i="1"/>
  <c r="U49870" i="1"/>
  <c r="U49869" i="1"/>
  <c r="U49868" i="1"/>
  <c r="U49867" i="1"/>
  <c r="U49866" i="1"/>
  <c r="U49865" i="1"/>
  <c r="U49864" i="1"/>
  <c r="U49863" i="1"/>
  <c r="U49862" i="1"/>
  <c r="U49861" i="1"/>
  <c r="U49860" i="1"/>
  <c r="U49859" i="1"/>
  <c r="U49858" i="1"/>
  <c r="U49857" i="1"/>
  <c r="U49856" i="1"/>
  <c r="U49855" i="1"/>
  <c r="U49854" i="1"/>
  <c r="U49853" i="1"/>
  <c r="U49852" i="1"/>
  <c r="U49851" i="1"/>
  <c r="U49850" i="1"/>
  <c r="U49849" i="1"/>
  <c r="U49848" i="1"/>
  <c r="U49847" i="1"/>
  <c r="U49846" i="1"/>
  <c r="U49845" i="1"/>
  <c r="U49844" i="1"/>
  <c r="U49843" i="1"/>
  <c r="U49842" i="1"/>
  <c r="U49841" i="1"/>
  <c r="U49840" i="1"/>
  <c r="U49839" i="1"/>
  <c r="U49838" i="1"/>
  <c r="U49837" i="1"/>
  <c r="U49836" i="1"/>
  <c r="U49835" i="1"/>
  <c r="U49834" i="1"/>
  <c r="U49833" i="1"/>
  <c r="U49832" i="1"/>
  <c r="U49831" i="1"/>
  <c r="U49830" i="1"/>
  <c r="U49829" i="1"/>
  <c r="U49828" i="1"/>
  <c r="U49827" i="1"/>
  <c r="U49826" i="1"/>
  <c r="U49825" i="1"/>
  <c r="U49824" i="1"/>
  <c r="U49823" i="1"/>
  <c r="U49822" i="1"/>
  <c r="U49821" i="1"/>
  <c r="U49820" i="1"/>
  <c r="U49819" i="1"/>
  <c r="U49818" i="1"/>
  <c r="U49817" i="1"/>
  <c r="U49816" i="1"/>
  <c r="U49815" i="1"/>
  <c r="U49814" i="1"/>
  <c r="U49813" i="1"/>
  <c r="U49812" i="1"/>
  <c r="U49811" i="1"/>
  <c r="U49810" i="1"/>
  <c r="U49809" i="1"/>
  <c r="U49808" i="1"/>
  <c r="U49807" i="1"/>
  <c r="U49806" i="1"/>
  <c r="U49805" i="1"/>
  <c r="U49804" i="1"/>
  <c r="U49803" i="1"/>
  <c r="U49802" i="1"/>
  <c r="U49801" i="1"/>
  <c r="U49800" i="1"/>
  <c r="U49799" i="1"/>
  <c r="U49798" i="1"/>
  <c r="U49797" i="1"/>
  <c r="U49796" i="1"/>
  <c r="U49795" i="1"/>
  <c r="U49794" i="1"/>
  <c r="U49793" i="1"/>
  <c r="U49792" i="1"/>
  <c r="U49791" i="1"/>
  <c r="U49790" i="1"/>
  <c r="U49789" i="1"/>
  <c r="U49788" i="1"/>
  <c r="U49787" i="1"/>
  <c r="U49786" i="1"/>
  <c r="U49785" i="1"/>
  <c r="U49784" i="1"/>
  <c r="U49783" i="1"/>
  <c r="U49782" i="1"/>
  <c r="U49781" i="1"/>
  <c r="U49780" i="1"/>
  <c r="U49779" i="1"/>
  <c r="U49778" i="1"/>
  <c r="U49777" i="1"/>
  <c r="U49776" i="1"/>
  <c r="U49775" i="1"/>
  <c r="U49774" i="1"/>
  <c r="U49773" i="1"/>
  <c r="U49772" i="1"/>
  <c r="U49771" i="1"/>
  <c r="U49770" i="1"/>
  <c r="U49769" i="1"/>
  <c r="U49768" i="1"/>
  <c r="U49767" i="1"/>
  <c r="U49766" i="1"/>
  <c r="U49765" i="1"/>
  <c r="U49764" i="1"/>
  <c r="U49763" i="1"/>
  <c r="U49762" i="1"/>
  <c r="U49761" i="1"/>
  <c r="U49760" i="1"/>
  <c r="U49759" i="1"/>
  <c r="U49758" i="1"/>
  <c r="U49757" i="1"/>
  <c r="U49756" i="1"/>
  <c r="U49755" i="1"/>
  <c r="U49754" i="1"/>
  <c r="U49753" i="1"/>
  <c r="U49752" i="1"/>
  <c r="U49751" i="1"/>
  <c r="U49750" i="1"/>
  <c r="U49749" i="1"/>
  <c r="U49748" i="1"/>
  <c r="U49747" i="1"/>
  <c r="U49746" i="1"/>
  <c r="U49745" i="1"/>
  <c r="U49744" i="1"/>
  <c r="U49743" i="1"/>
  <c r="U49742" i="1"/>
  <c r="U49741" i="1"/>
  <c r="U49740" i="1"/>
  <c r="U49739" i="1"/>
  <c r="U49738" i="1"/>
  <c r="U49737" i="1"/>
  <c r="U49736" i="1"/>
  <c r="U49735" i="1"/>
  <c r="U49734" i="1"/>
  <c r="U49733" i="1"/>
  <c r="U49732" i="1"/>
  <c r="U49731" i="1"/>
  <c r="U49730" i="1"/>
  <c r="U49729" i="1"/>
  <c r="U49728" i="1"/>
  <c r="U49727" i="1"/>
  <c r="U49726" i="1"/>
  <c r="U49725" i="1"/>
  <c r="U49724" i="1"/>
  <c r="U49723" i="1"/>
  <c r="U49722" i="1"/>
  <c r="U49721" i="1"/>
  <c r="U49720" i="1"/>
  <c r="U49719" i="1"/>
  <c r="U49718" i="1"/>
  <c r="U49717" i="1"/>
  <c r="U49716" i="1"/>
  <c r="U49715" i="1"/>
  <c r="U49714" i="1"/>
  <c r="U49713" i="1"/>
  <c r="U49712" i="1"/>
  <c r="U49711" i="1"/>
  <c r="U49710" i="1"/>
  <c r="U49709" i="1"/>
  <c r="U49708" i="1"/>
  <c r="U49707" i="1"/>
  <c r="U49706" i="1"/>
  <c r="U49705" i="1"/>
  <c r="U49704" i="1"/>
  <c r="U49703" i="1"/>
  <c r="U49702" i="1"/>
  <c r="U49701" i="1"/>
  <c r="U49700" i="1"/>
  <c r="U49699" i="1"/>
  <c r="U49698" i="1"/>
  <c r="U49697" i="1"/>
  <c r="U49696" i="1"/>
  <c r="U49695" i="1"/>
  <c r="U49694" i="1"/>
  <c r="U49693" i="1"/>
  <c r="U49692" i="1"/>
  <c r="U49691" i="1"/>
  <c r="U49690" i="1"/>
  <c r="U49689" i="1"/>
  <c r="U49688" i="1"/>
  <c r="U49687" i="1"/>
  <c r="U49686" i="1"/>
  <c r="U49685" i="1"/>
  <c r="U49684" i="1"/>
  <c r="U49683" i="1"/>
  <c r="U49682" i="1"/>
  <c r="U49681" i="1"/>
  <c r="U49680" i="1"/>
  <c r="U49679" i="1"/>
  <c r="U49678" i="1"/>
  <c r="U49677" i="1"/>
  <c r="U49676" i="1"/>
  <c r="U49675" i="1"/>
  <c r="U49674" i="1"/>
  <c r="U49673" i="1"/>
  <c r="U49672" i="1"/>
  <c r="U49671" i="1"/>
  <c r="U49670" i="1"/>
  <c r="U49669" i="1"/>
  <c r="U49668" i="1"/>
  <c r="U49667" i="1"/>
  <c r="U49666" i="1"/>
  <c r="U49665" i="1"/>
  <c r="U49664" i="1"/>
  <c r="U49663" i="1"/>
  <c r="U49662" i="1"/>
  <c r="U49661" i="1"/>
  <c r="U49660" i="1"/>
  <c r="U49659" i="1"/>
  <c r="U49658" i="1"/>
  <c r="U49657" i="1"/>
  <c r="U49656" i="1"/>
  <c r="U49655" i="1"/>
  <c r="U49654" i="1"/>
  <c r="U49653" i="1"/>
  <c r="U49652" i="1"/>
  <c r="U49651" i="1"/>
  <c r="U49650" i="1"/>
  <c r="U49649" i="1"/>
  <c r="U49648" i="1"/>
  <c r="U49647" i="1"/>
  <c r="U49646" i="1"/>
  <c r="U49645" i="1"/>
  <c r="U49644" i="1"/>
  <c r="U49643" i="1"/>
  <c r="U49642" i="1"/>
  <c r="U49641" i="1"/>
  <c r="U49640" i="1"/>
  <c r="U49639" i="1"/>
  <c r="U49638" i="1"/>
  <c r="U49637" i="1"/>
  <c r="U49636" i="1"/>
  <c r="U49635" i="1"/>
  <c r="U49634" i="1"/>
  <c r="U49633" i="1"/>
  <c r="U49632" i="1"/>
  <c r="U49631" i="1"/>
  <c r="U49630" i="1"/>
  <c r="U49629" i="1"/>
  <c r="U49628" i="1"/>
  <c r="U49627" i="1"/>
  <c r="U49626" i="1"/>
  <c r="U49625" i="1"/>
  <c r="U49624" i="1"/>
  <c r="U49623" i="1"/>
  <c r="U49622" i="1"/>
  <c r="U49621" i="1"/>
  <c r="U49620" i="1"/>
  <c r="U49619" i="1"/>
  <c r="U49618" i="1"/>
  <c r="U49617" i="1"/>
  <c r="U49616" i="1"/>
  <c r="U49615" i="1"/>
  <c r="U49614" i="1"/>
  <c r="U49613" i="1"/>
  <c r="U49612" i="1"/>
  <c r="U49611" i="1"/>
  <c r="U49610" i="1"/>
  <c r="U49609" i="1"/>
  <c r="U49608" i="1"/>
  <c r="U49607" i="1"/>
  <c r="U49606" i="1"/>
  <c r="U49605" i="1"/>
  <c r="U49604" i="1"/>
  <c r="U49603" i="1"/>
  <c r="U49602" i="1"/>
  <c r="U49601" i="1"/>
  <c r="U49600" i="1"/>
  <c r="U49599" i="1"/>
  <c r="U49598" i="1"/>
  <c r="U49597" i="1"/>
  <c r="U49596" i="1"/>
  <c r="U49595" i="1"/>
  <c r="U49594" i="1"/>
  <c r="U49593" i="1"/>
  <c r="U49592" i="1"/>
  <c r="U49591" i="1"/>
  <c r="U49590" i="1"/>
  <c r="U49589" i="1"/>
  <c r="U49588" i="1"/>
  <c r="U49587" i="1"/>
  <c r="U49586" i="1"/>
  <c r="U49585" i="1"/>
  <c r="U49584" i="1"/>
  <c r="U49583" i="1"/>
  <c r="U49582" i="1"/>
  <c r="U49581" i="1"/>
  <c r="U49580" i="1"/>
  <c r="U49579" i="1"/>
  <c r="U49578" i="1"/>
  <c r="U49577" i="1"/>
  <c r="U49576" i="1"/>
  <c r="U49575" i="1"/>
  <c r="U49574" i="1"/>
  <c r="U49573" i="1"/>
  <c r="U49572" i="1"/>
  <c r="U49571" i="1"/>
  <c r="U49570" i="1"/>
  <c r="U49569" i="1"/>
  <c r="U49568" i="1"/>
  <c r="U49567" i="1"/>
  <c r="U49566" i="1"/>
  <c r="U49565" i="1"/>
  <c r="U49564" i="1"/>
  <c r="U49563" i="1"/>
  <c r="U49562" i="1"/>
  <c r="U49561" i="1"/>
  <c r="U49560" i="1"/>
  <c r="U49559" i="1"/>
  <c r="U49558" i="1"/>
  <c r="U49557" i="1"/>
  <c r="U49556" i="1"/>
  <c r="U49555" i="1"/>
  <c r="U49554" i="1"/>
  <c r="U49553" i="1"/>
  <c r="U49552" i="1"/>
  <c r="U49551" i="1"/>
  <c r="U49550" i="1"/>
  <c r="U49549" i="1"/>
  <c r="U49548" i="1"/>
  <c r="U49547" i="1"/>
  <c r="U49546" i="1"/>
  <c r="U49545" i="1"/>
  <c r="U49544" i="1"/>
  <c r="U49543" i="1"/>
  <c r="U49542" i="1"/>
  <c r="U49541" i="1"/>
  <c r="U49540" i="1"/>
  <c r="U49539" i="1"/>
  <c r="U49538" i="1"/>
  <c r="U49537" i="1"/>
  <c r="U49536" i="1"/>
  <c r="U49535" i="1"/>
  <c r="U49534" i="1"/>
  <c r="U49533" i="1"/>
  <c r="U49532" i="1"/>
  <c r="U49531" i="1"/>
  <c r="U49530" i="1"/>
  <c r="U49529" i="1"/>
  <c r="U49528" i="1"/>
  <c r="U49527" i="1"/>
  <c r="U49526" i="1"/>
  <c r="U49525" i="1"/>
  <c r="U49524" i="1"/>
  <c r="U49523" i="1"/>
  <c r="U49522" i="1"/>
  <c r="U49521" i="1"/>
  <c r="U49520" i="1"/>
  <c r="U49519" i="1"/>
  <c r="U49518" i="1"/>
  <c r="U49517" i="1"/>
  <c r="U49516" i="1"/>
  <c r="U49515" i="1"/>
  <c r="U49514" i="1"/>
  <c r="U49513" i="1"/>
  <c r="U49512" i="1"/>
  <c r="U49511" i="1"/>
  <c r="U49510" i="1"/>
  <c r="U49509" i="1"/>
  <c r="U49508" i="1"/>
  <c r="U49507" i="1"/>
  <c r="U49506" i="1"/>
  <c r="U49505" i="1"/>
  <c r="U49504" i="1"/>
  <c r="U49503" i="1"/>
  <c r="U49502" i="1"/>
  <c r="U49501" i="1"/>
  <c r="U49500" i="1"/>
  <c r="U49499" i="1"/>
  <c r="U49498" i="1"/>
  <c r="U49497" i="1"/>
  <c r="U49496" i="1"/>
  <c r="U49495" i="1"/>
  <c r="U49494" i="1"/>
  <c r="U49493" i="1"/>
  <c r="U49492" i="1"/>
  <c r="U49491" i="1"/>
  <c r="U49490" i="1"/>
  <c r="U49489" i="1"/>
  <c r="U49488" i="1"/>
  <c r="U49487" i="1"/>
  <c r="U49486" i="1"/>
  <c r="U49485" i="1"/>
  <c r="U49484" i="1"/>
  <c r="U49483" i="1"/>
  <c r="U49482" i="1"/>
  <c r="U49481" i="1"/>
  <c r="U49480" i="1"/>
  <c r="U49479" i="1"/>
  <c r="U49478" i="1"/>
  <c r="U49477" i="1"/>
  <c r="U49476" i="1"/>
  <c r="U49475" i="1"/>
  <c r="U49474" i="1"/>
  <c r="U49473" i="1"/>
  <c r="U49472" i="1"/>
  <c r="U49471" i="1"/>
  <c r="U49470" i="1"/>
  <c r="U49469" i="1"/>
  <c r="U49468" i="1"/>
  <c r="U49467" i="1"/>
  <c r="U49466" i="1"/>
  <c r="U49465" i="1"/>
  <c r="U49464" i="1"/>
  <c r="U49463" i="1"/>
  <c r="U49462" i="1"/>
  <c r="U49461" i="1"/>
  <c r="U49460" i="1"/>
  <c r="U49459" i="1"/>
  <c r="U49458" i="1"/>
  <c r="U49457" i="1"/>
  <c r="U49456" i="1"/>
  <c r="U49455" i="1"/>
  <c r="U49454" i="1"/>
  <c r="U49453" i="1"/>
  <c r="U49452" i="1"/>
  <c r="U49451" i="1"/>
  <c r="U49450" i="1"/>
  <c r="U49449" i="1"/>
  <c r="U49448" i="1"/>
  <c r="U49447" i="1"/>
  <c r="U49446" i="1"/>
  <c r="U49445" i="1"/>
  <c r="U49444" i="1"/>
  <c r="U49443" i="1"/>
  <c r="U49442" i="1"/>
  <c r="U49441" i="1"/>
  <c r="U49440" i="1"/>
  <c r="U49439" i="1"/>
  <c r="U49438" i="1"/>
  <c r="U49437" i="1"/>
  <c r="U49436" i="1"/>
  <c r="U49435" i="1"/>
  <c r="U49434" i="1"/>
  <c r="U49433" i="1"/>
  <c r="U49432" i="1"/>
  <c r="U49431" i="1"/>
  <c r="U49430" i="1"/>
  <c r="U49429" i="1"/>
  <c r="U49428" i="1"/>
  <c r="U49427" i="1"/>
  <c r="U49426" i="1"/>
  <c r="U49425" i="1"/>
  <c r="U49424" i="1"/>
  <c r="U49423" i="1"/>
  <c r="U49422" i="1"/>
  <c r="U49421" i="1"/>
  <c r="U49420" i="1"/>
  <c r="U49419" i="1"/>
  <c r="U49418" i="1"/>
  <c r="U49417" i="1"/>
  <c r="U49416" i="1"/>
  <c r="U49415" i="1"/>
  <c r="U49414" i="1"/>
  <c r="U49413" i="1"/>
  <c r="U49412" i="1"/>
  <c r="U49411" i="1"/>
  <c r="U49410" i="1"/>
  <c r="U49409" i="1"/>
  <c r="U49408" i="1"/>
  <c r="U49407" i="1"/>
  <c r="U49406" i="1"/>
  <c r="U49405" i="1"/>
  <c r="U49404" i="1"/>
  <c r="U49403" i="1"/>
  <c r="U49402" i="1"/>
  <c r="U49401" i="1"/>
  <c r="U49400" i="1"/>
  <c r="U49399" i="1"/>
  <c r="U49398" i="1"/>
  <c r="U49397" i="1"/>
  <c r="U49396" i="1"/>
  <c r="U49395" i="1"/>
  <c r="U49394" i="1"/>
  <c r="U49393" i="1"/>
  <c r="U49392" i="1"/>
  <c r="U49391" i="1"/>
  <c r="U49390" i="1"/>
  <c r="U49389" i="1"/>
  <c r="U49388" i="1"/>
  <c r="U49387" i="1"/>
  <c r="U49386" i="1"/>
  <c r="U49385" i="1"/>
  <c r="U49384" i="1"/>
  <c r="U49383" i="1"/>
  <c r="U49382" i="1"/>
  <c r="U49381" i="1"/>
  <c r="U49380" i="1"/>
  <c r="U49379" i="1"/>
  <c r="U49378" i="1"/>
  <c r="U49377" i="1"/>
  <c r="U49376" i="1"/>
  <c r="U49375" i="1"/>
  <c r="U49374" i="1"/>
  <c r="U49373" i="1"/>
  <c r="U49372" i="1"/>
  <c r="U49371" i="1"/>
  <c r="U49370" i="1"/>
  <c r="U49369" i="1"/>
  <c r="U49368" i="1"/>
  <c r="U49367" i="1"/>
  <c r="U49366" i="1"/>
  <c r="U49365" i="1"/>
  <c r="U49364" i="1"/>
  <c r="U49363" i="1"/>
  <c r="U49362" i="1"/>
  <c r="U49361" i="1"/>
  <c r="U49360" i="1"/>
  <c r="U49359" i="1"/>
  <c r="U49358" i="1"/>
  <c r="U49357" i="1"/>
  <c r="U49356" i="1"/>
  <c r="U49355" i="1"/>
  <c r="U49354" i="1"/>
  <c r="U49353" i="1"/>
  <c r="U49352" i="1"/>
  <c r="U49351" i="1"/>
  <c r="U49350" i="1"/>
  <c r="U49349" i="1"/>
  <c r="U49348" i="1"/>
  <c r="U49347" i="1"/>
  <c r="U49346" i="1"/>
  <c r="U49345" i="1"/>
  <c r="U49344" i="1"/>
  <c r="U49343" i="1"/>
  <c r="U49342" i="1"/>
  <c r="U49341" i="1"/>
  <c r="U49340" i="1"/>
  <c r="U49339" i="1"/>
  <c r="U49338" i="1"/>
  <c r="U49337" i="1"/>
  <c r="U49336" i="1"/>
  <c r="U49335" i="1"/>
  <c r="U49334" i="1"/>
  <c r="U49333" i="1"/>
  <c r="U49332" i="1"/>
  <c r="U49331" i="1"/>
  <c r="U49330" i="1"/>
  <c r="U49329" i="1"/>
  <c r="U49328" i="1"/>
  <c r="U49327" i="1"/>
  <c r="U49326" i="1"/>
  <c r="U49325" i="1"/>
  <c r="U49324" i="1"/>
  <c r="U49323" i="1"/>
  <c r="U49322" i="1"/>
  <c r="U49321" i="1"/>
  <c r="U49320" i="1"/>
  <c r="U49319" i="1"/>
  <c r="U49318" i="1"/>
  <c r="U49317" i="1"/>
  <c r="U49316" i="1"/>
  <c r="U49315" i="1"/>
  <c r="U49314" i="1"/>
  <c r="U49313" i="1"/>
  <c r="U49312" i="1"/>
  <c r="U49311" i="1"/>
  <c r="U49310" i="1"/>
  <c r="U49309" i="1"/>
  <c r="U49308" i="1"/>
  <c r="U49307" i="1"/>
  <c r="U49306" i="1"/>
  <c r="U49305" i="1"/>
  <c r="U49304" i="1"/>
  <c r="U49303" i="1"/>
  <c r="U49302" i="1"/>
  <c r="U49301" i="1"/>
  <c r="U49300" i="1"/>
  <c r="U49299" i="1"/>
  <c r="U49298" i="1"/>
  <c r="U49297" i="1"/>
  <c r="U49296" i="1"/>
  <c r="U49295" i="1"/>
  <c r="U49294" i="1"/>
  <c r="U49293" i="1"/>
  <c r="U49292" i="1"/>
  <c r="U49291" i="1"/>
  <c r="U49290" i="1"/>
  <c r="U49289" i="1"/>
  <c r="U49288" i="1"/>
  <c r="U49287" i="1"/>
  <c r="U49286" i="1"/>
  <c r="U49285" i="1"/>
  <c r="U49284" i="1"/>
  <c r="U49283" i="1"/>
  <c r="U49282" i="1"/>
  <c r="U49281" i="1"/>
  <c r="U49280" i="1"/>
  <c r="U49279" i="1"/>
  <c r="U49278" i="1"/>
  <c r="U49277" i="1"/>
  <c r="U49276" i="1"/>
  <c r="U49275" i="1"/>
  <c r="U49274" i="1"/>
  <c r="U49273" i="1"/>
  <c r="U49272" i="1"/>
  <c r="U49271" i="1"/>
  <c r="U49270" i="1"/>
  <c r="U49269" i="1"/>
  <c r="U49268" i="1"/>
  <c r="U49267" i="1"/>
  <c r="U49266" i="1"/>
  <c r="U49265" i="1"/>
  <c r="U49264" i="1"/>
  <c r="U49263" i="1"/>
  <c r="U49262" i="1"/>
  <c r="U49261" i="1"/>
  <c r="U49260" i="1"/>
  <c r="U49259" i="1"/>
  <c r="U49258" i="1"/>
  <c r="U49257" i="1"/>
  <c r="U49256" i="1"/>
  <c r="U49255" i="1"/>
  <c r="U49254" i="1"/>
  <c r="U49253" i="1"/>
  <c r="U49252" i="1"/>
  <c r="U49251" i="1"/>
  <c r="U49250" i="1"/>
  <c r="U49249" i="1"/>
  <c r="U49248" i="1"/>
  <c r="U49247" i="1"/>
  <c r="U49246" i="1"/>
  <c r="U49245" i="1"/>
  <c r="U49244" i="1"/>
  <c r="U49243" i="1"/>
  <c r="U49242" i="1"/>
  <c r="U49241" i="1"/>
  <c r="U49240" i="1"/>
  <c r="U49239" i="1"/>
  <c r="U49238" i="1"/>
  <c r="U49237" i="1"/>
  <c r="U49236" i="1"/>
  <c r="U49235" i="1"/>
  <c r="U49234" i="1"/>
  <c r="U49233" i="1"/>
  <c r="U49232" i="1"/>
  <c r="U49231" i="1"/>
  <c r="U49230" i="1"/>
  <c r="U49229" i="1"/>
  <c r="U49228" i="1"/>
  <c r="U49227" i="1"/>
  <c r="U49226" i="1"/>
  <c r="U49225" i="1"/>
  <c r="U49224" i="1"/>
  <c r="U49223" i="1"/>
  <c r="U49222" i="1"/>
  <c r="U49221" i="1"/>
  <c r="U49220" i="1"/>
  <c r="U49219" i="1"/>
  <c r="U49218" i="1"/>
  <c r="U49217" i="1"/>
  <c r="U49216" i="1"/>
  <c r="U49215" i="1"/>
  <c r="U49214" i="1"/>
  <c r="U49213" i="1"/>
  <c r="U49212" i="1"/>
  <c r="U49211" i="1"/>
  <c r="U49210" i="1"/>
  <c r="U49209" i="1"/>
  <c r="U49208" i="1"/>
  <c r="U49207" i="1"/>
  <c r="U49206" i="1"/>
  <c r="U49205" i="1"/>
  <c r="U49204" i="1"/>
  <c r="U49203" i="1"/>
  <c r="U49202" i="1"/>
  <c r="U49201" i="1"/>
  <c r="U49200" i="1"/>
  <c r="U49199" i="1"/>
  <c r="U49198" i="1"/>
  <c r="U49197" i="1"/>
  <c r="U49196" i="1"/>
  <c r="U49195" i="1"/>
  <c r="U49194" i="1"/>
  <c r="U49193" i="1"/>
  <c r="U49192" i="1"/>
  <c r="U49191" i="1"/>
  <c r="U49190" i="1"/>
  <c r="U49189" i="1"/>
  <c r="U49188" i="1"/>
  <c r="U49187" i="1"/>
  <c r="U49186" i="1"/>
  <c r="U49185" i="1"/>
  <c r="U49184" i="1"/>
  <c r="U49183" i="1"/>
  <c r="U49182" i="1"/>
  <c r="U49181" i="1"/>
  <c r="U49180" i="1"/>
  <c r="U49179" i="1"/>
  <c r="U49178" i="1"/>
  <c r="U49177" i="1"/>
  <c r="U49176" i="1"/>
  <c r="U49175" i="1"/>
  <c r="U49174" i="1"/>
  <c r="U49173" i="1"/>
  <c r="U49172" i="1"/>
  <c r="U49171" i="1"/>
  <c r="U49170" i="1"/>
  <c r="U49169" i="1"/>
  <c r="U49168" i="1"/>
  <c r="U49167" i="1"/>
  <c r="U49166" i="1"/>
  <c r="U49165" i="1"/>
  <c r="U49164" i="1"/>
  <c r="U49163" i="1"/>
  <c r="U49162" i="1"/>
  <c r="U49161" i="1"/>
  <c r="U49160" i="1"/>
  <c r="U49159" i="1"/>
  <c r="U49158" i="1"/>
  <c r="U49157" i="1"/>
  <c r="U49156" i="1"/>
  <c r="U49155" i="1"/>
  <c r="U49154" i="1"/>
  <c r="U49153" i="1"/>
  <c r="U49152" i="1"/>
  <c r="U49151" i="1"/>
  <c r="U49150" i="1"/>
  <c r="U49149" i="1"/>
  <c r="U49148" i="1"/>
  <c r="U49147" i="1"/>
  <c r="U49146" i="1"/>
  <c r="U49145" i="1"/>
  <c r="U49144" i="1"/>
  <c r="U49143" i="1"/>
  <c r="U49142" i="1"/>
  <c r="U49141" i="1"/>
  <c r="U49140" i="1"/>
  <c r="U49139" i="1"/>
  <c r="U49138" i="1"/>
  <c r="U49137" i="1"/>
  <c r="U49136" i="1"/>
  <c r="U49135" i="1"/>
  <c r="U49134" i="1"/>
  <c r="U49133" i="1"/>
  <c r="U49132" i="1"/>
  <c r="U49131" i="1"/>
  <c r="U49130" i="1"/>
  <c r="U49129" i="1"/>
  <c r="U49128" i="1"/>
  <c r="U49127" i="1"/>
  <c r="U49126" i="1"/>
  <c r="U49125" i="1"/>
  <c r="U49124" i="1"/>
  <c r="U49123" i="1"/>
  <c r="U49122" i="1"/>
  <c r="U49121" i="1"/>
  <c r="U49120" i="1"/>
  <c r="U49119" i="1"/>
  <c r="U49118" i="1"/>
  <c r="U49117" i="1"/>
  <c r="U49116" i="1"/>
  <c r="U49115" i="1"/>
  <c r="U49114" i="1"/>
  <c r="U49113" i="1"/>
  <c r="U49112" i="1"/>
  <c r="U49111" i="1"/>
  <c r="U49110" i="1"/>
  <c r="U49109" i="1"/>
  <c r="U49108" i="1"/>
  <c r="U49107" i="1"/>
  <c r="U49106" i="1"/>
  <c r="U49105" i="1"/>
  <c r="U49104" i="1"/>
  <c r="U49103" i="1"/>
  <c r="U49102" i="1"/>
  <c r="U49101" i="1"/>
  <c r="U49100" i="1"/>
  <c r="U49099" i="1"/>
  <c r="U49098" i="1"/>
  <c r="U49097" i="1"/>
  <c r="U49096" i="1"/>
  <c r="U49095" i="1"/>
  <c r="U49094" i="1"/>
  <c r="U49093" i="1"/>
  <c r="U49092" i="1"/>
  <c r="U49091" i="1"/>
  <c r="U49090" i="1"/>
  <c r="U49089" i="1"/>
  <c r="U49088" i="1"/>
  <c r="U49087" i="1"/>
  <c r="U49086" i="1"/>
  <c r="U49085" i="1"/>
  <c r="U49084" i="1"/>
  <c r="U49083" i="1"/>
  <c r="U49082" i="1"/>
  <c r="U49081" i="1"/>
  <c r="U49080" i="1"/>
  <c r="U49079" i="1"/>
  <c r="U49078" i="1"/>
  <c r="U49077" i="1"/>
  <c r="U49076" i="1"/>
  <c r="U49075" i="1"/>
  <c r="U49074" i="1"/>
  <c r="U49073" i="1"/>
  <c r="U49072" i="1"/>
  <c r="U49071" i="1"/>
  <c r="U49070" i="1"/>
  <c r="U49069" i="1"/>
  <c r="U49068" i="1"/>
  <c r="U49067" i="1"/>
  <c r="U49066" i="1"/>
  <c r="U49065" i="1"/>
  <c r="U49064" i="1"/>
  <c r="U49063" i="1"/>
  <c r="U49062" i="1"/>
  <c r="U49061" i="1"/>
  <c r="U49060" i="1"/>
  <c r="U49059" i="1"/>
  <c r="U49058" i="1"/>
  <c r="U49057" i="1"/>
  <c r="U49056" i="1"/>
  <c r="U49055" i="1"/>
  <c r="U49054" i="1"/>
  <c r="U49053" i="1"/>
  <c r="U49052" i="1"/>
  <c r="U49051" i="1"/>
  <c r="U49050" i="1"/>
  <c r="U49049" i="1"/>
  <c r="U49048" i="1"/>
  <c r="U49047" i="1"/>
  <c r="U49046" i="1"/>
  <c r="U49045" i="1"/>
  <c r="U49044" i="1"/>
  <c r="U49043" i="1"/>
  <c r="U49042" i="1"/>
  <c r="U49041" i="1"/>
  <c r="U49040" i="1"/>
  <c r="U49039" i="1"/>
  <c r="U49038" i="1"/>
  <c r="U49037" i="1"/>
  <c r="U49036" i="1"/>
  <c r="U49035" i="1"/>
  <c r="U49034" i="1"/>
  <c r="U49033" i="1"/>
  <c r="U49032" i="1"/>
  <c r="U49031" i="1"/>
  <c r="U49030" i="1"/>
  <c r="U49029" i="1"/>
  <c r="U49028" i="1"/>
  <c r="U49027" i="1"/>
  <c r="U49026" i="1"/>
  <c r="U49025" i="1"/>
  <c r="U49024" i="1"/>
  <c r="U49023" i="1"/>
  <c r="U49022" i="1"/>
  <c r="U49021" i="1"/>
  <c r="U49020" i="1"/>
  <c r="U49019" i="1"/>
  <c r="U49018" i="1"/>
  <c r="U49017" i="1"/>
  <c r="U49016" i="1"/>
  <c r="U49015" i="1"/>
  <c r="U49014" i="1"/>
  <c r="U49013" i="1"/>
  <c r="U49012" i="1"/>
  <c r="U49011" i="1"/>
  <c r="U49010" i="1"/>
  <c r="U49009" i="1"/>
  <c r="U49008" i="1"/>
  <c r="U49007" i="1"/>
  <c r="U49006" i="1"/>
  <c r="U49005" i="1"/>
  <c r="U49004" i="1"/>
  <c r="U49003" i="1"/>
  <c r="U49002" i="1"/>
  <c r="U49001" i="1"/>
  <c r="U49000" i="1"/>
  <c r="U48999" i="1"/>
  <c r="U48998" i="1"/>
  <c r="U48997" i="1"/>
  <c r="U48996" i="1"/>
  <c r="U48995" i="1"/>
  <c r="U48994" i="1"/>
  <c r="U48993" i="1"/>
  <c r="U48992" i="1"/>
  <c r="U48991" i="1"/>
  <c r="U48990" i="1"/>
  <c r="U48989" i="1"/>
  <c r="U48988" i="1"/>
  <c r="U48987" i="1"/>
  <c r="U48986" i="1"/>
  <c r="U48985" i="1"/>
  <c r="U48984" i="1"/>
  <c r="U48983" i="1"/>
  <c r="U48982" i="1"/>
  <c r="U48981" i="1"/>
  <c r="U48980" i="1"/>
  <c r="U48979" i="1"/>
  <c r="U48978" i="1"/>
  <c r="U48977" i="1"/>
  <c r="U48976" i="1"/>
  <c r="U48975" i="1"/>
  <c r="U48974" i="1"/>
  <c r="U48973" i="1"/>
  <c r="U48972" i="1"/>
  <c r="U48971" i="1"/>
  <c r="U48970" i="1"/>
  <c r="U48969" i="1"/>
  <c r="U48968" i="1"/>
  <c r="U48967" i="1"/>
  <c r="U48966" i="1"/>
  <c r="U48965" i="1"/>
  <c r="U48964" i="1"/>
  <c r="U48963" i="1"/>
  <c r="U48962" i="1"/>
  <c r="U48961" i="1"/>
  <c r="U48960" i="1"/>
  <c r="U48959" i="1"/>
  <c r="U48958" i="1"/>
  <c r="U48957" i="1"/>
  <c r="U48956" i="1"/>
  <c r="U48955" i="1"/>
  <c r="U48954" i="1"/>
  <c r="U48953" i="1"/>
  <c r="U48952" i="1"/>
  <c r="U48951" i="1"/>
  <c r="U48950" i="1"/>
  <c r="U48949" i="1"/>
  <c r="U48948" i="1"/>
  <c r="U48947" i="1"/>
  <c r="U48946" i="1"/>
  <c r="U48945" i="1"/>
  <c r="U48944" i="1"/>
  <c r="U48943" i="1"/>
  <c r="U48942" i="1"/>
  <c r="U48941" i="1"/>
  <c r="U48940" i="1"/>
  <c r="U48939" i="1"/>
  <c r="U48938" i="1"/>
  <c r="U48937" i="1"/>
  <c r="U48936" i="1"/>
  <c r="U48935" i="1"/>
  <c r="U48934" i="1"/>
  <c r="U48933" i="1"/>
  <c r="U48932" i="1"/>
  <c r="U48931" i="1"/>
  <c r="U48930" i="1"/>
  <c r="U48929" i="1"/>
  <c r="U48928" i="1"/>
  <c r="U48927" i="1"/>
  <c r="U48926" i="1"/>
  <c r="U48925" i="1"/>
  <c r="U48924" i="1"/>
  <c r="U48923" i="1"/>
  <c r="U48922" i="1"/>
  <c r="U48921" i="1"/>
  <c r="U48920" i="1"/>
  <c r="U48919" i="1"/>
  <c r="U48918" i="1"/>
  <c r="U48917" i="1"/>
  <c r="U48916" i="1"/>
  <c r="U48915" i="1"/>
  <c r="U48914" i="1"/>
  <c r="U48913" i="1"/>
  <c r="U48912" i="1"/>
  <c r="U48911" i="1"/>
  <c r="U48910" i="1"/>
  <c r="U48909" i="1"/>
  <c r="U48908" i="1"/>
  <c r="U48907" i="1"/>
  <c r="U48906" i="1"/>
  <c r="U48905" i="1"/>
  <c r="U48904" i="1"/>
  <c r="U48903" i="1"/>
  <c r="U48902" i="1"/>
  <c r="U48901" i="1"/>
  <c r="U48900" i="1"/>
  <c r="U48899" i="1"/>
  <c r="U48898" i="1"/>
  <c r="U48897" i="1"/>
  <c r="U48896" i="1"/>
  <c r="U48895" i="1"/>
  <c r="U48894" i="1"/>
  <c r="U48893" i="1"/>
  <c r="U48892" i="1"/>
  <c r="U48891" i="1"/>
  <c r="U48890" i="1"/>
  <c r="U48889" i="1"/>
  <c r="U48888" i="1"/>
  <c r="U48887" i="1"/>
  <c r="U48886" i="1"/>
  <c r="U48885" i="1"/>
  <c r="U48884" i="1"/>
  <c r="U48883" i="1"/>
  <c r="U48882" i="1"/>
  <c r="U48881" i="1"/>
  <c r="U48880" i="1"/>
  <c r="U48879" i="1"/>
  <c r="U48878" i="1"/>
  <c r="U48877" i="1"/>
  <c r="U48876" i="1"/>
  <c r="U48875" i="1"/>
  <c r="U48874" i="1"/>
  <c r="U48873" i="1"/>
  <c r="U48872" i="1"/>
  <c r="U48871" i="1"/>
  <c r="U48870" i="1"/>
  <c r="U48869" i="1"/>
  <c r="U48868" i="1"/>
  <c r="U48867" i="1"/>
  <c r="U48866" i="1"/>
  <c r="U48865" i="1"/>
  <c r="U48864" i="1"/>
  <c r="U48863" i="1"/>
  <c r="U48862" i="1"/>
  <c r="U48861" i="1"/>
  <c r="U48860" i="1"/>
  <c r="U48859" i="1"/>
  <c r="U48858" i="1"/>
  <c r="U48857" i="1"/>
  <c r="U48856" i="1"/>
  <c r="U48855" i="1"/>
  <c r="U48854" i="1"/>
  <c r="U48853" i="1"/>
  <c r="U48852" i="1"/>
  <c r="U48851" i="1"/>
  <c r="U48850" i="1"/>
  <c r="U48849" i="1"/>
  <c r="U48848" i="1"/>
  <c r="U48847" i="1"/>
  <c r="U48846" i="1"/>
  <c r="U48845" i="1"/>
  <c r="U48844" i="1"/>
  <c r="U48843" i="1"/>
  <c r="U48842" i="1"/>
  <c r="U48841" i="1"/>
  <c r="U48840" i="1"/>
  <c r="U48839" i="1"/>
  <c r="U48838" i="1"/>
  <c r="U48837" i="1"/>
  <c r="U48836" i="1"/>
  <c r="U48835" i="1"/>
  <c r="U48834" i="1"/>
  <c r="U48833" i="1"/>
  <c r="U48832" i="1"/>
  <c r="U48831" i="1"/>
  <c r="U48830" i="1"/>
  <c r="U48829" i="1"/>
  <c r="U48828" i="1"/>
  <c r="U48827" i="1"/>
  <c r="U48826" i="1"/>
  <c r="U48825" i="1"/>
  <c r="U48824" i="1"/>
  <c r="U48823" i="1"/>
  <c r="U48822" i="1"/>
  <c r="U48821" i="1"/>
  <c r="U48820" i="1"/>
  <c r="U48819" i="1"/>
  <c r="U48818" i="1"/>
  <c r="U48817" i="1"/>
  <c r="U48816" i="1"/>
  <c r="U48815" i="1"/>
  <c r="U48814" i="1"/>
  <c r="U48813" i="1"/>
  <c r="U48812" i="1"/>
  <c r="U48811" i="1"/>
  <c r="U48810" i="1"/>
  <c r="U48809" i="1"/>
  <c r="U48808" i="1"/>
  <c r="U48807" i="1"/>
  <c r="U48806" i="1"/>
  <c r="U48805" i="1"/>
  <c r="U48804" i="1"/>
  <c r="U48803" i="1"/>
  <c r="U48802" i="1"/>
  <c r="U48801" i="1"/>
  <c r="U48800" i="1"/>
  <c r="U48799" i="1"/>
  <c r="U48798" i="1"/>
  <c r="U48797" i="1"/>
  <c r="U48796" i="1"/>
  <c r="U48795" i="1"/>
  <c r="U48794" i="1"/>
  <c r="U48793" i="1"/>
  <c r="U48792" i="1"/>
  <c r="U48791" i="1"/>
  <c r="U48790" i="1"/>
  <c r="U48789" i="1"/>
  <c r="U48788" i="1"/>
  <c r="U48787" i="1"/>
  <c r="U48786" i="1"/>
  <c r="U48785" i="1"/>
  <c r="U48784" i="1"/>
  <c r="U48783" i="1"/>
  <c r="U48782" i="1"/>
  <c r="U48781" i="1"/>
  <c r="U48780" i="1"/>
  <c r="U48779" i="1"/>
  <c r="U48778" i="1"/>
  <c r="U48777" i="1"/>
  <c r="U48776" i="1"/>
  <c r="U48775" i="1"/>
  <c r="U48774" i="1"/>
  <c r="U48773" i="1"/>
  <c r="U48772" i="1"/>
  <c r="U48771" i="1"/>
  <c r="U48770" i="1"/>
  <c r="U48769" i="1"/>
  <c r="U48768" i="1"/>
  <c r="U48767" i="1"/>
  <c r="U48766" i="1"/>
  <c r="U48765" i="1"/>
  <c r="U48764" i="1"/>
  <c r="U48763" i="1"/>
  <c r="U48762" i="1"/>
  <c r="U48761" i="1"/>
  <c r="U48760" i="1"/>
  <c r="U48759" i="1"/>
  <c r="U48758" i="1"/>
  <c r="U48757" i="1"/>
  <c r="U48756" i="1"/>
  <c r="U48755" i="1"/>
  <c r="U48754" i="1"/>
  <c r="U48753" i="1"/>
  <c r="U48752" i="1"/>
  <c r="U48751" i="1"/>
  <c r="U48750" i="1"/>
  <c r="U48749" i="1"/>
  <c r="U48748" i="1"/>
  <c r="U48747" i="1"/>
  <c r="U48746" i="1"/>
  <c r="U48745" i="1"/>
  <c r="U48744" i="1"/>
  <c r="U48743" i="1"/>
  <c r="U48742" i="1"/>
  <c r="U48741" i="1"/>
  <c r="U48740" i="1"/>
  <c r="U48739" i="1"/>
  <c r="U48738" i="1"/>
  <c r="U48737" i="1"/>
  <c r="U48736" i="1"/>
  <c r="U48735" i="1"/>
  <c r="U48734" i="1"/>
  <c r="U48733" i="1"/>
  <c r="U48732" i="1"/>
  <c r="U48731" i="1"/>
  <c r="U48730" i="1"/>
  <c r="U48729" i="1"/>
  <c r="U48728" i="1"/>
  <c r="U48727" i="1"/>
  <c r="U48726" i="1"/>
  <c r="U48725" i="1"/>
  <c r="U48724" i="1"/>
  <c r="U48723" i="1"/>
  <c r="U48722" i="1"/>
  <c r="U48721" i="1"/>
  <c r="U48720" i="1"/>
  <c r="U48719" i="1"/>
  <c r="U48718" i="1"/>
  <c r="U48717" i="1"/>
  <c r="U48716" i="1"/>
  <c r="U48715" i="1"/>
  <c r="U48714" i="1"/>
  <c r="U48713" i="1"/>
  <c r="U48712" i="1"/>
  <c r="U48711" i="1"/>
  <c r="U48710" i="1"/>
  <c r="U48709" i="1"/>
  <c r="U48708" i="1"/>
  <c r="U48707" i="1"/>
  <c r="U48706" i="1"/>
  <c r="U48705" i="1"/>
  <c r="U48704" i="1"/>
  <c r="U48703" i="1"/>
  <c r="U48702" i="1"/>
  <c r="U48701" i="1"/>
  <c r="U48700" i="1"/>
  <c r="U48699" i="1"/>
  <c r="U48698" i="1"/>
  <c r="U48697" i="1"/>
  <c r="U48696" i="1"/>
  <c r="U48695" i="1"/>
  <c r="U48694" i="1"/>
  <c r="U48693" i="1"/>
  <c r="U48692" i="1"/>
  <c r="U48691" i="1"/>
  <c r="U48690" i="1"/>
  <c r="U48689" i="1"/>
  <c r="U48688" i="1"/>
  <c r="U48687" i="1"/>
  <c r="U48686" i="1"/>
  <c r="U48685" i="1"/>
  <c r="U48684" i="1"/>
  <c r="U48683" i="1"/>
  <c r="U48682" i="1"/>
  <c r="U48681" i="1"/>
  <c r="U48680" i="1"/>
  <c r="U48679" i="1"/>
  <c r="U48678" i="1"/>
  <c r="U48677" i="1"/>
  <c r="U48676" i="1"/>
  <c r="U48675" i="1"/>
  <c r="U48674" i="1"/>
  <c r="U48673" i="1"/>
  <c r="U48672" i="1"/>
  <c r="U48671" i="1"/>
  <c r="U48670" i="1"/>
  <c r="U48669" i="1"/>
  <c r="U48668" i="1"/>
  <c r="U48667" i="1"/>
  <c r="U48666" i="1"/>
  <c r="U48665" i="1"/>
  <c r="U48664" i="1"/>
  <c r="U48663" i="1"/>
  <c r="U48662" i="1"/>
  <c r="U48661" i="1"/>
  <c r="U48660" i="1"/>
  <c r="U48659" i="1"/>
  <c r="U48658" i="1"/>
  <c r="U48657" i="1"/>
  <c r="U48656" i="1"/>
  <c r="U48655" i="1"/>
  <c r="U48654" i="1"/>
  <c r="U48653" i="1"/>
  <c r="U48652" i="1"/>
  <c r="U48651" i="1"/>
  <c r="U48650" i="1"/>
  <c r="U48649" i="1"/>
  <c r="U48648" i="1"/>
  <c r="U48647" i="1"/>
  <c r="U48646" i="1"/>
  <c r="U48645" i="1"/>
  <c r="U48644" i="1"/>
  <c r="U48643" i="1"/>
  <c r="U48642" i="1"/>
  <c r="U48641" i="1"/>
  <c r="U48640" i="1"/>
  <c r="U48639" i="1"/>
  <c r="U48638" i="1"/>
  <c r="U48637" i="1"/>
  <c r="U48636" i="1"/>
  <c r="U48635" i="1"/>
  <c r="U48634" i="1"/>
  <c r="U48633" i="1"/>
  <c r="U48632" i="1"/>
  <c r="U48631" i="1"/>
  <c r="U48630" i="1"/>
  <c r="U48629" i="1"/>
  <c r="U48628" i="1"/>
  <c r="U48627" i="1"/>
  <c r="U48626" i="1"/>
  <c r="U48625" i="1"/>
  <c r="U48624" i="1"/>
  <c r="U48623" i="1"/>
  <c r="U48622" i="1"/>
  <c r="U48621" i="1"/>
  <c r="U48620" i="1"/>
  <c r="U48619" i="1"/>
  <c r="U48618" i="1"/>
  <c r="U48617" i="1"/>
  <c r="U48616" i="1"/>
  <c r="U48615" i="1"/>
  <c r="U48614" i="1"/>
  <c r="U48613" i="1"/>
  <c r="U48612" i="1"/>
  <c r="U48611" i="1"/>
  <c r="U48610" i="1"/>
  <c r="U48609" i="1"/>
  <c r="U48608" i="1"/>
  <c r="U48607" i="1"/>
  <c r="U48606" i="1"/>
  <c r="U48605" i="1"/>
  <c r="U48604" i="1"/>
  <c r="U48603" i="1"/>
  <c r="U48602" i="1"/>
  <c r="U48601" i="1"/>
  <c r="U48600" i="1"/>
  <c r="U48599" i="1"/>
  <c r="U48598" i="1"/>
  <c r="U48597" i="1"/>
  <c r="U48596" i="1"/>
  <c r="U48595" i="1"/>
  <c r="U48594" i="1"/>
  <c r="U48593" i="1"/>
  <c r="U48592" i="1"/>
  <c r="U48591" i="1"/>
  <c r="U48590" i="1"/>
  <c r="U48589" i="1"/>
  <c r="U48588" i="1"/>
  <c r="U48587" i="1"/>
  <c r="U48586" i="1"/>
  <c r="U48585" i="1"/>
  <c r="U48584" i="1"/>
  <c r="U48583" i="1"/>
  <c r="U48582" i="1"/>
  <c r="U48581" i="1"/>
  <c r="U48580" i="1"/>
  <c r="U48579" i="1"/>
  <c r="U48578" i="1"/>
  <c r="U48577" i="1"/>
  <c r="U48576" i="1"/>
  <c r="U48575" i="1"/>
  <c r="U48574" i="1"/>
  <c r="U48573" i="1"/>
  <c r="U48572" i="1"/>
  <c r="U48571" i="1"/>
  <c r="U48570" i="1"/>
  <c r="U48569" i="1"/>
  <c r="U48568" i="1"/>
  <c r="U48567" i="1"/>
  <c r="U48566" i="1"/>
  <c r="U48565" i="1"/>
  <c r="U48564" i="1"/>
  <c r="U48563" i="1"/>
  <c r="U48562" i="1"/>
  <c r="U48561" i="1"/>
  <c r="U48560" i="1"/>
  <c r="U48559" i="1"/>
  <c r="U48558" i="1"/>
  <c r="U48557" i="1"/>
  <c r="U48556" i="1"/>
  <c r="U48555" i="1"/>
  <c r="U48554" i="1"/>
  <c r="U48553" i="1"/>
  <c r="U48552" i="1"/>
  <c r="U48551" i="1"/>
  <c r="U48550" i="1"/>
  <c r="U48549" i="1"/>
  <c r="U48548" i="1"/>
  <c r="U48547" i="1"/>
  <c r="U48546" i="1"/>
  <c r="U48545" i="1"/>
  <c r="U48544" i="1"/>
  <c r="U48543" i="1"/>
  <c r="U48542" i="1"/>
  <c r="U48541" i="1"/>
  <c r="U48540" i="1"/>
  <c r="U48539" i="1"/>
  <c r="U48538" i="1"/>
  <c r="U48537" i="1"/>
  <c r="U48536" i="1"/>
  <c r="U48535" i="1"/>
  <c r="U48534" i="1"/>
  <c r="U48533" i="1"/>
  <c r="U48532" i="1"/>
  <c r="U48531" i="1"/>
  <c r="U48530" i="1"/>
  <c r="U48529" i="1"/>
  <c r="U48528" i="1"/>
  <c r="U48527" i="1"/>
  <c r="U48526" i="1"/>
  <c r="U48525" i="1"/>
  <c r="U48524" i="1"/>
  <c r="U48523" i="1"/>
  <c r="U48522" i="1"/>
  <c r="U48521" i="1"/>
  <c r="U48520" i="1"/>
  <c r="U48519" i="1"/>
  <c r="U48518" i="1"/>
  <c r="U48517" i="1"/>
  <c r="U48516" i="1"/>
  <c r="U48515" i="1"/>
  <c r="U48514" i="1"/>
  <c r="U48513" i="1"/>
  <c r="U48512" i="1"/>
  <c r="U48511" i="1"/>
  <c r="U48510" i="1"/>
  <c r="U48509" i="1"/>
  <c r="U48508" i="1"/>
  <c r="U48507" i="1"/>
  <c r="U48506" i="1"/>
  <c r="U48505" i="1"/>
  <c r="U48504" i="1"/>
  <c r="U48503" i="1"/>
  <c r="U48502" i="1"/>
  <c r="U48501" i="1"/>
  <c r="U48500" i="1"/>
  <c r="U48499" i="1"/>
  <c r="U48498" i="1"/>
  <c r="U48497" i="1"/>
  <c r="U48496" i="1"/>
  <c r="U48495" i="1"/>
  <c r="U48494" i="1"/>
  <c r="U48493" i="1"/>
  <c r="U48492" i="1"/>
  <c r="U48491" i="1"/>
  <c r="U48490" i="1"/>
  <c r="U48489" i="1"/>
  <c r="U48488" i="1"/>
  <c r="U48487" i="1"/>
  <c r="U48486" i="1"/>
  <c r="U48485" i="1"/>
  <c r="U48484" i="1"/>
  <c r="U48483" i="1"/>
  <c r="U48482" i="1"/>
  <c r="U48481" i="1"/>
  <c r="U48480" i="1"/>
  <c r="U48479" i="1"/>
  <c r="U48478" i="1"/>
  <c r="U48477" i="1"/>
  <c r="U48476" i="1"/>
  <c r="U48475" i="1"/>
  <c r="U48474" i="1"/>
  <c r="U48473" i="1"/>
  <c r="U48472" i="1"/>
  <c r="U48471" i="1"/>
  <c r="U48470" i="1"/>
  <c r="U48469" i="1"/>
  <c r="U48468" i="1"/>
  <c r="U48467" i="1"/>
  <c r="U48466" i="1"/>
  <c r="U48465" i="1"/>
  <c r="U48464" i="1"/>
  <c r="U48463" i="1"/>
  <c r="U48462" i="1"/>
  <c r="U48461" i="1"/>
  <c r="U48460" i="1"/>
  <c r="U48459" i="1"/>
  <c r="U48458" i="1"/>
  <c r="U48457" i="1"/>
  <c r="U48456" i="1"/>
  <c r="U48455" i="1"/>
  <c r="U48454" i="1"/>
  <c r="U48453" i="1"/>
  <c r="U48452" i="1"/>
  <c r="U48451" i="1"/>
  <c r="U48450" i="1"/>
  <c r="U48449" i="1"/>
  <c r="U48448" i="1"/>
  <c r="U48447" i="1"/>
  <c r="U48446" i="1"/>
  <c r="U48445" i="1"/>
  <c r="U48444" i="1"/>
  <c r="U48443" i="1"/>
  <c r="U48442" i="1"/>
  <c r="U48441" i="1"/>
  <c r="U48440" i="1"/>
  <c r="U48439" i="1"/>
  <c r="U48438" i="1"/>
  <c r="U48437" i="1"/>
  <c r="U48436" i="1"/>
  <c r="U48435" i="1"/>
  <c r="U48434" i="1"/>
  <c r="U48433" i="1"/>
  <c r="U48432" i="1"/>
  <c r="U48431" i="1"/>
  <c r="U48430" i="1"/>
  <c r="U48429" i="1"/>
  <c r="U48428" i="1"/>
  <c r="U48427" i="1"/>
  <c r="U48426" i="1"/>
  <c r="U48425" i="1"/>
  <c r="U48424" i="1"/>
  <c r="U48423" i="1"/>
  <c r="U48422" i="1"/>
  <c r="U48421" i="1"/>
  <c r="U48420" i="1"/>
  <c r="U48419" i="1"/>
  <c r="U48418" i="1"/>
  <c r="U48417" i="1"/>
  <c r="U48416" i="1"/>
  <c r="U48415" i="1"/>
  <c r="U48414" i="1"/>
  <c r="U48413" i="1"/>
  <c r="U48412" i="1"/>
  <c r="U48411" i="1"/>
  <c r="U48410" i="1"/>
  <c r="U48409" i="1"/>
  <c r="U48408" i="1"/>
  <c r="U48407" i="1"/>
  <c r="U48406" i="1"/>
  <c r="U48405" i="1"/>
  <c r="U48404" i="1"/>
  <c r="U48403" i="1"/>
  <c r="U48402" i="1"/>
  <c r="U48401" i="1"/>
  <c r="U48400" i="1"/>
  <c r="U48399" i="1"/>
  <c r="U48398" i="1"/>
  <c r="U48397" i="1"/>
  <c r="U48396" i="1"/>
  <c r="U48395" i="1"/>
  <c r="U48394" i="1"/>
  <c r="U48393" i="1"/>
  <c r="U48392" i="1"/>
  <c r="U48391" i="1"/>
  <c r="U48390" i="1"/>
  <c r="U48389" i="1"/>
  <c r="U48388" i="1"/>
  <c r="U48387" i="1"/>
  <c r="U48386" i="1"/>
  <c r="U48385" i="1"/>
  <c r="U48384" i="1"/>
  <c r="U48383" i="1"/>
  <c r="U48382" i="1"/>
  <c r="U48381" i="1"/>
  <c r="U48380" i="1"/>
  <c r="U48379" i="1"/>
  <c r="U48378" i="1"/>
  <c r="U48377" i="1"/>
  <c r="U48376" i="1"/>
  <c r="U48375" i="1"/>
  <c r="U48374" i="1"/>
  <c r="U48373" i="1"/>
  <c r="U48372" i="1"/>
  <c r="U48371" i="1"/>
  <c r="U48370" i="1"/>
  <c r="U48369" i="1"/>
  <c r="U48368" i="1"/>
  <c r="U48367" i="1"/>
  <c r="U48366" i="1"/>
  <c r="U48365" i="1"/>
  <c r="U48364" i="1"/>
  <c r="U48363" i="1"/>
  <c r="U48362" i="1"/>
  <c r="U48361" i="1"/>
  <c r="U48360" i="1"/>
  <c r="U48359" i="1"/>
  <c r="U48358" i="1"/>
  <c r="U48357" i="1"/>
  <c r="U48356" i="1"/>
  <c r="U48355" i="1"/>
  <c r="U48354" i="1"/>
  <c r="U48353" i="1"/>
  <c r="U48352" i="1"/>
  <c r="U48351" i="1"/>
  <c r="U48350" i="1"/>
  <c r="U48349" i="1"/>
  <c r="U48348" i="1"/>
  <c r="U48347" i="1"/>
  <c r="U48346" i="1"/>
  <c r="U48345" i="1"/>
  <c r="U48344" i="1"/>
  <c r="U48343" i="1"/>
  <c r="U48342" i="1"/>
  <c r="U48341" i="1"/>
  <c r="U48340" i="1"/>
  <c r="U48339" i="1"/>
  <c r="U48338" i="1"/>
  <c r="U48337" i="1"/>
  <c r="U48336" i="1"/>
  <c r="U48335" i="1"/>
  <c r="U48334" i="1"/>
  <c r="U48333" i="1"/>
  <c r="U48332" i="1"/>
  <c r="U48331" i="1"/>
  <c r="U48330" i="1"/>
  <c r="U48329" i="1"/>
  <c r="U48328" i="1"/>
  <c r="U48327" i="1"/>
  <c r="U48326" i="1"/>
  <c r="U48325" i="1"/>
  <c r="U48324" i="1"/>
  <c r="U48323" i="1"/>
  <c r="U48322" i="1"/>
  <c r="U48321" i="1"/>
  <c r="U48320" i="1"/>
  <c r="U48319" i="1"/>
  <c r="U48318" i="1"/>
  <c r="U48317" i="1"/>
  <c r="U48316" i="1"/>
  <c r="U48315" i="1"/>
  <c r="U48314" i="1"/>
  <c r="U48313" i="1"/>
  <c r="U48312" i="1"/>
  <c r="U48311" i="1"/>
  <c r="U48310" i="1"/>
  <c r="U48309" i="1"/>
  <c r="U48308" i="1"/>
  <c r="U48307" i="1"/>
  <c r="U48306" i="1"/>
  <c r="U48305" i="1"/>
  <c r="U48304" i="1"/>
  <c r="U48303" i="1"/>
  <c r="U48302" i="1"/>
  <c r="U48301" i="1"/>
  <c r="U48300" i="1"/>
  <c r="U48299" i="1"/>
  <c r="U48298" i="1"/>
  <c r="U48297" i="1"/>
  <c r="U48296" i="1"/>
  <c r="U48295" i="1"/>
  <c r="U48294" i="1"/>
  <c r="U48293" i="1"/>
  <c r="U48292" i="1"/>
  <c r="U48291" i="1"/>
  <c r="U48290" i="1"/>
  <c r="U48289" i="1"/>
  <c r="U48288" i="1"/>
  <c r="U48287" i="1"/>
  <c r="U48286" i="1"/>
  <c r="U48285" i="1"/>
  <c r="U48284" i="1"/>
  <c r="U48283" i="1"/>
  <c r="U48282" i="1"/>
  <c r="U48281" i="1"/>
  <c r="U48280" i="1"/>
  <c r="U48279" i="1"/>
  <c r="U48278" i="1"/>
  <c r="U48277" i="1"/>
  <c r="U48276" i="1"/>
  <c r="U48275" i="1"/>
  <c r="U48274" i="1"/>
  <c r="U48273" i="1"/>
  <c r="U48272" i="1"/>
  <c r="U48271" i="1"/>
  <c r="U48270" i="1"/>
  <c r="U48269" i="1"/>
  <c r="U48268" i="1"/>
  <c r="U48267" i="1"/>
  <c r="U48266" i="1"/>
  <c r="U48265" i="1"/>
  <c r="U48264" i="1"/>
  <c r="U48263" i="1"/>
  <c r="U48262" i="1"/>
  <c r="U48261" i="1"/>
  <c r="U48260" i="1"/>
  <c r="U48259" i="1"/>
  <c r="U48258" i="1"/>
  <c r="U48257" i="1"/>
  <c r="U48256" i="1"/>
  <c r="U48255" i="1"/>
  <c r="U48254" i="1"/>
  <c r="U48253" i="1"/>
  <c r="U48252" i="1"/>
  <c r="U48251" i="1"/>
  <c r="U48250" i="1"/>
  <c r="U48249" i="1"/>
  <c r="U48248" i="1"/>
  <c r="U48247" i="1"/>
  <c r="U48246" i="1"/>
  <c r="U48245" i="1"/>
  <c r="U48244" i="1"/>
  <c r="U48243" i="1"/>
  <c r="U48242" i="1"/>
  <c r="U48241" i="1"/>
  <c r="U48240" i="1"/>
  <c r="U48239" i="1"/>
  <c r="U48238" i="1"/>
  <c r="U48237" i="1"/>
  <c r="U48236" i="1"/>
  <c r="U48235" i="1"/>
  <c r="U48234" i="1"/>
  <c r="U48233" i="1"/>
  <c r="U48232" i="1"/>
  <c r="U48231" i="1"/>
  <c r="U48230" i="1"/>
  <c r="U48229" i="1"/>
  <c r="U48228" i="1"/>
  <c r="U48227" i="1"/>
  <c r="U48226" i="1"/>
  <c r="U48225" i="1"/>
  <c r="U48224" i="1"/>
  <c r="U48223" i="1"/>
  <c r="U48222" i="1"/>
  <c r="U48221" i="1"/>
  <c r="U48220" i="1"/>
  <c r="U48219" i="1"/>
  <c r="U48218" i="1"/>
  <c r="U48217" i="1"/>
  <c r="U48216" i="1"/>
  <c r="U48215" i="1"/>
  <c r="U48214" i="1"/>
  <c r="U48213" i="1"/>
  <c r="U48212" i="1"/>
  <c r="U48211" i="1"/>
  <c r="U48210" i="1"/>
  <c r="U48209" i="1"/>
  <c r="U48208" i="1"/>
  <c r="U48207" i="1"/>
  <c r="U48206" i="1"/>
  <c r="U48205" i="1"/>
  <c r="U48204" i="1"/>
  <c r="U48203" i="1"/>
  <c r="U48202" i="1"/>
  <c r="U48201" i="1"/>
  <c r="U48200" i="1"/>
  <c r="U48199" i="1"/>
  <c r="U48198" i="1"/>
  <c r="U48197" i="1"/>
  <c r="U48196" i="1"/>
  <c r="U48195" i="1"/>
  <c r="U48194" i="1"/>
  <c r="U48193" i="1"/>
  <c r="U48192" i="1"/>
  <c r="U48191" i="1"/>
  <c r="U48190" i="1"/>
  <c r="U48189" i="1"/>
  <c r="U48188" i="1"/>
  <c r="U48187" i="1"/>
  <c r="U48186" i="1"/>
  <c r="U48185" i="1"/>
  <c r="U48184" i="1"/>
  <c r="U48183" i="1"/>
  <c r="U48182" i="1"/>
  <c r="U48181" i="1"/>
  <c r="U48180" i="1"/>
  <c r="U48179" i="1"/>
  <c r="U48178" i="1"/>
  <c r="U48177" i="1"/>
  <c r="U48176" i="1"/>
  <c r="U48175" i="1"/>
  <c r="U48174" i="1"/>
  <c r="U48173" i="1"/>
  <c r="U48172" i="1"/>
  <c r="U48171" i="1"/>
  <c r="U48170" i="1"/>
  <c r="U48169" i="1"/>
  <c r="U48168" i="1"/>
  <c r="U48167" i="1"/>
  <c r="U48166" i="1"/>
  <c r="U48165" i="1"/>
  <c r="U48164" i="1"/>
  <c r="U48163" i="1"/>
  <c r="U48162" i="1"/>
  <c r="U48161" i="1"/>
  <c r="U48160" i="1"/>
  <c r="U48159" i="1"/>
  <c r="U48158" i="1"/>
  <c r="U48157" i="1"/>
  <c r="U48156" i="1"/>
  <c r="U48155" i="1"/>
  <c r="U48154" i="1"/>
  <c r="U48153" i="1"/>
  <c r="U48152" i="1"/>
  <c r="U48151" i="1"/>
  <c r="U48150" i="1"/>
  <c r="U48149" i="1"/>
  <c r="U48148" i="1"/>
  <c r="U48147" i="1"/>
  <c r="U48146" i="1"/>
  <c r="U48145" i="1"/>
  <c r="U48144" i="1"/>
  <c r="U48143" i="1"/>
  <c r="U48142" i="1"/>
  <c r="U48141" i="1"/>
  <c r="U48140" i="1"/>
  <c r="U48139" i="1"/>
  <c r="U48138" i="1"/>
  <c r="U48137" i="1"/>
  <c r="U48136" i="1"/>
  <c r="U48135" i="1"/>
  <c r="U48134" i="1"/>
  <c r="U48133" i="1"/>
  <c r="U48132" i="1"/>
  <c r="U48131" i="1"/>
  <c r="U48130" i="1"/>
  <c r="U48129" i="1"/>
  <c r="U48128" i="1"/>
  <c r="U48127" i="1"/>
  <c r="U48126" i="1"/>
  <c r="U48125" i="1"/>
  <c r="U48124" i="1"/>
  <c r="U48123" i="1"/>
  <c r="U48122" i="1"/>
  <c r="U48121" i="1"/>
  <c r="U48120" i="1"/>
  <c r="U48119" i="1"/>
  <c r="U48118" i="1"/>
  <c r="U48117" i="1"/>
  <c r="U48116" i="1"/>
  <c r="U48115" i="1"/>
  <c r="U48114" i="1"/>
  <c r="U48113" i="1"/>
  <c r="U48112" i="1"/>
  <c r="U48111" i="1"/>
  <c r="U48110" i="1"/>
  <c r="U48109" i="1"/>
  <c r="U48108" i="1"/>
  <c r="U48107" i="1"/>
  <c r="U48106" i="1"/>
  <c r="U48105" i="1"/>
  <c r="U48104" i="1"/>
  <c r="U48103" i="1"/>
  <c r="U48102" i="1"/>
  <c r="U48101" i="1"/>
  <c r="U48100" i="1"/>
  <c r="U48099" i="1"/>
  <c r="U48098" i="1"/>
  <c r="U48097" i="1"/>
  <c r="U48096" i="1"/>
  <c r="U48095" i="1"/>
  <c r="U48094" i="1"/>
  <c r="U48093" i="1"/>
  <c r="U48092" i="1"/>
  <c r="U48091" i="1"/>
  <c r="U48090" i="1"/>
  <c r="U48089" i="1"/>
  <c r="U48088" i="1"/>
  <c r="U48087" i="1"/>
  <c r="U48086" i="1"/>
  <c r="U48085" i="1"/>
  <c r="U48084" i="1"/>
  <c r="U48083" i="1"/>
  <c r="U48082" i="1"/>
  <c r="U48081" i="1"/>
  <c r="U48080" i="1"/>
  <c r="U48079" i="1"/>
  <c r="U48078" i="1"/>
  <c r="U48077" i="1"/>
  <c r="U48076" i="1"/>
  <c r="U48075" i="1"/>
  <c r="U48074" i="1"/>
  <c r="U48073" i="1"/>
  <c r="U48072" i="1"/>
  <c r="U48071" i="1"/>
  <c r="U48070" i="1"/>
  <c r="U48069" i="1"/>
  <c r="U48068" i="1"/>
  <c r="U48067" i="1"/>
  <c r="U48066" i="1"/>
  <c r="U48065" i="1"/>
  <c r="U48064" i="1"/>
  <c r="U48063" i="1"/>
  <c r="U48062" i="1"/>
  <c r="U48061" i="1"/>
  <c r="U48060" i="1"/>
  <c r="U48059" i="1"/>
  <c r="U48058" i="1"/>
  <c r="U48057" i="1"/>
  <c r="U48056" i="1"/>
  <c r="U48055" i="1"/>
  <c r="U48054" i="1"/>
  <c r="U48053" i="1"/>
  <c r="U48052" i="1"/>
  <c r="U48051" i="1"/>
  <c r="U48050" i="1"/>
  <c r="U48049" i="1"/>
  <c r="U48048" i="1"/>
  <c r="U48047" i="1"/>
  <c r="U48046" i="1"/>
  <c r="U48045" i="1"/>
  <c r="U48044" i="1"/>
  <c r="U48043" i="1"/>
  <c r="U48042" i="1"/>
  <c r="U48041" i="1"/>
  <c r="U48040" i="1"/>
  <c r="U48039" i="1"/>
  <c r="U48038" i="1"/>
  <c r="U48037" i="1"/>
  <c r="U48036" i="1"/>
  <c r="U48035" i="1"/>
  <c r="U48034" i="1"/>
  <c r="U48033" i="1"/>
  <c r="U48032" i="1"/>
  <c r="U48031" i="1"/>
  <c r="U48030" i="1"/>
  <c r="U48029" i="1"/>
  <c r="U48028" i="1"/>
  <c r="U48027" i="1"/>
  <c r="U48026" i="1"/>
  <c r="U48025" i="1"/>
  <c r="U48024" i="1"/>
  <c r="U48023" i="1"/>
  <c r="U48022" i="1"/>
  <c r="U48021" i="1"/>
  <c r="U48020" i="1"/>
  <c r="U48019" i="1"/>
  <c r="U48018" i="1"/>
  <c r="U48017" i="1"/>
  <c r="U48016" i="1"/>
  <c r="U48015" i="1"/>
  <c r="U48014" i="1"/>
  <c r="U48013" i="1"/>
  <c r="U48012" i="1"/>
  <c r="U48011" i="1"/>
  <c r="U48010" i="1"/>
  <c r="U48009" i="1"/>
  <c r="U48008" i="1"/>
  <c r="U48007" i="1"/>
  <c r="U48006" i="1"/>
  <c r="U48005" i="1"/>
  <c r="U48004" i="1"/>
  <c r="U48003" i="1"/>
  <c r="U48002" i="1"/>
  <c r="U48001" i="1"/>
  <c r="U48000" i="1"/>
  <c r="U47999" i="1"/>
  <c r="U47998" i="1"/>
  <c r="U47997" i="1"/>
  <c r="U47996" i="1"/>
  <c r="U47995" i="1"/>
  <c r="U47994" i="1"/>
  <c r="U47993" i="1"/>
  <c r="U47992" i="1"/>
  <c r="U47991" i="1"/>
  <c r="U47990" i="1"/>
  <c r="U47989" i="1"/>
  <c r="U47988" i="1"/>
  <c r="U47987" i="1"/>
  <c r="U47986" i="1"/>
  <c r="U47985" i="1"/>
  <c r="U47984" i="1"/>
  <c r="U47983" i="1"/>
  <c r="U47982" i="1"/>
  <c r="U47981" i="1"/>
  <c r="U47980" i="1"/>
  <c r="U47979" i="1"/>
  <c r="U47978" i="1"/>
  <c r="U47977" i="1"/>
  <c r="U47976" i="1"/>
  <c r="U47975" i="1"/>
  <c r="U47974" i="1"/>
  <c r="U47973" i="1"/>
  <c r="U47972" i="1"/>
  <c r="U47971" i="1"/>
  <c r="U47970" i="1"/>
  <c r="U47969" i="1"/>
  <c r="U47968" i="1"/>
  <c r="U47967" i="1"/>
  <c r="U47966" i="1"/>
  <c r="U47965" i="1"/>
  <c r="U47964" i="1"/>
  <c r="U47963" i="1"/>
  <c r="U47962" i="1"/>
  <c r="U47961" i="1"/>
  <c r="U47960" i="1"/>
  <c r="U47959" i="1"/>
  <c r="U47958" i="1"/>
  <c r="U47957" i="1"/>
  <c r="U47956" i="1"/>
  <c r="U47955" i="1"/>
  <c r="U47954" i="1"/>
  <c r="U47953" i="1"/>
  <c r="U47952" i="1"/>
  <c r="U47951" i="1"/>
  <c r="U47950" i="1"/>
  <c r="U47949" i="1"/>
  <c r="U47948" i="1"/>
  <c r="U47947" i="1"/>
  <c r="U47946" i="1"/>
  <c r="U47945" i="1"/>
  <c r="U47944" i="1"/>
  <c r="U47943" i="1"/>
  <c r="U47942" i="1"/>
  <c r="U47941" i="1"/>
  <c r="U47940" i="1"/>
  <c r="U47939" i="1"/>
  <c r="U47938" i="1"/>
  <c r="U47937" i="1"/>
  <c r="U47936" i="1"/>
  <c r="U47935" i="1"/>
  <c r="U47934" i="1"/>
  <c r="U47933" i="1"/>
  <c r="U47932" i="1"/>
  <c r="U47931" i="1"/>
  <c r="U47930" i="1"/>
  <c r="U47929" i="1"/>
  <c r="U47928" i="1"/>
  <c r="U47927" i="1"/>
  <c r="U47926" i="1"/>
  <c r="U47925" i="1"/>
  <c r="U47924" i="1"/>
  <c r="U47923" i="1"/>
  <c r="U47922" i="1"/>
  <c r="U47921" i="1"/>
  <c r="U47920" i="1"/>
  <c r="U47919" i="1"/>
  <c r="U47918" i="1"/>
  <c r="U47917" i="1"/>
  <c r="U47916" i="1"/>
  <c r="U47915" i="1"/>
  <c r="U47914" i="1"/>
  <c r="U47913" i="1"/>
  <c r="U47912" i="1"/>
  <c r="U47911" i="1"/>
  <c r="U47910" i="1"/>
  <c r="U47909" i="1"/>
  <c r="U47908" i="1"/>
  <c r="U47907" i="1"/>
  <c r="U47906" i="1"/>
  <c r="U47905" i="1"/>
  <c r="U47904" i="1"/>
  <c r="U47903" i="1"/>
  <c r="U47902" i="1"/>
  <c r="U47901" i="1"/>
  <c r="U47900" i="1"/>
  <c r="U47899" i="1"/>
  <c r="U47898" i="1"/>
  <c r="U47897" i="1"/>
  <c r="U47896" i="1"/>
  <c r="U47895" i="1"/>
  <c r="U47894" i="1"/>
  <c r="U47893" i="1"/>
  <c r="U47892" i="1"/>
  <c r="U47891" i="1"/>
  <c r="U47890" i="1"/>
  <c r="U47889" i="1"/>
  <c r="U47888" i="1"/>
  <c r="U47887" i="1"/>
  <c r="U47886" i="1"/>
  <c r="U47885" i="1"/>
  <c r="U47884" i="1"/>
  <c r="U47883" i="1"/>
  <c r="U47882" i="1"/>
  <c r="U47881" i="1"/>
  <c r="U47880" i="1"/>
  <c r="U47879" i="1"/>
  <c r="U47878" i="1"/>
  <c r="U47877" i="1"/>
  <c r="U47876" i="1"/>
  <c r="U47875" i="1"/>
  <c r="U47874" i="1"/>
  <c r="U47873" i="1"/>
  <c r="U47872" i="1"/>
  <c r="U47871" i="1"/>
  <c r="U47870" i="1"/>
  <c r="U47869" i="1"/>
  <c r="U47868" i="1"/>
  <c r="U47867" i="1"/>
  <c r="U47866" i="1"/>
  <c r="U47865" i="1"/>
  <c r="U47864" i="1"/>
  <c r="U47863" i="1"/>
  <c r="U47862" i="1"/>
  <c r="U47861" i="1"/>
  <c r="U47860" i="1"/>
  <c r="U47859" i="1"/>
  <c r="U47858" i="1"/>
  <c r="U47857" i="1"/>
  <c r="U47856" i="1"/>
  <c r="U47855" i="1"/>
  <c r="U47854" i="1"/>
  <c r="U47853" i="1"/>
  <c r="U47852" i="1"/>
  <c r="U47851" i="1"/>
  <c r="U47850" i="1"/>
  <c r="U47849" i="1"/>
  <c r="U47848" i="1"/>
  <c r="U47847" i="1"/>
  <c r="U47846" i="1"/>
  <c r="U47845" i="1"/>
  <c r="U47844" i="1"/>
  <c r="U47843" i="1"/>
  <c r="U47842" i="1"/>
  <c r="U47841" i="1"/>
  <c r="U47840" i="1"/>
  <c r="U47839" i="1"/>
  <c r="U47838" i="1"/>
  <c r="U47837" i="1"/>
  <c r="U47836" i="1"/>
  <c r="U47835" i="1"/>
  <c r="U47834" i="1"/>
  <c r="U47833" i="1"/>
  <c r="U47832" i="1"/>
  <c r="U47831" i="1"/>
  <c r="U47830" i="1"/>
  <c r="U47829" i="1"/>
  <c r="U47828" i="1"/>
  <c r="U47827" i="1"/>
  <c r="U47826" i="1"/>
  <c r="U47825" i="1"/>
  <c r="U47824" i="1"/>
  <c r="U47823" i="1"/>
  <c r="U47822" i="1"/>
  <c r="U47821" i="1"/>
  <c r="U47820" i="1"/>
  <c r="U47819" i="1"/>
  <c r="U47818" i="1"/>
  <c r="U47817" i="1"/>
  <c r="U47816" i="1"/>
  <c r="U47815" i="1"/>
  <c r="U47814" i="1"/>
  <c r="U47813" i="1"/>
  <c r="U47812" i="1"/>
  <c r="U47811" i="1"/>
  <c r="U47810" i="1"/>
  <c r="U47809" i="1"/>
  <c r="U47808" i="1"/>
  <c r="U47807" i="1"/>
  <c r="U47806" i="1"/>
  <c r="U47805" i="1"/>
  <c r="U47804" i="1"/>
  <c r="U47803" i="1"/>
  <c r="U47802" i="1"/>
  <c r="U47801" i="1"/>
  <c r="U47800" i="1"/>
  <c r="U47799" i="1"/>
  <c r="U47798" i="1"/>
  <c r="U47797" i="1"/>
  <c r="U47796" i="1"/>
  <c r="U47795" i="1"/>
  <c r="U47794" i="1"/>
  <c r="U47793" i="1"/>
  <c r="U47792" i="1"/>
  <c r="U47791" i="1"/>
  <c r="U47790" i="1"/>
  <c r="U47789" i="1"/>
  <c r="U47788" i="1"/>
  <c r="U47787" i="1"/>
  <c r="U47786" i="1"/>
  <c r="U47785" i="1"/>
  <c r="U47784" i="1"/>
  <c r="U47783" i="1"/>
  <c r="U47782" i="1"/>
  <c r="U47781" i="1"/>
  <c r="U47780" i="1"/>
  <c r="U47779" i="1"/>
  <c r="U47778" i="1"/>
  <c r="U47777" i="1"/>
  <c r="U47776" i="1"/>
  <c r="U47775" i="1"/>
  <c r="U47774" i="1"/>
  <c r="U47773" i="1"/>
  <c r="U47772" i="1"/>
  <c r="U47771" i="1"/>
  <c r="U47770" i="1"/>
  <c r="U47769" i="1"/>
  <c r="U47768" i="1"/>
  <c r="U47767" i="1"/>
  <c r="U47766" i="1"/>
  <c r="U47765" i="1"/>
  <c r="U47764" i="1"/>
  <c r="U47763" i="1"/>
  <c r="U47762" i="1"/>
  <c r="U47761" i="1"/>
  <c r="U47760" i="1"/>
  <c r="U47759" i="1"/>
  <c r="U47758" i="1"/>
  <c r="U47757" i="1"/>
  <c r="U47756" i="1"/>
  <c r="U47755" i="1"/>
  <c r="U47754" i="1"/>
  <c r="U47753" i="1"/>
  <c r="U47752" i="1"/>
  <c r="U47751" i="1"/>
  <c r="U47750" i="1"/>
  <c r="U47749" i="1"/>
  <c r="U47748" i="1"/>
  <c r="U47747" i="1"/>
  <c r="U47746" i="1"/>
  <c r="U47745" i="1"/>
  <c r="U47744" i="1"/>
  <c r="U47743" i="1"/>
  <c r="U47742" i="1"/>
  <c r="U47741" i="1"/>
  <c r="U47740" i="1"/>
  <c r="U47739" i="1"/>
  <c r="U47738" i="1"/>
  <c r="U47737" i="1"/>
  <c r="U47736" i="1"/>
  <c r="U47735" i="1"/>
  <c r="U47734" i="1"/>
  <c r="U47733" i="1"/>
  <c r="U47732" i="1"/>
  <c r="U47731" i="1"/>
  <c r="U47730" i="1"/>
  <c r="U47729" i="1"/>
  <c r="U47728" i="1"/>
  <c r="U47727" i="1"/>
  <c r="U47726" i="1"/>
  <c r="U47725" i="1"/>
  <c r="U47724" i="1"/>
  <c r="U47723" i="1"/>
  <c r="U47722" i="1"/>
  <c r="U47721" i="1"/>
  <c r="U47720" i="1"/>
  <c r="U47719" i="1"/>
  <c r="U47718" i="1"/>
  <c r="U47717" i="1"/>
  <c r="U47716" i="1"/>
  <c r="U47715" i="1"/>
  <c r="U47714" i="1"/>
  <c r="U47713" i="1"/>
  <c r="U47712" i="1"/>
  <c r="U47711" i="1"/>
  <c r="U47710" i="1"/>
  <c r="U47709" i="1"/>
  <c r="U47708" i="1"/>
  <c r="U47707" i="1"/>
  <c r="U47706" i="1"/>
  <c r="U47705" i="1"/>
  <c r="U47704" i="1"/>
  <c r="U47703" i="1"/>
  <c r="U47702" i="1"/>
  <c r="U47701" i="1"/>
  <c r="U47700" i="1"/>
  <c r="U47699" i="1"/>
  <c r="U47698" i="1"/>
  <c r="U47697" i="1"/>
  <c r="U47696" i="1"/>
  <c r="U47695" i="1"/>
  <c r="U47694" i="1"/>
  <c r="U47693" i="1"/>
  <c r="U47692" i="1"/>
  <c r="U47691" i="1"/>
  <c r="U47690" i="1"/>
  <c r="U47689" i="1"/>
  <c r="U47688" i="1"/>
  <c r="U47687" i="1"/>
  <c r="U47686" i="1"/>
  <c r="U47685" i="1"/>
  <c r="U47684" i="1"/>
  <c r="U47683" i="1"/>
  <c r="U47682" i="1"/>
  <c r="U47681" i="1"/>
  <c r="U47680" i="1"/>
  <c r="U47679" i="1"/>
  <c r="U47678" i="1"/>
  <c r="U47677" i="1"/>
  <c r="U47676" i="1"/>
  <c r="U47675" i="1"/>
  <c r="U47674" i="1"/>
  <c r="U47673" i="1"/>
  <c r="U47672" i="1"/>
  <c r="U47671" i="1"/>
  <c r="U47670" i="1"/>
  <c r="U47669" i="1"/>
  <c r="U47668" i="1"/>
  <c r="U47667" i="1"/>
  <c r="U47666" i="1"/>
  <c r="U47665" i="1"/>
  <c r="U47664" i="1"/>
  <c r="U47663" i="1"/>
  <c r="U47662" i="1"/>
  <c r="U47661" i="1"/>
  <c r="U47660" i="1"/>
  <c r="U47659" i="1"/>
  <c r="U47658" i="1"/>
  <c r="U47657" i="1"/>
  <c r="U47656" i="1"/>
  <c r="U47655" i="1"/>
  <c r="U47654" i="1"/>
  <c r="U47653" i="1"/>
  <c r="U47652" i="1"/>
  <c r="U47651" i="1"/>
  <c r="U47650" i="1"/>
  <c r="U47649" i="1"/>
  <c r="U47648" i="1"/>
  <c r="U47647" i="1"/>
  <c r="U47646" i="1"/>
  <c r="U47645" i="1"/>
  <c r="U47644" i="1"/>
  <c r="U47643" i="1"/>
  <c r="U47642" i="1"/>
  <c r="U47641" i="1"/>
  <c r="U47640" i="1"/>
  <c r="U47639" i="1"/>
  <c r="U47638" i="1"/>
  <c r="U47637" i="1"/>
  <c r="U47636" i="1"/>
  <c r="U47635" i="1"/>
  <c r="U47634" i="1"/>
  <c r="U47633" i="1"/>
  <c r="U47632" i="1"/>
  <c r="U47631" i="1"/>
  <c r="U47630" i="1"/>
  <c r="U47629" i="1"/>
  <c r="U47628" i="1"/>
  <c r="U47627" i="1"/>
  <c r="U47626" i="1"/>
  <c r="U47625" i="1"/>
  <c r="U47624" i="1"/>
  <c r="U47623" i="1"/>
  <c r="U47622" i="1"/>
  <c r="U47621" i="1"/>
  <c r="U47620" i="1"/>
  <c r="U47619" i="1"/>
  <c r="U47618" i="1"/>
  <c r="U47617" i="1"/>
  <c r="U47616" i="1"/>
  <c r="U47615" i="1"/>
  <c r="U47614" i="1"/>
  <c r="U47613" i="1"/>
  <c r="U47612" i="1"/>
  <c r="U47611" i="1"/>
  <c r="U47610" i="1"/>
  <c r="U47609" i="1"/>
  <c r="U47608" i="1"/>
  <c r="U47607" i="1"/>
  <c r="U47606" i="1"/>
  <c r="U47605" i="1"/>
  <c r="U47604" i="1"/>
  <c r="U47603" i="1"/>
  <c r="U47602" i="1"/>
  <c r="U47601" i="1"/>
  <c r="U47600" i="1"/>
  <c r="U47599" i="1"/>
  <c r="U47598" i="1"/>
  <c r="U47597" i="1"/>
  <c r="U47596" i="1"/>
  <c r="U47595" i="1"/>
  <c r="U47594" i="1"/>
  <c r="U47593" i="1"/>
  <c r="U47592" i="1"/>
  <c r="U47591" i="1"/>
  <c r="U47590" i="1"/>
  <c r="U47589" i="1"/>
  <c r="U47588" i="1"/>
  <c r="U47587" i="1"/>
  <c r="U47586" i="1"/>
  <c r="U47585" i="1"/>
  <c r="U47584" i="1"/>
  <c r="U47583" i="1"/>
  <c r="U47582" i="1"/>
  <c r="U47581" i="1"/>
  <c r="U47580" i="1"/>
  <c r="U47579" i="1"/>
  <c r="U47578" i="1"/>
  <c r="U47577" i="1"/>
  <c r="U47576" i="1"/>
  <c r="U47575" i="1"/>
  <c r="U47574" i="1"/>
  <c r="U47573" i="1"/>
  <c r="U47572" i="1"/>
  <c r="U47571" i="1"/>
  <c r="U47570" i="1"/>
  <c r="U47569" i="1"/>
  <c r="U47568" i="1"/>
  <c r="U47567" i="1"/>
  <c r="U47566" i="1"/>
  <c r="U47565" i="1"/>
  <c r="U47564" i="1"/>
  <c r="U47563" i="1"/>
  <c r="U47562" i="1"/>
  <c r="U47561" i="1"/>
  <c r="U47560" i="1"/>
  <c r="U47559" i="1"/>
  <c r="U47558" i="1"/>
  <c r="U47557" i="1"/>
  <c r="U47556" i="1"/>
  <c r="U47555" i="1"/>
  <c r="U47554" i="1"/>
  <c r="U47553" i="1"/>
  <c r="U47552" i="1"/>
  <c r="U47551" i="1"/>
  <c r="U47550" i="1"/>
  <c r="U47549" i="1"/>
  <c r="U47548" i="1"/>
  <c r="U47547" i="1"/>
  <c r="U47546" i="1"/>
  <c r="U47545" i="1"/>
  <c r="U47544" i="1"/>
  <c r="U47543" i="1"/>
  <c r="U47542" i="1"/>
  <c r="U47541" i="1"/>
  <c r="U47540" i="1"/>
  <c r="U47539" i="1"/>
  <c r="U47538" i="1"/>
  <c r="U47537" i="1"/>
  <c r="U47536" i="1"/>
  <c r="U47535" i="1"/>
  <c r="U47534" i="1"/>
  <c r="U47533" i="1"/>
  <c r="U47532" i="1"/>
  <c r="U47531" i="1"/>
  <c r="U47530" i="1"/>
  <c r="U47529" i="1"/>
  <c r="U47528" i="1"/>
  <c r="U47527" i="1"/>
  <c r="U47526" i="1"/>
  <c r="U47525" i="1"/>
  <c r="U47524" i="1"/>
  <c r="U47523" i="1"/>
  <c r="U47522" i="1"/>
  <c r="U47521" i="1"/>
  <c r="U47520" i="1"/>
  <c r="U47519" i="1"/>
  <c r="U47518" i="1"/>
  <c r="U47517" i="1"/>
  <c r="U47516" i="1"/>
  <c r="U47515" i="1"/>
  <c r="U47514" i="1"/>
  <c r="U47513" i="1"/>
  <c r="U47512" i="1"/>
  <c r="U47511" i="1"/>
  <c r="U47510" i="1"/>
  <c r="U47509" i="1"/>
  <c r="U47508" i="1"/>
  <c r="U47507" i="1"/>
  <c r="U47506" i="1"/>
  <c r="U47505" i="1"/>
  <c r="U47504" i="1"/>
  <c r="U47503" i="1"/>
  <c r="U47502" i="1"/>
  <c r="U47501" i="1"/>
  <c r="U47500" i="1"/>
  <c r="U47499" i="1"/>
  <c r="U47498" i="1"/>
  <c r="U47497" i="1"/>
  <c r="U47496" i="1"/>
  <c r="U47495" i="1"/>
  <c r="U47494" i="1"/>
  <c r="U47493" i="1"/>
  <c r="U47492" i="1"/>
  <c r="U47491" i="1"/>
  <c r="U47490" i="1"/>
  <c r="U47489" i="1"/>
  <c r="U47488" i="1"/>
  <c r="U47487" i="1"/>
  <c r="U47486" i="1"/>
  <c r="U47485" i="1"/>
  <c r="U47484" i="1"/>
  <c r="U47483" i="1"/>
  <c r="U47482" i="1"/>
  <c r="U47481" i="1"/>
  <c r="U47480" i="1"/>
  <c r="U47479" i="1"/>
  <c r="U47478" i="1"/>
  <c r="U47477" i="1"/>
  <c r="U47476" i="1"/>
  <c r="U47475" i="1"/>
  <c r="U47474" i="1"/>
  <c r="U47473" i="1"/>
  <c r="U47472" i="1"/>
  <c r="U47471" i="1"/>
  <c r="U47470" i="1"/>
  <c r="U47469" i="1"/>
  <c r="U47468" i="1"/>
  <c r="U47467" i="1"/>
  <c r="U47466" i="1"/>
  <c r="U47465" i="1"/>
  <c r="U47464" i="1"/>
  <c r="U47463" i="1"/>
  <c r="U47462" i="1"/>
  <c r="U47461" i="1"/>
  <c r="U47460" i="1"/>
  <c r="U47459" i="1"/>
  <c r="U47458" i="1"/>
  <c r="U47457" i="1"/>
  <c r="U47456" i="1"/>
  <c r="U47455" i="1"/>
  <c r="U47454" i="1"/>
  <c r="U47453" i="1"/>
  <c r="U47452" i="1"/>
  <c r="U47451" i="1"/>
  <c r="U47450" i="1"/>
  <c r="U47449" i="1"/>
  <c r="U47448" i="1"/>
  <c r="U47447" i="1"/>
  <c r="U47446" i="1"/>
  <c r="U47445" i="1"/>
  <c r="U47444" i="1"/>
  <c r="U47443" i="1"/>
  <c r="U47442" i="1"/>
  <c r="U47441" i="1"/>
  <c r="U47440" i="1"/>
  <c r="U47439" i="1"/>
  <c r="U47438" i="1"/>
  <c r="U47437" i="1"/>
  <c r="U47436" i="1"/>
  <c r="U47435" i="1"/>
  <c r="U47434" i="1"/>
  <c r="U47433" i="1"/>
  <c r="U47432" i="1"/>
  <c r="U47431" i="1"/>
  <c r="U47430" i="1"/>
  <c r="U47429" i="1"/>
  <c r="U47428" i="1"/>
  <c r="U47427" i="1"/>
  <c r="U47426" i="1"/>
  <c r="U47425" i="1"/>
  <c r="U47424" i="1"/>
  <c r="U47423" i="1"/>
  <c r="U47422" i="1"/>
  <c r="U47421" i="1"/>
  <c r="U47420" i="1"/>
  <c r="U47419" i="1"/>
  <c r="U47418" i="1"/>
  <c r="U47417" i="1"/>
  <c r="U47416" i="1"/>
  <c r="U47415" i="1"/>
  <c r="U47414" i="1"/>
  <c r="U47413" i="1"/>
  <c r="U47412" i="1"/>
  <c r="U47411" i="1"/>
  <c r="U47410" i="1"/>
  <c r="U47409" i="1"/>
  <c r="U47408" i="1"/>
  <c r="U47407" i="1"/>
  <c r="U47406" i="1"/>
  <c r="U47405" i="1"/>
  <c r="U47404" i="1"/>
  <c r="U47403" i="1"/>
  <c r="U47402" i="1"/>
  <c r="U47401" i="1"/>
  <c r="U47400" i="1"/>
  <c r="U47399" i="1"/>
  <c r="U47398" i="1"/>
  <c r="U47397" i="1"/>
  <c r="U47396" i="1"/>
  <c r="U47395" i="1"/>
  <c r="U47394" i="1"/>
  <c r="U47393" i="1"/>
  <c r="U47392" i="1"/>
  <c r="U47391" i="1"/>
  <c r="U47390" i="1"/>
  <c r="U47389" i="1"/>
  <c r="U47388" i="1"/>
  <c r="U47387" i="1"/>
  <c r="U47386" i="1"/>
  <c r="U47385" i="1"/>
  <c r="U47384" i="1"/>
  <c r="U47383" i="1"/>
  <c r="U47382" i="1"/>
  <c r="U47381" i="1"/>
  <c r="U47380" i="1"/>
  <c r="U47379" i="1"/>
  <c r="U47378" i="1"/>
  <c r="U47377" i="1"/>
  <c r="U47376" i="1"/>
  <c r="U47375" i="1"/>
  <c r="U47374" i="1"/>
  <c r="U47373" i="1"/>
  <c r="U47372" i="1"/>
  <c r="U47371" i="1"/>
  <c r="U47370" i="1"/>
  <c r="U47369" i="1"/>
  <c r="U47368" i="1"/>
  <c r="U47367" i="1"/>
  <c r="U47366" i="1"/>
  <c r="U47365" i="1"/>
  <c r="U47364" i="1"/>
  <c r="U47363" i="1"/>
  <c r="U47362" i="1"/>
  <c r="U47361" i="1"/>
  <c r="U47360" i="1"/>
  <c r="U47359" i="1"/>
  <c r="U47358" i="1"/>
  <c r="U47357" i="1"/>
  <c r="U47356" i="1"/>
  <c r="U47355" i="1"/>
  <c r="U47354" i="1"/>
  <c r="U47353" i="1"/>
  <c r="U47352" i="1"/>
  <c r="U47351" i="1"/>
  <c r="U47350" i="1"/>
  <c r="U47349" i="1"/>
  <c r="U47348" i="1"/>
  <c r="U47347" i="1"/>
  <c r="U47346" i="1"/>
  <c r="U47345" i="1"/>
  <c r="U47344" i="1"/>
  <c r="U47343" i="1"/>
  <c r="U47342" i="1"/>
  <c r="U47341" i="1"/>
  <c r="U47340" i="1"/>
  <c r="U47339" i="1"/>
  <c r="U47338" i="1"/>
  <c r="U47337" i="1"/>
  <c r="U47336" i="1"/>
  <c r="U47335" i="1"/>
  <c r="U47334" i="1"/>
  <c r="U47333" i="1"/>
  <c r="U47332" i="1"/>
  <c r="U47331" i="1"/>
  <c r="U47330" i="1"/>
  <c r="U47329" i="1"/>
  <c r="U47328" i="1"/>
  <c r="U47327" i="1"/>
  <c r="U47326" i="1"/>
  <c r="U47325" i="1"/>
  <c r="U47324" i="1"/>
  <c r="U47323" i="1"/>
  <c r="U47322" i="1"/>
  <c r="U47321" i="1"/>
  <c r="U47320" i="1"/>
  <c r="U47319" i="1"/>
  <c r="U47318" i="1"/>
  <c r="U47317" i="1"/>
  <c r="U47316" i="1"/>
  <c r="U47315" i="1"/>
  <c r="U47314" i="1"/>
  <c r="U47313" i="1"/>
  <c r="U47312" i="1"/>
  <c r="U47311" i="1"/>
  <c r="U47310" i="1"/>
  <c r="U47309" i="1"/>
  <c r="U47308" i="1"/>
  <c r="U47307" i="1"/>
  <c r="U47306" i="1"/>
  <c r="U47305" i="1"/>
  <c r="U47304" i="1"/>
  <c r="U47303" i="1"/>
  <c r="U47302" i="1"/>
  <c r="U47301" i="1"/>
  <c r="U47300" i="1"/>
  <c r="U47299" i="1"/>
  <c r="U47298" i="1"/>
  <c r="U47297" i="1"/>
  <c r="U47296" i="1"/>
  <c r="U47295" i="1"/>
  <c r="U47294" i="1"/>
  <c r="U47293" i="1"/>
  <c r="U47292" i="1"/>
  <c r="U47291" i="1"/>
  <c r="U47290" i="1"/>
  <c r="U47289" i="1"/>
  <c r="U47288" i="1"/>
  <c r="U47287" i="1"/>
  <c r="U47286" i="1"/>
  <c r="U47285" i="1"/>
  <c r="U47284" i="1"/>
  <c r="U47283" i="1"/>
  <c r="U47282" i="1"/>
  <c r="U47281" i="1"/>
  <c r="U47280" i="1"/>
  <c r="U47279" i="1"/>
  <c r="U47278" i="1"/>
  <c r="U47277" i="1"/>
  <c r="U47276" i="1"/>
  <c r="U47275" i="1"/>
  <c r="U47274" i="1"/>
  <c r="U47273" i="1"/>
  <c r="U47272" i="1"/>
  <c r="U47271" i="1"/>
  <c r="U47270" i="1"/>
  <c r="U47269" i="1"/>
  <c r="U47268" i="1"/>
  <c r="U47267" i="1"/>
  <c r="U47266" i="1"/>
  <c r="U47265" i="1"/>
  <c r="U47264" i="1"/>
  <c r="U47263" i="1"/>
  <c r="U47262" i="1"/>
  <c r="U47261" i="1"/>
  <c r="U47260" i="1"/>
  <c r="U47259" i="1"/>
  <c r="U47258" i="1"/>
  <c r="U47257" i="1"/>
  <c r="U47256" i="1"/>
  <c r="U47255" i="1"/>
  <c r="U47254" i="1"/>
  <c r="U47253" i="1"/>
  <c r="U47252" i="1"/>
  <c r="U47251" i="1"/>
  <c r="U47250" i="1"/>
  <c r="U47249" i="1"/>
  <c r="U47248" i="1"/>
  <c r="U47247" i="1"/>
  <c r="U47246" i="1"/>
  <c r="U47245" i="1"/>
  <c r="U47244" i="1"/>
  <c r="U47243" i="1"/>
  <c r="U47242" i="1"/>
  <c r="U47241" i="1"/>
  <c r="U47240" i="1"/>
  <c r="U47239" i="1"/>
  <c r="U47238" i="1"/>
  <c r="U47237" i="1"/>
  <c r="U47236" i="1"/>
  <c r="U47235" i="1"/>
  <c r="U47234" i="1"/>
  <c r="U47233" i="1"/>
  <c r="U47232" i="1"/>
  <c r="U47231" i="1"/>
  <c r="U47230" i="1"/>
  <c r="U47229" i="1"/>
  <c r="U47228" i="1"/>
  <c r="U47227" i="1"/>
  <c r="U47226" i="1"/>
  <c r="U47225" i="1"/>
  <c r="U47224" i="1"/>
  <c r="U47223" i="1"/>
  <c r="U47222" i="1"/>
  <c r="U47221" i="1"/>
  <c r="U47220" i="1"/>
  <c r="U47219" i="1"/>
  <c r="U47218" i="1"/>
  <c r="U47217" i="1"/>
  <c r="U47216" i="1"/>
  <c r="U47215" i="1"/>
  <c r="U47214" i="1"/>
  <c r="U47213" i="1"/>
  <c r="U47212" i="1"/>
  <c r="U47211" i="1"/>
  <c r="U47210" i="1"/>
  <c r="U47209" i="1"/>
  <c r="U47208" i="1"/>
  <c r="U47207" i="1"/>
  <c r="U47206" i="1"/>
  <c r="U47205" i="1"/>
  <c r="U47204" i="1"/>
  <c r="U47203" i="1"/>
  <c r="U47202" i="1"/>
  <c r="U47201" i="1"/>
  <c r="U47200" i="1"/>
  <c r="U47199" i="1"/>
  <c r="U47198" i="1"/>
  <c r="U47197" i="1"/>
  <c r="U47196" i="1"/>
  <c r="U47195" i="1"/>
  <c r="U47194" i="1"/>
  <c r="U47193" i="1"/>
  <c r="U47192" i="1"/>
  <c r="U47191" i="1"/>
  <c r="U47190" i="1"/>
  <c r="U47189" i="1"/>
  <c r="U47188" i="1"/>
  <c r="U47187" i="1"/>
  <c r="U47186" i="1"/>
  <c r="U47185" i="1"/>
  <c r="U47184" i="1"/>
  <c r="U47183" i="1"/>
  <c r="U47182" i="1"/>
  <c r="U47181" i="1"/>
  <c r="U47180" i="1"/>
  <c r="U47179" i="1"/>
  <c r="U47178" i="1"/>
  <c r="U47177" i="1"/>
  <c r="U47176" i="1"/>
  <c r="U47175" i="1"/>
  <c r="U47174" i="1"/>
  <c r="U47173" i="1"/>
  <c r="U47172" i="1"/>
  <c r="U47171" i="1"/>
  <c r="U47170" i="1"/>
  <c r="U47169" i="1"/>
  <c r="U47168" i="1"/>
  <c r="U47167" i="1"/>
  <c r="U47166" i="1"/>
  <c r="U47165" i="1"/>
  <c r="U47164" i="1"/>
  <c r="U47163" i="1"/>
  <c r="U47162" i="1"/>
  <c r="U47161" i="1"/>
  <c r="U47160" i="1"/>
  <c r="U47159" i="1"/>
  <c r="U47158" i="1"/>
  <c r="U47157" i="1"/>
  <c r="U47156" i="1"/>
  <c r="U47155" i="1"/>
  <c r="U47154" i="1"/>
  <c r="U47153" i="1"/>
  <c r="U47152" i="1"/>
  <c r="U47151" i="1"/>
  <c r="U47150" i="1"/>
  <c r="U47149" i="1"/>
  <c r="U47148" i="1"/>
  <c r="U47147" i="1"/>
  <c r="U47146" i="1"/>
  <c r="U47145" i="1"/>
  <c r="U47144" i="1"/>
  <c r="U47143" i="1"/>
  <c r="U47142" i="1"/>
  <c r="U47141" i="1"/>
  <c r="U47140" i="1"/>
  <c r="U47139" i="1"/>
  <c r="U47138" i="1"/>
  <c r="U47137" i="1"/>
  <c r="U47136" i="1"/>
  <c r="U47135" i="1"/>
  <c r="U47134" i="1"/>
  <c r="U47133" i="1"/>
  <c r="U47132" i="1"/>
  <c r="U47131" i="1"/>
  <c r="U47130" i="1"/>
  <c r="U47129" i="1"/>
  <c r="U47128" i="1"/>
  <c r="U47127" i="1"/>
  <c r="U47126" i="1"/>
  <c r="U47125" i="1"/>
  <c r="U47124" i="1"/>
  <c r="U47123" i="1"/>
  <c r="U47122" i="1"/>
  <c r="U47121" i="1"/>
  <c r="U47120" i="1"/>
  <c r="U47119" i="1"/>
  <c r="U47118" i="1"/>
  <c r="U47117" i="1"/>
  <c r="U47116" i="1"/>
  <c r="U47115" i="1"/>
  <c r="U47114" i="1"/>
  <c r="U47113" i="1"/>
  <c r="U47112" i="1"/>
  <c r="U47111" i="1"/>
  <c r="U47110" i="1"/>
  <c r="U47109" i="1"/>
  <c r="U47108" i="1"/>
  <c r="U47107" i="1"/>
  <c r="U47106" i="1"/>
  <c r="U47105" i="1"/>
  <c r="U47104" i="1"/>
  <c r="U47103" i="1"/>
  <c r="U47102" i="1"/>
  <c r="U47101" i="1"/>
  <c r="U47100" i="1"/>
  <c r="U47099" i="1"/>
  <c r="U47098" i="1"/>
  <c r="U47097" i="1"/>
  <c r="U47096" i="1"/>
  <c r="U47095" i="1"/>
  <c r="U47094" i="1"/>
  <c r="U47093" i="1"/>
  <c r="U47092" i="1"/>
  <c r="U47091" i="1"/>
  <c r="U47090" i="1"/>
  <c r="U47089" i="1"/>
  <c r="U47088" i="1"/>
  <c r="U47087" i="1"/>
  <c r="U47086" i="1"/>
  <c r="U47085" i="1"/>
  <c r="U47084" i="1"/>
  <c r="U47083" i="1"/>
  <c r="U47082" i="1"/>
  <c r="U47081" i="1"/>
  <c r="U47080" i="1"/>
  <c r="U47079" i="1"/>
  <c r="U47078" i="1"/>
  <c r="U47077" i="1"/>
  <c r="U47076" i="1"/>
  <c r="U47075" i="1"/>
  <c r="U47074" i="1"/>
  <c r="U47073" i="1"/>
  <c r="U47072" i="1"/>
  <c r="U47071" i="1"/>
  <c r="U47070" i="1"/>
  <c r="U47069" i="1"/>
  <c r="U47068" i="1"/>
  <c r="U47067" i="1"/>
  <c r="U47066" i="1"/>
  <c r="U47065" i="1"/>
  <c r="U47064" i="1"/>
  <c r="U47063" i="1"/>
  <c r="U47062" i="1"/>
  <c r="U47061" i="1"/>
  <c r="U47060" i="1"/>
  <c r="U47059" i="1"/>
  <c r="U47058" i="1"/>
  <c r="U47057" i="1"/>
  <c r="U47056" i="1"/>
  <c r="U47055" i="1"/>
  <c r="U47054" i="1"/>
  <c r="U47053" i="1"/>
  <c r="U47052" i="1"/>
  <c r="U47051" i="1"/>
  <c r="U47050" i="1"/>
  <c r="U47049" i="1"/>
  <c r="U47048" i="1"/>
  <c r="U47047" i="1"/>
  <c r="U47046" i="1"/>
  <c r="U47045" i="1"/>
  <c r="U47044" i="1"/>
  <c r="U47043" i="1"/>
  <c r="U47042" i="1"/>
  <c r="U47041" i="1"/>
  <c r="U47040" i="1"/>
  <c r="U47039" i="1"/>
  <c r="U47038" i="1"/>
  <c r="U47037" i="1"/>
  <c r="U47036" i="1"/>
  <c r="U47035" i="1"/>
  <c r="U47034" i="1"/>
  <c r="U47033" i="1"/>
  <c r="U47032" i="1"/>
  <c r="U47031" i="1"/>
  <c r="U47030" i="1"/>
  <c r="U47029" i="1"/>
  <c r="U47028" i="1"/>
  <c r="U47027" i="1"/>
  <c r="U47026" i="1"/>
  <c r="U47025" i="1"/>
  <c r="U47024" i="1"/>
  <c r="U47023" i="1"/>
  <c r="U47022" i="1"/>
  <c r="U47021" i="1"/>
  <c r="U47020" i="1"/>
  <c r="U47019" i="1"/>
  <c r="U47018" i="1"/>
  <c r="U47017" i="1"/>
  <c r="U47016" i="1"/>
  <c r="U47015" i="1"/>
  <c r="U47014" i="1"/>
  <c r="U47013" i="1"/>
  <c r="U47012" i="1"/>
  <c r="U47011" i="1"/>
  <c r="U47010" i="1"/>
  <c r="U47009" i="1"/>
  <c r="U47008" i="1"/>
  <c r="U47007" i="1"/>
  <c r="U47006" i="1"/>
  <c r="U47005" i="1"/>
  <c r="U47004" i="1"/>
  <c r="U47003" i="1"/>
  <c r="U47002" i="1"/>
  <c r="U47001" i="1"/>
  <c r="U47000" i="1"/>
  <c r="U46999" i="1"/>
  <c r="U46998" i="1"/>
  <c r="U46997" i="1"/>
  <c r="U46996" i="1"/>
  <c r="U46995" i="1"/>
  <c r="U46994" i="1"/>
  <c r="U46993" i="1"/>
  <c r="U46992" i="1"/>
  <c r="U46991" i="1"/>
  <c r="U46990" i="1"/>
  <c r="U46989" i="1"/>
  <c r="U46988" i="1"/>
  <c r="U46987" i="1"/>
  <c r="U46986" i="1"/>
  <c r="U46985" i="1"/>
  <c r="U46984" i="1"/>
  <c r="U46983" i="1"/>
  <c r="U46982" i="1"/>
  <c r="U46981" i="1"/>
  <c r="U46980" i="1"/>
  <c r="U46979" i="1"/>
  <c r="U46978" i="1"/>
  <c r="U46977" i="1"/>
  <c r="U46976" i="1"/>
  <c r="U46975" i="1"/>
  <c r="U46974" i="1"/>
  <c r="U46973" i="1"/>
  <c r="U46972" i="1"/>
  <c r="U46971" i="1"/>
  <c r="U46970" i="1"/>
  <c r="U46969" i="1"/>
  <c r="U46968" i="1"/>
  <c r="U46967" i="1"/>
  <c r="U46966" i="1"/>
  <c r="U46965" i="1"/>
  <c r="U46964" i="1"/>
  <c r="U46963" i="1"/>
  <c r="U46962" i="1"/>
  <c r="U46961" i="1"/>
  <c r="U46960" i="1"/>
  <c r="U46959" i="1"/>
  <c r="U46958" i="1"/>
  <c r="U46957" i="1"/>
  <c r="U46956" i="1"/>
  <c r="U46955" i="1"/>
  <c r="U46954" i="1"/>
  <c r="U46953" i="1"/>
  <c r="U46952" i="1"/>
  <c r="U46951" i="1"/>
  <c r="U46950" i="1"/>
  <c r="U46949" i="1"/>
  <c r="U46948" i="1"/>
  <c r="U46947" i="1"/>
  <c r="U46946" i="1"/>
  <c r="U46945" i="1"/>
  <c r="U46944" i="1"/>
  <c r="U46943" i="1"/>
  <c r="U46942" i="1"/>
  <c r="U46941" i="1"/>
  <c r="U46940" i="1"/>
  <c r="U46939" i="1"/>
  <c r="U46938" i="1"/>
  <c r="U46937" i="1"/>
  <c r="U46936" i="1"/>
  <c r="U46935" i="1"/>
  <c r="U46934" i="1"/>
  <c r="U46933" i="1"/>
  <c r="U46932" i="1"/>
  <c r="U46931" i="1"/>
  <c r="U46930" i="1"/>
  <c r="U46929" i="1"/>
  <c r="U46928" i="1"/>
  <c r="U46927" i="1"/>
  <c r="U46926" i="1"/>
  <c r="U46925" i="1"/>
  <c r="U46924" i="1"/>
  <c r="U46923" i="1"/>
  <c r="U46922" i="1"/>
  <c r="U46921" i="1"/>
  <c r="U46920" i="1"/>
  <c r="U46919" i="1"/>
  <c r="U46918" i="1"/>
  <c r="U46917" i="1"/>
  <c r="U46916" i="1"/>
  <c r="U46915" i="1"/>
  <c r="U46914" i="1"/>
  <c r="U46913" i="1"/>
  <c r="U46912" i="1"/>
  <c r="U46911" i="1"/>
  <c r="U46910" i="1"/>
  <c r="U46909" i="1"/>
  <c r="U46908" i="1"/>
  <c r="U46907" i="1"/>
  <c r="U46906" i="1"/>
  <c r="U46905" i="1"/>
  <c r="U46904" i="1"/>
  <c r="U46903" i="1"/>
  <c r="U46902" i="1"/>
  <c r="U46901" i="1"/>
  <c r="U46900" i="1"/>
  <c r="U46899" i="1"/>
  <c r="U46898" i="1"/>
  <c r="U46897" i="1"/>
  <c r="U46896" i="1"/>
  <c r="U46895" i="1"/>
  <c r="U46894" i="1"/>
  <c r="U46893" i="1"/>
  <c r="U46892" i="1"/>
  <c r="U46891" i="1"/>
  <c r="U46890" i="1"/>
  <c r="U46889" i="1"/>
  <c r="U46888" i="1"/>
  <c r="U46887" i="1"/>
  <c r="U46886" i="1"/>
  <c r="U46885" i="1"/>
  <c r="U46884" i="1"/>
  <c r="U46883" i="1"/>
  <c r="U46882" i="1"/>
  <c r="U46881" i="1"/>
  <c r="U46880" i="1"/>
  <c r="U46879" i="1"/>
  <c r="U46878" i="1"/>
  <c r="U46877" i="1"/>
  <c r="U46876" i="1"/>
  <c r="U46875" i="1"/>
  <c r="U46874" i="1"/>
  <c r="U46873" i="1"/>
  <c r="U46872" i="1"/>
  <c r="U46871" i="1"/>
  <c r="U46870" i="1"/>
  <c r="U46869" i="1"/>
  <c r="U46868" i="1"/>
  <c r="U46867" i="1"/>
  <c r="U46866" i="1"/>
  <c r="U46865" i="1"/>
  <c r="U46864" i="1"/>
  <c r="U46863" i="1"/>
  <c r="U46862" i="1"/>
  <c r="U46861" i="1"/>
  <c r="U46860" i="1"/>
  <c r="U46859" i="1"/>
  <c r="U46858" i="1"/>
  <c r="U46857" i="1"/>
  <c r="U46856" i="1"/>
  <c r="U46855" i="1"/>
  <c r="U46854" i="1"/>
  <c r="U46853" i="1"/>
  <c r="U46852" i="1"/>
  <c r="U46851" i="1"/>
  <c r="U46850" i="1"/>
  <c r="U46849" i="1"/>
  <c r="U46848" i="1"/>
  <c r="U46847" i="1"/>
  <c r="U46846" i="1"/>
  <c r="U46845" i="1"/>
  <c r="U46844" i="1"/>
  <c r="U46843" i="1"/>
  <c r="U46842" i="1"/>
  <c r="U46841" i="1"/>
  <c r="U46840" i="1"/>
  <c r="U46839" i="1"/>
  <c r="U46838" i="1"/>
  <c r="U46837" i="1"/>
  <c r="U46836" i="1"/>
  <c r="U46835" i="1"/>
  <c r="U46834" i="1"/>
  <c r="U46833" i="1"/>
  <c r="U46832" i="1"/>
  <c r="U46831" i="1"/>
  <c r="U46830" i="1"/>
  <c r="U46829" i="1"/>
  <c r="U46828" i="1"/>
  <c r="U46827" i="1"/>
  <c r="U46826" i="1"/>
  <c r="U46825" i="1"/>
  <c r="U46824" i="1"/>
  <c r="U46823" i="1"/>
  <c r="U46822" i="1"/>
  <c r="U46821" i="1"/>
  <c r="U46820" i="1"/>
  <c r="U46819" i="1"/>
  <c r="U46818" i="1"/>
  <c r="U46817" i="1"/>
  <c r="U46816" i="1"/>
  <c r="U46815" i="1"/>
  <c r="U46814" i="1"/>
  <c r="U46813" i="1"/>
  <c r="U46812" i="1"/>
  <c r="U46811" i="1"/>
  <c r="U46810" i="1"/>
  <c r="U46809" i="1"/>
  <c r="U46808" i="1"/>
  <c r="U46807" i="1"/>
  <c r="U46806" i="1"/>
  <c r="U46805" i="1"/>
  <c r="U46804" i="1"/>
  <c r="U46803" i="1"/>
  <c r="U46802" i="1"/>
  <c r="U46801" i="1"/>
  <c r="U46800" i="1"/>
  <c r="U46799" i="1"/>
  <c r="U46798" i="1"/>
  <c r="U46797" i="1"/>
  <c r="U46796" i="1"/>
  <c r="U46795" i="1"/>
  <c r="U46794" i="1"/>
  <c r="U46793" i="1"/>
  <c r="U46792" i="1"/>
  <c r="U46791" i="1"/>
  <c r="U46790" i="1"/>
  <c r="U46789" i="1"/>
  <c r="U46788" i="1"/>
  <c r="U46787" i="1"/>
  <c r="U46786" i="1"/>
  <c r="U46785" i="1"/>
  <c r="U46784" i="1"/>
  <c r="U46783" i="1"/>
  <c r="U46782" i="1"/>
  <c r="U46781" i="1"/>
  <c r="U46780" i="1"/>
  <c r="U46779" i="1"/>
  <c r="U46778" i="1"/>
  <c r="U46777" i="1"/>
  <c r="U46776" i="1"/>
  <c r="U46775" i="1"/>
  <c r="U46774" i="1"/>
  <c r="U46773" i="1"/>
  <c r="U46772" i="1"/>
  <c r="U46771" i="1"/>
  <c r="U46770" i="1"/>
  <c r="U46769" i="1"/>
  <c r="U46768" i="1"/>
  <c r="U46767" i="1"/>
  <c r="U46766" i="1"/>
  <c r="U46765" i="1"/>
  <c r="U46764" i="1"/>
  <c r="U46763" i="1"/>
  <c r="U46762" i="1"/>
  <c r="U46761" i="1"/>
  <c r="U46760" i="1"/>
  <c r="U46759" i="1"/>
  <c r="U46758" i="1"/>
  <c r="U46757" i="1"/>
  <c r="U46756" i="1"/>
  <c r="U46755" i="1"/>
  <c r="U46754" i="1"/>
  <c r="U46753" i="1"/>
  <c r="U46752" i="1"/>
  <c r="U46751" i="1"/>
  <c r="U46750" i="1"/>
  <c r="U46749" i="1"/>
  <c r="U46748" i="1"/>
  <c r="U46747" i="1"/>
  <c r="U46746" i="1"/>
  <c r="U46745" i="1"/>
  <c r="U46744" i="1"/>
  <c r="U46743" i="1"/>
  <c r="U46742" i="1"/>
  <c r="U46741" i="1"/>
  <c r="U46740" i="1"/>
  <c r="U46739" i="1"/>
  <c r="U46738" i="1"/>
  <c r="U46737" i="1"/>
  <c r="U46736" i="1"/>
  <c r="U46735" i="1"/>
  <c r="U46734" i="1"/>
  <c r="U46733" i="1"/>
  <c r="U46732" i="1"/>
  <c r="U46731" i="1"/>
  <c r="U46730" i="1"/>
  <c r="U46729" i="1"/>
  <c r="U46728" i="1"/>
  <c r="U46727" i="1"/>
  <c r="U46726" i="1"/>
  <c r="U46725" i="1"/>
  <c r="U46724" i="1"/>
  <c r="U46723" i="1"/>
  <c r="U46722" i="1"/>
  <c r="U46721" i="1"/>
  <c r="U46720" i="1"/>
  <c r="U46719" i="1"/>
  <c r="U46718" i="1"/>
  <c r="U46717" i="1"/>
  <c r="U46716" i="1"/>
  <c r="U46715" i="1"/>
  <c r="U46714" i="1"/>
  <c r="U46713" i="1"/>
  <c r="U46712" i="1"/>
  <c r="U46711" i="1"/>
  <c r="U46710" i="1"/>
  <c r="U46709" i="1"/>
  <c r="U46708" i="1"/>
  <c r="U46707" i="1"/>
  <c r="U46706" i="1"/>
  <c r="U46705" i="1"/>
  <c r="U46704" i="1"/>
  <c r="U46703" i="1"/>
  <c r="U46702" i="1"/>
  <c r="U46701" i="1"/>
  <c r="U46700" i="1"/>
  <c r="U46699" i="1"/>
  <c r="U46698" i="1"/>
  <c r="U46697" i="1"/>
  <c r="U46696" i="1"/>
  <c r="U46695" i="1"/>
  <c r="U46694" i="1"/>
  <c r="U46693" i="1"/>
  <c r="U46692" i="1"/>
  <c r="U46691" i="1"/>
  <c r="U46690" i="1"/>
  <c r="U46689" i="1"/>
  <c r="U46688" i="1"/>
  <c r="U46687" i="1"/>
  <c r="U46686" i="1"/>
  <c r="U46685" i="1"/>
  <c r="U46684" i="1"/>
  <c r="U46683" i="1"/>
  <c r="U46682" i="1"/>
  <c r="U46681" i="1"/>
  <c r="U46680" i="1"/>
  <c r="U46679" i="1"/>
  <c r="U46678" i="1"/>
  <c r="U46677" i="1"/>
  <c r="U46676" i="1"/>
  <c r="U46675" i="1"/>
  <c r="U46674" i="1"/>
  <c r="U46673" i="1"/>
  <c r="U46672" i="1"/>
  <c r="U46671" i="1"/>
  <c r="U46670" i="1"/>
  <c r="U46669" i="1"/>
  <c r="U46668" i="1"/>
  <c r="U46667" i="1"/>
  <c r="U46666" i="1"/>
  <c r="U46665" i="1"/>
  <c r="U46664" i="1"/>
  <c r="U46663" i="1"/>
  <c r="U46662" i="1"/>
  <c r="U46661" i="1"/>
  <c r="U46660" i="1"/>
  <c r="U46659" i="1"/>
  <c r="U46658" i="1"/>
  <c r="U46657" i="1"/>
  <c r="U46656" i="1"/>
  <c r="U46655" i="1"/>
  <c r="U46654" i="1"/>
  <c r="U46653" i="1"/>
  <c r="U46652" i="1"/>
  <c r="U46651" i="1"/>
  <c r="U46650" i="1"/>
  <c r="U46649" i="1"/>
  <c r="U46648" i="1"/>
  <c r="U46647" i="1"/>
  <c r="U46646" i="1"/>
  <c r="U46645" i="1"/>
  <c r="U46644" i="1"/>
  <c r="U46643" i="1"/>
  <c r="U46642" i="1"/>
  <c r="U46641" i="1"/>
  <c r="U46640" i="1"/>
  <c r="U46639" i="1"/>
  <c r="U46638" i="1"/>
  <c r="U46637" i="1"/>
  <c r="U46636" i="1"/>
  <c r="U46635" i="1"/>
  <c r="U46634" i="1"/>
  <c r="U46633" i="1"/>
  <c r="U46632" i="1"/>
  <c r="U46631" i="1"/>
  <c r="U46630" i="1"/>
  <c r="U46629" i="1"/>
  <c r="U46628" i="1"/>
  <c r="U46627" i="1"/>
  <c r="U46626" i="1"/>
  <c r="U46625" i="1"/>
  <c r="U46624" i="1"/>
  <c r="U46623" i="1"/>
  <c r="U46622" i="1"/>
  <c r="U46621" i="1"/>
  <c r="U46620" i="1"/>
  <c r="U46619" i="1"/>
  <c r="U46618" i="1"/>
  <c r="U46617" i="1"/>
  <c r="U46616" i="1"/>
  <c r="U46615" i="1"/>
  <c r="U46614" i="1"/>
  <c r="U46613" i="1"/>
  <c r="U46612" i="1"/>
  <c r="U46611" i="1"/>
  <c r="U46610" i="1"/>
  <c r="U46609" i="1"/>
  <c r="U46608" i="1"/>
  <c r="U46607" i="1"/>
  <c r="U46606" i="1"/>
  <c r="U46605" i="1"/>
  <c r="U46604" i="1"/>
  <c r="U46603" i="1"/>
  <c r="U46602" i="1"/>
  <c r="U46601" i="1"/>
  <c r="U46600" i="1"/>
  <c r="U46599" i="1"/>
  <c r="U46598" i="1"/>
  <c r="U46597" i="1"/>
  <c r="U46596" i="1"/>
  <c r="U46595" i="1"/>
  <c r="U46594" i="1"/>
  <c r="U46593" i="1"/>
  <c r="U46592" i="1"/>
  <c r="U46591" i="1"/>
  <c r="U46590" i="1"/>
  <c r="U46589" i="1"/>
  <c r="U46588" i="1"/>
  <c r="U46587" i="1"/>
  <c r="U46586" i="1"/>
  <c r="U46585" i="1"/>
  <c r="U46584" i="1"/>
  <c r="U46583" i="1"/>
  <c r="U46582" i="1"/>
  <c r="U46581" i="1"/>
  <c r="U46580" i="1"/>
  <c r="U46579" i="1"/>
  <c r="U46578" i="1"/>
  <c r="U46577" i="1"/>
  <c r="U46576" i="1"/>
  <c r="U46575" i="1"/>
  <c r="U46574" i="1"/>
  <c r="U46573" i="1"/>
  <c r="U46572" i="1"/>
  <c r="U46571" i="1"/>
  <c r="U46570" i="1"/>
  <c r="U46569" i="1"/>
  <c r="U46568" i="1"/>
  <c r="U46567" i="1"/>
  <c r="U46566" i="1"/>
  <c r="U46565" i="1"/>
  <c r="U46564" i="1"/>
  <c r="U46563" i="1"/>
  <c r="U46562" i="1"/>
  <c r="U46561" i="1"/>
  <c r="U46560" i="1"/>
  <c r="U46559" i="1"/>
  <c r="U46558" i="1"/>
  <c r="U46557" i="1"/>
  <c r="U46556" i="1"/>
  <c r="U46555" i="1"/>
  <c r="U46554" i="1"/>
  <c r="U46553" i="1"/>
  <c r="U46552" i="1"/>
  <c r="U46551" i="1"/>
  <c r="U46550" i="1"/>
  <c r="U46549" i="1"/>
  <c r="U46548" i="1"/>
  <c r="U46547" i="1"/>
  <c r="U46546" i="1"/>
  <c r="U46545" i="1"/>
  <c r="U46544" i="1"/>
  <c r="U46543" i="1"/>
  <c r="U46542" i="1"/>
  <c r="U46541" i="1"/>
  <c r="U46540" i="1"/>
  <c r="U46539" i="1"/>
  <c r="U46538" i="1"/>
  <c r="U46537" i="1"/>
  <c r="U46536" i="1"/>
  <c r="U46535" i="1"/>
  <c r="U46534" i="1"/>
  <c r="U46533" i="1"/>
  <c r="U46532" i="1"/>
  <c r="U46531" i="1"/>
  <c r="U46530" i="1"/>
  <c r="U46529" i="1"/>
  <c r="U46528" i="1"/>
  <c r="U46527" i="1"/>
  <c r="U46526" i="1"/>
  <c r="U46525" i="1"/>
  <c r="U46524" i="1"/>
  <c r="U46523" i="1"/>
  <c r="U46522" i="1"/>
  <c r="U46521" i="1"/>
  <c r="U46520" i="1"/>
  <c r="U46519" i="1"/>
  <c r="U46518" i="1"/>
  <c r="U46517" i="1"/>
  <c r="U46516" i="1"/>
  <c r="U46515" i="1"/>
  <c r="U46514" i="1"/>
  <c r="U46513" i="1"/>
  <c r="U46512" i="1"/>
  <c r="U46511" i="1"/>
  <c r="U46510" i="1"/>
  <c r="U46509" i="1"/>
  <c r="U46508" i="1"/>
  <c r="U46507" i="1"/>
  <c r="U46506" i="1"/>
  <c r="U46505" i="1"/>
  <c r="U46504" i="1"/>
  <c r="U46503" i="1"/>
  <c r="U46502" i="1"/>
  <c r="U46501" i="1"/>
  <c r="U46500" i="1"/>
  <c r="U46499" i="1"/>
  <c r="U46498" i="1"/>
  <c r="U46497" i="1"/>
  <c r="U46496" i="1"/>
  <c r="U46495" i="1"/>
  <c r="U46494" i="1"/>
  <c r="U46493" i="1"/>
  <c r="U46492" i="1"/>
  <c r="U46491" i="1"/>
  <c r="U46490" i="1"/>
  <c r="U46489" i="1"/>
  <c r="U46488" i="1"/>
  <c r="U46487" i="1"/>
  <c r="U46486" i="1"/>
  <c r="U46485" i="1"/>
  <c r="U46484" i="1"/>
  <c r="U46483" i="1"/>
  <c r="U46482" i="1"/>
  <c r="U46481" i="1"/>
  <c r="U46480" i="1"/>
  <c r="U46479" i="1"/>
  <c r="U46478" i="1"/>
  <c r="U46477" i="1"/>
  <c r="U46476" i="1"/>
  <c r="U46475" i="1"/>
  <c r="U46474" i="1"/>
  <c r="U46473" i="1"/>
  <c r="U46472" i="1"/>
  <c r="U46471" i="1"/>
  <c r="U46470" i="1"/>
  <c r="U46469" i="1"/>
  <c r="U46468" i="1"/>
  <c r="U46467" i="1"/>
  <c r="U46466" i="1"/>
  <c r="U46465" i="1"/>
  <c r="U46464" i="1"/>
  <c r="U46463" i="1"/>
  <c r="U46462" i="1"/>
  <c r="U46461" i="1"/>
  <c r="U46460" i="1"/>
  <c r="U46459" i="1"/>
  <c r="U46458" i="1"/>
  <c r="U46457" i="1"/>
  <c r="U46456" i="1"/>
  <c r="U46455" i="1"/>
  <c r="U46454" i="1"/>
  <c r="U46453" i="1"/>
  <c r="U46452" i="1"/>
  <c r="U46451" i="1"/>
  <c r="U46450" i="1"/>
  <c r="U46449" i="1"/>
  <c r="U46448" i="1"/>
  <c r="U46447" i="1"/>
  <c r="U46446" i="1"/>
  <c r="U46445" i="1"/>
  <c r="U46444" i="1"/>
  <c r="U46443" i="1"/>
  <c r="U46442" i="1"/>
  <c r="U46441" i="1"/>
  <c r="U46440" i="1"/>
  <c r="U46439" i="1"/>
  <c r="U46438" i="1"/>
  <c r="U46437" i="1"/>
  <c r="U46436" i="1"/>
  <c r="U46435" i="1"/>
  <c r="U46434" i="1"/>
  <c r="U46433" i="1"/>
  <c r="U46432" i="1"/>
  <c r="U46431" i="1"/>
  <c r="U46430" i="1"/>
  <c r="U46429" i="1"/>
  <c r="U46428" i="1"/>
  <c r="U46427" i="1"/>
  <c r="U46426" i="1"/>
  <c r="U46425" i="1"/>
  <c r="U46424" i="1"/>
  <c r="U46423" i="1"/>
  <c r="U46422" i="1"/>
  <c r="U46421" i="1"/>
  <c r="U46420" i="1"/>
  <c r="U46419" i="1"/>
  <c r="U46418" i="1"/>
  <c r="U46417" i="1"/>
  <c r="U46416" i="1"/>
  <c r="U46415" i="1"/>
  <c r="U46414" i="1"/>
  <c r="U46413" i="1"/>
  <c r="U46412" i="1"/>
  <c r="U46411" i="1"/>
  <c r="U46410" i="1"/>
  <c r="U46409" i="1"/>
  <c r="U46408" i="1"/>
  <c r="U46407" i="1"/>
  <c r="U46406" i="1"/>
  <c r="U46405" i="1"/>
  <c r="U46404" i="1"/>
  <c r="U46403" i="1"/>
  <c r="U46402" i="1"/>
  <c r="U46401" i="1"/>
  <c r="U46400" i="1"/>
  <c r="U46399" i="1"/>
  <c r="U46398" i="1"/>
  <c r="U46397" i="1"/>
  <c r="U46396" i="1"/>
  <c r="U46395" i="1"/>
  <c r="U46394" i="1"/>
  <c r="U46393" i="1"/>
  <c r="U46392" i="1"/>
  <c r="U46391" i="1"/>
  <c r="U46390" i="1"/>
  <c r="U46389" i="1"/>
  <c r="U46388" i="1"/>
  <c r="U46387" i="1"/>
  <c r="U46386" i="1"/>
  <c r="U46385" i="1"/>
  <c r="U46384" i="1"/>
  <c r="U46383" i="1"/>
  <c r="U46382" i="1"/>
  <c r="U46381" i="1"/>
  <c r="U46380" i="1"/>
  <c r="U46379" i="1"/>
  <c r="U46378" i="1"/>
  <c r="U46377" i="1"/>
  <c r="U46376" i="1"/>
  <c r="U46375" i="1"/>
  <c r="U46374" i="1"/>
  <c r="U46373" i="1"/>
  <c r="U46372" i="1"/>
  <c r="U46371" i="1"/>
  <c r="U46370" i="1"/>
  <c r="U46369" i="1"/>
  <c r="U46368" i="1"/>
  <c r="U46367" i="1"/>
  <c r="U46366" i="1"/>
  <c r="U46365" i="1"/>
  <c r="U46364" i="1"/>
  <c r="U46363" i="1"/>
  <c r="U46362" i="1"/>
  <c r="U46361" i="1"/>
  <c r="U46360" i="1"/>
  <c r="U46359" i="1"/>
  <c r="U46358" i="1"/>
  <c r="U46357" i="1"/>
  <c r="U46356" i="1"/>
  <c r="U46355" i="1"/>
  <c r="U46354" i="1"/>
  <c r="U46353" i="1"/>
  <c r="U46352" i="1"/>
  <c r="U46351" i="1"/>
  <c r="U46350" i="1"/>
  <c r="U46349" i="1"/>
  <c r="U46348" i="1"/>
  <c r="U46347" i="1"/>
  <c r="U46346" i="1"/>
  <c r="U46345" i="1"/>
  <c r="U46344" i="1"/>
  <c r="U46343" i="1"/>
  <c r="U46342" i="1"/>
  <c r="U46341" i="1"/>
  <c r="U46340" i="1"/>
  <c r="U46339" i="1"/>
  <c r="U46338" i="1"/>
  <c r="U46337" i="1"/>
  <c r="U46336" i="1"/>
  <c r="U46335" i="1"/>
  <c r="U46334" i="1"/>
  <c r="U46333" i="1"/>
  <c r="U46332" i="1"/>
  <c r="U46331" i="1"/>
  <c r="U46330" i="1"/>
  <c r="U46329" i="1"/>
  <c r="U46328" i="1"/>
  <c r="U46327" i="1"/>
  <c r="U46326" i="1"/>
  <c r="U46325" i="1"/>
  <c r="U46324" i="1"/>
  <c r="U46323" i="1"/>
  <c r="U46322" i="1"/>
  <c r="U46321" i="1"/>
  <c r="U46320" i="1"/>
  <c r="U46319" i="1"/>
  <c r="U46318" i="1"/>
  <c r="U46317" i="1"/>
  <c r="U46316" i="1"/>
  <c r="U46315" i="1"/>
  <c r="U46314" i="1"/>
  <c r="U46313" i="1"/>
  <c r="U46312" i="1"/>
  <c r="U46311" i="1"/>
  <c r="U46310" i="1"/>
  <c r="U46309" i="1"/>
  <c r="U46308" i="1"/>
  <c r="U46307" i="1"/>
  <c r="U46306" i="1"/>
  <c r="U46305" i="1"/>
  <c r="U46304" i="1"/>
  <c r="U46303" i="1"/>
  <c r="U46302" i="1"/>
  <c r="U46301" i="1"/>
  <c r="U46300" i="1"/>
  <c r="U46299" i="1"/>
  <c r="U46298" i="1"/>
  <c r="U46297" i="1"/>
  <c r="U46296" i="1"/>
  <c r="U46295" i="1"/>
  <c r="U46294" i="1"/>
  <c r="U46293" i="1"/>
  <c r="U46292" i="1"/>
  <c r="U46291" i="1"/>
  <c r="U46290" i="1"/>
  <c r="U46289" i="1"/>
  <c r="U46288" i="1"/>
  <c r="U46287" i="1"/>
  <c r="U46286" i="1"/>
  <c r="U46285" i="1"/>
  <c r="U46284" i="1"/>
  <c r="U46283" i="1"/>
  <c r="U46282" i="1"/>
  <c r="U46281" i="1"/>
  <c r="U46280" i="1"/>
  <c r="U46279" i="1"/>
  <c r="U46278" i="1"/>
  <c r="U46277" i="1"/>
  <c r="U46276" i="1"/>
  <c r="U46275" i="1"/>
  <c r="U46274" i="1"/>
  <c r="U46273" i="1"/>
  <c r="U46272" i="1"/>
  <c r="U46271" i="1"/>
  <c r="U46270" i="1"/>
  <c r="U46269" i="1"/>
  <c r="U46268" i="1"/>
  <c r="U46267" i="1"/>
  <c r="U46266" i="1"/>
  <c r="U46265" i="1"/>
  <c r="U46264" i="1"/>
  <c r="U46263" i="1"/>
  <c r="U46262" i="1"/>
  <c r="U46261" i="1"/>
  <c r="U46260" i="1"/>
  <c r="U46259" i="1"/>
  <c r="U46258" i="1"/>
  <c r="U46257" i="1"/>
  <c r="U46256" i="1"/>
  <c r="U46255" i="1"/>
  <c r="U46254" i="1"/>
  <c r="U46253" i="1"/>
  <c r="U46252" i="1"/>
  <c r="U46251" i="1"/>
  <c r="U46250" i="1"/>
  <c r="U46249" i="1"/>
  <c r="U46248" i="1"/>
  <c r="U46247" i="1"/>
  <c r="U46246" i="1"/>
  <c r="U46245" i="1"/>
  <c r="U46244" i="1"/>
  <c r="U46243" i="1"/>
  <c r="U46242" i="1"/>
  <c r="U46241" i="1"/>
  <c r="U46240" i="1"/>
  <c r="U46239" i="1"/>
  <c r="U46238" i="1"/>
  <c r="U46237" i="1"/>
  <c r="U46236" i="1"/>
  <c r="U46235" i="1"/>
  <c r="U46234" i="1"/>
  <c r="U46233" i="1"/>
  <c r="U46232" i="1"/>
  <c r="U46231" i="1"/>
  <c r="U46230" i="1"/>
  <c r="U46229" i="1"/>
  <c r="U46228" i="1"/>
  <c r="U46227" i="1"/>
  <c r="U46226" i="1"/>
  <c r="U46225" i="1"/>
  <c r="U46224" i="1"/>
  <c r="U46223" i="1"/>
  <c r="U46222" i="1"/>
  <c r="U46221" i="1"/>
  <c r="U46220" i="1"/>
  <c r="U46219" i="1"/>
  <c r="U46218" i="1"/>
  <c r="U46217" i="1"/>
  <c r="U46216" i="1"/>
  <c r="U46215" i="1"/>
  <c r="U46214" i="1"/>
  <c r="U46213" i="1"/>
  <c r="U46212" i="1"/>
  <c r="U46211" i="1"/>
  <c r="U46210" i="1"/>
  <c r="U46209" i="1"/>
  <c r="U46208" i="1"/>
  <c r="U46207" i="1"/>
  <c r="U46206" i="1"/>
  <c r="U46205" i="1"/>
  <c r="U46204" i="1"/>
  <c r="U46203" i="1"/>
  <c r="U46202" i="1"/>
  <c r="U46201" i="1"/>
  <c r="U46200" i="1"/>
  <c r="U46199" i="1"/>
  <c r="U46198" i="1"/>
  <c r="U46197" i="1"/>
  <c r="U46196" i="1"/>
  <c r="U46195" i="1"/>
  <c r="U46194" i="1"/>
  <c r="U46193" i="1"/>
  <c r="U46192" i="1"/>
  <c r="U46191" i="1"/>
  <c r="U46190" i="1"/>
  <c r="U46189" i="1"/>
  <c r="U46188" i="1"/>
  <c r="U46187" i="1"/>
  <c r="U46186" i="1"/>
  <c r="U46185" i="1"/>
  <c r="U46184" i="1"/>
  <c r="U46183" i="1"/>
  <c r="U46182" i="1"/>
  <c r="U46181" i="1"/>
  <c r="U46180" i="1"/>
  <c r="U46179" i="1"/>
  <c r="U46178" i="1"/>
  <c r="U46177" i="1"/>
  <c r="U46176" i="1"/>
  <c r="U46175" i="1"/>
  <c r="U46174" i="1"/>
  <c r="U46173" i="1"/>
  <c r="U46172" i="1"/>
  <c r="U46171" i="1"/>
  <c r="U46170" i="1"/>
  <c r="U46169" i="1"/>
  <c r="U46168" i="1"/>
  <c r="U46167" i="1"/>
  <c r="U46166" i="1"/>
  <c r="U46165" i="1"/>
  <c r="U46164" i="1"/>
  <c r="U46163" i="1"/>
  <c r="U46162" i="1"/>
  <c r="U46161" i="1"/>
  <c r="U46160" i="1"/>
  <c r="U46159" i="1"/>
  <c r="U46158" i="1"/>
  <c r="U46157" i="1"/>
  <c r="U46156" i="1"/>
  <c r="U46155" i="1"/>
  <c r="U46154" i="1"/>
  <c r="U46153" i="1"/>
  <c r="U46152" i="1"/>
  <c r="U46151" i="1"/>
  <c r="U46150" i="1"/>
  <c r="U46149" i="1"/>
  <c r="U46148" i="1"/>
  <c r="U46147" i="1"/>
  <c r="U46146" i="1"/>
  <c r="U46145" i="1"/>
  <c r="U46144" i="1"/>
  <c r="U46143" i="1"/>
  <c r="U46142" i="1"/>
  <c r="U46141" i="1"/>
  <c r="U46140" i="1"/>
  <c r="U46139" i="1"/>
  <c r="U46138" i="1"/>
  <c r="U46137" i="1"/>
  <c r="U46136" i="1"/>
  <c r="U46135" i="1"/>
  <c r="U46134" i="1"/>
  <c r="U46133" i="1"/>
  <c r="U46132" i="1"/>
  <c r="U46131" i="1"/>
  <c r="U46130" i="1"/>
  <c r="U46129" i="1"/>
  <c r="U46128" i="1"/>
  <c r="U46127" i="1"/>
  <c r="U46126" i="1"/>
  <c r="U46125" i="1"/>
  <c r="U46124" i="1"/>
  <c r="U46123" i="1"/>
  <c r="U46122" i="1"/>
  <c r="U46121" i="1"/>
  <c r="U46120" i="1"/>
  <c r="U46119" i="1"/>
  <c r="U46118" i="1"/>
  <c r="U46117" i="1"/>
  <c r="U46116" i="1"/>
  <c r="U46115" i="1"/>
  <c r="U46114" i="1"/>
  <c r="U46113" i="1"/>
  <c r="U46112" i="1"/>
  <c r="U46111" i="1"/>
  <c r="U46110" i="1"/>
  <c r="U46109" i="1"/>
  <c r="U46108" i="1"/>
  <c r="U46107" i="1"/>
  <c r="U46106" i="1"/>
  <c r="U46105" i="1"/>
  <c r="U46104" i="1"/>
  <c r="U46103" i="1"/>
  <c r="U46102" i="1"/>
  <c r="U46101" i="1"/>
  <c r="U46100" i="1"/>
  <c r="U46099" i="1"/>
  <c r="U46098" i="1"/>
  <c r="U46097" i="1"/>
  <c r="U46096" i="1"/>
  <c r="U46095" i="1"/>
  <c r="U46094" i="1"/>
  <c r="U46093" i="1"/>
  <c r="U46092" i="1"/>
  <c r="U46091" i="1"/>
  <c r="U46090" i="1"/>
  <c r="U46089" i="1"/>
  <c r="U46088" i="1"/>
  <c r="U46087" i="1"/>
  <c r="U46086" i="1"/>
  <c r="U46085" i="1"/>
  <c r="U46084" i="1"/>
  <c r="U46083" i="1"/>
  <c r="U46082" i="1"/>
  <c r="U46081" i="1"/>
  <c r="U46080" i="1"/>
  <c r="U46079" i="1"/>
  <c r="U46078" i="1"/>
  <c r="U46077" i="1"/>
  <c r="U46076" i="1"/>
  <c r="U46075" i="1"/>
  <c r="U46074" i="1"/>
  <c r="U46073" i="1"/>
  <c r="U46072" i="1"/>
  <c r="U46071" i="1"/>
  <c r="U46070" i="1"/>
  <c r="U46069" i="1"/>
  <c r="U46068" i="1"/>
  <c r="U46067" i="1"/>
  <c r="U46066" i="1"/>
  <c r="U46065" i="1"/>
  <c r="U46064" i="1"/>
  <c r="U46063" i="1"/>
  <c r="U46062" i="1"/>
  <c r="U46061" i="1"/>
  <c r="U46060" i="1"/>
  <c r="U46059" i="1"/>
  <c r="U46058" i="1"/>
  <c r="U46057" i="1"/>
  <c r="U46056" i="1"/>
  <c r="U46055" i="1"/>
  <c r="U46054" i="1"/>
  <c r="U46053" i="1"/>
  <c r="U46052" i="1"/>
  <c r="U46051" i="1"/>
  <c r="U46050" i="1"/>
  <c r="U46049" i="1"/>
  <c r="U46048" i="1"/>
  <c r="U46047" i="1"/>
  <c r="U46046" i="1"/>
  <c r="U46045" i="1"/>
  <c r="U46044" i="1"/>
  <c r="U46043" i="1"/>
  <c r="U46042" i="1"/>
  <c r="U46041" i="1"/>
  <c r="U46040" i="1"/>
  <c r="U46039" i="1"/>
  <c r="U46038" i="1"/>
  <c r="U46037" i="1"/>
  <c r="U46036" i="1"/>
  <c r="U46035" i="1"/>
  <c r="U46034" i="1"/>
  <c r="U46033" i="1"/>
  <c r="U46032" i="1"/>
  <c r="U46031" i="1"/>
  <c r="U46030" i="1"/>
  <c r="U46029" i="1"/>
  <c r="U46028" i="1"/>
  <c r="U46027" i="1"/>
  <c r="U46026" i="1"/>
  <c r="U46025" i="1"/>
  <c r="U46024" i="1"/>
  <c r="U46023" i="1"/>
  <c r="U46022" i="1"/>
  <c r="U46021" i="1"/>
  <c r="U46020" i="1"/>
  <c r="U46019" i="1"/>
  <c r="U46018" i="1"/>
  <c r="U46017" i="1"/>
  <c r="U46016" i="1"/>
  <c r="U46015" i="1"/>
  <c r="U46014" i="1"/>
  <c r="U46013" i="1"/>
  <c r="U46012" i="1"/>
  <c r="U46011" i="1"/>
  <c r="U46010" i="1"/>
  <c r="U46009" i="1"/>
  <c r="U46008" i="1"/>
  <c r="U46007" i="1"/>
  <c r="U46006" i="1"/>
  <c r="U46005" i="1"/>
  <c r="U46004" i="1"/>
  <c r="U46003" i="1"/>
  <c r="U46002" i="1"/>
  <c r="U46001" i="1"/>
  <c r="U46000" i="1"/>
  <c r="U45999" i="1"/>
  <c r="U45998" i="1"/>
  <c r="U45997" i="1"/>
  <c r="U45996" i="1"/>
  <c r="U45995" i="1"/>
  <c r="U45994" i="1"/>
  <c r="U45993" i="1"/>
  <c r="U45992" i="1"/>
  <c r="U45991" i="1"/>
  <c r="U45990" i="1"/>
  <c r="U45989" i="1"/>
  <c r="U45988" i="1"/>
  <c r="U45987" i="1"/>
  <c r="U45986" i="1"/>
  <c r="U45985" i="1"/>
  <c r="U45984" i="1"/>
  <c r="U45983" i="1"/>
  <c r="U45982" i="1"/>
  <c r="U45981" i="1"/>
  <c r="U45980" i="1"/>
  <c r="U45979" i="1"/>
  <c r="U45978" i="1"/>
  <c r="U45977" i="1"/>
  <c r="U45976" i="1"/>
  <c r="U45975" i="1"/>
  <c r="U45974" i="1"/>
  <c r="U45973" i="1"/>
  <c r="U45972" i="1"/>
  <c r="U45971" i="1"/>
  <c r="U45970" i="1"/>
  <c r="U45969" i="1"/>
  <c r="U45968" i="1"/>
  <c r="U45967" i="1"/>
  <c r="U45966" i="1"/>
  <c r="U45965" i="1"/>
  <c r="U45964" i="1"/>
  <c r="U45963" i="1"/>
  <c r="U45962" i="1"/>
  <c r="U45961" i="1"/>
  <c r="U45960" i="1"/>
  <c r="U45959" i="1"/>
  <c r="U45958" i="1"/>
  <c r="U45957" i="1"/>
  <c r="U45956" i="1"/>
  <c r="U45955" i="1"/>
  <c r="U45954" i="1"/>
  <c r="U45953" i="1"/>
  <c r="U45952" i="1"/>
  <c r="U45951" i="1"/>
  <c r="U45950" i="1"/>
  <c r="U45949" i="1"/>
  <c r="U45948" i="1"/>
  <c r="U45947" i="1"/>
  <c r="U45946" i="1"/>
  <c r="U45945" i="1"/>
  <c r="U45944" i="1"/>
  <c r="U45943" i="1"/>
  <c r="U45942" i="1"/>
  <c r="U45941" i="1"/>
  <c r="U45940" i="1"/>
  <c r="U45939" i="1"/>
  <c r="U45938" i="1"/>
  <c r="U45937" i="1"/>
  <c r="U45936" i="1"/>
  <c r="U45935" i="1"/>
  <c r="U45934" i="1"/>
  <c r="U45933" i="1"/>
  <c r="U45932" i="1"/>
  <c r="U45931" i="1"/>
  <c r="U45930" i="1"/>
  <c r="U45929" i="1"/>
  <c r="U45928" i="1"/>
  <c r="U45927" i="1"/>
  <c r="U45926" i="1"/>
  <c r="U45925" i="1"/>
  <c r="U45924" i="1"/>
  <c r="U45923" i="1"/>
  <c r="U45922" i="1"/>
  <c r="U45921" i="1"/>
  <c r="U45920" i="1"/>
  <c r="U45919" i="1"/>
  <c r="U45918" i="1"/>
  <c r="U45917" i="1"/>
  <c r="U45916" i="1"/>
  <c r="U45915" i="1"/>
  <c r="U45914" i="1"/>
  <c r="U45913" i="1"/>
  <c r="U45912" i="1"/>
  <c r="U45911" i="1"/>
  <c r="U45910" i="1"/>
  <c r="U45909" i="1"/>
  <c r="U45908" i="1"/>
  <c r="U45907" i="1"/>
  <c r="U45906" i="1"/>
  <c r="U45905" i="1"/>
  <c r="U45904" i="1"/>
  <c r="U45903" i="1"/>
  <c r="U45902" i="1"/>
  <c r="U45901" i="1"/>
  <c r="U45900" i="1"/>
  <c r="U45899" i="1"/>
  <c r="U45898" i="1"/>
  <c r="U45897" i="1"/>
  <c r="U45896" i="1"/>
  <c r="U45895" i="1"/>
  <c r="U45894" i="1"/>
  <c r="U45893" i="1"/>
  <c r="U45892" i="1"/>
  <c r="U45891" i="1"/>
  <c r="U45890" i="1"/>
  <c r="U45889" i="1"/>
  <c r="U45888" i="1"/>
  <c r="U45887" i="1"/>
  <c r="U45886" i="1"/>
  <c r="U45885" i="1"/>
  <c r="U45884" i="1"/>
  <c r="U45883" i="1"/>
  <c r="U45882" i="1"/>
  <c r="U45881" i="1"/>
  <c r="U45880" i="1"/>
  <c r="U45879" i="1"/>
  <c r="U45878" i="1"/>
  <c r="U45877" i="1"/>
  <c r="U45876" i="1"/>
  <c r="U45875" i="1"/>
  <c r="U45874" i="1"/>
  <c r="U45873" i="1"/>
  <c r="U45872" i="1"/>
  <c r="U45871" i="1"/>
  <c r="U45870" i="1"/>
  <c r="U45869" i="1"/>
  <c r="U45868" i="1"/>
  <c r="U45867" i="1"/>
  <c r="U45866" i="1"/>
  <c r="U45865" i="1"/>
  <c r="U45864" i="1"/>
  <c r="U45863" i="1"/>
  <c r="U45862" i="1"/>
  <c r="U45861" i="1"/>
  <c r="U45860" i="1"/>
  <c r="U45859" i="1"/>
  <c r="U45858" i="1"/>
  <c r="U45857" i="1"/>
  <c r="U45856" i="1"/>
  <c r="U45855" i="1"/>
  <c r="U45854" i="1"/>
  <c r="U45853" i="1"/>
  <c r="U45852" i="1"/>
  <c r="U45851" i="1"/>
  <c r="U45850" i="1"/>
  <c r="U45849" i="1"/>
  <c r="U45848" i="1"/>
  <c r="U45847" i="1"/>
  <c r="U45846" i="1"/>
  <c r="U45845" i="1"/>
  <c r="U45844" i="1"/>
  <c r="U45843" i="1"/>
  <c r="U45842" i="1"/>
  <c r="U45841" i="1"/>
  <c r="U45840" i="1"/>
  <c r="U45839" i="1"/>
  <c r="U45838" i="1"/>
  <c r="U45837" i="1"/>
  <c r="U45836" i="1"/>
  <c r="U45835" i="1"/>
  <c r="U45834" i="1"/>
  <c r="U45833" i="1"/>
  <c r="U45832" i="1"/>
  <c r="U45831" i="1"/>
  <c r="U45830" i="1"/>
  <c r="U45829" i="1"/>
  <c r="U45828" i="1"/>
  <c r="U45827" i="1"/>
  <c r="U45826" i="1"/>
  <c r="U45825" i="1"/>
  <c r="U45824" i="1"/>
  <c r="U45823" i="1"/>
  <c r="U45822" i="1"/>
  <c r="U45821" i="1"/>
  <c r="U45820" i="1"/>
  <c r="U45819" i="1"/>
  <c r="U45818" i="1"/>
  <c r="U45817" i="1"/>
  <c r="U45816" i="1"/>
  <c r="U45815" i="1"/>
  <c r="U45814" i="1"/>
  <c r="U45813" i="1"/>
  <c r="U45812" i="1"/>
  <c r="U45811" i="1"/>
  <c r="U45810" i="1"/>
  <c r="U45809" i="1"/>
  <c r="U45808" i="1"/>
  <c r="U45807" i="1"/>
  <c r="U45806" i="1"/>
  <c r="U45805" i="1"/>
  <c r="U45804" i="1"/>
  <c r="U45803" i="1"/>
  <c r="U45802" i="1"/>
  <c r="U45801" i="1"/>
  <c r="U45800" i="1"/>
  <c r="U45799" i="1"/>
  <c r="U45798" i="1"/>
  <c r="U45797" i="1"/>
  <c r="U45796" i="1"/>
  <c r="U45795" i="1"/>
  <c r="U45794" i="1"/>
  <c r="U45793" i="1"/>
  <c r="U45792" i="1"/>
  <c r="U45791" i="1"/>
  <c r="U45790" i="1"/>
  <c r="U45789" i="1"/>
  <c r="U45788" i="1"/>
  <c r="U45787" i="1"/>
  <c r="U45786" i="1"/>
  <c r="U45785" i="1"/>
  <c r="U45784" i="1"/>
  <c r="U45783" i="1"/>
  <c r="U45782" i="1"/>
  <c r="U45781" i="1"/>
  <c r="U45780" i="1"/>
  <c r="U45779" i="1"/>
  <c r="U45778" i="1"/>
  <c r="U45777" i="1"/>
  <c r="U45776" i="1"/>
  <c r="U45775" i="1"/>
  <c r="U45774" i="1"/>
  <c r="U45773" i="1"/>
  <c r="U45772" i="1"/>
  <c r="U45771" i="1"/>
  <c r="U45770" i="1"/>
  <c r="U45769" i="1"/>
  <c r="U45768" i="1"/>
  <c r="U45767" i="1"/>
  <c r="U45766" i="1"/>
  <c r="U45765" i="1"/>
  <c r="U45764" i="1"/>
  <c r="U45763" i="1"/>
  <c r="U45762" i="1"/>
  <c r="U45761" i="1"/>
  <c r="U45760" i="1"/>
  <c r="U45759" i="1"/>
  <c r="U45758" i="1"/>
  <c r="U45757" i="1"/>
  <c r="U45756" i="1"/>
  <c r="U45755" i="1"/>
  <c r="U45754" i="1"/>
  <c r="U45753" i="1"/>
  <c r="U45752" i="1"/>
  <c r="U45751" i="1"/>
  <c r="U45750" i="1"/>
  <c r="U45749" i="1"/>
  <c r="U45748" i="1"/>
  <c r="U45747" i="1"/>
  <c r="U45746" i="1"/>
  <c r="U45745" i="1"/>
  <c r="U45744" i="1"/>
  <c r="U45743" i="1"/>
  <c r="U45742" i="1"/>
  <c r="U45741" i="1"/>
  <c r="U45740" i="1"/>
  <c r="U45739" i="1"/>
  <c r="U45738" i="1"/>
  <c r="U45737" i="1"/>
  <c r="U45736" i="1"/>
  <c r="U45735" i="1"/>
  <c r="U45734" i="1"/>
  <c r="U45733" i="1"/>
  <c r="U45732" i="1"/>
  <c r="U45731" i="1"/>
  <c r="U45730" i="1"/>
  <c r="U45729" i="1"/>
  <c r="U45728" i="1"/>
  <c r="U45727" i="1"/>
  <c r="U45726" i="1"/>
  <c r="U45725" i="1"/>
  <c r="U45724" i="1"/>
  <c r="U45723" i="1"/>
  <c r="U45722" i="1"/>
  <c r="U45721" i="1"/>
  <c r="U45720" i="1"/>
  <c r="U45719" i="1"/>
  <c r="U45718" i="1"/>
  <c r="U45717" i="1"/>
  <c r="U45716" i="1"/>
  <c r="U45715" i="1"/>
  <c r="U45714" i="1"/>
  <c r="U45713" i="1"/>
  <c r="U45712" i="1"/>
  <c r="U45711" i="1"/>
  <c r="U45710" i="1"/>
  <c r="U45709" i="1"/>
  <c r="U45708" i="1"/>
  <c r="U45707" i="1"/>
  <c r="U45706" i="1"/>
  <c r="U45705" i="1"/>
  <c r="U45704" i="1"/>
  <c r="U45703" i="1"/>
  <c r="U45702" i="1"/>
  <c r="U45701" i="1"/>
  <c r="U45700" i="1"/>
  <c r="U45699" i="1"/>
  <c r="U45698" i="1"/>
  <c r="U45697" i="1"/>
  <c r="U45696" i="1"/>
  <c r="U45695" i="1"/>
  <c r="U45694" i="1"/>
  <c r="U45693" i="1"/>
  <c r="U45692" i="1"/>
  <c r="U45691" i="1"/>
  <c r="U45690" i="1"/>
  <c r="U45689" i="1"/>
  <c r="U45688" i="1"/>
  <c r="U45687" i="1"/>
  <c r="U45686" i="1"/>
  <c r="U45685" i="1"/>
  <c r="U45684" i="1"/>
  <c r="U45683" i="1"/>
  <c r="U45682" i="1"/>
  <c r="U45681" i="1"/>
  <c r="U45680" i="1"/>
  <c r="U45679" i="1"/>
  <c r="U45678" i="1"/>
  <c r="U45677" i="1"/>
  <c r="U45676" i="1"/>
  <c r="U45675" i="1"/>
  <c r="U45674" i="1"/>
  <c r="U45673" i="1"/>
  <c r="U45672" i="1"/>
  <c r="U45671" i="1"/>
  <c r="U45670" i="1"/>
  <c r="U45669" i="1"/>
  <c r="U45668" i="1"/>
  <c r="U45667" i="1"/>
  <c r="U45666" i="1"/>
  <c r="U45665" i="1"/>
  <c r="U45664" i="1"/>
  <c r="U45663" i="1"/>
  <c r="U45662" i="1"/>
  <c r="U45661" i="1"/>
  <c r="U45660" i="1"/>
  <c r="U45659" i="1"/>
  <c r="U45658" i="1"/>
  <c r="U45657" i="1"/>
  <c r="U45656" i="1"/>
  <c r="U45655" i="1"/>
  <c r="U45654" i="1"/>
  <c r="U45653" i="1"/>
  <c r="U45652" i="1"/>
  <c r="U45651" i="1"/>
  <c r="U45650" i="1"/>
  <c r="U45649" i="1"/>
  <c r="U45648" i="1"/>
  <c r="U45647" i="1"/>
  <c r="U45646" i="1"/>
  <c r="U45645" i="1"/>
  <c r="U45644" i="1"/>
  <c r="U45643" i="1"/>
  <c r="U45642" i="1"/>
  <c r="U45641" i="1"/>
  <c r="U45640" i="1"/>
  <c r="U45639" i="1"/>
  <c r="U45638" i="1"/>
  <c r="U45637" i="1"/>
  <c r="U45636" i="1"/>
  <c r="U45635" i="1"/>
  <c r="U45634" i="1"/>
  <c r="U45633" i="1"/>
  <c r="U45632" i="1"/>
  <c r="U45631" i="1"/>
  <c r="U45630" i="1"/>
  <c r="U45629" i="1"/>
  <c r="U45628" i="1"/>
  <c r="U45627" i="1"/>
  <c r="U45626" i="1"/>
  <c r="U45625" i="1"/>
  <c r="U45624" i="1"/>
  <c r="U45623" i="1"/>
  <c r="U45622" i="1"/>
  <c r="U45621" i="1"/>
  <c r="U45620" i="1"/>
  <c r="U45619" i="1"/>
  <c r="U45618" i="1"/>
  <c r="U45617" i="1"/>
  <c r="U45616" i="1"/>
  <c r="U45615" i="1"/>
  <c r="U45614" i="1"/>
  <c r="U45613" i="1"/>
  <c r="U45612" i="1"/>
  <c r="U45611" i="1"/>
  <c r="U45610" i="1"/>
  <c r="U45609" i="1"/>
  <c r="U45608" i="1"/>
  <c r="U45607" i="1"/>
  <c r="U45606" i="1"/>
  <c r="U45605" i="1"/>
  <c r="U45604" i="1"/>
  <c r="U45603" i="1"/>
  <c r="U45602" i="1"/>
  <c r="U45601" i="1"/>
  <c r="U45600" i="1"/>
  <c r="U45599" i="1"/>
  <c r="U45598" i="1"/>
  <c r="U45597" i="1"/>
  <c r="U45596" i="1"/>
  <c r="U45595" i="1"/>
  <c r="U45594" i="1"/>
  <c r="U45593" i="1"/>
  <c r="U45592" i="1"/>
  <c r="U45591" i="1"/>
  <c r="U45590" i="1"/>
  <c r="U45589" i="1"/>
  <c r="U45588" i="1"/>
  <c r="U45587" i="1"/>
  <c r="U45586" i="1"/>
  <c r="U45585" i="1"/>
  <c r="U45584" i="1"/>
  <c r="U45583" i="1"/>
  <c r="U45582" i="1"/>
  <c r="U45581" i="1"/>
  <c r="U45580" i="1"/>
  <c r="U45579" i="1"/>
  <c r="U45578" i="1"/>
  <c r="U45577" i="1"/>
  <c r="U45576" i="1"/>
  <c r="U45575" i="1"/>
  <c r="U45574" i="1"/>
  <c r="U45573" i="1"/>
  <c r="U45572" i="1"/>
  <c r="U45571" i="1"/>
  <c r="U45570" i="1"/>
  <c r="U45569" i="1"/>
  <c r="U45568" i="1"/>
  <c r="U45567" i="1"/>
  <c r="U45566" i="1"/>
  <c r="U45565" i="1"/>
  <c r="U45564" i="1"/>
  <c r="U45563" i="1"/>
  <c r="U45562" i="1"/>
  <c r="U45561" i="1"/>
  <c r="U45560" i="1"/>
  <c r="U45559" i="1"/>
  <c r="U45558" i="1"/>
  <c r="U45557" i="1"/>
  <c r="U45556" i="1"/>
  <c r="U45555" i="1"/>
  <c r="U45554" i="1"/>
  <c r="U45553" i="1"/>
  <c r="U45552" i="1"/>
  <c r="U45551" i="1"/>
  <c r="U45550" i="1"/>
  <c r="U45549" i="1"/>
  <c r="U45548" i="1"/>
  <c r="U45547" i="1"/>
  <c r="U45546" i="1"/>
  <c r="U45545" i="1"/>
  <c r="U45544" i="1"/>
  <c r="U45543" i="1"/>
  <c r="U45542" i="1"/>
  <c r="U45541" i="1"/>
  <c r="U45540" i="1"/>
  <c r="U45539" i="1"/>
  <c r="U45538" i="1"/>
  <c r="U45537" i="1"/>
  <c r="U45536" i="1"/>
  <c r="U45535" i="1"/>
  <c r="U45534" i="1"/>
  <c r="U45533" i="1"/>
  <c r="U45532" i="1"/>
  <c r="U45531" i="1"/>
  <c r="U45530" i="1"/>
  <c r="U45529" i="1"/>
  <c r="U45528" i="1"/>
  <c r="U45527" i="1"/>
  <c r="U45526" i="1"/>
  <c r="U45525" i="1"/>
  <c r="U45524" i="1"/>
  <c r="U45523" i="1"/>
  <c r="U45522" i="1"/>
  <c r="U45521" i="1"/>
  <c r="U45520" i="1"/>
  <c r="U45519" i="1"/>
  <c r="U45518" i="1"/>
  <c r="U45517" i="1"/>
  <c r="U45516" i="1"/>
  <c r="U45515" i="1"/>
  <c r="U45514" i="1"/>
  <c r="U45513" i="1"/>
  <c r="U45512" i="1"/>
  <c r="U45511" i="1"/>
  <c r="U45510" i="1"/>
  <c r="U45509" i="1"/>
  <c r="U45508" i="1"/>
  <c r="U45507" i="1"/>
  <c r="U45506" i="1"/>
  <c r="U45505" i="1"/>
  <c r="U45504" i="1"/>
  <c r="U45503" i="1"/>
  <c r="U45502" i="1"/>
  <c r="U45501" i="1"/>
  <c r="U45500" i="1"/>
  <c r="U45499" i="1"/>
  <c r="U45498" i="1"/>
  <c r="U45497" i="1"/>
  <c r="U45496" i="1"/>
  <c r="U45495" i="1"/>
  <c r="U45494" i="1"/>
  <c r="U45493" i="1"/>
  <c r="U45492" i="1"/>
  <c r="U45491" i="1"/>
  <c r="U45490" i="1"/>
  <c r="U45489" i="1"/>
  <c r="U45488" i="1"/>
  <c r="U45487" i="1"/>
  <c r="U45486" i="1"/>
  <c r="U45485" i="1"/>
  <c r="U45484" i="1"/>
  <c r="U45483" i="1"/>
  <c r="U45482" i="1"/>
  <c r="U45481" i="1"/>
  <c r="U45480" i="1"/>
  <c r="U45479" i="1"/>
  <c r="U45478" i="1"/>
  <c r="U45477" i="1"/>
  <c r="U45476" i="1"/>
  <c r="U45475" i="1"/>
  <c r="U45474" i="1"/>
  <c r="U45473" i="1"/>
  <c r="U45472" i="1"/>
  <c r="U45471" i="1"/>
  <c r="U45470" i="1"/>
  <c r="U45469" i="1"/>
  <c r="U45468" i="1"/>
  <c r="U45467" i="1"/>
  <c r="U45466" i="1"/>
  <c r="U45465" i="1"/>
  <c r="U45464" i="1"/>
  <c r="U45463" i="1"/>
  <c r="U45462" i="1"/>
  <c r="U45461" i="1"/>
  <c r="U45460" i="1"/>
  <c r="U45459" i="1"/>
  <c r="U45458" i="1"/>
  <c r="U45457" i="1"/>
  <c r="U45456" i="1"/>
  <c r="U45455" i="1"/>
  <c r="U45454" i="1"/>
  <c r="U45453" i="1"/>
  <c r="U45452" i="1"/>
  <c r="U45451" i="1"/>
  <c r="U45450" i="1"/>
  <c r="U45449" i="1"/>
  <c r="U45448" i="1"/>
  <c r="U45447" i="1"/>
  <c r="U45446" i="1"/>
  <c r="U45445" i="1"/>
  <c r="U45444" i="1"/>
  <c r="U45443" i="1"/>
  <c r="U45442" i="1"/>
  <c r="U45441" i="1"/>
  <c r="U45440" i="1"/>
  <c r="U45439" i="1"/>
  <c r="U45438" i="1"/>
  <c r="U45437" i="1"/>
  <c r="U45436" i="1"/>
  <c r="U45435" i="1"/>
  <c r="U45434" i="1"/>
  <c r="U45433" i="1"/>
  <c r="U45432" i="1"/>
  <c r="U45431" i="1"/>
  <c r="U45430" i="1"/>
  <c r="U45429" i="1"/>
  <c r="U45428" i="1"/>
  <c r="U45427" i="1"/>
  <c r="U45426" i="1"/>
  <c r="U45425" i="1"/>
  <c r="U45424" i="1"/>
  <c r="U45423" i="1"/>
  <c r="U45422" i="1"/>
  <c r="U45421" i="1"/>
  <c r="U45420" i="1"/>
  <c r="U45419" i="1"/>
  <c r="U45418" i="1"/>
  <c r="U45417" i="1"/>
  <c r="U45416" i="1"/>
  <c r="U45415" i="1"/>
  <c r="U45414" i="1"/>
  <c r="U45413" i="1"/>
  <c r="U45412" i="1"/>
  <c r="U45411" i="1"/>
  <c r="U45410" i="1"/>
  <c r="U45409" i="1"/>
  <c r="U45408" i="1"/>
  <c r="U45407" i="1"/>
  <c r="U45406" i="1"/>
  <c r="U45405" i="1"/>
  <c r="U45404" i="1"/>
  <c r="U45403" i="1"/>
  <c r="U45402" i="1"/>
  <c r="U45401" i="1"/>
  <c r="U45400" i="1"/>
  <c r="U45399" i="1"/>
  <c r="U45398" i="1"/>
  <c r="U45397" i="1"/>
  <c r="U45396" i="1"/>
  <c r="U45395" i="1"/>
  <c r="U45394" i="1"/>
  <c r="U45393" i="1"/>
  <c r="U45392" i="1"/>
  <c r="U45391" i="1"/>
  <c r="U45390" i="1"/>
  <c r="U45389" i="1"/>
  <c r="U45388" i="1"/>
  <c r="U45387" i="1"/>
  <c r="U45386" i="1"/>
  <c r="U45385" i="1"/>
  <c r="U45384" i="1"/>
  <c r="U45383" i="1"/>
  <c r="U45382" i="1"/>
  <c r="U45381" i="1"/>
  <c r="U45380" i="1"/>
  <c r="U45379" i="1"/>
  <c r="U45378" i="1"/>
  <c r="U45377" i="1"/>
  <c r="U45376" i="1"/>
  <c r="U45375" i="1"/>
  <c r="U45374" i="1"/>
  <c r="U45373" i="1"/>
  <c r="U45372" i="1"/>
  <c r="U45371" i="1"/>
  <c r="U45370" i="1"/>
  <c r="U45369" i="1"/>
  <c r="U45368" i="1"/>
  <c r="U45367" i="1"/>
  <c r="U45366" i="1"/>
  <c r="U45365" i="1"/>
  <c r="U45364" i="1"/>
  <c r="U45363" i="1"/>
  <c r="U45362" i="1"/>
  <c r="U45361" i="1"/>
  <c r="U45360" i="1"/>
  <c r="U45359" i="1"/>
  <c r="U45358" i="1"/>
  <c r="U45357" i="1"/>
  <c r="U45356" i="1"/>
  <c r="U45355" i="1"/>
  <c r="U45354" i="1"/>
  <c r="U45353" i="1"/>
  <c r="U45352" i="1"/>
  <c r="U45351" i="1"/>
  <c r="U45350" i="1"/>
  <c r="U45349" i="1"/>
  <c r="U45348" i="1"/>
  <c r="U45347" i="1"/>
  <c r="U45346" i="1"/>
  <c r="U45345" i="1"/>
  <c r="U45344" i="1"/>
  <c r="U45343" i="1"/>
  <c r="U45342" i="1"/>
  <c r="U45341" i="1"/>
  <c r="U45340" i="1"/>
  <c r="U45339" i="1"/>
  <c r="U45338" i="1"/>
  <c r="U45337" i="1"/>
  <c r="U45336" i="1"/>
  <c r="U45335" i="1"/>
  <c r="U45334" i="1"/>
  <c r="U45333" i="1"/>
  <c r="U45332" i="1"/>
  <c r="U45331" i="1"/>
  <c r="U45330" i="1"/>
  <c r="U45329" i="1"/>
  <c r="U45328" i="1"/>
  <c r="U45327" i="1"/>
  <c r="U45326" i="1"/>
  <c r="U45325" i="1"/>
  <c r="U45324" i="1"/>
  <c r="U45323" i="1"/>
  <c r="U45322" i="1"/>
  <c r="U45321" i="1"/>
  <c r="U45320" i="1"/>
  <c r="U45319" i="1"/>
  <c r="U45318" i="1"/>
  <c r="U45317" i="1"/>
  <c r="U45316" i="1"/>
  <c r="U45315" i="1"/>
  <c r="U45314" i="1"/>
  <c r="U45313" i="1"/>
  <c r="U45312" i="1"/>
  <c r="U45311" i="1"/>
  <c r="U45310" i="1"/>
  <c r="U45309" i="1"/>
  <c r="U45308" i="1"/>
  <c r="U45307" i="1"/>
  <c r="U45306" i="1"/>
  <c r="U45305" i="1"/>
  <c r="U45304" i="1"/>
  <c r="U45303" i="1"/>
  <c r="U45302" i="1"/>
  <c r="U45301" i="1"/>
  <c r="U45300" i="1"/>
  <c r="U45299" i="1"/>
  <c r="U45298" i="1"/>
  <c r="U45297" i="1"/>
  <c r="U45296" i="1"/>
  <c r="U45295" i="1"/>
  <c r="U45294" i="1"/>
  <c r="U45293" i="1"/>
  <c r="U45292" i="1"/>
  <c r="U45291" i="1"/>
  <c r="U45290" i="1"/>
  <c r="U45289" i="1"/>
  <c r="U45288" i="1"/>
  <c r="U45287" i="1"/>
  <c r="U45286" i="1"/>
  <c r="U45285" i="1"/>
  <c r="U45284" i="1"/>
  <c r="U45283" i="1"/>
  <c r="U45282" i="1"/>
  <c r="U45281" i="1"/>
  <c r="U45280" i="1"/>
  <c r="U45279" i="1"/>
  <c r="U45278" i="1"/>
  <c r="U45277" i="1"/>
  <c r="U45276" i="1"/>
  <c r="U45275" i="1"/>
  <c r="U45274" i="1"/>
  <c r="U45273" i="1"/>
  <c r="U45272" i="1"/>
  <c r="U45271" i="1"/>
  <c r="U45270" i="1"/>
  <c r="U45269" i="1"/>
  <c r="U45268" i="1"/>
  <c r="U45267" i="1"/>
  <c r="U45266" i="1"/>
  <c r="U45265" i="1"/>
  <c r="U45264" i="1"/>
  <c r="U45263" i="1"/>
  <c r="U45262" i="1"/>
  <c r="U45261" i="1"/>
  <c r="U45260" i="1"/>
  <c r="U45259" i="1"/>
  <c r="U45258" i="1"/>
  <c r="U45257" i="1"/>
  <c r="U45256" i="1"/>
  <c r="U45255" i="1"/>
  <c r="U45254" i="1"/>
  <c r="U45253" i="1"/>
  <c r="U45252" i="1"/>
  <c r="U45251" i="1"/>
  <c r="U45250" i="1"/>
  <c r="U45249" i="1"/>
  <c r="U45248" i="1"/>
  <c r="U45247" i="1"/>
  <c r="U45246" i="1"/>
  <c r="U45245" i="1"/>
  <c r="U45244" i="1"/>
  <c r="U45243" i="1"/>
  <c r="U45242" i="1"/>
  <c r="U45241" i="1"/>
  <c r="U45240" i="1"/>
  <c r="U45239" i="1"/>
  <c r="U45238" i="1"/>
  <c r="U45237" i="1"/>
  <c r="U45236" i="1"/>
  <c r="U45235" i="1"/>
  <c r="U45234" i="1"/>
  <c r="U45233" i="1"/>
  <c r="U45232" i="1"/>
  <c r="U45231" i="1"/>
  <c r="U45230" i="1"/>
  <c r="U45229" i="1"/>
  <c r="U45228" i="1"/>
  <c r="U45227" i="1"/>
  <c r="U45226" i="1"/>
  <c r="U45225" i="1"/>
  <c r="U45224" i="1"/>
  <c r="U45223" i="1"/>
  <c r="U45222" i="1"/>
  <c r="U45221" i="1"/>
  <c r="U45220" i="1"/>
  <c r="U45219" i="1"/>
  <c r="U45218" i="1"/>
  <c r="U45217" i="1"/>
  <c r="U45216" i="1"/>
  <c r="U45215" i="1"/>
  <c r="U45214" i="1"/>
  <c r="U45213" i="1"/>
  <c r="U45212" i="1"/>
  <c r="U45211" i="1"/>
  <c r="U45210" i="1"/>
  <c r="U45209" i="1"/>
  <c r="U45208" i="1"/>
  <c r="U45207" i="1"/>
  <c r="U45206" i="1"/>
  <c r="U45205" i="1"/>
  <c r="U45204" i="1"/>
  <c r="U45203" i="1"/>
  <c r="U45202" i="1"/>
  <c r="U45201" i="1"/>
  <c r="U45200" i="1"/>
  <c r="U45199" i="1"/>
  <c r="U45198" i="1"/>
  <c r="U45197" i="1"/>
  <c r="U45196" i="1"/>
  <c r="U45195" i="1"/>
  <c r="U45194" i="1"/>
  <c r="U45193" i="1"/>
  <c r="U45192" i="1"/>
  <c r="U45191" i="1"/>
  <c r="U45190" i="1"/>
  <c r="U45189" i="1"/>
  <c r="U45188" i="1"/>
  <c r="U45187" i="1"/>
  <c r="U45186" i="1"/>
  <c r="U45185" i="1"/>
  <c r="U45184" i="1"/>
  <c r="U45183" i="1"/>
  <c r="U45182" i="1"/>
  <c r="U45181" i="1"/>
  <c r="U45180" i="1"/>
  <c r="U45179" i="1"/>
  <c r="U45178" i="1"/>
  <c r="U45177" i="1"/>
  <c r="U45176" i="1"/>
  <c r="U45175" i="1"/>
  <c r="U45174" i="1"/>
  <c r="U45173" i="1"/>
  <c r="U45172" i="1"/>
  <c r="U45171" i="1"/>
  <c r="U45170" i="1"/>
  <c r="U45169" i="1"/>
  <c r="U45168" i="1"/>
  <c r="U45167" i="1"/>
  <c r="U45166" i="1"/>
  <c r="U45165" i="1"/>
  <c r="U45164" i="1"/>
  <c r="U45163" i="1"/>
  <c r="U45162" i="1"/>
  <c r="U45161" i="1"/>
  <c r="U45160" i="1"/>
  <c r="U45159" i="1"/>
  <c r="U45158" i="1"/>
  <c r="U45157" i="1"/>
  <c r="U45156" i="1"/>
  <c r="U45155" i="1"/>
  <c r="U45154" i="1"/>
  <c r="U45153" i="1"/>
  <c r="U45152" i="1"/>
  <c r="U45151" i="1"/>
  <c r="U45150" i="1"/>
  <c r="U45149" i="1"/>
  <c r="U45148" i="1"/>
  <c r="U45147" i="1"/>
  <c r="U45146" i="1"/>
  <c r="U45145" i="1"/>
  <c r="U45144" i="1"/>
  <c r="U45143" i="1"/>
  <c r="U45142" i="1"/>
  <c r="U45141" i="1"/>
  <c r="U45140" i="1"/>
  <c r="U45139" i="1"/>
  <c r="U45138" i="1"/>
  <c r="U45137" i="1"/>
  <c r="U45136" i="1"/>
  <c r="U45135" i="1"/>
  <c r="U45134" i="1"/>
  <c r="U45133" i="1"/>
  <c r="U45132" i="1"/>
  <c r="U45131" i="1"/>
  <c r="U45130" i="1"/>
  <c r="U45129" i="1"/>
  <c r="U45128" i="1"/>
  <c r="U45127" i="1"/>
  <c r="U45126" i="1"/>
  <c r="U45125" i="1"/>
  <c r="U45124" i="1"/>
  <c r="U45123" i="1"/>
  <c r="U45122" i="1"/>
  <c r="U45121" i="1"/>
  <c r="U45120" i="1"/>
  <c r="U45119" i="1"/>
  <c r="U45118" i="1"/>
  <c r="U45117" i="1"/>
  <c r="U45116" i="1"/>
  <c r="U45115" i="1"/>
  <c r="U45114" i="1"/>
  <c r="U45113" i="1"/>
  <c r="U45112" i="1"/>
  <c r="U45111" i="1"/>
  <c r="U45110" i="1"/>
  <c r="U45109" i="1"/>
  <c r="U45108" i="1"/>
  <c r="U45107" i="1"/>
  <c r="U45106" i="1"/>
  <c r="U45105" i="1"/>
  <c r="U45104" i="1"/>
  <c r="U45103" i="1"/>
  <c r="U45102" i="1"/>
  <c r="U45101" i="1"/>
  <c r="U45100" i="1"/>
  <c r="U45099" i="1"/>
  <c r="U45098" i="1"/>
  <c r="U45097" i="1"/>
  <c r="U45096" i="1"/>
  <c r="U45095" i="1"/>
  <c r="U45094" i="1"/>
  <c r="U45093" i="1"/>
  <c r="U45092" i="1"/>
  <c r="U45091" i="1"/>
  <c r="U45090" i="1"/>
  <c r="U45089" i="1"/>
  <c r="U45088" i="1"/>
  <c r="U45087" i="1"/>
  <c r="U45086" i="1"/>
  <c r="U45085" i="1"/>
  <c r="U45084" i="1"/>
  <c r="U45083" i="1"/>
  <c r="U45082" i="1"/>
  <c r="U45081" i="1"/>
  <c r="U45080" i="1"/>
  <c r="U45079" i="1"/>
  <c r="U45078" i="1"/>
  <c r="U45077" i="1"/>
  <c r="U45076" i="1"/>
  <c r="U45075" i="1"/>
  <c r="U45074" i="1"/>
  <c r="U45073" i="1"/>
  <c r="U45072" i="1"/>
  <c r="U45071" i="1"/>
  <c r="U45070" i="1"/>
  <c r="U45069" i="1"/>
  <c r="U45068" i="1"/>
  <c r="U45067" i="1"/>
  <c r="U45066" i="1"/>
  <c r="U45065" i="1"/>
  <c r="U45064" i="1"/>
  <c r="U45063" i="1"/>
  <c r="U45062" i="1"/>
  <c r="U45061" i="1"/>
  <c r="U45060" i="1"/>
  <c r="U45059" i="1"/>
  <c r="U45058" i="1"/>
  <c r="U45057" i="1"/>
  <c r="U45056" i="1"/>
  <c r="U45055" i="1"/>
  <c r="U45054" i="1"/>
  <c r="U45053" i="1"/>
  <c r="U45052" i="1"/>
  <c r="U45051" i="1"/>
  <c r="U45050" i="1"/>
  <c r="U45049" i="1"/>
  <c r="U45048" i="1"/>
  <c r="U45047" i="1"/>
  <c r="U45046" i="1"/>
  <c r="U45045" i="1"/>
  <c r="U45044" i="1"/>
  <c r="U45043" i="1"/>
  <c r="U45042" i="1"/>
  <c r="U45041" i="1"/>
  <c r="U45040" i="1"/>
  <c r="U45039" i="1"/>
  <c r="U45038" i="1"/>
  <c r="U45037" i="1"/>
  <c r="U45036" i="1"/>
  <c r="U45035" i="1"/>
  <c r="U45034" i="1"/>
  <c r="U45033" i="1"/>
  <c r="U45032" i="1"/>
  <c r="U45031" i="1"/>
  <c r="U45030" i="1"/>
  <c r="U45029" i="1"/>
  <c r="U45028" i="1"/>
  <c r="U45027" i="1"/>
  <c r="U45026" i="1"/>
  <c r="U45025" i="1"/>
  <c r="U45024" i="1"/>
  <c r="U45023" i="1"/>
  <c r="U45022" i="1"/>
  <c r="U45021" i="1"/>
  <c r="U45020" i="1"/>
  <c r="U45019" i="1"/>
  <c r="U45018" i="1"/>
  <c r="U45017" i="1"/>
  <c r="U45016" i="1"/>
  <c r="U45015" i="1"/>
  <c r="U45014" i="1"/>
  <c r="U45013" i="1"/>
  <c r="U45012" i="1"/>
  <c r="U45011" i="1"/>
  <c r="U45010" i="1"/>
  <c r="U45009" i="1"/>
  <c r="U45008" i="1"/>
  <c r="U45007" i="1"/>
  <c r="U45006" i="1"/>
  <c r="U45005" i="1"/>
  <c r="U45004" i="1"/>
  <c r="U45003" i="1"/>
  <c r="U45002" i="1"/>
  <c r="U45001" i="1"/>
  <c r="U45000" i="1"/>
  <c r="U44999" i="1"/>
  <c r="U44998" i="1"/>
  <c r="U44997" i="1"/>
  <c r="U44996" i="1"/>
  <c r="U44995" i="1"/>
  <c r="U44994" i="1"/>
  <c r="U44993" i="1"/>
  <c r="U44992" i="1"/>
  <c r="U44991" i="1"/>
  <c r="U44990" i="1"/>
  <c r="U44989" i="1"/>
  <c r="U44988" i="1"/>
  <c r="U44987" i="1"/>
  <c r="U44986" i="1"/>
  <c r="U44985" i="1"/>
  <c r="U44984" i="1"/>
  <c r="U44983" i="1"/>
  <c r="U44982" i="1"/>
  <c r="U44981" i="1"/>
  <c r="U44980" i="1"/>
  <c r="U44979" i="1"/>
  <c r="U44978" i="1"/>
  <c r="U44977" i="1"/>
  <c r="U44976" i="1"/>
  <c r="U44975" i="1"/>
  <c r="U44974" i="1"/>
  <c r="U44973" i="1"/>
  <c r="U44972" i="1"/>
  <c r="U44971" i="1"/>
  <c r="U44970" i="1"/>
  <c r="U44969" i="1"/>
  <c r="U44968" i="1"/>
  <c r="U44967" i="1"/>
  <c r="U44966" i="1"/>
  <c r="U44965" i="1"/>
  <c r="U44964" i="1"/>
  <c r="U44963" i="1"/>
  <c r="U44962" i="1"/>
  <c r="U44961" i="1"/>
  <c r="U44960" i="1"/>
  <c r="U44959" i="1"/>
  <c r="U44958" i="1"/>
  <c r="U44957" i="1"/>
  <c r="U44956" i="1"/>
  <c r="U44955" i="1"/>
  <c r="U44954" i="1"/>
  <c r="U44953" i="1"/>
  <c r="U44952" i="1"/>
  <c r="U44951" i="1"/>
  <c r="U44950" i="1"/>
  <c r="U44949" i="1"/>
  <c r="U44948" i="1"/>
  <c r="U44947" i="1"/>
  <c r="U44946" i="1"/>
  <c r="U44945" i="1"/>
  <c r="U44944" i="1"/>
  <c r="U44943" i="1"/>
  <c r="U44942" i="1"/>
  <c r="U44941" i="1"/>
  <c r="U44940" i="1"/>
  <c r="U44939" i="1"/>
  <c r="U44938" i="1"/>
  <c r="U44937" i="1"/>
  <c r="U44936" i="1"/>
  <c r="U44935" i="1"/>
  <c r="U44934" i="1"/>
  <c r="U44933" i="1"/>
  <c r="U44932" i="1"/>
  <c r="U44931" i="1"/>
  <c r="U44930" i="1"/>
  <c r="U44929" i="1"/>
  <c r="U44928" i="1"/>
  <c r="U44927" i="1"/>
  <c r="U44926" i="1"/>
  <c r="U44925" i="1"/>
  <c r="U44924" i="1"/>
  <c r="U44923" i="1"/>
  <c r="U44922" i="1"/>
  <c r="U44921" i="1"/>
  <c r="U44920" i="1"/>
  <c r="U44919" i="1"/>
  <c r="U44918" i="1"/>
  <c r="U44917" i="1"/>
  <c r="U44916" i="1"/>
  <c r="U44915" i="1"/>
  <c r="U44914" i="1"/>
  <c r="U44913" i="1"/>
  <c r="U44912" i="1"/>
  <c r="U44911" i="1"/>
  <c r="U44910" i="1"/>
  <c r="U44909" i="1"/>
  <c r="U44908" i="1"/>
  <c r="U44907" i="1"/>
  <c r="U44906" i="1"/>
  <c r="U44905" i="1"/>
  <c r="U44904" i="1"/>
  <c r="U44903" i="1"/>
  <c r="U44902" i="1"/>
  <c r="U44901" i="1"/>
  <c r="U44900" i="1"/>
  <c r="U44899" i="1"/>
  <c r="U44898" i="1"/>
  <c r="U44897" i="1"/>
  <c r="U44896" i="1"/>
  <c r="U44895" i="1"/>
  <c r="U44894" i="1"/>
  <c r="U44893" i="1"/>
  <c r="U44892" i="1"/>
  <c r="U44891" i="1"/>
  <c r="U44890" i="1"/>
  <c r="U44889" i="1"/>
  <c r="U44888" i="1"/>
  <c r="U44887" i="1"/>
  <c r="U44886" i="1"/>
  <c r="U44885" i="1"/>
  <c r="U44884" i="1"/>
  <c r="U44883" i="1"/>
  <c r="U44882" i="1"/>
  <c r="U44881" i="1"/>
  <c r="U44880" i="1"/>
  <c r="U44879" i="1"/>
  <c r="U44878" i="1"/>
  <c r="U44877" i="1"/>
  <c r="U44876" i="1"/>
  <c r="U44875" i="1"/>
  <c r="U44874" i="1"/>
  <c r="U44873" i="1"/>
  <c r="U44872" i="1"/>
  <c r="U44871" i="1"/>
  <c r="U44870" i="1"/>
  <c r="U44869" i="1"/>
  <c r="U44868" i="1"/>
  <c r="U44867" i="1"/>
  <c r="U44866" i="1"/>
  <c r="U44865" i="1"/>
  <c r="U44864" i="1"/>
  <c r="U44863" i="1"/>
  <c r="U44862" i="1"/>
  <c r="U44861" i="1"/>
  <c r="U44860" i="1"/>
  <c r="U44859" i="1"/>
  <c r="U44858" i="1"/>
  <c r="U44857" i="1"/>
  <c r="U44856" i="1"/>
  <c r="U44855" i="1"/>
  <c r="U44854" i="1"/>
  <c r="U44853" i="1"/>
  <c r="U44852" i="1"/>
  <c r="U44851" i="1"/>
  <c r="U44850" i="1"/>
  <c r="U44849" i="1"/>
  <c r="U44848" i="1"/>
  <c r="U44847" i="1"/>
  <c r="U44846" i="1"/>
  <c r="U44845" i="1"/>
  <c r="U44844" i="1"/>
  <c r="U44843" i="1"/>
  <c r="U44842" i="1"/>
  <c r="U44841" i="1"/>
  <c r="U44840" i="1"/>
  <c r="U44839" i="1"/>
  <c r="U44838" i="1"/>
  <c r="U44837" i="1"/>
  <c r="U44836" i="1"/>
  <c r="U44835" i="1"/>
  <c r="U44834" i="1"/>
  <c r="U44833" i="1"/>
  <c r="U44832" i="1"/>
  <c r="U44831" i="1"/>
  <c r="U44830" i="1"/>
  <c r="U44829" i="1"/>
  <c r="U44828" i="1"/>
  <c r="U44827" i="1"/>
  <c r="U44826" i="1"/>
  <c r="U44825" i="1"/>
  <c r="U44824" i="1"/>
  <c r="U44823" i="1"/>
  <c r="U44822" i="1"/>
  <c r="U44821" i="1"/>
  <c r="U44820" i="1"/>
  <c r="U44819" i="1"/>
  <c r="U44818" i="1"/>
  <c r="U44817" i="1"/>
  <c r="U44816" i="1"/>
  <c r="U44815" i="1"/>
  <c r="U44814" i="1"/>
  <c r="U44813" i="1"/>
  <c r="U44812" i="1"/>
  <c r="U44811" i="1"/>
  <c r="U44810" i="1"/>
  <c r="U44809" i="1"/>
  <c r="U44808" i="1"/>
  <c r="U44807" i="1"/>
  <c r="U44806" i="1"/>
  <c r="U44805" i="1"/>
  <c r="U44804" i="1"/>
  <c r="U44803" i="1"/>
  <c r="U44802" i="1"/>
  <c r="U44801" i="1"/>
  <c r="U44800" i="1"/>
  <c r="U44799" i="1"/>
  <c r="U44798" i="1"/>
  <c r="U44797" i="1"/>
  <c r="U44796" i="1"/>
  <c r="U44795" i="1"/>
  <c r="U44794" i="1"/>
  <c r="U44793" i="1"/>
  <c r="U44792" i="1"/>
  <c r="U44791" i="1"/>
  <c r="U44790" i="1"/>
  <c r="U44789" i="1"/>
  <c r="U44788" i="1"/>
  <c r="U44787" i="1"/>
  <c r="U44786" i="1"/>
  <c r="U44785" i="1"/>
  <c r="U44784" i="1"/>
  <c r="U44783" i="1"/>
  <c r="U44782" i="1"/>
  <c r="U44781" i="1"/>
  <c r="U44780" i="1"/>
  <c r="U44779" i="1"/>
  <c r="U44778" i="1"/>
  <c r="U44777" i="1"/>
  <c r="U44776" i="1"/>
  <c r="U44775" i="1"/>
  <c r="U44774" i="1"/>
  <c r="U44773" i="1"/>
  <c r="U44772" i="1"/>
  <c r="U44771" i="1"/>
  <c r="U44770" i="1"/>
  <c r="U44769" i="1"/>
  <c r="U44768" i="1"/>
  <c r="U44767" i="1"/>
  <c r="U44766" i="1"/>
  <c r="U44765" i="1"/>
  <c r="U44764" i="1"/>
  <c r="U44763" i="1"/>
  <c r="U44762" i="1"/>
  <c r="U44761" i="1"/>
  <c r="U44760" i="1"/>
  <c r="U44759" i="1"/>
  <c r="U44758" i="1"/>
  <c r="U44757" i="1"/>
  <c r="U44756" i="1"/>
  <c r="U44755" i="1"/>
  <c r="U44754" i="1"/>
  <c r="U44753" i="1"/>
  <c r="U44752" i="1"/>
  <c r="U44751" i="1"/>
  <c r="U44750" i="1"/>
  <c r="U44749" i="1"/>
  <c r="U44748" i="1"/>
  <c r="U44747" i="1"/>
  <c r="U44746" i="1"/>
  <c r="U44745" i="1"/>
  <c r="U44744" i="1"/>
  <c r="U44743" i="1"/>
  <c r="U44742" i="1"/>
  <c r="U44741" i="1"/>
  <c r="U44740" i="1"/>
  <c r="U44739" i="1"/>
  <c r="U44738" i="1"/>
  <c r="U44737" i="1"/>
  <c r="U44736" i="1"/>
  <c r="U44735" i="1"/>
  <c r="U44734" i="1"/>
  <c r="U44733" i="1"/>
  <c r="U44732" i="1"/>
  <c r="U44731" i="1"/>
  <c r="U44730" i="1"/>
  <c r="U44729" i="1"/>
  <c r="U44728" i="1"/>
  <c r="U44727" i="1"/>
  <c r="U44726" i="1"/>
  <c r="U44725" i="1"/>
  <c r="U44724" i="1"/>
  <c r="U44723" i="1"/>
  <c r="U44722" i="1"/>
  <c r="U44721" i="1"/>
  <c r="U44720" i="1"/>
  <c r="U44719" i="1"/>
  <c r="U44718" i="1"/>
  <c r="U44717" i="1"/>
  <c r="U44716" i="1"/>
  <c r="U44715" i="1"/>
  <c r="U44714" i="1"/>
  <c r="U44713" i="1"/>
  <c r="U44712" i="1"/>
  <c r="U44711" i="1"/>
  <c r="U44710" i="1"/>
  <c r="U44709" i="1"/>
  <c r="U44708" i="1"/>
  <c r="U44707" i="1"/>
  <c r="U44706" i="1"/>
  <c r="U44705" i="1"/>
  <c r="U44704" i="1"/>
  <c r="U44703" i="1"/>
  <c r="U44702" i="1"/>
  <c r="U44701" i="1"/>
  <c r="U44700" i="1"/>
  <c r="U44699" i="1"/>
  <c r="U44698" i="1"/>
  <c r="U44697" i="1"/>
  <c r="U44696" i="1"/>
  <c r="U44695" i="1"/>
  <c r="U44694" i="1"/>
  <c r="U44693" i="1"/>
  <c r="U44692" i="1"/>
  <c r="U44691" i="1"/>
  <c r="U44690" i="1"/>
  <c r="U44689" i="1"/>
  <c r="U44688" i="1"/>
  <c r="U44687" i="1"/>
  <c r="U44686" i="1"/>
  <c r="U44685" i="1"/>
  <c r="U44684" i="1"/>
  <c r="U44683" i="1"/>
  <c r="U44682" i="1"/>
  <c r="U44681" i="1"/>
  <c r="U44680" i="1"/>
  <c r="U44679" i="1"/>
  <c r="U44678" i="1"/>
  <c r="U44677" i="1"/>
  <c r="U44676" i="1"/>
  <c r="U44675" i="1"/>
  <c r="U44674" i="1"/>
  <c r="U44673" i="1"/>
  <c r="U44672" i="1"/>
  <c r="U44671" i="1"/>
  <c r="U44670" i="1"/>
  <c r="U44669" i="1"/>
  <c r="U44668" i="1"/>
  <c r="U44667" i="1"/>
  <c r="U44666" i="1"/>
  <c r="U44665" i="1"/>
  <c r="U44664" i="1"/>
  <c r="U44663" i="1"/>
  <c r="U44662" i="1"/>
  <c r="U44661" i="1"/>
  <c r="U44660" i="1"/>
  <c r="U44659" i="1"/>
  <c r="U44658" i="1"/>
  <c r="U44657" i="1"/>
  <c r="U44656" i="1"/>
  <c r="U44655" i="1"/>
  <c r="U44654" i="1"/>
  <c r="U44653" i="1"/>
  <c r="U44652" i="1"/>
  <c r="U44651" i="1"/>
  <c r="U44650" i="1"/>
  <c r="U44649" i="1"/>
  <c r="U44648" i="1"/>
  <c r="U44647" i="1"/>
  <c r="U44646" i="1"/>
  <c r="U44645" i="1"/>
  <c r="U44644" i="1"/>
  <c r="U44643" i="1"/>
  <c r="U44642" i="1"/>
  <c r="U44641" i="1"/>
  <c r="U44640" i="1"/>
  <c r="U44639" i="1"/>
  <c r="U44638" i="1"/>
  <c r="U44637" i="1"/>
  <c r="U44636" i="1"/>
  <c r="U44635" i="1"/>
  <c r="U44634" i="1"/>
  <c r="U44633" i="1"/>
  <c r="U44632" i="1"/>
  <c r="U44631" i="1"/>
  <c r="U44630" i="1"/>
  <c r="U44629" i="1"/>
  <c r="U44628" i="1"/>
  <c r="U44627" i="1"/>
  <c r="U44626" i="1"/>
  <c r="U44625" i="1"/>
  <c r="U44624" i="1"/>
  <c r="U44623" i="1"/>
  <c r="U44622" i="1"/>
  <c r="U44621" i="1"/>
  <c r="U44620" i="1"/>
  <c r="U44619" i="1"/>
  <c r="U44618" i="1"/>
  <c r="U44617" i="1"/>
  <c r="U44616" i="1"/>
  <c r="U44615" i="1"/>
  <c r="U44614" i="1"/>
  <c r="U44613" i="1"/>
  <c r="U44612" i="1"/>
  <c r="U44611" i="1"/>
  <c r="U44610" i="1"/>
  <c r="U44609" i="1"/>
  <c r="U44608" i="1"/>
  <c r="U44607" i="1"/>
  <c r="U44606" i="1"/>
  <c r="U44605" i="1"/>
  <c r="U44604" i="1"/>
  <c r="U44603" i="1"/>
  <c r="U44602" i="1"/>
  <c r="U44601" i="1"/>
  <c r="U44600" i="1"/>
  <c r="U44599" i="1"/>
  <c r="U44598" i="1"/>
  <c r="U44597" i="1"/>
  <c r="U44596" i="1"/>
  <c r="U44595" i="1"/>
  <c r="U44594" i="1"/>
  <c r="U44593" i="1"/>
  <c r="U44592" i="1"/>
  <c r="U44591" i="1"/>
  <c r="U44590" i="1"/>
  <c r="U44589" i="1"/>
  <c r="U44588" i="1"/>
  <c r="U44587" i="1"/>
  <c r="U44586" i="1"/>
  <c r="U44585" i="1"/>
  <c r="U44584" i="1"/>
  <c r="U44583" i="1"/>
  <c r="U44582" i="1"/>
  <c r="U44581" i="1"/>
  <c r="U44580" i="1"/>
  <c r="U44579" i="1"/>
  <c r="U44578" i="1"/>
  <c r="U44577" i="1"/>
  <c r="U44576" i="1"/>
  <c r="U44575" i="1"/>
  <c r="U44574" i="1"/>
  <c r="U44573" i="1"/>
  <c r="U44572" i="1"/>
  <c r="U44571" i="1"/>
  <c r="U44570" i="1"/>
  <c r="U44569" i="1"/>
  <c r="U44568" i="1"/>
  <c r="U44567" i="1"/>
  <c r="U44566" i="1"/>
  <c r="U44565" i="1"/>
  <c r="U44564" i="1"/>
  <c r="U44563" i="1"/>
  <c r="U44562" i="1"/>
  <c r="U44561" i="1"/>
  <c r="U44560" i="1"/>
  <c r="U44559" i="1"/>
  <c r="U44558" i="1"/>
  <c r="U44557" i="1"/>
  <c r="U44556" i="1"/>
  <c r="U44555" i="1"/>
  <c r="U44554" i="1"/>
  <c r="U44553" i="1"/>
  <c r="U44552" i="1"/>
  <c r="U44551" i="1"/>
  <c r="U44550" i="1"/>
  <c r="U44549" i="1"/>
  <c r="U44548" i="1"/>
  <c r="U44547" i="1"/>
  <c r="U44546" i="1"/>
  <c r="U44545" i="1"/>
  <c r="U44544" i="1"/>
  <c r="U44543" i="1"/>
  <c r="U44542" i="1"/>
  <c r="U44541" i="1"/>
  <c r="U44540" i="1"/>
  <c r="U44539" i="1"/>
  <c r="U44538" i="1"/>
  <c r="U44537" i="1"/>
  <c r="U44536" i="1"/>
  <c r="U44535" i="1"/>
  <c r="U44534" i="1"/>
  <c r="U44533" i="1"/>
  <c r="U44532" i="1"/>
  <c r="U44531" i="1"/>
  <c r="U44530" i="1"/>
  <c r="U44529" i="1"/>
  <c r="U44528" i="1"/>
  <c r="U44527" i="1"/>
  <c r="U44526" i="1"/>
  <c r="U44525" i="1"/>
  <c r="U44524" i="1"/>
  <c r="U44523" i="1"/>
  <c r="U44522" i="1"/>
  <c r="U44521" i="1"/>
  <c r="U44520" i="1"/>
  <c r="U44519" i="1"/>
  <c r="U44518" i="1"/>
  <c r="U44517" i="1"/>
  <c r="U44516" i="1"/>
  <c r="U44515" i="1"/>
  <c r="U44514" i="1"/>
  <c r="U44513" i="1"/>
  <c r="U44512" i="1"/>
  <c r="U44511" i="1"/>
  <c r="U44510" i="1"/>
  <c r="U44509" i="1"/>
  <c r="U44508" i="1"/>
  <c r="U44507" i="1"/>
  <c r="U44506" i="1"/>
  <c r="U44505" i="1"/>
  <c r="U44504" i="1"/>
  <c r="U44503" i="1"/>
  <c r="U44502" i="1"/>
  <c r="U44501" i="1"/>
  <c r="U44500" i="1"/>
  <c r="U44499" i="1"/>
  <c r="U44498" i="1"/>
  <c r="U44497" i="1"/>
  <c r="U44496" i="1"/>
  <c r="U44495" i="1"/>
  <c r="U44494" i="1"/>
  <c r="U44493" i="1"/>
  <c r="U44492" i="1"/>
  <c r="U44491" i="1"/>
  <c r="U44490" i="1"/>
  <c r="U44489" i="1"/>
  <c r="U44488" i="1"/>
  <c r="U44487" i="1"/>
  <c r="U44486" i="1"/>
  <c r="U44485" i="1"/>
  <c r="U44484" i="1"/>
  <c r="U44483" i="1"/>
  <c r="U44482" i="1"/>
  <c r="U44481" i="1"/>
  <c r="U44480" i="1"/>
  <c r="U44479" i="1"/>
  <c r="U44478" i="1"/>
  <c r="U44477" i="1"/>
  <c r="U44476" i="1"/>
  <c r="U44475" i="1"/>
  <c r="U44474" i="1"/>
  <c r="U44473" i="1"/>
  <c r="U44472" i="1"/>
  <c r="U44471" i="1"/>
  <c r="U44470" i="1"/>
  <c r="U44469" i="1"/>
  <c r="U44468" i="1"/>
  <c r="U44467" i="1"/>
  <c r="U44466" i="1"/>
  <c r="U44465" i="1"/>
  <c r="U44464" i="1"/>
  <c r="U44463" i="1"/>
  <c r="U44462" i="1"/>
  <c r="U44461" i="1"/>
  <c r="U44460" i="1"/>
  <c r="U44459" i="1"/>
  <c r="U44458" i="1"/>
  <c r="U44457" i="1"/>
  <c r="U44456" i="1"/>
  <c r="U44455" i="1"/>
  <c r="U44454" i="1"/>
  <c r="U44453" i="1"/>
  <c r="U44452" i="1"/>
  <c r="U44451" i="1"/>
  <c r="U44450" i="1"/>
  <c r="U44449" i="1"/>
  <c r="U44448" i="1"/>
  <c r="U44447" i="1"/>
  <c r="U44446" i="1"/>
  <c r="U44445" i="1"/>
  <c r="U44444" i="1"/>
  <c r="U44443" i="1"/>
  <c r="U44442" i="1"/>
  <c r="U44441" i="1"/>
  <c r="U44440" i="1"/>
  <c r="U44439" i="1"/>
  <c r="U44438" i="1"/>
  <c r="U44437" i="1"/>
  <c r="U44436" i="1"/>
  <c r="U44435" i="1"/>
  <c r="U44434" i="1"/>
  <c r="U44433" i="1"/>
  <c r="U44432" i="1"/>
  <c r="U44431" i="1"/>
  <c r="U44430" i="1"/>
  <c r="U44429" i="1"/>
  <c r="U44428" i="1"/>
  <c r="U44427" i="1"/>
  <c r="U44426" i="1"/>
  <c r="U44425" i="1"/>
  <c r="U44424" i="1"/>
  <c r="U44423" i="1"/>
  <c r="U44422" i="1"/>
  <c r="U44421" i="1"/>
  <c r="U44420" i="1"/>
  <c r="U44419" i="1"/>
  <c r="U44418" i="1"/>
  <c r="U44417" i="1"/>
  <c r="U44416" i="1"/>
  <c r="U44415" i="1"/>
  <c r="U44414" i="1"/>
  <c r="U44413" i="1"/>
  <c r="U44412" i="1"/>
  <c r="U44411" i="1"/>
  <c r="U44410" i="1"/>
  <c r="U44409" i="1"/>
  <c r="U44408" i="1"/>
  <c r="U44407" i="1"/>
  <c r="U44406" i="1"/>
  <c r="U44405" i="1"/>
  <c r="U44404" i="1"/>
  <c r="U44403" i="1"/>
  <c r="U44402" i="1"/>
  <c r="U44401" i="1"/>
  <c r="U44400" i="1"/>
  <c r="U44399" i="1"/>
  <c r="U44398" i="1"/>
  <c r="U44397" i="1"/>
  <c r="U44396" i="1"/>
  <c r="U44395" i="1"/>
  <c r="U44394" i="1"/>
  <c r="U44393" i="1"/>
  <c r="U44392" i="1"/>
  <c r="U44391" i="1"/>
  <c r="U44390" i="1"/>
  <c r="U44389" i="1"/>
  <c r="U44388" i="1"/>
  <c r="U44387" i="1"/>
  <c r="U44386" i="1"/>
  <c r="U44385" i="1"/>
  <c r="U44384" i="1"/>
  <c r="U44383" i="1"/>
  <c r="U44382" i="1"/>
  <c r="U44381" i="1"/>
  <c r="U44380" i="1"/>
  <c r="U44379" i="1"/>
  <c r="U44378" i="1"/>
  <c r="U44377" i="1"/>
  <c r="U44376" i="1"/>
  <c r="U44375" i="1"/>
  <c r="U44374" i="1"/>
  <c r="U44373" i="1"/>
  <c r="U44372" i="1"/>
  <c r="U44371" i="1"/>
  <c r="U44370" i="1"/>
  <c r="U44369" i="1"/>
  <c r="U44368" i="1"/>
  <c r="U44367" i="1"/>
  <c r="U44366" i="1"/>
  <c r="U44365" i="1"/>
  <c r="U44364" i="1"/>
  <c r="U44363" i="1"/>
  <c r="U44362" i="1"/>
  <c r="U44361" i="1"/>
  <c r="U44360" i="1"/>
  <c r="U44359" i="1"/>
  <c r="U44358" i="1"/>
  <c r="U44357" i="1"/>
  <c r="U44356" i="1"/>
  <c r="U44355" i="1"/>
  <c r="U44354" i="1"/>
  <c r="U44353" i="1"/>
  <c r="U44352" i="1"/>
  <c r="U44351" i="1"/>
  <c r="U44350" i="1"/>
  <c r="U44349" i="1"/>
  <c r="U44348" i="1"/>
  <c r="U44347" i="1"/>
  <c r="U44346" i="1"/>
  <c r="U44345" i="1"/>
  <c r="U44344" i="1"/>
  <c r="U44343" i="1"/>
  <c r="U44342" i="1"/>
  <c r="U44341" i="1"/>
  <c r="U44340" i="1"/>
  <c r="U44339" i="1"/>
  <c r="U44338" i="1"/>
  <c r="U44337" i="1"/>
  <c r="U44336" i="1"/>
  <c r="U44335" i="1"/>
  <c r="U44334" i="1"/>
  <c r="U44333" i="1"/>
  <c r="U44332" i="1"/>
  <c r="U44331" i="1"/>
  <c r="U44330" i="1"/>
  <c r="U44329" i="1"/>
  <c r="U44328" i="1"/>
  <c r="U44327" i="1"/>
  <c r="U44326" i="1"/>
  <c r="U44325" i="1"/>
  <c r="U44324" i="1"/>
  <c r="U44323" i="1"/>
  <c r="U44322" i="1"/>
  <c r="U44321" i="1"/>
  <c r="U44320" i="1"/>
  <c r="U44319" i="1"/>
  <c r="U44318" i="1"/>
  <c r="U44317" i="1"/>
  <c r="U44316" i="1"/>
  <c r="U44315" i="1"/>
  <c r="U44314" i="1"/>
  <c r="U44313" i="1"/>
  <c r="U44312" i="1"/>
  <c r="U44311" i="1"/>
  <c r="U44310" i="1"/>
  <c r="U44309" i="1"/>
  <c r="U44308" i="1"/>
  <c r="U44307" i="1"/>
  <c r="U44306" i="1"/>
  <c r="U44305" i="1"/>
  <c r="U44304" i="1"/>
  <c r="U44303" i="1"/>
  <c r="U44302" i="1"/>
  <c r="U44301" i="1"/>
  <c r="U44300" i="1"/>
  <c r="U44299" i="1"/>
  <c r="U44298" i="1"/>
  <c r="U44297" i="1"/>
  <c r="U44296" i="1"/>
  <c r="U44295" i="1"/>
  <c r="U44294" i="1"/>
  <c r="U44293" i="1"/>
  <c r="U44292" i="1"/>
  <c r="U44291" i="1"/>
  <c r="U44290" i="1"/>
  <c r="U44289" i="1"/>
  <c r="U44288" i="1"/>
  <c r="U44287" i="1"/>
  <c r="U44286" i="1"/>
  <c r="U44285" i="1"/>
  <c r="U44284" i="1"/>
  <c r="U44283" i="1"/>
  <c r="U44282" i="1"/>
  <c r="U44281" i="1"/>
  <c r="U44280" i="1"/>
  <c r="U44279" i="1"/>
  <c r="U44278" i="1"/>
  <c r="U44277" i="1"/>
  <c r="U44276" i="1"/>
  <c r="U44275" i="1"/>
  <c r="U44274" i="1"/>
  <c r="U44273" i="1"/>
  <c r="U44272" i="1"/>
  <c r="U44271" i="1"/>
  <c r="U44270" i="1"/>
  <c r="U44269" i="1"/>
  <c r="U44268" i="1"/>
  <c r="U44267" i="1"/>
  <c r="U44266" i="1"/>
  <c r="U44265" i="1"/>
  <c r="U44264" i="1"/>
  <c r="U44263" i="1"/>
  <c r="U44262" i="1"/>
  <c r="U44261" i="1"/>
  <c r="U44260" i="1"/>
  <c r="U44259" i="1"/>
  <c r="U44258" i="1"/>
  <c r="U44257" i="1"/>
  <c r="U44256" i="1"/>
  <c r="U44255" i="1"/>
  <c r="U44254" i="1"/>
  <c r="U44253" i="1"/>
  <c r="U44252" i="1"/>
  <c r="U44251" i="1"/>
  <c r="U44250" i="1"/>
  <c r="U44249" i="1"/>
  <c r="U44248" i="1"/>
  <c r="U44247" i="1"/>
  <c r="U44246" i="1"/>
  <c r="U44245" i="1"/>
  <c r="U44244" i="1"/>
  <c r="U44243" i="1"/>
  <c r="U44242" i="1"/>
  <c r="U44241" i="1"/>
  <c r="U44240" i="1"/>
  <c r="U44239" i="1"/>
  <c r="U44238" i="1"/>
  <c r="U44237" i="1"/>
  <c r="U44236" i="1"/>
  <c r="U44235" i="1"/>
  <c r="U44234" i="1"/>
  <c r="U44233" i="1"/>
  <c r="U44232" i="1"/>
  <c r="U44231" i="1"/>
  <c r="U44230" i="1"/>
  <c r="U44229" i="1"/>
  <c r="U44228" i="1"/>
  <c r="U44227" i="1"/>
  <c r="U44226" i="1"/>
  <c r="U44225" i="1"/>
  <c r="U44224" i="1"/>
  <c r="U44223" i="1"/>
  <c r="U44222" i="1"/>
  <c r="U44221" i="1"/>
  <c r="U44220" i="1"/>
  <c r="U44219" i="1"/>
  <c r="U44218" i="1"/>
  <c r="U44217" i="1"/>
  <c r="U44216" i="1"/>
  <c r="U44215" i="1"/>
  <c r="U44214" i="1"/>
  <c r="U44213" i="1"/>
  <c r="U44212" i="1"/>
  <c r="U44211" i="1"/>
  <c r="U44210" i="1"/>
  <c r="U44209" i="1"/>
  <c r="U44208" i="1"/>
  <c r="U44207" i="1"/>
  <c r="U44206" i="1"/>
  <c r="U44205" i="1"/>
  <c r="U44204" i="1"/>
  <c r="U44203" i="1"/>
  <c r="U44202" i="1"/>
  <c r="U44201" i="1"/>
  <c r="U44200" i="1"/>
  <c r="U44199" i="1"/>
  <c r="U44198" i="1"/>
  <c r="U44197" i="1"/>
  <c r="U44196" i="1"/>
  <c r="U44195" i="1"/>
  <c r="U44194" i="1"/>
  <c r="U44193" i="1"/>
  <c r="U44192" i="1"/>
  <c r="U44191" i="1"/>
  <c r="U44190" i="1"/>
  <c r="U44189" i="1"/>
  <c r="U44188" i="1"/>
  <c r="U44187" i="1"/>
  <c r="U44186" i="1"/>
  <c r="U44185" i="1"/>
  <c r="U44184" i="1"/>
  <c r="U44183" i="1"/>
  <c r="U44182" i="1"/>
  <c r="U44181" i="1"/>
  <c r="U44180" i="1"/>
  <c r="U44179" i="1"/>
  <c r="U44178" i="1"/>
  <c r="U44177" i="1"/>
  <c r="U44176" i="1"/>
  <c r="U44175" i="1"/>
  <c r="U44174" i="1"/>
  <c r="U44173" i="1"/>
  <c r="U44172" i="1"/>
  <c r="U44171" i="1"/>
  <c r="U44170" i="1"/>
  <c r="U44169" i="1"/>
  <c r="U44168" i="1"/>
  <c r="U44167" i="1"/>
  <c r="U44166" i="1"/>
  <c r="U44165" i="1"/>
  <c r="U44164" i="1"/>
  <c r="U44163" i="1"/>
  <c r="U44162" i="1"/>
  <c r="U44161" i="1"/>
  <c r="U44160" i="1"/>
  <c r="U44159" i="1"/>
  <c r="U44158" i="1"/>
  <c r="U44157" i="1"/>
  <c r="U44156" i="1"/>
  <c r="U44155" i="1"/>
  <c r="U44154" i="1"/>
  <c r="U44153" i="1"/>
  <c r="U44152" i="1"/>
  <c r="U44151" i="1"/>
  <c r="U44150" i="1"/>
  <c r="U44149" i="1"/>
  <c r="U44148" i="1"/>
  <c r="U44147" i="1"/>
  <c r="U44146" i="1"/>
  <c r="U44145" i="1"/>
  <c r="U44144" i="1"/>
  <c r="U44143" i="1"/>
  <c r="U44142" i="1"/>
  <c r="U44141" i="1"/>
  <c r="U44140" i="1"/>
  <c r="U44139" i="1"/>
  <c r="U44138" i="1"/>
  <c r="U44137" i="1"/>
  <c r="U44136" i="1"/>
  <c r="U44135" i="1"/>
  <c r="U44134" i="1"/>
  <c r="U44133" i="1"/>
  <c r="U44132" i="1"/>
  <c r="U44131" i="1"/>
  <c r="U44130" i="1"/>
  <c r="U44129" i="1"/>
  <c r="U44128" i="1"/>
  <c r="U44127" i="1"/>
  <c r="U44126" i="1"/>
  <c r="U44125" i="1"/>
  <c r="U44124" i="1"/>
  <c r="U44123" i="1"/>
  <c r="U44122" i="1"/>
  <c r="U44121" i="1"/>
  <c r="U44120" i="1"/>
  <c r="U44119" i="1"/>
  <c r="U44118" i="1"/>
  <c r="U44117" i="1"/>
  <c r="U44116" i="1"/>
  <c r="U44115" i="1"/>
  <c r="U44114" i="1"/>
  <c r="U44113" i="1"/>
  <c r="U44112" i="1"/>
  <c r="U44111" i="1"/>
  <c r="U44110" i="1"/>
  <c r="U44109" i="1"/>
  <c r="U44108" i="1"/>
  <c r="U44107" i="1"/>
  <c r="U44106" i="1"/>
  <c r="U44105" i="1"/>
  <c r="U44104" i="1"/>
  <c r="U44103" i="1"/>
  <c r="U44102" i="1"/>
  <c r="U44101" i="1"/>
  <c r="U44100" i="1"/>
  <c r="U44099" i="1"/>
  <c r="U44098" i="1"/>
  <c r="U44097" i="1"/>
  <c r="U44096" i="1"/>
  <c r="U44095" i="1"/>
  <c r="U44094" i="1"/>
  <c r="U44093" i="1"/>
  <c r="U44092" i="1"/>
  <c r="U44091" i="1"/>
  <c r="U44090" i="1"/>
  <c r="U44089" i="1"/>
  <c r="U44088" i="1"/>
  <c r="U44087" i="1"/>
  <c r="U44086" i="1"/>
  <c r="U44085" i="1"/>
  <c r="U44084" i="1"/>
  <c r="U44083" i="1"/>
  <c r="U44082" i="1"/>
  <c r="U44081" i="1"/>
  <c r="U44080" i="1"/>
  <c r="U44079" i="1"/>
  <c r="U44078" i="1"/>
  <c r="U44077" i="1"/>
  <c r="U44076" i="1"/>
  <c r="U44075" i="1"/>
  <c r="U44074" i="1"/>
  <c r="U44073" i="1"/>
  <c r="U44072" i="1"/>
  <c r="U44071" i="1"/>
  <c r="U44070" i="1"/>
  <c r="U44069" i="1"/>
  <c r="U44068" i="1"/>
  <c r="U44067" i="1"/>
  <c r="U44066" i="1"/>
  <c r="U44065" i="1"/>
  <c r="U44064" i="1"/>
  <c r="U44063" i="1"/>
  <c r="U44062" i="1"/>
  <c r="U44061" i="1"/>
  <c r="U44060" i="1"/>
  <c r="U44059" i="1"/>
  <c r="U44058" i="1"/>
  <c r="U44057" i="1"/>
  <c r="U44056" i="1"/>
  <c r="U44055" i="1"/>
  <c r="U44054" i="1"/>
  <c r="U44053" i="1"/>
  <c r="U44052" i="1"/>
  <c r="U44051" i="1"/>
  <c r="U44050" i="1"/>
  <c r="U44049" i="1"/>
  <c r="U44048" i="1"/>
  <c r="U44047" i="1"/>
  <c r="U44046" i="1"/>
  <c r="U44045" i="1"/>
  <c r="U44044" i="1"/>
  <c r="U44043" i="1"/>
  <c r="U44042" i="1"/>
  <c r="U44041" i="1"/>
  <c r="U44040" i="1"/>
  <c r="U44039" i="1"/>
  <c r="U44038" i="1"/>
  <c r="U44037" i="1"/>
  <c r="U44036" i="1"/>
  <c r="U44035" i="1"/>
  <c r="U44034" i="1"/>
  <c r="U44033" i="1"/>
  <c r="U44032" i="1"/>
  <c r="U44031" i="1"/>
  <c r="U44030" i="1"/>
  <c r="U44029" i="1"/>
  <c r="U44028" i="1"/>
  <c r="U44027" i="1"/>
  <c r="U44026" i="1"/>
  <c r="U44025" i="1"/>
  <c r="U44024" i="1"/>
  <c r="U44023" i="1"/>
  <c r="U44022" i="1"/>
  <c r="U44021" i="1"/>
  <c r="U44020" i="1"/>
  <c r="U44019" i="1"/>
  <c r="U44018" i="1"/>
  <c r="U44017" i="1"/>
  <c r="U44016" i="1"/>
  <c r="U44015" i="1"/>
  <c r="U44014" i="1"/>
  <c r="U44013" i="1"/>
  <c r="U44012" i="1"/>
  <c r="U44011" i="1"/>
  <c r="U44010" i="1"/>
  <c r="U44009" i="1"/>
  <c r="U44008" i="1"/>
  <c r="U44007" i="1"/>
  <c r="U44006" i="1"/>
  <c r="U44005" i="1"/>
  <c r="U44004" i="1"/>
  <c r="U44003" i="1"/>
  <c r="U44002" i="1"/>
  <c r="U44001" i="1"/>
  <c r="U44000" i="1"/>
  <c r="U43999" i="1"/>
  <c r="U43998" i="1"/>
  <c r="U43997" i="1"/>
  <c r="U43996" i="1"/>
  <c r="U43995" i="1"/>
  <c r="U43994" i="1"/>
  <c r="U43993" i="1"/>
  <c r="U43992" i="1"/>
  <c r="U43991" i="1"/>
  <c r="U43990" i="1"/>
  <c r="U43989" i="1"/>
  <c r="U43988" i="1"/>
  <c r="U43987" i="1"/>
  <c r="U43986" i="1"/>
  <c r="U43985" i="1"/>
  <c r="U43984" i="1"/>
  <c r="U43983" i="1"/>
  <c r="U43982" i="1"/>
  <c r="U43981" i="1"/>
  <c r="U43980" i="1"/>
  <c r="U43979" i="1"/>
  <c r="U43978" i="1"/>
  <c r="U43977" i="1"/>
  <c r="U43976" i="1"/>
  <c r="U43975" i="1"/>
  <c r="U43974" i="1"/>
  <c r="U43973" i="1"/>
  <c r="U43972" i="1"/>
  <c r="U43971" i="1"/>
  <c r="U43970" i="1"/>
  <c r="U43969" i="1"/>
  <c r="U43968" i="1"/>
  <c r="U43967" i="1"/>
  <c r="U43966" i="1"/>
  <c r="U43965" i="1"/>
  <c r="U43964" i="1"/>
  <c r="U43963" i="1"/>
  <c r="U43962" i="1"/>
  <c r="U43961" i="1"/>
  <c r="U43960" i="1"/>
  <c r="U43959" i="1"/>
  <c r="U43958" i="1"/>
  <c r="U43957" i="1"/>
  <c r="U43956" i="1"/>
  <c r="U43955" i="1"/>
  <c r="U43954" i="1"/>
  <c r="U43953" i="1"/>
  <c r="U43952" i="1"/>
  <c r="U43951" i="1"/>
  <c r="U43950" i="1"/>
  <c r="U43949" i="1"/>
  <c r="U43948" i="1"/>
  <c r="U43947" i="1"/>
  <c r="U43946" i="1"/>
  <c r="U43945" i="1"/>
  <c r="U43944" i="1"/>
  <c r="U43943" i="1"/>
  <c r="U43942" i="1"/>
  <c r="U43941" i="1"/>
  <c r="U43940" i="1"/>
  <c r="U43939" i="1"/>
  <c r="U43938" i="1"/>
  <c r="U43937" i="1"/>
  <c r="U43936" i="1"/>
  <c r="U43935" i="1"/>
  <c r="U43934" i="1"/>
  <c r="U43933" i="1"/>
  <c r="U43932" i="1"/>
  <c r="U43931" i="1"/>
  <c r="U43930" i="1"/>
  <c r="U43929" i="1"/>
  <c r="U43928" i="1"/>
  <c r="U43927" i="1"/>
  <c r="U43926" i="1"/>
  <c r="U43925" i="1"/>
  <c r="U43924" i="1"/>
  <c r="U43923" i="1"/>
  <c r="U43922" i="1"/>
  <c r="U43921" i="1"/>
  <c r="U43920" i="1"/>
  <c r="U43919" i="1"/>
  <c r="U43918" i="1"/>
  <c r="U43917" i="1"/>
  <c r="U43916" i="1"/>
  <c r="U43915" i="1"/>
  <c r="U43914" i="1"/>
  <c r="U43913" i="1"/>
  <c r="U43912" i="1"/>
  <c r="U43911" i="1"/>
  <c r="U43910" i="1"/>
  <c r="U43909" i="1"/>
  <c r="U43908" i="1"/>
  <c r="U43907" i="1"/>
  <c r="U43906" i="1"/>
  <c r="U43905" i="1"/>
  <c r="U43904" i="1"/>
  <c r="U43903" i="1"/>
  <c r="U43902" i="1"/>
  <c r="U43901" i="1"/>
  <c r="U43900" i="1"/>
  <c r="U43899" i="1"/>
  <c r="U43898" i="1"/>
  <c r="U43897" i="1"/>
  <c r="U43896" i="1"/>
  <c r="U43895" i="1"/>
  <c r="U43894" i="1"/>
  <c r="U43893" i="1"/>
  <c r="U43892" i="1"/>
  <c r="U43891" i="1"/>
  <c r="U43890" i="1"/>
  <c r="U43889" i="1"/>
  <c r="U43888" i="1"/>
  <c r="U43887" i="1"/>
  <c r="U43886" i="1"/>
  <c r="U43885" i="1"/>
  <c r="U43884" i="1"/>
  <c r="U43883" i="1"/>
  <c r="U43882" i="1"/>
  <c r="U43881" i="1"/>
  <c r="U43880" i="1"/>
  <c r="U43879" i="1"/>
  <c r="U43878" i="1"/>
  <c r="U43877" i="1"/>
  <c r="U43876" i="1"/>
  <c r="U43875" i="1"/>
  <c r="U43874" i="1"/>
  <c r="U43873" i="1"/>
  <c r="U43872" i="1"/>
  <c r="U43871" i="1"/>
  <c r="U43870" i="1"/>
  <c r="U43869" i="1"/>
  <c r="U43868" i="1"/>
  <c r="U43867" i="1"/>
  <c r="U43866" i="1"/>
  <c r="U43865" i="1"/>
  <c r="U43864" i="1"/>
  <c r="U43863" i="1"/>
  <c r="U43862" i="1"/>
  <c r="U43861" i="1"/>
  <c r="U43860" i="1"/>
  <c r="U43859" i="1"/>
  <c r="U43858" i="1"/>
  <c r="U43857" i="1"/>
  <c r="U43856" i="1"/>
  <c r="U43855" i="1"/>
  <c r="U43854" i="1"/>
  <c r="U43853" i="1"/>
  <c r="U43852" i="1"/>
  <c r="U43851" i="1"/>
  <c r="U43850" i="1"/>
  <c r="U43849" i="1"/>
  <c r="U43848" i="1"/>
  <c r="U43847" i="1"/>
  <c r="U43846" i="1"/>
  <c r="U43845" i="1"/>
  <c r="U43844" i="1"/>
  <c r="U43843" i="1"/>
  <c r="U43842" i="1"/>
  <c r="U43841" i="1"/>
  <c r="U43840" i="1"/>
  <c r="U43839" i="1"/>
  <c r="U43838" i="1"/>
  <c r="U43837" i="1"/>
  <c r="U43836" i="1"/>
  <c r="U43835" i="1"/>
  <c r="U43834" i="1"/>
  <c r="U43833" i="1"/>
  <c r="U43832" i="1"/>
  <c r="U43831" i="1"/>
  <c r="U43830" i="1"/>
  <c r="U43829" i="1"/>
  <c r="U43828" i="1"/>
  <c r="U43827" i="1"/>
  <c r="U43826" i="1"/>
  <c r="U43825" i="1"/>
  <c r="U43824" i="1"/>
  <c r="U43823" i="1"/>
  <c r="U43822" i="1"/>
  <c r="U43821" i="1"/>
  <c r="U43820" i="1"/>
  <c r="U43819" i="1"/>
  <c r="U43818" i="1"/>
  <c r="U43817" i="1"/>
  <c r="U43816" i="1"/>
  <c r="U43815" i="1"/>
  <c r="U43814" i="1"/>
  <c r="U43813" i="1"/>
  <c r="U43812" i="1"/>
  <c r="U43811" i="1"/>
  <c r="U43810" i="1"/>
  <c r="U43809" i="1"/>
  <c r="U43808" i="1"/>
  <c r="U43807" i="1"/>
  <c r="U43806" i="1"/>
  <c r="U43805" i="1"/>
  <c r="U43804" i="1"/>
  <c r="U43803" i="1"/>
  <c r="U43802" i="1"/>
  <c r="U43801" i="1"/>
  <c r="U43800" i="1"/>
  <c r="U43799" i="1"/>
  <c r="U43798" i="1"/>
  <c r="U43797" i="1"/>
  <c r="U43796" i="1"/>
  <c r="U43795" i="1"/>
  <c r="U43794" i="1"/>
  <c r="U43793" i="1"/>
  <c r="U43792" i="1"/>
  <c r="U43791" i="1"/>
  <c r="U43790" i="1"/>
  <c r="U43789" i="1"/>
  <c r="U43788" i="1"/>
  <c r="U43787" i="1"/>
  <c r="U43786" i="1"/>
  <c r="U43785" i="1"/>
  <c r="U43784" i="1"/>
  <c r="U43783" i="1"/>
  <c r="U43782" i="1"/>
  <c r="U43781" i="1"/>
  <c r="U43780" i="1"/>
  <c r="U43779" i="1"/>
  <c r="U43778" i="1"/>
  <c r="U43777" i="1"/>
  <c r="U43776" i="1"/>
  <c r="U43775" i="1"/>
  <c r="U43774" i="1"/>
  <c r="U43773" i="1"/>
  <c r="U43772" i="1"/>
  <c r="U43771" i="1"/>
  <c r="U43770" i="1"/>
  <c r="U43769" i="1"/>
  <c r="U43768" i="1"/>
  <c r="U43767" i="1"/>
  <c r="U43766" i="1"/>
  <c r="U43765" i="1"/>
  <c r="U43764" i="1"/>
  <c r="U43763" i="1"/>
  <c r="U43762" i="1"/>
  <c r="U43761" i="1"/>
  <c r="U43760" i="1"/>
  <c r="U43759" i="1"/>
  <c r="U43758" i="1"/>
  <c r="U43757" i="1"/>
  <c r="U43756" i="1"/>
  <c r="U43755" i="1"/>
  <c r="U43754" i="1"/>
  <c r="U43753" i="1"/>
  <c r="U43752" i="1"/>
  <c r="U43751" i="1"/>
  <c r="U43750" i="1"/>
  <c r="U43749" i="1"/>
  <c r="U43748" i="1"/>
  <c r="U43747" i="1"/>
  <c r="U43746" i="1"/>
  <c r="U43745" i="1"/>
  <c r="U43744" i="1"/>
  <c r="U43743" i="1"/>
  <c r="U43742" i="1"/>
  <c r="U43741" i="1"/>
  <c r="U43740" i="1"/>
  <c r="U43739" i="1"/>
  <c r="U43738" i="1"/>
  <c r="U43737" i="1"/>
  <c r="U43736" i="1"/>
  <c r="U43735" i="1"/>
  <c r="U43734" i="1"/>
  <c r="U43733" i="1"/>
  <c r="U43732" i="1"/>
  <c r="U43731" i="1"/>
  <c r="U43730" i="1"/>
  <c r="U43729" i="1"/>
  <c r="U43728" i="1"/>
  <c r="U43727" i="1"/>
  <c r="U43726" i="1"/>
  <c r="U43725" i="1"/>
  <c r="U43724" i="1"/>
  <c r="U43723" i="1"/>
  <c r="U43722" i="1"/>
  <c r="U43721" i="1"/>
  <c r="U43720" i="1"/>
  <c r="U43719" i="1"/>
  <c r="U43718" i="1"/>
  <c r="U43717" i="1"/>
  <c r="U43716" i="1"/>
  <c r="U43715" i="1"/>
  <c r="U43714" i="1"/>
  <c r="U43713" i="1"/>
  <c r="U43712" i="1"/>
  <c r="U43711" i="1"/>
  <c r="U43710" i="1"/>
  <c r="U43709" i="1"/>
  <c r="U43708" i="1"/>
  <c r="U43707" i="1"/>
  <c r="U43706" i="1"/>
  <c r="U43705" i="1"/>
  <c r="U43704" i="1"/>
  <c r="U43703" i="1"/>
  <c r="U43702" i="1"/>
  <c r="U43701" i="1"/>
  <c r="U43700" i="1"/>
  <c r="U43699" i="1"/>
  <c r="U43698" i="1"/>
  <c r="U43697" i="1"/>
  <c r="U43696" i="1"/>
  <c r="U43695" i="1"/>
  <c r="U43694" i="1"/>
  <c r="U43693" i="1"/>
  <c r="U43692" i="1"/>
  <c r="U43691" i="1"/>
  <c r="U43690" i="1"/>
  <c r="U43689" i="1"/>
  <c r="U43688" i="1"/>
  <c r="U43687" i="1"/>
  <c r="U43686" i="1"/>
  <c r="U43685" i="1"/>
  <c r="U43684" i="1"/>
  <c r="U43683" i="1"/>
  <c r="U43682" i="1"/>
  <c r="U43681" i="1"/>
  <c r="U43680" i="1"/>
  <c r="U43679" i="1"/>
  <c r="U43678" i="1"/>
  <c r="U43677" i="1"/>
  <c r="U43676" i="1"/>
  <c r="U43675" i="1"/>
  <c r="U43674" i="1"/>
  <c r="U43673" i="1"/>
  <c r="U43672" i="1"/>
  <c r="U43671" i="1"/>
  <c r="U43670" i="1"/>
  <c r="U43669" i="1"/>
  <c r="U43668" i="1"/>
  <c r="U43667" i="1"/>
  <c r="U43666" i="1"/>
  <c r="U43665" i="1"/>
  <c r="U43664" i="1"/>
  <c r="U43663" i="1"/>
  <c r="U43662" i="1"/>
  <c r="U43661" i="1"/>
  <c r="U43660" i="1"/>
  <c r="U43659" i="1"/>
  <c r="U43658" i="1"/>
  <c r="U43657" i="1"/>
  <c r="U43656" i="1"/>
  <c r="U43655" i="1"/>
  <c r="U43654" i="1"/>
  <c r="U43653" i="1"/>
  <c r="U43652" i="1"/>
  <c r="U43651" i="1"/>
  <c r="U43650" i="1"/>
  <c r="U43649" i="1"/>
  <c r="U43648" i="1"/>
  <c r="U43647" i="1"/>
  <c r="U43646" i="1"/>
  <c r="U43645" i="1"/>
  <c r="U43644" i="1"/>
  <c r="U43643" i="1"/>
  <c r="U43642" i="1"/>
  <c r="U43641" i="1"/>
  <c r="U43640" i="1"/>
  <c r="U43639" i="1"/>
  <c r="U43638" i="1"/>
  <c r="U43637" i="1"/>
  <c r="U43636" i="1"/>
  <c r="U43635" i="1"/>
  <c r="U43634" i="1"/>
  <c r="U43633" i="1"/>
  <c r="U43632" i="1"/>
  <c r="U43631" i="1"/>
  <c r="U43630" i="1"/>
  <c r="U43629" i="1"/>
  <c r="U43628" i="1"/>
  <c r="U43627" i="1"/>
  <c r="U43626" i="1"/>
  <c r="U43625" i="1"/>
  <c r="U43624" i="1"/>
  <c r="U43623" i="1"/>
  <c r="U43622" i="1"/>
  <c r="U43621" i="1"/>
  <c r="U43620" i="1"/>
  <c r="U43619" i="1"/>
  <c r="U43618" i="1"/>
  <c r="U43617" i="1"/>
  <c r="U43616" i="1"/>
  <c r="U43615" i="1"/>
  <c r="U43614" i="1"/>
  <c r="U43613" i="1"/>
  <c r="U43612" i="1"/>
  <c r="U43611" i="1"/>
  <c r="U43610" i="1"/>
  <c r="U43609" i="1"/>
  <c r="U43608" i="1"/>
  <c r="U43607" i="1"/>
  <c r="U43606" i="1"/>
  <c r="U43605" i="1"/>
  <c r="U43604" i="1"/>
  <c r="U43603" i="1"/>
  <c r="U43602" i="1"/>
  <c r="U43601" i="1"/>
  <c r="U43600" i="1"/>
  <c r="U43599" i="1"/>
  <c r="U43598" i="1"/>
  <c r="U43597" i="1"/>
  <c r="U43596" i="1"/>
  <c r="U43595" i="1"/>
  <c r="U43594" i="1"/>
  <c r="U43593" i="1"/>
  <c r="U43592" i="1"/>
  <c r="U43591" i="1"/>
  <c r="U43590" i="1"/>
  <c r="U43589" i="1"/>
  <c r="U43588" i="1"/>
  <c r="U43587" i="1"/>
  <c r="U43586" i="1"/>
  <c r="U43585" i="1"/>
  <c r="U43584" i="1"/>
  <c r="U43583" i="1"/>
  <c r="U43582" i="1"/>
  <c r="U43581" i="1"/>
  <c r="U43580" i="1"/>
  <c r="U43579" i="1"/>
  <c r="U43578" i="1"/>
  <c r="U43577" i="1"/>
  <c r="U43576" i="1"/>
  <c r="U43575" i="1"/>
  <c r="U43574" i="1"/>
  <c r="U43573" i="1"/>
  <c r="U43572" i="1"/>
  <c r="U43571" i="1"/>
  <c r="U43570" i="1"/>
  <c r="U43569" i="1"/>
  <c r="U43568" i="1"/>
  <c r="U43567" i="1"/>
  <c r="U43566" i="1"/>
  <c r="U43565" i="1"/>
  <c r="U43564" i="1"/>
  <c r="U43563" i="1"/>
  <c r="U43562" i="1"/>
  <c r="U43561" i="1"/>
  <c r="U43560" i="1"/>
  <c r="U43559" i="1"/>
  <c r="U43558" i="1"/>
  <c r="U43557" i="1"/>
  <c r="U43556" i="1"/>
  <c r="U43555" i="1"/>
  <c r="U43554" i="1"/>
  <c r="U43553" i="1"/>
  <c r="U43552" i="1"/>
  <c r="U43551" i="1"/>
  <c r="U43550" i="1"/>
  <c r="U43549" i="1"/>
  <c r="U43548" i="1"/>
  <c r="U43547" i="1"/>
  <c r="U43546" i="1"/>
  <c r="U43545" i="1"/>
  <c r="U43544" i="1"/>
  <c r="U43543" i="1"/>
  <c r="U43542" i="1"/>
  <c r="U43541" i="1"/>
  <c r="U43540" i="1"/>
  <c r="U43539" i="1"/>
  <c r="U43538" i="1"/>
  <c r="U43537" i="1"/>
  <c r="U43536" i="1"/>
  <c r="U43535" i="1"/>
  <c r="U43534" i="1"/>
  <c r="U43533" i="1"/>
  <c r="U43532" i="1"/>
  <c r="U43531" i="1"/>
  <c r="U43530" i="1"/>
  <c r="U43529" i="1"/>
  <c r="U43528" i="1"/>
  <c r="U43527" i="1"/>
  <c r="U43526" i="1"/>
  <c r="U43525" i="1"/>
  <c r="U43524" i="1"/>
  <c r="U43523" i="1"/>
  <c r="U43522" i="1"/>
  <c r="U43521" i="1"/>
  <c r="U43520" i="1"/>
  <c r="U43519" i="1"/>
  <c r="U43518" i="1"/>
  <c r="U43517" i="1"/>
  <c r="U43516" i="1"/>
  <c r="U43515" i="1"/>
  <c r="U43514" i="1"/>
  <c r="U43513" i="1"/>
  <c r="U43512" i="1"/>
  <c r="U43511" i="1"/>
  <c r="U43510" i="1"/>
  <c r="U43509" i="1"/>
  <c r="U43508" i="1"/>
  <c r="U43507" i="1"/>
  <c r="U43506" i="1"/>
  <c r="U43505" i="1"/>
  <c r="U43504" i="1"/>
  <c r="U43503" i="1"/>
  <c r="U43502" i="1"/>
  <c r="U43501" i="1"/>
  <c r="U43500" i="1"/>
  <c r="U43499" i="1"/>
  <c r="U43498" i="1"/>
  <c r="U43497" i="1"/>
  <c r="U43496" i="1"/>
  <c r="U43495" i="1"/>
  <c r="U43494" i="1"/>
  <c r="U43493" i="1"/>
  <c r="U43492" i="1"/>
  <c r="U43491" i="1"/>
  <c r="U43490" i="1"/>
  <c r="U43489" i="1"/>
  <c r="U43488" i="1"/>
  <c r="U43487" i="1"/>
  <c r="U43486" i="1"/>
  <c r="U43485" i="1"/>
  <c r="U43484" i="1"/>
  <c r="U43483" i="1"/>
  <c r="U43482" i="1"/>
  <c r="U43481" i="1"/>
  <c r="U43480" i="1"/>
  <c r="U43479" i="1"/>
  <c r="U43478" i="1"/>
  <c r="U43477" i="1"/>
  <c r="U43476" i="1"/>
  <c r="U43475" i="1"/>
  <c r="U43474" i="1"/>
  <c r="U43473" i="1"/>
  <c r="U43472" i="1"/>
  <c r="U43471" i="1"/>
  <c r="U43470" i="1"/>
  <c r="U43469" i="1"/>
  <c r="U43468" i="1"/>
  <c r="U43467" i="1"/>
  <c r="U43466" i="1"/>
  <c r="U43465" i="1"/>
  <c r="U43464" i="1"/>
  <c r="U43463" i="1"/>
  <c r="U43462" i="1"/>
  <c r="U43461" i="1"/>
  <c r="U43460" i="1"/>
  <c r="U43459" i="1"/>
  <c r="U43458" i="1"/>
  <c r="U43457" i="1"/>
  <c r="U43456" i="1"/>
  <c r="U43455" i="1"/>
  <c r="U43454" i="1"/>
  <c r="U43453" i="1"/>
  <c r="U43452" i="1"/>
  <c r="U43451" i="1"/>
  <c r="U43450" i="1"/>
  <c r="U43449" i="1"/>
  <c r="U43448" i="1"/>
  <c r="U43447" i="1"/>
  <c r="U43446" i="1"/>
  <c r="U43445" i="1"/>
  <c r="U43444" i="1"/>
  <c r="U43443" i="1"/>
  <c r="U43442" i="1"/>
  <c r="U43441" i="1"/>
  <c r="U43440" i="1"/>
  <c r="U43439" i="1"/>
  <c r="U43438" i="1"/>
  <c r="U43437" i="1"/>
  <c r="U43436" i="1"/>
  <c r="U43435" i="1"/>
  <c r="U43434" i="1"/>
  <c r="U43433" i="1"/>
  <c r="U43432" i="1"/>
  <c r="U43431" i="1"/>
  <c r="U43430" i="1"/>
  <c r="U43429" i="1"/>
  <c r="U43428" i="1"/>
  <c r="U43427" i="1"/>
  <c r="U43426" i="1"/>
  <c r="U43425" i="1"/>
  <c r="U43424" i="1"/>
  <c r="U43423" i="1"/>
  <c r="U43422" i="1"/>
  <c r="U43421" i="1"/>
  <c r="U43420" i="1"/>
  <c r="U43419" i="1"/>
  <c r="U43418" i="1"/>
  <c r="U43417" i="1"/>
  <c r="U43416" i="1"/>
  <c r="U43415" i="1"/>
  <c r="U43414" i="1"/>
  <c r="U43413" i="1"/>
  <c r="U43412" i="1"/>
  <c r="U43411" i="1"/>
  <c r="U43410" i="1"/>
  <c r="U43409" i="1"/>
  <c r="U43408" i="1"/>
  <c r="U43407" i="1"/>
  <c r="U43406" i="1"/>
  <c r="U43405" i="1"/>
  <c r="U43404" i="1"/>
  <c r="U43403" i="1"/>
  <c r="U43402" i="1"/>
  <c r="U43401" i="1"/>
  <c r="U43400" i="1"/>
  <c r="U43399" i="1"/>
  <c r="U43398" i="1"/>
  <c r="U43397" i="1"/>
  <c r="U43396" i="1"/>
  <c r="U43395" i="1"/>
  <c r="U43394" i="1"/>
  <c r="U43393" i="1"/>
  <c r="U43392" i="1"/>
  <c r="U43391" i="1"/>
  <c r="U43390" i="1"/>
  <c r="U43389" i="1"/>
  <c r="U43388" i="1"/>
  <c r="U43387" i="1"/>
  <c r="U43386" i="1"/>
  <c r="U43385" i="1"/>
  <c r="U43384" i="1"/>
  <c r="U43383" i="1"/>
  <c r="U43382" i="1"/>
  <c r="U43381" i="1"/>
  <c r="U43380" i="1"/>
  <c r="U43379" i="1"/>
  <c r="U43378" i="1"/>
  <c r="U43377" i="1"/>
  <c r="U43376" i="1"/>
  <c r="U43375" i="1"/>
  <c r="U43374" i="1"/>
  <c r="U43373" i="1"/>
  <c r="U43372" i="1"/>
  <c r="U43371" i="1"/>
  <c r="U43370" i="1"/>
  <c r="U43369" i="1"/>
  <c r="U43368" i="1"/>
  <c r="U43367" i="1"/>
  <c r="U43366" i="1"/>
  <c r="U43365" i="1"/>
  <c r="U43364" i="1"/>
  <c r="U43363" i="1"/>
  <c r="U43362" i="1"/>
  <c r="U43361" i="1"/>
  <c r="U43360" i="1"/>
  <c r="U43359" i="1"/>
  <c r="U43358" i="1"/>
  <c r="U43357" i="1"/>
  <c r="U43356" i="1"/>
  <c r="U43355" i="1"/>
  <c r="U43354" i="1"/>
  <c r="U43353" i="1"/>
  <c r="U43352" i="1"/>
  <c r="U43351" i="1"/>
  <c r="U43350" i="1"/>
  <c r="U43349" i="1"/>
  <c r="U43348" i="1"/>
  <c r="U43347" i="1"/>
  <c r="U43346" i="1"/>
  <c r="U43345" i="1"/>
  <c r="U43344" i="1"/>
  <c r="U43343" i="1"/>
  <c r="U43342" i="1"/>
  <c r="U43341" i="1"/>
  <c r="U43340" i="1"/>
  <c r="U43339" i="1"/>
  <c r="U43338" i="1"/>
  <c r="U43337" i="1"/>
  <c r="U43336" i="1"/>
  <c r="U43335" i="1"/>
  <c r="U43334" i="1"/>
  <c r="U43333" i="1"/>
  <c r="U43332" i="1"/>
  <c r="U43331" i="1"/>
  <c r="U43330" i="1"/>
  <c r="U43329" i="1"/>
  <c r="U43328" i="1"/>
  <c r="U43327" i="1"/>
  <c r="U43326" i="1"/>
  <c r="U43325" i="1"/>
  <c r="U43324" i="1"/>
  <c r="U43323" i="1"/>
  <c r="U43322" i="1"/>
  <c r="U43321" i="1"/>
  <c r="U43320" i="1"/>
  <c r="U43319" i="1"/>
  <c r="U43318" i="1"/>
  <c r="U43317" i="1"/>
  <c r="U43316" i="1"/>
  <c r="U43315" i="1"/>
  <c r="U43314" i="1"/>
  <c r="U43313" i="1"/>
  <c r="U43312" i="1"/>
  <c r="U43311" i="1"/>
  <c r="U43310" i="1"/>
  <c r="U43309" i="1"/>
  <c r="U43308" i="1"/>
  <c r="U43307" i="1"/>
  <c r="U43306" i="1"/>
  <c r="U43305" i="1"/>
  <c r="U43304" i="1"/>
  <c r="U43303" i="1"/>
  <c r="U43302" i="1"/>
  <c r="U43301" i="1"/>
  <c r="U43300" i="1"/>
  <c r="U43299" i="1"/>
  <c r="U43298" i="1"/>
  <c r="U43297" i="1"/>
  <c r="U43296" i="1"/>
  <c r="U43295" i="1"/>
  <c r="U43294" i="1"/>
  <c r="U43293" i="1"/>
  <c r="U43292" i="1"/>
  <c r="U43291" i="1"/>
  <c r="U43290" i="1"/>
  <c r="U43289" i="1"/>
  <c r="U43288" i="1"/>
  <c r="U43287" i="1"/>
  <c r="U43286" i="1"/>
  <c r="U43285" i="1"/>
  <c r="U43284" i="1"/>
  <c r="U43283" i="1"/>
  <c r="U43282" i="1"/>
  <c r="U43281" i="1"/>
  <c r="U43280" i="1"/>
  <c r="U43279" i="1"/>
  <c r="U43278" i="1"/>
  <c r="U43277" i="1"/>
  <c r="U43276" i="1"/>
  <c r="U43275" i="1"/>
  <c r="U43274" i="1"/>
  <c r="U43273" i="1"/>
  <c r="U43272" i="1"/>
  <c r="U43271" i="1"/>
  <c r="U43270" i="1"/>
  <c r="U43269" i="1"/>
  <c r="U43268" i="1"/>
  <c r="U43267" i="1"/>
  <c r="U43266" i="1"/>
  <c r="U43265" i="1"/>
  <c r="U43264" i="1"/>
  <c r="U43263" i="1"/>
  <c r="U43262" i="1"/>
  <c r="U43261" i="1"/>
  <c r="U43260" i="1"/>
  <c r="U43259" i="1"/>
  <c r="U43258" i="1"/>
  <c r="U43257" i="1"/>
  <c r="U43256" i="1"/>
  <c r="U43255" i="1"/>
  <c r="U43254" i="1"/>
  <c r="U43253" i="1"/>
  <c r="U43252" i="1"/>
  <c r="U43251" i="1"/>
  <c r="U43250" i="1"/>
  <c r="U43249" i="1"/>
  <c r="U43248" i="1"/>
  <c r="U43247" i="1"/>
  <c r="U43246" i="1"/>
  <c r="U43245" i="1"/>
  <c r="U43244" i="1"/>
  <c r="U43243" i="1"/>
  <c r="U43242" i="1"/>
  <c r="U43241" i="1"/>
  <c r="U43240" i="1"/>
  <c r="U43239" i="1"/>
  <c r="U43238" i="1"/>
  <c r="U43237" i="1"/>
  <c r="U43236" i="1"/>
  <c r="U43235" i="1"/>
  <c r="U43234" i="1"/>
  <c r="U43233" i="1"/>
  <c r="U43232" i="1"/>
  <c r="U43231" i="1"/>
  <c r="U43230" i="1"/>
  <c r="U43229" i="1"/>
  <c r="U43228" i="1"/>
  <c r="U43227" i="1"/>
  <c r="U43226" i="1"/>
  <c r="U43225" i="1"/>
  <c r="U43224" i="1"/>
  <c r="U43223" i="1"/>
  <c r="U43222" i="1"/>
  <c r="U43221" i="1"/>
  <c r="U43220" i="1"/>
  <c r="U43219" i="1"/>
  <c r="U43218" i="1"/>
  <c r="U43217" i="1"/>
  <c r="U43216" i="1"/>
  <c r="U43215" i="1"/>
  <c r="U43214" i="1"/>
  <c r="U43213" i="1"/>
  <c r="U43212" i="1"/>
  <c r="U43211" i="1"/>
  <c r="U43210" i="1"/>
  <c r="U43209" i="1"/>
  <c r="U43208" i="1"/>
  <c r="U43207" i="1"/>
  <c r="U43206" i="1"/>
  <c r="U43205" i="1"/>
  <c r="U43204" i="1"/>
  <c r="U43203" i="1"/>
  <c r="U43202" i="1"/>
  <c r="U43201" i="1"/>
  <c r="U43200" i="1"/>
  <c r="U43199" i="1"/>
  <c r="U43198" i="1"/>
  <c r="U43197" i="1"/>
  <c r="U43196" i="1"/>
  <c r="U43195" i="1"/>
  <c r="U43194" i="1"/>
  <c r="U43193" i="1"/>
  <c r="U43192" i="1"/>
  <c r="U43191" i="1"/>
  <c r="U43190" i="1"/>
  <c r="U43189" i="1"/>
  <c r="U43188" i="1"/>
  <c r="U43187" i="1"/>
  <c r="U43186" i="1"/>
  <c r="U43185" i="1"/>
  <c r="U43184" i="1"/>
  <c r="U43183" i="1"/>
  <c r="U43182" i="1"/>
  <c r="U43181" i="1"/>
  <c r="U43180" i="1"/>
  <c r="U43179" i="1"/>
  <c r="U43178" i="1"/>
  <c r="U43177" i="1"/>
  <c r="U43176" i="1"/>
  <c r="U43175" i="1"/>
  <c r="U43174" i="1"/>
  <c r="U43173" i="1"/>
  <c r="U43172" i="1"/>
  <c r="U43171" i="1"/>
  <c r="U43170" i="1"/>
  <c r="U43169" i="1"/>
  <c r="U43168" i="1"/>
  <c r="U43167" i="1"/>
  <c r="U43166" i="1"/>
  <c r="U43165" i="1"/>
  <c r="U43164" i="1"/>
  <c r="U43163" i="1"/>
  <c r="U43162" i="1"/>
  <c r="U43161" i="1"/>
  <c r="U43160" i="1"/>
  <c r="U43159" i="1"/>
  <c r="U43158" i="1"/>
  <c r="U43157" i="1"/>
  <c r="U43156" i="1"/>
  <c r="U43155" i="1"/>
  <c r="U43154" i="1"/>
  <c r="U43153" i="1"/>
  <c r="U43152" i="1"/>
  <c r="U43151" i="1"/>
  <c r="U43150" i="1"/>
  <c r="U43149" i="1"/>
  <c r="U43148" i="1"/>
  <c r="U43147" i="1"/>
  <c r="U43146" i="1"/>
  <c r="U43145" i="1"/>
  <c r="U43144" i="1"/>
  <c r="U43143" i="1"/>
  <c r="U43142" i="1"/>
  <c r="U43141" i="1"/>
  <c r="U43140" i="1"/>
  <c r="U43139" i="1"/>
  <c r="U43138" i="1"/>
  <c r="U43137" i="1"/>
  <c r="U43136" i="1"/>
  <c r="U43135" i="1"/>
  <c r="U43134" i="1"/>
  <c r="U43133" i="1"/>
  <c r="U43132" i="1"/>
  <c r="U43131" i="1"/>
  <c r="U43130" i="1"/>
  <c r="U43129" i="1"/>
  <c r="U43128" i="1"/>
  <c r="U43127" i="1"/>
  <c r="U43126" i="1"/>
  <c r="U43125" i="1"/>
  <c r="U43124" i="1"/>
  <c r="U43123" i="1"/>
  <c r="U43122" i="1"/>
  <c r="U43121" i="1"/>
  <c r="U43120" i="1"/>
  <c r="U43119" i="1"/>
  <c r="U43118" i="1"/>
  <c r="U43117" i="1"/>
  <c r="U43116" i="1"/>
  <c r="U43115" i="1"/>
  <c r="U43114" i="1"/>
  <c r="U43113" i="1"/>
  <c r="U43112" i="1"/>
  <c r="U43111" i="1"/>
  <c r="U43110" i="1"/>
  <c r="U43109" i="1"/>
  <c r="U43108" i="1"/>
  <c r="U43107" i="1"/>
  <c r="U43106" i="1"/>
  <c r="U43105" i="1"/>
  <c r="U43104" i="1"/>
  <c r="U43103" i="1"/>
  <c r="U43102" i="1"/>
  <c r="U43101" i="1"/>
  <c r="U43100" i="1"/>
  <c r="U43099" i="1"/>
  <c r="U43098" i="1"/>
  <c r="U43097" i="1"/>
  <c r="U43096" i="1"/>
  <c r="U43095" i="1"/>
  <c r="U43094" i="1"/>
  <c r="U43093" i="1"/>
  <c r="U43092" i="1"/>
  <c r="U43091" i="1"/>
  <c r="U43090" i="1"/>
  <c r="U43089" i="1"/>
  <c r="U43088" i="1"/>
  <c r="U43087" i="1"/>
  <c r="U43086" i="1"/>
  <c r="U43085" i="1"/>
  <c r="U43084" i="1"/>
  <c r="U43083" i="1"/>
  <c r="U43082" i="1"/>
  <c r="U43081" i="1"/>
  <c r="U43080" i="1"/>
  <c r="U43079" i="1"/>
  <c r="U43078" i="1"/>
  <c r="U43077" i="1"/>
  <c r="U43076" i="1"/>
  <c r="U43075" i="1"/>
  <c r="U43074" i="1"/>
  <c r="U43073" i="1"/>
  <c r="U43072" i="1"/>
  <c r="U43071" i="1"/>
  <c r="U43070" i="1"/>
  <c r="U43069" i="1"/>
  <c r="U43068" i="1"/>
  <c r="U43067" i="1"/>
  <c r="U43066" i="1"/>
  <c r="U43065" i="1"/>
  <c r="U43064" i="1"/>
  <c r="U43063" i="1"/>
  <c r="U43062" i="1"/>
  <c r="U43061" i="1"/>
  <c r="U43060" i="1"/>
  <c r="U43059" i="1"/>
  <c r="U43058" i="1"/>
  <c r="U43057" i="1"/>
  <c r="U43056" i="1"/>
  <c r="U43055" i="1"/>
  <c r="U43054" i="1"/>
  <c r="U43053" i="1"/>
  <c r="U43052" i="1"/>
  <c r="U43051" i="1"/>
  <c r="U43050" i="1"/>
  <c r="U43049" i="1"/>
  <c r="U43048" i="1"/>
  <c r="U43047" i="1"/>
  <c r="U43046" i="1"/>
  <c r="U43045" i="1"/>
  <c r="U43044" i="1"/>
  <c r="U43043" i="1"/>
  <c r="U43042" i="1"/>
  <c r="U43041" i="1"/>
  <c r="U43040" i="1"/>
  <c r="U43039" i="1"/>
  <c r="U43038" i="1"/>
  <c r="U43037" i="1"/>
  <c r="U43036" i="1"/>
  <c r="U43035" i="1"/>
  <c r="U43034" i="1"/>
  <c r="U43033" i="1"/>
  <c r="U43032" i="1"/>
  <c r="U43031" i="1"/>
  <c r="U43030" i="1"/>
  <c r="U43029" i="1"/>
  <c r="U43028" i="1"/>
  <c r="U43027" i="1"/>
  <c r="U43026" i="1"/>
  <c r="U43025" i="1"/>
  <c r="U43024" i="1"/>
  <c r="U43023" i="1"/>
  <c r="U43022" i="1"/>
  <c r="U43021" i="1"/>
  <c r="U43020" i="1"/>
  <c r="U43019" i="1"/>
  <c r="U43018" i="1"/>
  <c r="U43017" i="1"/>
  <c r="U43016" i="1"/>
  <c r="U43015" i="1"/>
  <c r="U43014" i="1"/>
  <c r="U43013" i="1"/>
  <c r="U43012" i="1"/>
  <c r="U43011" i="1"/>
  <c r="U43010" i="1"/>
  <c r="U43009" i="1"/>
  <c r="U43008" i="1"/>
  <c r="U43007" i="1"/>
  <c r="U43006" i="1"/>
  <c r="U43005" i="1"/>
  <c r="U43004" i="1"/>
  <c r="U43003" i="1"/>
  <c r="U43002" i="1"/>
  <c r="U43001" i="1"/>
  <c r="U43000" i="1"/>
  <c r="U42999" i="1"/>
  <c r="U42998" i="1"/>
  <c r="U42997" i="1"/>
  <c r="U42996" i="1"/>
  <c r="U42995" i="1"/>
  <c r="U42994" i="1"/>
  <c r="U42993" i="1"/>
  <c r="U42992" i="1"/>
  <c r="U42991" i="1"/>
  <c r="U42990" i="1"/>
  <c r="U42989" i="1"/>
  <c r="U42988" i="1"/>
  <c r="U42987" i="1"/>
  <c r="U42986" i="1"/>
  <c r="U42985" i="1"/>
  <c r="U42984" i="1"/>
  <c r="U42983" i="1"/>
  <c r="U42982" i="1"/>
  <c r="U42981" i="1"/>
  <c r="U42980" i="1"/>
  <c r="U42979" i="1"/>
  <c r="U42978" i="1"/>
  <c r="U42977" i="1"/>
  <c r="U42976" i="1"/>
  <c r="U42975" i="1"/>
  <c r="U42974" i="1"/>
  <c r="U42973" i="1"/>
  <c r="U42972" i="1"/>
  <c r="U42971" i="1"/>
  <c r="U42970" i="1"/>
  <c r="U42969" i="1"/>
  <c r="U42968" i="1"/>
  <c r="U42967" i="1"/>
  <c r="U42966" i="1"/>
  <c r="U42965" i="1"/>
  <c r="U42964" i="1"/>
  <c r="U42963" i="1"/>
  <c r="U42962" i="1"/>
  <c r="U42961" i="1"/>
  <c r="U42960" i="1"/>
  <c r="U42959" i="1"/>
  <c r="U42958" i="1"/>
  <c r="U42957" i="1"/>
  <c r="U42956" i="1"/>
  <c r="U42955" i="1"/>
  <c r="U42954" i="1"/>
  <c r="U42953" i="1"/>
  <c r="U42952" i="1"/>
  <c r="U42951" i="1"/>
  <c r="U42950" i="1"/>
  <c r="U42949" i="1"/>
  <c r="U42948" i="1"/>
  <c r="U42947" i="1"/>
  <c r="U42946" i="1"/>
  <c r="U42945" i="1"/>
  <c r="U42944" i="1"/>
  <c r="U42943" i="1"/>
  <c r="U42942" i="1"/>
  <c r="U42941" i="1"/>
  <c r="U42940" i="1"/>
  <c r="U42939" i="1"/>
  <c r="U42938" i="1"/>
  <c r="U42937" i="1"/>
  <c r="U42936" i="1"/>
  <c r="U42935" i="1"/>
  <c r="U42934" i="1"/>
  <c r="U42933" i="1"/>
  <c r="U42932" i="1"/>
  <c r="U42931" i="1"/>
  <c r="U42930" i="1"/>
  <c r="U42929" i="1"/>
  <c r="U42928" i="1"/>
  <c r="U42927" i="1"/>
  <c r="U42926" i="1"/>
  <c r="U42925" i="1"/>
  <c r="U42924" i="1"/>
  <c r="U42923" i="1"/>
  <c r="U42922" i="1"/>
  <c r="U42921" i="1"/>
  <c r="U42920" i="1"/>
  <c r="U42919" i="1"/>
  <c r="U42918" i="1"/>
  <c r="U42917" i="1"/>
  <c r="U42916" i="1"/>
  <c r="U42915" i="1"/>
  <c r="U42914" i="1"/>
  <c r="U42913" i="1"/>
  <c r="U42912" i="1"/>
  <c r="U42911" i="1"/>
  <c r="U42910" i="1"/>
  <c r="U42909" i="1"/>
  <c r="U42908" i="1"/>
  <c r="U42907" i="1"/>
  <c r="U42906" i="1"/>
  <c r="U42905" i="1"/>
  <c r="U42904" i="1"/>
  <c r="U42903" i="1"/>
  <c r="U42902" i="1"/>
  <c r="U42901" i="1"/>
  <c r="U42900" i="1"/>
  <c r="U42899" i="1"/>
  <c r="U42898" i="1"/>
  <c r="U42897" i="1"/>
  <c r="U42896" i="1"/>
  <c r="U42895" i="1"/>
  <c r="U42894" i="1"/>
  <c r="U42893" i="1"/>
  <c r="U42892" i="1"/>
  <c r="U42891" i="1"/>
  <c r="U42890" i="1"/>
  <c r="U42889" i="1"/>
  <c r="U42888" i="1"/>
  <c r="U42887" i="1"/>
  <c r="U42886" i="1"/>
  <c r="U42885" i="1"/>
  <c r="U42884" i="1"/>
  <c r="U42883" i="1"/>
  <c r="U42882" i="1"/>
  <c r="U42881" i="1"/>
  <c r="U42880" i="1"/>
  <c r="U42879" i="1"/>
  <c r="U42878" i="1"/>
  <c r="U42877" i="1"/>
  <c r="U42876" i="1"/>
  <c r="U42875" i="1"/>
  <c r="U42874" i="1"/>
  <c r="U42873" i="1"/>
  <c r="U42872" i="1"/>
  <c r="U42871" i="1"/>
  <c r="U42870" i="1"/>
  <c r="U42869" i="1"/>
  <c r="U42868" i="1"/>
  <c r="U42867" i="1"/>
  <c r="U42866" i="1"/>
  <c r="U42865" i="1"/>
  <c r="U42864" i="1"/>
  <c r="U42863" i="1"/>
  <c r="U42862" i="1"/>
  <c r="U42861" i="1"/>
  <c r="U42860" i="1"/>
  <c r="U42859" i="1"/>
  <c r="U42858" i="1"/>
  <c r="U42857" i="1"/>
  <c r="U42856" i="1"/>
  <c r="U42855" i="1"/>
  <c r="U42854" i="1"/>
  <c r="U42853" i="1"/>
  <c r="U42852" i="1"/>
  <c r="U42851" i="1"/>
  <c r="U42850" i="1"/>
  <c r="U42849" i="1"/>
  <c r="U42848" i="1"/>
  <c r="U42847" i="1"/>
  <c r="U42846" i="1"/>
  <c r="U42845" i="1"/>
  <c r="U42844" i="1"/>
  <c r="U42843" i="1"/>
  <c r="U42842" i="1"/>
  <c r="U42841" i="1"/>
  <c r="U42840" i="1"/>
  <c r="U42839" i="1"/>
  <c r="U42838" i="1"/>
  <c r="U42837" i="1"/>
  <c r="U42836" i="1"/>
  <c r="U42835" i="1"/>
  <c r="U42834" i="1"/>
  <c r="U42833" i="1"/>
  <c r="U42832" i="1"/>
  <c r="U42831" i="1"/>
  <c r="U42830" i="1"/>
  <c r="U42829" i="1"/>
  <c r="U42828" i="1"/>
  <c r="U42827" i="1"/>
  <c r="U42826" i="1"/>
  <c r="U42825" i="1"/>
  <c r="U42824" i="1"/>
  <c r="U42823" i="1"/>
  <c r="U42822" i="1"/>
  <c r="U42821" i="1"/>
  <c r="U42820" i="1"/>
  <c r="U42819" i="1"/>
  <c r="U42818" i="1"/>
  <c r="U42817" i="1"/>
  <c r="U42816" i="1"/>
  <c r="U42815" i="1"/>
  <c r="U42814" i="1"/>
  <c r="U42813" i="1"/>
  <c r="U42812" i="1"/>
  <c r="U42811" i="1"/>
  <c r="U42810" i="1"/>
  <c r="U42809" i="1"/>
  <c r="U42808" i="1"/>
  <c r="U42807" i="1"/>
  <c r="U42806" i="1"/>
  <c r="U42805" i="1"/>
  <c r="U42804" i="1"/>
  <c r="U42803" i="1"/>
  <c r="U42802" i="1"/>
  <c r="U42801" i="1"/>
  <c r="U42800" i="1"/>
  <c r="U42799" i="1"/>
  <c r="U42798" i="1"/>
  <c r="U42797" i="1"/>
  <c r="U42796" i="1"/>
  <c r="U42795" i="1"/>
  <c r="U42794" i="1"/>
  <c r="U42793" i="1"/>
  <c r="U42792" i="1"/>
  <c r="U42791" i="1"/>
  <c r="U42790" i="1"/>
  <c r="U42789" i="1"/>
  <c r="U42788" i="1"/>
  <c r="U42787" i="1"/>
  <c r="U42786" i="1"/>
  <c r="U42785" i="1"/>
  <c r="U42784" i="1"/>
  <c r="U42783" i="1"/>
  <c r="U42782" i="1"/>
  <c r="U42781" i="1"/>
  <c r="U42780" i="1"/>
  <c r="U42779" i="1"/>
  <c r="U42778" i="1"/>
  <c r="U42777" i="1"/>
  <c r="U42776" i="1"/>
  <c r="U42775" i="1"/>
  <c r="U42774" i="1"/>
  <c r="U42773" i="1"/>
  <c r="U42772" i="1"/>
  <c r="U42771" i="1"/>
  <c r="U42770" i="1"/>
  <c r="U42769" i="1"/>
  <c r="U42768" i="1"/>
  <c r="U42767" i="1"/>
  <c r="U42766" i="1"/>
  <c r="U42765" i="1"/>
  <c r="U42764" i="1"/>
  <c r="U42763" i="1"/>
  <c r="U42762" i="1"/>
  <c r="U42761" i="1"/>
  <c r="U42760" i="1"/>
  <c r="U42759" i="1"/>
  <c r="U42758" i="1"/>
  <c r="U42757" i="1"/>
  <c r="U42756" i="1"/>
  <c r="U42755" i="1"/>
  <c r="U42754" i="1"/>
  <c r="U42753" i="1"/>
  <c r="U42752" i="1"/>
  <c r="U42751" i="1"/>
  <c r="U42750" i="1"/>
  <c r="U42749" i="1"/>
  <c r="U42748" i="1"/>
  <c r="U42747" i="1"/>
  <c r="U42746" i="1"/>
  <c r="U42745" i="1"/>
  <c r="U42744" i="1"/>
  <c r="U42743" i="1"/>
  <c r="U42742" i="1"/>
  <c r="U42741" i="1"/>
  <c r="U42740" i="1"/>
  <c r="U42739" i="1"/>
  <c r="U42738" i="1"/>
  <c r="U42737" i="1"/>
  <c r="U42736" i="1"/>
  <c r="U42735" i="1"/>
  <c r="U42734" i="1"/>
  <c r="U42733" i="1"/>
  <c r="U42732" i="1"/>
  <c r="U42731" i="1"/>
  <c r="U42730" i="1"/>
  <c r="U42729" i="1"/>
  <c r="U42728" i="1"/>
  <c r="U42727" i="1"/>
  <c r="U42726" i="1"/>
  <c r="U42725" i="1"/>
  <c r="U42724" i="1"/>
  <c r="U42723" i="1"/>
  <c r="U42722" i="1"/>
  <c r="U42721" i="1"/>
  <c r="U42720" i="1"/>
  <c r="U42719" i="1"/>
  <c r="U42718" i="1"/>
  <c r="U42717" i="1"/>
  <c r="U42716" i="1"/>
  <c r="U42715" i="1"/>
  <c r="U42714" i="1"/>
  <c r="U42713" i="1"/>
  <c r="U42712" i="1"/>
  <c r="U42711" i="1"/>
  <c r="U42710" i="1"/>
  <c r="U42709" i="1"/>
  <c r="U42708" i="1"/>
  <c r="U42707" i="1"/>
  <c r="U42706" i="1"/>
  <c r="U42705" i="1"/>
  <c r="U42704" i="1"/>
  <c r="U42703" i="1"/>
  <c r="U42702" i="1"/>
  <c r="U42701" i="1"/>
  <c r="U42700" i="1"/>
  <c r="U42699" i="1"/>
  <c r="U42698" i="1"/>
  <c r="U42697" i="1"/>
  <c r="U42696" i="1"/>
  <c r="U42695" i="1"/>
  <c r="U42694" i="1"/>
  <c r="U42693" i="1"/>
  <c r="U42692" i="1"/>
  <c r="U42691" i="1"/>
  <c r="U42690" i="1"/>
  <c r="U42689" i="1"/>
  <c r="U42688" i="1"/>
  <c r="U42687" i="1"/>
  <c r="U42686" i="1"/>
  <c r="U42685" i="1"/>
  <c r="U42684" i="1"/>
  <c r="U42683" i="1"/>
  <c r="U42682" i="1"/>
  <c r="U42681" i="1"/>
  <c r="U42680" i="1"/>
  <c r="U42679" i="1"/>
  <c r="U42678" i="1"/>
  <c r="U42677" i="1"/>
  <c r="U42676" i="1"/>
  <c r="U42675" i="1"/>
  <c r="U42674" i="1"/>
  <c r="U42673" i="1"/>
  <c r="U42672" i="1"/>
  <c r="U42671" i="1"/>
  <c r="U42670" i="1"/>
  <c r="U42669" i="1"/>
  <c r="U42668" i="1"/>
  <c r="U42667" i="1"/>
  <c r="U42666" i="1"/>
  <c r="U42665" i="1"/>
  <c r="U42664" i="1"/>
  <c r="U42663" i="1"/>
  <c r="U42662" i="1"/>
  <c r="U42661" i="1"/>
  <c r="U42660" i="1"/>
  <c r="U42659" i="1"/>
  <c r="U42658" i="1"/>
  <c r="U42657" i="1"/>
  <c r="U42656" i="1"/>
  <c r="U42655" i="1"/>
  <c r="U42654" i="1"/>
  <c r="U42653" i="1"/>
  <c r="U42652" i="1"/>
  <c r="U42651" i="1"/>
  <c r="U42650" i="1"/>
  <c r="U42649" i="1"/>
  <c r="U42648" i="1"/>
  <c r="U42647" i="1"/>
  <c r="U42646" i="1"/>
  <c r="U42645" i="1"/>
  <c r="U42644" i="1"/>
  <c r="U42643" i="1"/>
  <c r="U42642" i="1"/>
  <c r="U42641" i="1"/>
  <c r="U42640" i="1"/>
  <c r="U42639" i="1"/>
  <c r="U42638" i="1"/>
  <c r="U42637" i="1"/>
  <c r="U42636" i="1"/>
  <c r="U42635" i="1"/>
  <c r="U42634" i="1"/>
  <c r="U42633" i="1"/>
  <c r="U42632" i="1"/>
  <c r="U42631" i="1"/>
  <c r="U42630" i="1"/>
  <c r="U42629" i="1"/>
  <c r="U42628" i="1"/>
  <c r="U42627" i="1"/>
  <c r="U42626" i="1"/>
  <c r="U42625" i="1"/>
  <c r="U42624" i="1"/>
  <c r="U42623" i="1"/>
  <c r="U42622" i="1"/>
  <c r="U42621" i="1"/>
  <c r="U42620" i="1"/>
  <c r="U42619" i="1"/>
  <c r="U42618" i="1"/>
  <c r="U42617" i="1"/>
  <c r="U42616" i="1"/>
  <c r="U42615" i="1"/>
  <c r="U42614" i="1"/>
  <c r="U42613" i="1"/>
  <c r="U42612" i="1"/>
  <c r="U42611" i="1"/>
  <c r="U42610" i="1"/>
  <c r="U42609" i="1"/>
  <c r="U42608" i="1"/>
  <c r="U42607" i="1"/>
  <c r="U42606" i="1"/>
  <c r="U42605" i="1"/>
  <c r="U42604" i="1"/>
  <c r="U42603" i="1"/>
  <c r="U42602" i="1"/>
  <c r="U42601" i="1"/>
  <c r="U42600" i="1"/>
  <c r="U42599" i="1"/>
  <c r="U42598" i="1"/>
  <c r="U42597" i="1"/>
  <c r="U42596" i="1"/>
  <c r="U42595" i="1"/>
  <c r="U42594" i="1"/>
  <c r="U42593" i="1"/>
  <c r="U42592" i="1"/>
  <c r="U42591" i="1"/>
  <c r="U42590" i="1"/>
  <c r="U42589" i="1"/>
  <c r="U42588" i="1"/>
  <c r="U42587" i="1"/>
  <c r="U42586" i="1"/>
  <c r="U42585" i="1"/>
  <c r="U42584" i="1"/>
  <c r="U42583" i="1"/>
  <c r="U42582" i="1"/>
  <c r="U42581" i="1"/>
  <c r="U42580" i="1"/>
  <c r="U42579" i="1"/>
  <c r="U42578" i="1"/>
  <c r="U42577" i="1"/>
  <c r="U42576" i="1"/>
  <c r="U42575" i="1"/>
  <c r="U42574" i="1"/>
  <c r="U42573" i="1"/>
  <c r="U42572" i="1"/>
  <c r="U42571" i="1"/>
  <c r="U42570" i="1"/>
  <c r="U42569" i="1"/>
  <c r="U42568" i="1"/>
  <c r="U42567" i="1"/>
  <c r="U42566" i="1"/>
  <c r="U42565" i="1"/>
  <c r="U42564" i="1"/>
  <c r="U42563" i="1"/>
  <c r="U42562" i="1"/>
  <c r="U42561" i="1"/>
  <c r="U42560" i="1"/>
  <c r="U42559" i="1"/>
  <c r="U42558" i="1"/>
  <c r="U42557" i="1"/>
  <c r="U42556" i="1"/>
  <c r="U42555" i="1"/>
  <c r="U42554" i="1"/>
  <c r="U42553" i="1"/>
  <c r="U42552" i="1"/>
  <c r="U42551" i="1"/>
  <c r="U42550" i="1"/>
  <c r="U42549" i="1"/>
  <c r="U42548" i="1"/>
  <c r="U42547" i="1"/>
  <c r="U42546" i="1"/>
  <c r="U42545" i="1"/>
  <c r="U42544" i="1"/>
  <c r="U42543" i="1"/>
  <c r="U42542" i="1"/>
  <c r="U42541" i="1"/>
  <c r="U42540" i="1"/>
  <c r="U42539" i="1"/>
  <c r="U42538" i="1"/>
  <c r="U42537" i="1"/>
  <c r="U42536" i="1"/>
  <c r="U42535" i="1"/>
  <c r="U42534" i="1"/>
  <c r="U42533" i="1"/>
  <c r="U42532" i="1"/>
  <c r="U42531" i="1"/>
  <c r="U42530" i="1"/>
  <c r="U42529" i="1"/>
  <c r="U42528" i="1"/>
  <c r="U42527" i="1"/>
  <c r="U42526" i="1"/>
  <c r="U42525" i="1"/>
  <c r="U42524" i="1"/>
  <c r="U42523" i="1"/>
  <c r="U42522" i="1"/>
  <c r="U42521" i="1"/>
  <c r="U42520" i="1"/>
  <c r="U42519" i="1"/>
  <c r="U42518" i="1"/>
  <c r="U42517" i="1"/>
  <c r="U42516" i="1"/>
  <c r="U42515" i="1"/>
  <c r="U42514" i="1"/>
  <c r="U42513" i="1"/>
  <c r="U42512" i="1"/>
  <c r="U42511" i="1"/>
  <c r="U42510" i="1"/>
  <c r="U42509" i="1"/>
  <c r="U42508" i="1"/>
  <c r="U42507" i="1"/>
  <c r="U42506" i="1"/>
  <c r="U42505" i="1"/>
  <c r="U42504" i="1"/>
  <c r="U42503" i="1"/>
  <c r="U42502" i="1"/>
  <c r="U42501" i="1"/>
  <c r="U42500" i="1"/>
  <c r="U42499" i="1"/>
  <c r="U42498" i="1"/>
  <c r="U42497" i="1"/>
  <c r="U42496" i="1"/>
  <c r="U42495" i="1"/>
  <c r="U42494" i="1"/>
  <c r="U42493" i="1"/>
  <c r="U42492" i="1"/>
  <c r="U42491" i="1"/>
  <c r="U42490" i="1"/>
  <c r="U42489" i="1"/>
  <c r="U42488" i="1"/>
  <c r="U42487" i="1"/>
  <c r="U42486" i="1"/>
  <c r="U42485" i="1"/>
  <c r="U42484" i="1"/>
  <c r="U42483" i="1"/>
  <c r="U42482" i="1"/>
  <c r="U42481" i="1"/>
  <c r="U42480" i="1"/>
  <c r="U42479" i="1"/>
  <c r="U42478" i="1"/>
  <c r="U42477" i="1"/>
  <c r="U42476" i="1"/>
  <c r="U42475" i="1"/>
  <c r="U42474" i="1"/>
  <c r="U42473" i="1"/>
  <c r="U42472" i="1"/>
  <c r="U42471" i="1"/>
  <c r="U42470" i="1"/>
  <c r="U42469" i="1"/>
  <c r="U42468" i="1"/>
  <c r="U42467" i="1"/>
  <c r="U42466" i="1"/>
  <c r="U42465" i="1"/>
  <c r="U42464" i="1"/>
  <c r="U42463" i="1"/>
  <c r="U42462" i="1"/>
  <c r="U42461" i="1"/>
  <c r="U42460" i="1"/>
  <c r="U42459" i="1"/>
  <c r="U42458" i="1"/>
  <c r="U42457" i="1"/>
  <c r="U42456" i="1"/>
  <c r="U42455" i="1"/>
  <c r="U42454" i="1"/>
  <c r="U42453" i="1"/>
  <c r="U42452" i="1"/>
  <c r="U42451" i="1"/>
  <c r="U42450" i="1"/>
  <c r="U42449" i="1"/>
  <c r="U42448" i="1"/>
  <c r="U42447" i="1"/>
  <c r="U42446" i="1"/>
  <c r="U42445" i="1"/>
  <c r="U42444" i="1"/>
  <c r="U42443" i="1"/>
  <c r="U42442" i="1"/>
  <c r="U42441" i="1"/>
  <c r="U42440" i="1"/>
  <c r="U42439" i="1"/>
  <c r="U42438" i="1"/>
  <c r="U42437" i="1"/>
  <c r="U42436" i="1"/>
  <c r="U42435" i="1"/>
  <c r="U42434" i="1"/>
  <c r="U42433" i="1"/>
  <c r="U42432" i="1"/>
  <c r="U42431" i="1"/>
  <c r="U42430" i="1"/>
  <c r="U42429" i="1"/>
  <c r="U42428" i="1"/>
  <c r="U42427" i="1"/>
  <c r="U42426" i="1"/>
  <c r="U42425" i="1"/>
  <c r="U42424" i="1"/>
  <c r="U42423" i="1"/>
  <c r="U42422" i="1"/>
  <c r="U42421" i="1"/>
  <c r="U42420" i="1"/>
  <c r="U42419" i="1"/>
  <c r="U42418" i="1"/>
  <c r="U42417" i="1"/>
  <c r="U42416" i="1"/>
  <c r="U42415" i="1"/>
  <c r="U42414" i="1"/>
  <c r="U42413" i="1"/>
  <c r="U42412" i="1"/>
  <c r="U42411" i="1"/>
  <c r="U42410" i="1"/>
  <c r="U42409" i="1"/>
  <c r="U42408" i="1"/>
  <c r="U42407" i="1"/>
  <c r="U42406" i="1"/>
  <c r="U42405" i="1"/>
  <c r="U42404" i="1"/>
  <c r="U42403" i="1"/>
  <c r="U42402" i="1"/>
  <c r="U42401" i="1"/>
  <c r="U42400" i="1"/>
  <c r="U42399" i="1"/>
  <c r="U42398" i="1"/>
  <c r="U42397" i="1"/>
  <c r="U42396" i="1"/>
  <c r="U42395" i="1"/>
  <c r="U42394" i="1"/>
  <c r="U42393" i="1"/>
  <c r="U42392" i="1"/>
  <c r="U42391" i="1"/>
  <c r="U42390" i="1"/>
  <c r="U42389" i="1"/>
  <c r="U42388" i="1"/>
  <c r="U42387" i="1"/>
  <c r="U42386" i="1"/>
  <c r="U42385" i="1"/>
  <c r="U42384" i="1"/>
  <c r="U42383" i="1"/>
  <c r="U42382" i="1"/>
  <c r="U42381" i="1"/>
  <c r="U42380" i="1"/>
  <c r="U42379" i="1"/>
  <c r="U42378" i="1"/>
  <c r="U42377" i="1"/>
  <c r="U42376" i="1"/>
  <c r="U42375" i="1"/>
  <c r="U42374" i="1"/>
  <c r="U42373" i="1"/>
  <c r="U42372" i="1"/>
  <c r="U42371" i="1"/>
  <c r="U42370" i="1"/>
  <c r="U42369" i="1"/>
  <c r="U42368" i="1"/>
  <c r="U42367" i="1"/>
  <c r="U42366" i="1"/>
  <c r="U42365" i="1"/>
  <c r="U42364" i="1"/>
  <c r="U42363" i="1"/>
  <c r="U42362" i="1"/>
  <c r="U42361" i="1"/>
  <c r="U42360" i="1"/>
  <c r="U42359" i="1"/>
  <c r="U42358" i="1"/>
  <c r="U42357" i="1"/>
  <c r="U42356" i="1"/>
  <c r="U42355" i="1"/>
  <c r="U42354" i="1"/>
  <c r="U42353" i="1"/>
  <c r="U42352" i="1"/>
  <c r="U42351" i="1"/>
  <c r="U42350" i="1"/>
  <c r="U42349" i="1"/>
  <c r="U42348" i="1"/>
  <c r="U42347" i="1"/>
  <c r="U42346" i="1"/>
  <c r="U42345" i="1"/>
  <c r="U42344" i="1"/>
  <c r="U42343" i="1"/>
  <c r="U42342" i="1"/>
  <c r="U42341" i="1"/>
  <c r="U42340" i="1"/>
  <c r="U42339" i="1"/>
  <c r="U42338" i="1"/>
  <c r="U42337" i="1"/>
  <c r="U42336" i="1"/>
  <c r="U42335" i="1"/>
  <c r="U42334" i="1"/>
  <c r="U42333" i="1"/>
  <c r="U42332" i="1"/>
  <c r="U42331" i="1"/>
  <c r="U42330" i="1"/>
  <c r="U42329" i="1"/>
  <c r="U42328" i="1"/>
  <c r="U42327" i="1"/>
  <c r="U42326" i="1"/>
  <c r="U42325" i="1"/>
  <c r="U42324" i="1"/>
  <c r="U42323" i="1"/>
  <c r="U42322" i="1"/>
  <c r="U42321" i="1"/>
  <c r="U42320" i="1"/>
  <c r="U42319" i="1"/>
  <c r="U42318" i="1"/>
  <c r="U42317" i="1"/>
  <c r="U42316" i="1"/>
  <c r="U42315" i="1"/>
  <c r="U42314" i="1"/>
  <c r="U42313" i="1"/>
  <c r="U42312" i="1"/>
  <c r="U42311" i="1"/>
  <c r="U42310" i="1"/>
  <c r="U42309" i="1"/>
  <c r="U42308" i="1"/>
  <c r="U42307" i="1"/>
  <c r="U42306" i="1"/>
  <c r="U42305" i="1"/>
  <c r="U42304" i="1"/>
  <c r="U42303" i="1"/>
  <c r="U42302" i="1"/>
  <c r="U42301" i="1"/>
  <c r="U42300" i="1"/>
  <c r="U42299" i="1"/>
  <c r="U42298" i="1"/>
  <c r="U42297" i="1"/>
  <c r="U42296" i="1"/>
  <c r="U42295" i="1"/>
  <c r="U42294" i="1"/>
  <c r="U42293" i="1"/>
  <c r="U42292" i="1"/>
  <c r="U42291" i="1"/>
  <c r="U42290" i="1"/>
  <c r="U42289" i="1"/>
  <c r="U42288" i="1"/>
  <c r="U42287" i="1"/>
  <c r="U42286" i="1"/>
  <c r="U42285" i="1"/>
  <c r="U42284" i="1"/>
  <c r="U42283" i="1"/>
  <c r="U42282" i="1"/>
  <c r="U42281" i="1"/>
  <c r="U42280" i="1"/>
  <c r="U42279" i="1"/>
  <c r="U42278" i="1"/>
  <c r="U42277" i="1"/>
  <c r="U42276" i="1"/>
  <c r="U42275" i="1"/>
  <c r="U42274" i="1"/>
  <c r="U42273" i="1"/>
  <c r="U42272" i="1"/>
  <c r="U42271" i="1"/>
  <c r="U42270" i="1"/>
  <c r="U42269" i="1"/>
  <c r="U42268" i="1"/>
  <c r="U42267" i="1"/>
  <c r="U42266" i="1"/>
  <c r="U42265" i="1"/>
  <c r="U42264" i="1"/>
  <c r="U42263" i="1"/>
  <c r="U42262" i="1"/>
  <c r="U42261" i="1"/>
  <c r="U42260" i="1"/>
  <c r="U42259" i="1"/>
  <c r="U42258" i="1"/>
  <c r="U42257" i="1"/>
  <c r="U42256" i="1"/>
  <c r="U42255" i="1"/>
  <c r="U42254" i="1"/>
  <c r="U42253" i="1"/>
  <c r="U42252" i="1"/>
  <c r="U42251" i="1"/>
  <c r="U42250" i="1"/>
  <c r="U42249" i="1"/>
  <c r="U42248" i="1"/>
  <c r="U42247" i="1"/>
  <c r="U42246" i="1"/>
  <c r="U42245" i="1"/>
  <c r="U42244" i="1"/>
  <c r="U42243" i="1"/>
  <c r="U42242" i="1"/>
  <c r="U42241" i="1"/>
  <c r="U42240" i="1"/>
  <c r="U42239" i="1"/>
  <c r="U42238" i="1"/>
  <c r="U42237" i="1"/>
  <c r="U42236" i="1"/>
  <c r="U42235" i="1"/>
  <c r="U42234" i="1"/>
  <c r="U42233" i="1"/>
  <c r="U42232" i="1"/>
  <c r="U42231" i="1"/>
  <c r="U42230" i="1"/>
  <c r="U42229" i="1"/>
  <c r="U42228" i="1"/>
  <c r="U42227" i="1"/>
  <c r="U42226" i="1"/>
  <c r="U42225" i="1"/>
  <c r="U42224" i="1"/>
  <c r="U42223" i="1"/>
  <c r="U42222" i="1"/>
  <c r="U42221" i="1"/>
  <c r="U42220" i="1"/>
  <c r="U42219" i="1"/>
  <c r="U42218" i="1"/>
  <c r="U42217" i="1"/>
  <c r="U42216" i="1"/>
  <c r="U42215" i="1"/>
  <c r="U42214" i="1"/>
  <c r="U42213" i="1"/>
  <c r="U42212" i="1"/>
  <c r="U42211" i="1"/>
  <c r="U42210" i="1"/>
  <c r="U42209" i="1"/>
  <c r="U42208" i="1"/>
  <c r="U42207" i="1"/>
  <c r="U42206" i="1"/>
  <c r="U42205" i="1"/>
  <c r="U42204" i="1"/>
  <c r="U42203" i="1"/>
  <c r="U42202" i="1"/>
  <c r="U42201" i="1"/>
  <c r="U42200" i="1"/>
  <c r="U42199" i="1"/>
  <c r="U42198" i="1"/>
  <c r="U42197" i="1"/>
  <c r="U42196" i="1"/>
  <c r="U42195" i="1"/>
  <c r="U42194" i="1"/>
  <c r="U42193" i="1"/>
  <c r="U42192" i="1"/>
  <c r="U42191" i="1"/>
  <c r="U42190" i="1"/>
  <c r="U42189" i="1"/>
  <c r="U42188" i="1"/>
  <c r="U42187" i="1"/>
  <c r="U42186" i="1"/>
  <c r="U42185" i="1"/>
  <c r="U42184" i="1"/>
  <c r="U42183" i="1"/>
  <c r="U42182" i="1"/>
  <c r="U42181" i="1"/>
  <c r="U42180" i="1"/>
  <c r="U42179" i="1"/>
  <c r="U42178" i="1"/>
  <c r="U42177" i="1"/>
  <c r="U42176" i="1"/>
  <c r="U42175" i="1"/>
  <c r="U42174" i="1"/>
  <c r="U42173" i="1"/>
  <c r="U42172" i="1"/>
  <c r="U42171" i="1"/>
  <c r="U42170" i="1"/>
  <c r="U42169" i="1"/>
  <c r="U42168" i="1"/>
  <c r="U42167" i="1"/>
  <c r="U42166" i="1"/>
  <c r="U42165" i="1"/>
  <c r="U42164" i="1"/>
  <c r="U42163" i="1"/>
  <c r="U42162" i="1"/>
  <c r="U42161" i="1"/>
  <c r="U42160" i="1"/>
  <c r="U42159" i="1"/>
  <c r="U42158" i="1"/>
  <c r="U42157" i="1"/>
  <c r="U42156" i="1"/>
  <c r="U42155" i="1"/>
  <c r="U42154" i="1"/>
  <c r="U42153" i="1"/>
  <c r="U42152" i="1"/>
  <c r="U42151" i="1"/>
  <c r="U42150" i="1"/>
  <c r="U42149" i="1"/>
  <c r="U42148" i="1"/>
  <c r="U42147" i="1"/>
  <c r="U42146" i="1"/>
  <c r="U42145" i="1"/>
  <c r="U42144" i="1"/>
  <c r="U42143" i="1"/>
  <c r="U42142" i="1"/>
  <c r="U42141" i="1"/>
  <c r="U42140" i="1"/>
  <c r="U42139" i="1"/>
  <c r="U42138" i="1"/>
  <c r="U42137" i="1"/>
  <c r="U42136" i="1"/>
  <c r="U42135" i="1"/>
  <c r="U42134" i="1"/>
  <c r="U42133" i="1"/>
  <c r="U42132" i="1"/>
  <c r="U42131" i="1"/>
  <c r="U42130" i="1"/>
  <c r="U42129" i="1"/>
  <c r="U42128" i="1"/>
  <c r="U42127" i="1"/>
  <c r="U42126" i="1"/>
  <c r="U42125" i="1"/>
  <c r="U42124" i="1"/>
  <c r="U42123" i="1"/>
  <c r="U42122" i="1"/>
  <c r="U42121" i="1"/>
  <c r="U42120" i="1"/>
  <c r="U42119" i="1"/>
  <c r="U42118" i="1"/>
  <c r="U42117" i="1"/>
  <c r="U42116" i="1"/>
  <c r="U42115" i="1"/>
  <c r="U42114" i="1"/>
  <c r="U42113" i="1"/>
  <c r="U42112" i="1"/>
  <c r="U42111" i="1"/>
  <c r="U42110" i="1"/>
  <c r="U42109" i="1"/>
  <c r="U42108" i="1"/>
  <c r="U42107" i="1"/>
  <c r="U42106" i="1"/>
  <c r="U42105" i="1"/>
  <c r="U42104" i="1"/>
  <c r="U42103" i="1"/>
  <c r="U42102" i="1"/>
  <c r="U42101" i="1"/>
  <c r="U42100" i="1"/>
  <c r="U42099" i="1"/>
  <c r="U42098" i="1"/>
  <c r="U42097" i="1"/>
  <c r="U42096" i="1"/>
  <c r="U42095" i="1"/>
  <c r="U42094" i="1"/>
  <c r="U42093" i="1"/>
  <c r="U42092" i="1"/>
  <c r="U42091" i="1"/>
  <c r="U42090" i="1"/>
  <c r="U42089" i="1"/>
  <c r="U42088" i="1"/>
  <c r="U42087" i="1"/>
  <c r="U42086" i="1"/>
  <c r="U42085" i="1"/>
  <c r="U42084" i="1"/>
  <c r="U42083" i="1"/>
  <c r="U42082" i="1"/>
  <c r="U42081" i="1"/>
  <c r="U42080" i="1"/>
  <c r="U42079" i="1"/>
  <c r="U42078" i="1"/>
  <c r="U42077" i="1"/>
  <c r="U42076" i="1"/>
  <c r="U42075" i="1"/>
  <c r="U42074" i="1"/>
  <c r="U42073" i="1"/>
  <c r="U42072" i="1"/>
  <c r="U42071" i="1"/>
  <c r="U42070" i="1"/>
  <c r="U42069" i="1"/>
  <c r="U42068" i="1"/>
  <c r="U42067" i="1"/>
  <c r="U42066" i="1"/>
  <c r="U42065" i="1"/>
  <c r="U42064" i="1"/>
  <c r="U42063" i="1"/>
  <c r="U42062" i="1"/>
  <c r="U42061" i="1"/>
  <c r="U42060" i="1"/>
  <c r="U42059" i="1"/>
  <c r="U42058" i="1"/>
  <c r="U42057" i="1"/>
  <c r="U42056" i="1"/>
  <c r="U42055" i="1"/>
  <c r="U42054" i="1"/>
  <c r="U42053" i="1"/>
  <c r="U42052" i="1"/>
  <c r="U42051" i="1"/>
  <c r="U42050" i="1"/>
  <c r="U42049" i="1"/>
  <c r="U42048" i="1"/>
  <c r="U42047" i="1"/>
  <c r="U42046" i="1"/>
  <c r="U42045" i="1"/>
  <c r="U42044" i="1"/>
  <c r="U42043" i="1"/>
  <c r="U42042" i="1"/>
  <c r="U42041" i="1"/>
  <c r="U42040" i="1"/>
  <c r="U42039" i="1"/>
  <c r="U42038" i="1"/>
  <c r="U42037" i="1"/>
  <c r="U42036" i="1"/>
  <c r="U42035" i="1"/>
  <c r="U42034" i="1"/>
  <c r="U42033" i="1"/>
  <c r="U42032" i="1"/>
  <c r="U42031" i="1"/>
  <c r="U42030" i="1"/>
  <c r="U42029" i="1"/>
  <c r="U42028" i="1"/>
  <c r="U42027" i="1"/>
  <c r="U42026" i="1"/>
  <c r="U42025" i="1"/>
  <c r="U42024" i="1"/>
  <c r="U42023" i="1"/>
  <c r="U42022" i="1"/>
  <c r="U42021" i="1"/>
  <c r="U42020" i="1"/>
  <c r="U42019" i="1"/>
  <c r="U42018" i="1"/>
  <c r="U42017" i="1"/>
  <c r="U42016" i="1"/>
  <c r="U42015" i="1"/>
  <c r="U42014" i="1"/>
  <c r="U42013" i="1"/>
  <c r="U42012" i="1"/>
  <c r="U42011" i="1"/>
  <c r="U42010" i="1"/>
  <c r="U42009" i="1"/>
  <c r="U42008" i="1"/>
  <c r="U42007" i="1"/>
  <c r="U42006" i="1"/>
  <c r="U42005" i="1"/>
  <c r="U42004" i="1"/>
  <c r="U42003" i="1"/>
  <c r="U42002" i="1"/>
  <c r="U42001" i="1"/>
  <c r="U42000" i="1"/>
  <c r="U41999" i="1"/>
  <c r="U41998" i="1"/>
  <c r="U41997" i="1"/>
  <c r="U41996" i="1"/>
  <c r="U41995" i="1"/>
  <c r="U41994" i="1"/>
  <c r="U41993" i="1"/>
  <c r="U41992" i="1"/>
  <c r="U41991" i="1"/>
  <c r="U41990" i="1"/>
  <c r="U41989" i="1"/>
  <c r="U41988" i="1"/>
  <c r="U41987" i="1"/>
  <c r="U41986" i="1"/>
  <c r="U41985" i="1"/>
  <c r="U41984" i="1"/>
  <c r="U41983" i="1"/>
  <c r="U41982" i="1"/>
  <c r="U41981" i="1"/>
  <c r="U41980" i="1"/>
  <c r="U41979" i="1"/>
  <c r="U41978" i="1"/>
  <c r="U41977" i="1"/>
  <c r="U41976" i="1"/>
  <c r="U41975" i="1"/>
  <c r="U41974" i="1"/>
  <c r="U41973" i="1"/>
  <c r="U41972" i="1"/>
  <c r="U41971" i="1"/>
  <c r="U41970" i="1"/>
  <c r="U41969" i="1"/>
  <c r="U41968" i="1"/>
  <c r="U41967" i="1"/>
  <c r="U41966" i="1"/>
  <c r="U41965" i="1"/>
  <c r="U41964" i="1"/>
  <c r="U41963" i="1"/>
  <c r="U41962" i="1"/>
  <c r="U41961" i="1"/>
  <c r="U41960" i="1"/>
  <c r="U41959" i="1"/>
  <c r="U41958" i="1"/>
  <c r="U41957" i="1"/>
  <c r="U41956" i="1"/>
  <c r="U41955" i="1"/>
  <c r="U41954" i="1"/>
  <c r="U41953" i="1"/>
  <c r="U41952" i="1"/>
  <c r="U41951" i="1"/>
  <c r="U41950" i="1"/>
  <c r="U41949" i="1"/>
  <c r="U41948" i="1"/>
  <c r="U41947" i="1"/>
  <c r="U41946" i="1"/>
  <c r="U41945" i="1"/>
  <c r="U41944" i="1"/>
  <c r="U41943" i="1"/>
  <c r="U41942" i="1"/>
  <c r="U41941" i="1"/>
  <c r="U41940" i="1"/>
  <c r="U41939" i="1"/>
  <c r="U41938" i="1"/>
  <c r="U41937" i="1"/>
  <c r="U41936" i="1"/>
  <c r="U41935" i="1"/>
  <c r="U41934" i="1"/>
  <c r="U41933" i="1"/>
  <c r="U41932" i="1"/>
  <c r="U41931" i="1"/>
  <c r="U41930" i="1"/>
  <c r="U41929" i="1"/>
  <c r="U41928" i="1"/>
  <c r="U41927" i="1"/>
  <c r="U41926" i="1"/>
  <c r="U41925" i="1"/>
  <c r="U41924" i="1"/>
  <c r="U41923" i="1"/>
  <c r="U41922" i="1"/>
  <c r="U41921" i="1"/>
  <c r="U41920" i="1"/>
  <c r="U41919" i="1"/>
  <c r="U41918" i="1"/>
  <c r="U41917" i="1"/>
  <c r="U41916" i="1"/>
  <c r="U41915" i="1"/>
  <c r="U41914" i="1"/>
  <c r="U41913" i="1"/>
  <c r="U41912" i="1"/>
  <c r="U41911" i="1"/>
  <c r="U41910" i="1"/>
  <c r="U41909" i="1"/>
  <c r="U41908" i="1"/>
  <c r="U41907" i="1"/>
  <c r="U41906" i="1"/>
  <c r="U41905" i="1"/>
  <c r="U41904" i="1"/>
  <c r="U41903" i="1"/>
  <c r="U41902" i="1"/>
  <c r="U41901" i="1"/>
  <c r="U41900" i="1"/>
  <c r="U41899" i="1"/>
  <c r="U41898" i="1"/>
  <c r="U41897" i="1"/>
  <c r="U41896" i="1"/>
  <c r="U41895" i="1"/>
  <c r="U41894" i="1"/>
  <c r="U41893" i="1"/>
  <c r="U41892" i="1"/>
  <c r="U41891" i="1"/>
  <c r="U41890" i="1"/>
  <c r="U41889" i="1"/>
  <c r="U41888" i="1"/>
  <c r="U41887" i="1"/>
  <c r="U41886" i="1"/>
  <c r="U41885" i="1"/>
  <c r="U41884" i="1"/>
  <c r="U41883" i="1"/>
  <c r="U41882" i="1"/>
  <c r="U41881" i="1"/>
  <c r="U41880" i="1"/>
  <c r="U41879" i="1"/>
  <c r="U41878" i="1"/>
  <c r="U41877" i="1"/>
  <c r="U41876" i="1"/>
  <c r="U41875" i="1"/>
  <c r="U41874" i="1"/>
  <c r="U41873" i="1"/>
  <c r="U41872" i="1"/>
  <c r="U41871" i="1"/>
  <c r="U41870" i="1"/>
  <c r="U41869" i="1"/>
  <c r="U41868" i="1"/>
  <c r="U41867" i="1"/>
  <c r="U41866" i="1"/>
  <c r="U41865" i="1"/>
  <c r="U41864" i="1"/>
  <c r="U41863" i="1"/>
  <c r="U41862" i="1"/>
  <c r="U41861" i="1"/>
  <c r="U41860" i="1"/>
  <c r="U41859" i="1"/>
  <c r="U41858" i="1"/>
  <c r="U41857" i="1"/>
  <c r="U41856" i="1"/>
  <c r="U41855" i="1"/>
  <c r="U41854" i="1"/>
  <c r="U41853" i="1"/>
  <c r="U41852" i="1"/>
  <c r="U41851" i="1"/>
  <c r="U41850" i="1"/>
  <c r="U41849" i="1"/>
  <c r="U41848" i="1"/>
  <c r="U41847" i="1"/>
  <c r="U41846" i="1"/>
  <c r="U41845" i="1"/>
  <c r="U41844" i="1"/>
  <c r="U41843" i="1"/>
  <c r="U41842" i="1"/>
  <c r="U41841" i="1"/>
  <c r="U41840" i="1"/>
  <c r="U41839" i="1"/>
  <c r="U41838" i="1"/>
  <c r="U41837" i="1"/>
  <c r="U41836" i="1"/>
  <c r="U41835" i="1"/>
  <c r="U41834" i="1"/>
  <c r="U41833" i="1"/>
  <c r="U41832" i="1"/>
  <c r="U41831" i="1"/>
  <c r="U41830" i="1"/>
  <c r="U41829" i="1"/>
  <c r="U41828" i="1"/>
  <c r="U41827" i="1"/>
  <c r="U41826" i="1"/>
  <c r="U41825" i="1"/>
  <c r="U41824" i="1"/>
  <c r="U41823" i="1"/>
  <c r="U41822" i="1"/>
  <c r="U41821" i="1"/>
  <c r="U41820" i="1"/>
  <c r="U41819" i="1"/>
  <c r="U41818" i="1"/>
  <c r="U41817" i="1"/>
  <c r="U41816" i="1"/>
  <c r="U41815" i="1"/>
  <c r="U41814" i="1"/>
  <c r="U41813" i="1"/>
  <c r="U41812" i="1"/>
  <c r="U41811" i="1"/>
  <c r="U41810" i="1"/>
  <c r="U41809" i="1"/>
  <c r="U41808" i="1"/>
  <c r="U41807" i="1"/>
  <c r="U41806" i="1"/>
  <c r="U41805" i="1"/>
  <c r="U41804" i="1"/>
  <c r="U41803" i="1"/>
  <c r="U41802" i="1"/>
  <c r="U41801" i="1"/>
  <c r="U41800" i="1"/>
  <c r="U41799" i="1"/>
  <c r="U41798" i="1"/>
  <c r="U41797" i="1"/>
  <c r="U41796" i="1"/>
  <c r="U41795" i="1"/>
  <c r="U41794" i="1"/>
  <c r="U41793" i="1"/>
  <c r="U41792" i="1"/>
  <c r="U41791" i="1"/>
  <c r="U41790" i="1"/>
  <c r="U41789" i="1"/>
  <c r="U41788" i="1"/>
  <c r="U41787" i="1"/>
  <c r="U41786" i="1"/>
  <c r="U41785" i="1"/>
  <c r="U41784" i="1"/>
  <c r="U41783" i="1"/>
  <c r="U41782" i="1"/>
  <c r="U41781" i="1"/>
  <c r="U41780" i="1"/>
  <c r="U41779" i="1"/>
  <c r="U41778" i="1"/>
  <c r="U41777" i="1"/>
  <c r="U41776" i="1"/>
  <c r="U41775" i="1"/>
  <c r="U41774" i="1"/>
  <c r="U41773" i="1"/>
  <c r="U41772" i="1"/>
  <c r="U41771" i="1"/>
  <c r="U41770" i="1"/>
  <c r="U41769" i="1"/>
  <c r="U41768" i="1"/>
  <c r="U41767" i="1"/>
  <c r="U41766" i="1"/>
  <c r="U41765" i="1"/>
  <c r="U41764" i="1"/>
  <c r="U41763" i="1"/>
  <c r="U41762" i="1"/>
  <c r="U41761" i="1"/>
  <c r="U41760" i="1"/>
  <c r="U41759" i="1"/>
  <c r="U41758" i="1"/>
  <c r="U41757" i="1"/>
  <c r="U41756" i="1"/>
  <c r="U41755" i="1"/>
  <c r="U41754" i="1"/>
  <c r="U41753" i="1"/>
  <c r="U41752" i="1"/>
  <c r="U41751" i="1"/>
  <c r="U41750" i="1"/>
  <c r="U41749" i="1"/>
  <c r="U41748" i="1"/>
  <c r="U41747" i="1"/>
  <c r="U41746" i="1"/>
  <c r="U41745" i="1"/>
  <c r="U41744" i="1"/>
  <c r="U41743" i="1"/>
  <c r="U41742" i="1"/>
  <c r="U41741" i="1"/>
  <c r="U41740" i="1"/>
  <c r="U41739" i="1"/>
  <c r="U41738" i="1"/>
  <c r="U41737" i="1"/>
  <c r="U41736" i="1"/>
  <c r="U41735" i="1"/>
  <c r="U41734" i="1"/>
  <c r="U41733" i="1"/>
  <c r="U41732" i="1"/>
  <c r="U41731" i="1"/>
  <c r="U41730" i="1"/>
  <c r="U41729" i="1"/>
  <c r="U41728" i="1"/>
  <c r="U41727" i="1"/>
  <c r="U41726" i="1"/>
  <c r="U41725" i="1"/>
  <c r="U41724" i="1"/>
  <c r="U41723" i="1"/>
  <c r="U41722" i="1"/>
  <c r="U41721" i="1"/>
  <c r="U41720" i="1"/>
  <c r="U41719" i="1"/>
  <c r="U41718" i="1"/>
  <c r="U41717" i="1"/>
  <c r="U41716" i="1"/>
  <c r="U41715" i="1"/>
  <c r="U41714" i="1"/>
  <c r="U41713" i="1"/>
  <c r="U41712" i="1"/>
  <c r="U41711" i="1"/>
  <c r="U41710" i="1"/>
  <c r="U41709" i="1"/>
  <c r="U41708" i="1"/>
  <c r="U41707" i="1"/>
  <c r="U41706" i="1"/>
  <c r="U41705" i="1"/>
  <c r="U41704" i="1"/>
  <c r="U41703" i="1"/>
  <c r="U41702" i="1"/>
  <c r="U41701" i="1"/>
  <c r="U41700" i="1"/>
  <c r="U41699" i="1"/>
  <c r="U41698" i="1"/>
  <c r="U41697" i="1"/>
  <c r="U41696" i="1"/>
  <c r="U41695" i="1"/>
  <c r="U41694" i="1"/>
  <c r="U41693" i="1"/>
  <c r="U41692" i="1"/>
  <c r="U41691" i="1"/>
  <c r="U41690" i="1"/>
  <c r="U41689" i="1"/>
  <c r="U41688" i="1"/>
  <c r="U41687" i="1"/>
  <c r="U41686" i="1"/>
  <c r="U41685" i="1"/>
  <c r="U41684" i="1"/>
  <c r="U41683" i="1"/>
  <c r="U41682" i="1"/>
  <c r="U41681" i="1"/>
  <c r="U41680" i="1"/>
  <c r="U41679" i="1"/>
  <c r="U41678" i="1"/>
  <c r="U41677" i="1"/>
  <c r="U41676" i="1"/>
  <c r="U41675" i="1"/>
  <c r="U41674" i="1"/>
  <c r="U41673" i="1"/>
  <c r="U41672" i="1"/>
  <c r="U41671" i="1"/>
  <c r="U41670" i="1"/>
  <c r="U41669" i="1"/>
  <c r="U41668" i="1"/>
  <c r="U41667" i="1"/>
  <c r="U41666" i="1"/>
  <c r="U41665" i="1"/>
  <c r="U41664" i="1"/>
  <c r="U41663" i="1"/>
  <c r="U41662" i="1"/>
  <c r="U41661" i="1"/>
  <c r="U41660" i="1"/>
  <c r="U41659" i="1"/>
  <c r="U41658" i="1"/>
  <c r="U41657" i="1"/>
  <c r="U41656" i="1"/>
  <c r="U41655" i="1"/>
  <c r="U41654" i="1"/>
  <c r="U41653" i="1"/>
  <c r="U41652" i="1"/>
  <c r="U41651" i="1"/>
  <c r="U41650" i="1"/>
  <c r="U41649" i="1"/>
  <c r="U41648" i="1"/>
  <c r="U41647" i="1"/>
  <c r="U41646" i="1"/>
  <c r="U41645" i="1"/>
  <c r="U41644" i="1"/>
  <c r="U41643" i="1"/>
  <c r="U41642" i="1"/>
  <c r="U41641" i="1"/>
  <c r="U41640" i="1"/>
  <c r="U41639" i="1"/>
  <c r="U41638" i="1"/>
  <c r="U41637" i="1"/>
  <c r="U41636" i="1"/>
  <c r="U41635" i="1"/>
  <c r="U41634" i="1"/>
  <c r="U41633" i="1"/>
  <c r="U41632" i="1"/>
  <c r="U41631" i="1"/>
  <c r="U41630" i="1"/>
  <c r="U41629" i="1"/>
  <c r="U41628" i="1"/>
  <c r="U41627" i="1"/>
  <c r="U41626" i="1"/>
  <c r="U41625" i="1"/>
  <c r="U41624" i="1"/>
  <c r="U41623" i="1"/>
  <c r="U41622" i="1"/>
  <c r="U41621" i="1"/>
  <c r="U41620" i="1"/>
  <c r="U41619" i="1"/>
  <c r="U41618" i="1"/>
  <c r="U41617" i="1"/>
  <c r="U41616" i="1"/>
  <c r="U41615" i="1"/>
  <c r="U41614" i="1"/>
  <c r="U41613" i="1"/>
  <c r="U41612" i="1"/>
  <c r="U41611" i="1"/>
  <c r="U41610" i="1"/>
  <c r="U41609" i="1"/>
  <c r="U41608" i="1"/>
  <c r="U41607" i="1"/>
  <c r="U41606" i="1"/>
  <c r="U41605" i="1"/>
  <c r="U41604" i="1"/>
  <c r="U41603" i="1"/>
  <c r="U41602" i="1"/>
  <c r="U41601" i="1"/>
  <c r="U41600" i="1"/>
  <c r="U41599" i="1"/>
  <c r="U41598" i="1"/>
  <c r="U41597" i="1"/>
  <c r="U41596" i="1"/>
  <c r="U41595" i="1"/>
  <c r="U41594" i="1"/>
  <c r="U41593" i="1"/>
  <c r="U41592" i="1"/>
  <c r="U41591" i="1"/>
  <c r="U41590" i="1"/>
  <c r="U41589" i="1"/>
  <c r="U41588" i="1"/>
  <c r="U41587" i="1"/>
  <c r="U41586" i="1"/>
  <c r="U41585" i="1"/>
  <c r="U41584" i="1"/>
  <c r="U41583" i="1"/>
  <c r="U41582" i="1"/>
  <c r="U41581" i="1"/>
  <c r="U41580" i="1"/>
  <c r="U41579" i="1"/>
  <c r="U41578" i="1"/>
  <c r="U41577" i="1"/>
  <c r="U41576" i="1"/>
  <c r="U41575" i="1"/>
  <c r="U41574" i="1"/>
  <c r="U41573" i="1"/>
  <c r="U41572" i="1"/>
  <c r="U41571" i="1"/>
  <c r="U41570" i="1"/>
  <c r="U41569" i="1"/>
  <c r="U41568" i="1"/>
  <c r="U41567" i="1"/>
  <c r="U41566" i="1"/>
  <c r="U41565" i="1"/>
  <c r="U41564" i="1"/>
  <c r="U41563" i="1"/>
  <c r="U41562" i="1"/>
  <c r="U41561" i="1"/>
  <c r="U41560" i="1"/>
  <c r="U41559" i="1"/>
  <c r="U41558" i="1"/>
  <c r="U41557" i="1"/>
  <c r="U41556" i="1"/>
  <c r="U41555" i="1"/>
  <c r="U41554" i="1"/>
  <c r="U41553" i="1"/>
  <c r="U41552" i="1"/>
  <c r="U41551" i="1"/>
  <c r="U41550" i="1"/>
  <c r="U41549" i="1"/>
  <c r="U41548" i="1"/>
  <c r="U41547" i="1"/>
  <c r="U41546" i="1"/>
  <c r="U41545" i="1"/>
  <c r="U41544" i="1"/>
  <c r="U41543" i="1"/>
  <c r="U41542" i="1"/>
  <c r="U41541" i="1"/>
  <c r="U41540" i="1"/>
  <c r="U41539" i="1"/>
  <c r="U41538" i="1"/>
  <c r="U41537" i="1"/>
  <c r="U41536" i="1"/>
  <c r="U41535" i="1"/>
  <c r="U41534" i="1"/>
  <c r="U41533" i="1"/>
  <c r="U41532" i="1"/>
  <c r="U41531" i="1"/>
  <c r="U41530" i="1"/>
  <c r="U41529" i="1"/>
  <c r="U41528" i="1"/>
  <c r="U41527" i="1"/>
  <c r="U41526" i="1"/>
  <c r="U41525" i="1"/>
  <c r="U41524" i="1"/>
  <c r="U41523" i="1"/>
  <c r="U41522" i="1"/>
  <c r="U41521" i="1"/>
  <c r="U41520" i="1"/>
  <c r="U41519" i="1"/>
  <c r="U41518" i="1"/>
  <c r="U41517" i="1"/>
  <c r="U41516" i="1"/>
  <c r="U41515" i="1"/>
  <c r="U41514" i="1"/>
  <c r="U41513" i="1"/>
  <c r="U41512" i="1"/>
  <c r="U41511" i="1"/>
  <c r="U41510" i="1"/>
  <c r="U41509" i="1"/>
  <c r="U41508" i="1"/>
  <c r="U41507" i="1"/>
  <c r="U41506" i="1"/>
  <c r="U41505" i="1"/>
  <c r="U41504" i="1"/>
  <c r="U41503" i="1"/>
  <c r="U41502" i="1"/>
  <c r="U41501" i="1"/>
  <c r="U41500" i="1"/>
  <c r="U41499" i="1"/>
  <c r="U41498" i="1"/>
  <c r="U41497" i="1"/>
  <c r="U41496" i="1"/>
  <c r="U41495" i="1"/>
  <c r="U41494" i="1"/>
  <c r="U41493" i="1"/>
  <c r="U41492" i="1"/>
  <c r="U41491" i="1"/>
  <c r="U41490" i="1"/>
  <c r="U41489" i="1"/>
  <c r="U41488" i="1"/>
  <c r="U41487" i="1"/>
  <c r="U41486" i="1"/>
  <c r="U41485" i="1"/>
  <c r="U41484" i="1"/>
  <c r="U41483" i="1"/>
  <c r="U41482" i="1"/>
  <c r="U41481" i="1"/>
  <c r="U41480" i="1"/>
  <c r="U41479" i="1"/>
  <c r="U41478" i="1"/>
  <c r="U41477" i="1"/>
  <c r="U41476" i="1"/>
  <c r="U41475" i="1"/>
  <c r="U41474" i="1"/>
  <c r="U41473" i="1"/>
  <c r="U41472" i="1"/>
  <c r="U41471" i="1"/>
  <c r="U41470" i="1"/>
  <c r="U41469" i="1"/>
  <c r="U41468" i="1"/>
  <c r="U41467" i="1"/>
  <c r="U41466" i="1"/>
  <c r="U41465" i="1"/>
  <c r="U41464" i="1"/>
  <c r="U41463" i="1"/>
  <c r="U41462" i="1"/>
  <c r="U41461" i="1"/>
  <c r="U41460" i="1"/>
  <c r="U41459" i="1"/>
  <c r="U41458" i="1"/>
  <c r="U41457" i="1"/>
  <c r="U41456" i="1"/>
  <c r="U41455" i="1"/>
  <c r="U41454" i="1"/>
  <c r="U41453" i="1"/>
  <c r="U41452" i="1"/>
  <c r="U41451" i="1"/>
  <c r="U41450" i="1"/>
  <c r="U41449" i="1"/>
  <c r="U41448" i="1"/>
  <c r="U41447" i="1"/>
  <c r="U41446" i="1"/>
  <c r="U41445" i="1"/>
  <c r="U41444" i="1"/>
  <c r="U41443" i="1"/>
  <c r="U41442" i="1"/>
  <c r="U41441" i="1"/>
  <c r="U41440" i="1"/>
  <c r="U41439" i="1"/>
  <c r="U41438" i="1"/>
  <c r="U41437" i="1"/>
  <c r="U41436" i="1"/>
  <c r="U41435" i="1"/>
  <c r="U41434" i="1"/>
  <c r="U41433" i="1"/>
  <c r="U41432" i="1"/>
  <c r="U41431" i="1"/>
  <c r="U41430" i="1"/>
  <c r="U41429" i="1"/>
  <c r="U41428" i="1"/>
  <c r="U41427" i="1"/>
  <c r="U41426" i="1"/>
  <c r="U41425" i="1"/>
  <c r="U41424" i="1"/>
  <c r="U41423" i="1"/>
  <c r="U41422" i="1"/>
  <c r="U41421" i="1"/>
  <c r="U41420" i="1"/>
  <c r="U41419" i="1"/>
  <c r="U41418" i="1"/>
  <c r="U41417" i="1"/>
  <c r="U41416" i="1"/>
  <c r="U41415" i="1"/>
  <c r="U41414" i="1"/>
  <c r="U41413" i="1"/>
  <c r="U41412" i="1"/>
  <c r="U41411" i="1"/>
  <c r="U41410" i="1"/>
  <c r="U41409" i="1"/>
  <c r="U41408" i="1"/>
  <c r="U41407" i="1"/>
  <c r="U41406" i="1"/>
  <c r="U41405" i="1"/>
  <c r="U41404" i="1"/>
  <c r="U41403" i="1"/>
  <c r="U41402" i="1"/>
  <c r="U41401" i="1"/>
  <c r="U41400" i="1"/>
  <c r="U41399" i="1"/>
  <c r="U41398" i="1"/>
  <c r="U41397" i="1"/>
  <c r="U41396" i="1"/>
  <c r="U41395" i="1"/>
  <c r="U41394" i="1"/>
  <c r="U41393" i="1"/>
  <c r="U41392" i="1"/>
  <c r="U41391" i="1"/>
  <c r="U41390" i="1"/>
  <c r="U41389" i="1"/>
  <c r="U41388" i="1"/>
  <c r="U41387" i="1"/>
  <c r="U41386" i="1"/>
  <c r="U41385" i="1"/>
  <c r="U41384" i="1"/>
  <c r="U41383" i="1"/>
  <c r="U41382" i="1"/>
  <c r="U41381" i="1"/>
  <c r="U41380" i="1"/>
  <c r="U41379" i="1"/>
  <c r="U41378" i="1"/>
  <c r="U41377" i="1"/>
  <c r="U41376" i="1"/>
  <c r="U41375" i="1"/>
  <c r="U41374" i="1"/>
  <c r="U41373" i="1"/>
  <c r="U41372" i="1"/>
  <c r="U41371" i="1"/>
  <c r="U41370" i="1"/>
  <c r="U41369" i="1"/>
  <c r="U41368" i="1"/>
  <c r="U41367" i="1"/>
  <c r="U41366" i="1"/>
  <c r="U41365" i="1"/>
  <c r="U41364" i="1"/>
  <c r="U41363" i="1"/>
  <c r="U41362" i="1"/>
  <c r="U41361" i="1"/>
  <c r="U41360" i="1"/>
  <c r="U41359" i="1"/>
  <c r="U41358" i="1"/>
  <c r="U41357" i="1"/>
  <c r="U41356" i="1"/>
  <c r="U41355" i="1"/>
  <c r="U41354" i="1"/>
  <c r="U41353" i="1"/>
  <c r="U41352" i="1"/>
  <c r="U41351" i="1"/>
  <c r="U41350" i="1"/>
  <c r="U41349" i="1"/>
  <c r="U41348" i="1"/>
  <c r="U41347" i="1"/>
  <c r="U41346" i="1"/>
  <c r="U41345" i="1"/>
  <c r="U41344" i="1"/>
  <c r="U41343" i="1"/>
  <c r="U41342" i="1"/>
  <c r="U41341" i="1"/>
  <c r="U41340" i="1"/>
  <c r="U41339" i="1"/>
  <c r="U41338" i="1"/>
  <c r="U41337" i="1"/>
  <c r="U41336" i="1"/>
  <c r="U41335" i="1"/>
  <c r="U41334" i="1"/>
  <c r="U41333" i="1"/>
  <c r="U41332" i="1"/>
  <c r="U41331" i="1"/>
  <c r="U41330" i="1"/>
  <c r="U41329" i="1"/>
  <c r="U41328" i="1"/>
  <c r="U41327" i="1"/>
  <c r="U41326" i="1"/>
  <c r="U41325" i="1"/>
  <c r="U41324" i="1"/>
  <c r="U41323" i="1"/>
  <c r="U41322" i="1"/>
  <c r="U41321" i="1"/>
  <c r="U41320" i="1"/>
  <c r="U41319" i="1"/>
  <c r="U41318" i="1"/>
  <c r="U41317" i="1"/>
  <c r="U41316" i="1"/>
  <c r="U41315" i="1"/>
  <c r="U41314" i="1"/>
  <c r="U41313" i="1"/>
  <c r="U41312" i="1"/>
  <c r="U41311" i="1"/>
  <c r="U41310" i="1"/>
  <c r="U41309" i="1"/>
  <c r="U41308" i="1"/>
  <c r="U41307" i="1"/>
  <c r="U41306" i="1"/>
  <c r="U41305" i="1"/>
  <c r="U41304" i="1"/>
  <c r="U41303" i="1"/>
  <c r="U41302" i="1"/>
  <c r="U41301" i="1"/>
  <c r="U41300" i="1"/>
  <c r="U41299" i="1"/>
  <c r="U41298" i="1"/>
  <c r="U41297" i="1"/>
  <c r="U41296" i="1"/>
  <c r="U41295" i="1"/>
  <c r="U41294" i="1"/>
  <c r="U41293" i="1"/>
  <c r="U41292" i="1"/>
  <c r="U41291" i="1"/>
  <c r="U41290" i="1"/>
  <c r="U41289" i="1"/>
  <c r="U41288" i="1"/>
  <c r="U41287" i="1"/>
  <c r="U41286" i="1"/>
  <c r="U41285" i="1"/>
  <c r="U41284" i="1"/>
  <c r="U41283" i="1"/>
  <c r="U41282" i="1"/>
  <c r="U41281" i="1"/>
  <c r="U41280" i="1"/>
  <c r="U41279" i="1"/>
  <c r="U41278" i="1"/>
  <c r="U41277" i="1"/>
  <c r="U41276" i="1"/>
  <c r="U41275" i="1"/>
  <c r="U41274" i="1"/>
  <c r="U41273" i="1"/>
  <c r="U41272" i="1"/>
  <c r="U41271" i="1"/>
  <c r="U41270" i="1"/>
  <c r="U41269" i="1"/>
  <c r="U41268" i="1"/>
  <c r="U41267" i="1"/>
  <c r="U41266" i="1"/>
  <c r="U41265" i="1"/>
  <c r="U41264" i="1"/>
  <c r="U41263" i="1"/>
  <c r="U41262" i="1"/>
  <c r="U41261" i="1"/>
  <c r="U41260" i="1"/>
  <c r="U41259" i="1"/>
  <c r="U41258" i="1"/>
  <c r="U41257" i="1"/>
  <c r="U41256" i="1"/>
  <c r="U41255" i="1"/>
  <c r="U41254" i="1"/>
  <c r="U41253" i="1"/>
  <c r="U41252" i="1"/>
  <c r="U41251" i="1"/>
  <c r="U41250" i="1"/>
  <c r="U41249" i="1"/>
  <c r="U41248" i="1"/>
  <c r="U41247" i="1"/>
  <c r="U41246" i="1"/>
  <c r="U41245" i="1"/>
  <c r="U41244" i="1"/>
  <c r="U41243" i="1"/>
  <c r="U41242" i="1"/>
  <c r="U41241" i="1"/>
  <c r="U41240" i="1"/>
  <c r="U41239" i="1"/>
  <c r="U41238" i="1"/>
  <c r="U41237" i="1"/>
  <c r="U41236" i="1"/>
  <c r="U41235" i="1"/>
  <c r="U41234" i="1"/>
  <c r="U41233" i="1"/>
  <c r="U41232" i="1"/>
  <c r="U41231" i="1"/>
  <c r="U41230" i="1"/>
  <c r="U41229" i="1"/>
  <c r="U41228" i="1"/>
  <c r="U41227" i="1"/>
  <c r="U41226" i="1"/>
  <c r="U41225" i="1"/>
  <c r="U41224" i="1"/>
  <c r="U41223" i="1"/>
  <c r="U41222" i="1"/>
  <c r="U41221" i="1"/>
  <c r="U41220" i="1"/>
  <c r="U41219" i="1"/>
  <c r="U41218" i="1"/>
  <c r="U41217" i="1"/>
  <c r="U41216" i="1"/>
  <c r="U41215" i="1"/>
  <c r="U41214" i="1"/>
  <c r="U41213" i="1"/>
  <c r="U41212" i="1"/>
  <c r="U41211" i="1"/>
  <c r="U41210" i="1"/>
  <c r="U41209" i="1"/>
  <c r="U41208" i="1"/>
  <c r="U41207" i="1"/>
  <c r="U41206" i="1"/>
  <c r="U41205" i="1"/>
  <c r="U41204" i="1"/>
  <c r="U41203" i="1"/>
  <c r="U41202" i="1"/>
  <c r="U41201" i="1"/>
  <c r="U41200" i="1"/>
  <c r="U41199" i="1"/>
  <c r="U41198" i="1"/>
  <c r="U41197" i="1"/>
  <c r="U41196" i="1"/>
  <c r="U41195" i="1"/>
  <c r="U41194" i="1"/>
  <c r="U41193" i="1"/>
  <c r="U41192" i="1"/>
  <c r="U41191" i="1"/>
  <c r="U41190" i="1"/>
  <c r="U41189" i="1"/>
  <c r="U41188" i="1"/>
  <c r="U41187" i="1"/>
  <c r="U41186" i="1"/>
  <c r="U41185" i="1"/>
  <c r="U41184" i="1"/>
  <c r="U41183" i="1"/>
  <c r="U41182" i="1"/>
  <c r="U41181" i="1"/>
  <c r="U41180" i="1"/>
  <c r="U41179" i="1"/>
  <c r="U41178" i="1"/>
  <c r="U41177" i="1"/>
  <c r="U41176" i="1"/>
  <c r="U41175" i="1"/>
  <c r="U41174" i="1"/>
  <c r="U41173" i="1"/>
  <c r="U41172" i="1"/>
  <c r="U41171" i="1"/>
  <c r="U41170" i="1"/>
  <c r="U41169" i="1"/>
  <c r="U41168" i="1"/>
  <c r="U41167" i="1"/>
  <c r="U41166" i="1"/>
  <c r="U41165" i="1"/>
  <c r="U41164" i="1"/>
  <c r="U41163" i="1"/>
  <c r="U41162" i="1"/>
  <c r="U41161" i="1"/>
  <c r="U41160" i="1"/>
  <c r="U41159" i="1"/>
  <c r="U41158" i="1"/>
  <c r="U41157" i="1"/>
  <c r="U41156" i="1"/>
  <c r="U41155" i="1"/>
  <c r="U41154" i="1"/>
  <c r="U41153" i="1"/>
  <c r="U41152" i="1"/>
  <c r="U41151" i="1"/>
  <c r="U41150" i="1"/>
  <c r="U41149" i="1"/>
  <c r="U41148" i="1"/>
  <c r="U41147" i="1"/>
  <c r="U41146" i="1"/>
  <c r="U41145" i="1"/>
  <c r="U41144" i="1"/>
  <c r="U41143" i="1"/>
  <c r="U41142" i="1"/>
  <c r="U41141" i="1"/>
  <c r="U41140" i="1"/>
  <c r="U41139" i="1"/>
  <c r="U41138" i="1"/>
  <c r="U41137" i="1"/>
  <c r="U41136" i="1"/>
  <c r="U41135" i="1"/>
  <c r="U41134" i="1"/>
  <c r="U41133" i="1"/>
  <c r="U41132" i="1"/>
  <c r="U41131" i="1"/>
  <c r="U41130" i="1"/>
  <c r="U41129" i="1"/>
  <c r="U41128" i="1"/>
  <c r="U41127" i="1"/>
  <c r="U41126" i="1"/>
  <c r="U41125" i="1"/>
  <c r="U41124" i="1"/>
  <c r="U41123" i="1"/>
  <c r="U41122" i="1"/>
  <c r="U41121" i="1"/>
  <c r="U41120" i="1"/>
  <c r="U41119" i="1"/>
  <c r="U41118" i="1"/>
  <c r="U41117" i="1"/>
  <c r="U41116" i="1"/>
  <c r="U41115" i="1"/>
  <c r="U41114" i="1"/>
  <c r="U41113" i="1"/>
  <c r="U41112" i="1"/>
  <c r="U41111" i="1"/>
  <c r="U41110" i="1"/>
  <c r="U41109" i="1"/>
  <c r="U41108" i="1"/>
  <c r="U41107" i="1"/>
  <c r="U41106" i="1"/>
  <c r="U41105" i="1"/>
  <c r="U41104" i="1"/>
  <c r="U41103" i="1"/>
  <c r="U41102" i="1"/>
  <c r="U41101" i="1"/>
  <c r="U41100" i="1"/>
  <c r="U41099" i="1"/>
  <c r="U41098" i="1"/>
  <c r="U41097" i="1"/>
  <c r="U41096" i="1"/>
  <c r="U41095" i="1"/>
  <c r="U41094" i="1"/>
  <c r="U41093" i="1"/>
  <c r="U41092" i="1"/>
  <c r="U41091" i="1"/>
  <c r="U41090" i="1"/>
  <c r="U41089" i="1"/>
  <c r="U41088" i="1"/>
  <c r="U41087" i="1"/>
  <c r="U41086" i="1"/>
  <c r="U41085" i="1"/>
  <c r="U41084" i="1"/>
  <c r="U41083" i="1"/>
  <c r="U41082" i="1"/>
  <c r="U41081" i="1"/>
  <c r="U41080" i="1"/>
  <c r="U41079" i="1"/>
  <c r="U41078" i="1"/>
  <c r="U41077" i="1"/>
  <c r="U41076" i="1"/>
  <c r="U41075" i="1"/>
  <c r="U41074" i="1"/>
  <c r="U41073" i="1"/>
  <c r="U41072" i="1"/>
  <c r="U41071" i="1"/>
  <c r="U41070" i="1"/>
  <c r="U41069" i="1"/>
  <c r="U41068" i="1"/>
  <c r="U41067" i="1"/>
  <c r="U41066" i="1"/>
  <c r="U41065" i="1"/>
  <c r="U41064" i="1"/>
  <c r="U41063" i="1"/>
  <c r="U41062" i="1"/>
  <c r="U41061" i="1"/>
  <c r="U41060" i="1"/>
  <c r="U41059" i="1"/>
  <c r="U41058" i="1"/>
  <c r="U41057" i="1"/>
  <c r="U41056" i="1"/>
  <c r="U41055" i="1"/>
  <c r="U41054" i="1"/>
  <c r="U41053" i="1"/>
  <c r="U41052" i="1"/>
  <c r="U41051" i="1"/>
  <c r="U41050" i="1"/>
  <c r="U41049" i="1"/>
  <c r="U41048" i="1"/>
  <c r="U41047" i="1"/>
  <c r="U41046" i="1"/>
  <c r="U41045" i="1"/>
  <c r="U41044" i="1"/>
  <c r="U41043" i="1"/>
  <c r="U41042" i="1"/>
  <c r="U41041" i="1"/>
  <c r="U41040" i="1"/>
  <c r="U41039" i="1"/>
  <c r="U41038" i="1"/>
  <c r="U41037" i="1"/>
  <c r="U41036" i="1"/>
  <c r="U41035" i="1"/>
  <c r="U41034" i="1"/>
  <c r="U41033" i="1"/>
  <c r="U41032" i="1"/>
  <c r="U41031" i="1"/>
  <c r="U41030" i="1"/>
  <c r="U41029" i="1"/>
  <c r="U41028" i="1"/>
  <c r="U41027" i="1"/>
  <c r="U41026" i="1"/>
  <c r="U41025" i="1"/>
  <c r="U41024" i="1"/>
  <c r="U41023" i="1"/>
  <c r="U41022" i="1"/>
  <c r="U41021" i="1"/>
  <c r="U41020" i="1"/>
  <c r="U41019" i="1"/>
  <c r="U41018" i="1"/>
  <c r="U41017" i="1"/>
  <c r="U41016" i="1"/>
  <c r="U41015" i="1"/>
  <c r="U41014" i="1"/>
  <c r="U41013" i="1"/>
  <c r="U41012" i="1"/>
  <c r="U41011" i="1"/>
  <c r="U41010" i="1"/>
  <c r="U41009" i="1"/>
  <c r="U41008" i="1"/>
  <c r="U41007" i="1"/>
  <c r="U41006" i="1"/>
  <c r="U41005" i="1"/>
  <c r="U41004" i="1"/>
  <c r="U41003" i="1"/>
  <c r="U41002" i="1"/>
  <c r="U41001" i="1"/>
  <c r="U41000" i="1"/>
  <c r="U40999" i="1"/>
  <c r="U40998" i="1"/>
  <c r="U40997" i="1"/>
  <c r="U40996" i="1"/>
  <c r="U40995" i="1"/>
  <c r="U40994" i="1"/>
  <c r="U40993" i="1"/>
  <c r="U40992" i="1"/>
  <c r="U40991" i="1"/>
  <c r="U40990" i="1"/>
  <c r="U40989" i="1"/>
  <c r="U40988" i="1"/>
  <c r="U40987" i="1"/>
  <c r="U40986" i="1"/>
  <c r="U40985" i="1"/>
  <c r="U40984" i="1"/>
  <c r="U40983" i="1"/>
  <c r="U40982" i="1"/>
  <c r="U40981" i="1"/>
  <c r="U40980" i="1"/>
  <c r="U40979" i="1"/>
  <c r="U40978" i="1"/>
  <c r="U40977" i="1"/>
  <c r="U40976" i="1"/>
  <c r="U40975" i="1"/>
  <c r="U40974" i="1"/>
  <c r="U40973" i="1"/>
  <c r="U40972" i="1"/>
  <c r="U40971" i="1"/>
  <c r="U40970" i="1"/>
  <c r="U40969" i="1"/>
  <c r="U40968" i="1"/>
  <c r="U40967" i="1"/>
  <c r="U40966" i="1"/>
  <c r="U40965" i="1"/>
  <c r="U40964" i="1"/>
  <c r="U40963" i="1"/>
  <c r="U40962" i="1"/>
  <c r="U40961" i="1"/>
  <c r="U40960" i="1"/>
  <c r="U40959" i="1"/>
  <c r="U40958" i="1"/>
  <c r="U40957" i="1"/>
  <c r="U40956" i="1"/>
  <c r="U40955" i="1"/>
  <c r="U40954" i="1"/>
  <c r="U40953" i="1"/>
  <c r="U40952" i="1"/>
  <c r="U40951" i="1"/>
  <c r="U40950" i="1"/>
  <c r="U40949" i="1"/>
  <c r="U40948" i="1"/>
  <c r="U40947" i="1"/>
  <c r="U40946" i="1"/>
  <c r="U40945" i="1"/>
  <c r="U40944" i="1"/>
  <c r="U40943" i="1"/>
  <c r="U40942" i="1"/>
  <c r="U40941" i="1"/>
  <c r="U40940" i="1"/>
  <c r="U40939" i="1"/>
  <c r="U40938" i="1"/>
  <c r="U40937" i="1"/>
  <c r="U40936" i="1"/>
  <c r="U40935" i="1"/>
  <c r="U40934" i="1"/>
  <c r="U40933" i="1"/>
  <c r="U40932" i="1"/>
  <c r="U40931" i="1"/>
  <c r="U40930" i="1"/>
  <c r="U40929" i="1"/>
  <c r="U40928" i="1"/>
  <c r="U40927" i="1"/>
  <c r="U40926" i="1"/>
  <c r="U40925" i="1"/>
  <c r="U40924" i="1"/>
  <c r="U40923" i="1"/>
  <c r="U40922" i="1"/>
  <c r="U40921" i="1"/>
  <c r="U40920" i="1"/>
  <c r="U40919" i="1"/>
  <c r="U40918" i="1"/>
  <c r="U40917" i="1"/>
  <c r="U40916" i="1"/>
  <c r="U40915" i="1"/>
  <c r="U40914" i="1"/>
  <c r="U40913" i="1"/>
  <c r="U40912" i="1"/>
  <c r="U40911" i="1"/>
  <c r="U40910" i="1"/>
  <c r="U40909" i="1"/>
  <c r="U40908" i="1"/>
  <c r="U40907" i="1"/>
  <c r="U40906" i="1"/>
  <c r="U40905" i="1"/>
  <c r="U40904" i="1"/>
  <c r="U40903" i="1"/>
  <c r="U40902" i="1"/>
  <c r="U40901" i="1"/>
  <c r="U40900" i="1"/>
  <c r="U40899" i="1"/>
  <c r="U40898" i="1"/>
  <c r="U40897" i="1"/>
  <c r="U40896" i="1"/>
  <c r="U40895" i="1"/>
  <c r="U40894" i="1"/>
  <c r="U40893" i="1"/>
  <c r="U40892" i="1"/>
  <c r="U40891" i="1"/>
  <c r="U40890" i="1"/>
  <c r="U40889" i="1"/>
  <c r="U40888" i="1"/>
  <c r="U40887" i="1"/>
  <c r="U40886" i="1"/>
  <c r="U40885" i="1"/>
  <c r="U40884" i="1"/>
  <c r="U40883" i="1"/>
  <c r="U40882" i="1"/>
  <c r="U40881" i="1"/>
  <c r="U40880" i="1"/>
  <c r="U40879" i="1"/>
  <c r="U40878" i="1"/>
  <c r="U40877" i="1"/>
  <c r="U40876" i="1"/>
  <c r="U40875" i="1"/>
  <c r="U40874" i="1"/>
  <c r="U40873" i="1"/>
  <c r="U40872" i="1"/>
  <c r="U40871" i="1"/>
  <c r="U40870" i="1"/>
  <c r="U40869" i="1"/>
  <c r="U40868" i="1"/>
  <c r="U40867" i="1"/>
  <c r="U40866" i="1"/>
  <c r="U40865" i="1"/>
  <c r="U40864" i="1"/>
  <c r="U40863" i="1"/>
  <c r="U40862" i="1"/>
  <c r="U40861" i="1"/>
  <c r="U40860" i="1"/>
  <c r="U40859" i="1"/>
  <c r="U40858" i="1"/>
  <c r="U40857" i="1"/>
  <c r="U40856" i="1"/>
  <c r="U40855" i="1"/>
  <c r="U40854" i="1"/>
  <c r="U40853" i="1"/>
  <c r="U40852" i="1"/>
  <c r="U40851" i="1"/>
  <c r="U40850" i="1"/>
  <c r="U40849" i="1"/>
  <c r="U40848" i="1"/>
  <c r="U40847" i="1"/>
  <c r="U40846" i="1"/>
  <c r="U40845" i="1"/>
  <c r="U40844" i="1"/>
  <c r="U40843" i="1"/>
  <c r="U40842" i="1"/>
  <c r="U40841" i="1"/>
  <c r="U40840" i="1"/>
  <c r="U40839" i="1"/>
  <c r="U40838" i="1"/>
  <c r="U40837" i="1"/>
  <c r="U40836" i="1"/>
  <c r="U40835" i="1"/>
  <c r="U40834" i="1"/>
  <c r="U40833" i="1"/>
  <c r="U40832" i="1"/>
  <c r="U40831" i="1"/>
  <c r="U40830" i="1"/>
  <c r="U40829" i="1"/>
  <c r="U40828" i="1"/>
  <c r="U40827" i="1"/>
  <c r="U40826" i="1"/>
  <c r="U40825" i="1"/>
  <c r="U40824" i="1"/>
  <c r="U40823" i="1"/>
  <c r="U40822" i="1"/>
  <c r="U40821" i="1"/>
  <c r="U40820" i="1"/>
  <c r="U40819" i="1"/>
  <c r="U40818" i="1"/>
  <c r="U40817" i="1"/>
  <c r="U40816" i="1"/>
  <c r="U40815" i="1"/>
  <c r="U40814" i="1"/>
  <c r="U40813" i="1"/>
  <c r="U40812" i="1"/>
  <c r="U40811" i="1"/>
  <c r="U40810" i="1"/>
  <c r="U40809" i="1"/>
  <c r="U40808" i="1"/>
  <c r="U40807" i="1"/>
  <c r="U40806" i="1"/>
  <c r="U40805" i="1"/>
  <c r="U40804" i="1"/>
  <c r="U40803" i="1"/>
  <c r="U40802" i="1"/>
  <c r="U40801" i="1"/>
  <c r="U40800" i="1"/>
  <c r="U40799" i="1"/>
  <c r="U40798" i="1"/>
  <c r="U40797" i="1"/>
  <c r="U40796" i="1"/>
  <c r="U40795" i="1"/>
  <c r="U40794" i="1"/>
  <c r="U40793" i="1"/>
  <c r="U40792" i="1"/>
  <c r="U40791" i="1"/>
  <c r="U40790" i="1"/>
  <c r="U40789" i="1"/>
  <c r="U40788" i="1"/>
  <c r="U40787" i="1"/>
  <c r="U40786" i="1"/>
  <c r="U40785" i="1"/>
  <c r="U40784" i="1"/>
  <c r="U40783" i="1"/>
  <c r="U40782" i="1"/>
  <c r="U40781" i="1"/>
  <c r="U40780" i="1"/>
  <c r="U40779" i="1"/>
  <c r="U40778" i="1"/>
  <c r="U40777" i="1"/>
  <c r="U40776" i="1"/>
  <c r="U40775" i="1"/>
  <c r="U40774" i="1"/>
  <c r="U40773" i="1"/>
  <c r="U40772" i="1"/>
  <c r="U40771" i="1"/>
  <c r="U40770" i="1"/>
  <c r="U40769" i="1"/>
  <c r="U40768" i="1"/>
  <c r="U40767" i="1"/>
  <c r="U40766" i="1"/>
  <c r="U40765" i="1"/>
  <c r="U40764" i="1"/>
  <c r="U40763" i="1"/>
  <c r="U40762" i="1"/>
  <c r="U40761" i="1"/>
  <c r="U40760" i="1"/>
  <c r="U40759" i="1"/>
  <c r="U40758" i="1"/>
  <c r="U40757" i="1"/>
  <c r="U40756" i="1"/>
  <c r="U40755" i="1"/>
  <c r="U40754" i="1"/>
  <c r="U40753" i="1"/>
  <c r="U40752" i="1"/>
  <c r="U40751" i="1"/>
  <c r="U40750" i="1"/>
  <c r="U40749" i="1"/>
  <c r="U40748" i="1"/>
  <c r="U40747" i="1"/>
  <c r="U40746" i="1"/>
  <c r="U40745" i="1"/>
  <c r="U40744" i="1"/>
  <c r="U40743" i="1"/>
  <c r="U40742" i="1"/>
  <c r="U40741" i="1"/>
  <c r="U40740" i="1"/>
  <c r="U40739" i="1"/>
  <c r="U40738" i="1"/>
  <c r="U40737" i="1"/>
  <c r="U40736" i="1"/>
  <c r="U40735" i="1"/>
  <c r="U40734" i="1"/>
  <c r="U40733" i="1"/>
  <c r="U40732" i="1"/>
  <c r="U40731" i="1"/>
  <c r="U40730" i="1"/>
  <c r="U40729" i="1"/>
  <c r="U40728" i="1"/>
  <c r="U40727" i="1"/>
  <c r="U40726" i="1"/>
  <c r="U40725" i="1"/>
  <c r="U40724" i="1"/>
  <c r="U40723" i="1"/>
  <c r="U40722" i="1"/>
  <c r="U40721" i="1"/>
  <c r="U40720" i="1"/>
  <c r="U40719" i="1"/>
  <c r="U40718" i="1"/>
  <c r="U40717" i="1"/>
  <c r="U40716" i="1"/>
  <c r="U40715" i="1"/>
  <c r="U40714" i="1"/>
  <c r="U40713" i="1"/>
  <c r="U40712" i="1"/>
  <c r="U40711" i="1"/>
  <c r="U40710" i="1"/>
  <c r="U40709" i="1"/>
  <c r="U40708" i="1"/>
  <c r="U40707" i="1"/>
  <c r="U40706" i="1"/>
  <c r="U40705" i="1"/>
  <c r="U40704" i="1"/>
  <c r="U40703" i="1"/>
  <c r="U40702" i="1"/>
  <c r="U40701" i="1"/>
  <c r="U40700" i="1"/>
  <c r="U40699" i="1"/>
  <c r="U40698" i="1"/>
  <c r="U40697" i="1"/>
  <c r="U40696" i="1"/>
  <c r="U40695" i="1"/>
  <c r="U40694" i="1"/>
  <c r="U40693" i="1"/>
  <c r="U40692" i="1"/>
  <c r="U40691" i="1"/>
  <c r="U40690" i="1"/>
  <c r="U40689" i="1"/>
  <c r="U40688" i="1"/>
  <c r="U40687" i="1"/>
  <c r="U40686" i="1"/>
  <c r="U40685" i="1"/>
  <c r="U40684" i="1"/>
  <c r="U40683" i="1"/>
  <c r="U40682" i="1"/>
  <c r="U40681" i="1"/>
  <c r="U40680" i="1"/>
  <c r="U40679" i="1"/>
  <c r="U40678" i="1"/>
  <c r="U40677" i="1"/>
  <c r="U40676" i="1"/>
  <c r="U40675" i="1"/>
  <c r="U40674" i="1"/>
  <c r="U40673" i="1"/>
  <c r="U40672" i="1"/>
  <c r="U40671" i="1"/>
  <c r="U40670" i="1"/>
  <c r="U40669" i="1"/>
  <c r="U40668" i="1"/>
  <c r="U40667" i="1"/>
  <c r="U40666" i="1"/>
  <c r="U40665" i="1"/>
  <c r="U40664" i="1"/>
  <c r="U40663" i="1"/>
  <c r="U40662" i="1"/>
  <c r="U40661" i="1"/>
  <c r="U40660" i="1"/>
  <c r="U40659" i="1"/>
  <c r="U40658" i="1"/>
  <c r="U40657" i="1"/>
  <c r="U40656" i="1"/>
  <c r="U40655" i="1"/>
  <c r="U40654" i="1"/>
  <c r="U40653" i="1"/>
  <c r="U40652" i="1"/>
  <c r="U40651" i="1"/>
  <c r="U40650" i="1"/>
  <c r="U40649" i="1"/>
  <c r="U40648" i="1"/>
  <c r="U40647" i="1"/>
  <c r="U40646" i="1"/>
  <c r="U40645" i="1"/>
  <c r="U40644" i="1"/>
  <c r="U40643" i="1"/>
  <c r="U40642" i="1"/>
  <c r="U40641" i="1"/>
  <c r="U40640" i="1"/>
  <c r="U40639" i="1"/>
  <c r="U40638" i="1"/>
  <c r="U40637" i="1"/>
  <c r="U40636" i="1"/>
  <c r="U40635" i="1"/>
  <c r="U40634" i="1"/>
  <c r="U40633" i="1"/>
  <c r="U40632" i="1"/>
  <c r="U40631" i="1"/>
  <c r="U40630" i="1"/>
  <c r="U40629" i="1"/>
  <c r="U40628" i="1"/>
  <c r="U40627" i="1"/>
  <c r="U40626" i="1"/>
  <c r="U40625" i="1"/>
  <c r="U40624" i="1"/>
  <c r="U40623" i="1"/>
  <c r="U40622" i="1"/>
  <c r="U40621" i="1"/>
  <c r="U40620" i="1"/>
  <c r="U40619" i="1"/>
  <c r="U40618" i="1"/>
  <c r="U40617" i="1"/>
  <c r="U40616" i="1"/>
  <c r="U40615" i="1"/>
  <c r="U40614" i="1"/>
  <c r="U40613" i="1"/>
  <c r="U40612" i="1"/>
  <c r="U40611" i="1"/>
  <c r="U40610" i="1"/>
  <c r="U40609" i="1"/>
  <c r="U40608" i="1"/>
  <c r="U40607" i="1"/>
  <c r="U40606" i="1"/>
  <c r="U40605" i="1"/>
  <c r="U40604" i="1"/>
  <c r="U40603" i="1"/>
  <c r="U40602" i="1"/>
  <c r="U40601" i="1"/>
  <c r="U40600" i="1"/>
  <c r="U40599" i="1"/>
  <c r="U40598" i="1"/>
  <c r="U40597" i="1"/>
  <c r="U40596" i="1"/>
  <c r="U40595" i="1"/>
  <c r="U40594" i="1"/>
  <c r="U40593" i="1"/>
  <c r="U40592" i="1"/>
  <c r="U40591" i="1"/>
  <c r="U40590" i="1"/>
  <c r="U40589" i="1"/>
  <c r="U40588" i="1"/>
  <c r="U40587" i="1"/>
  <c r="U40586" i="1"/>
  <c r="U40585" i="1"/>
  <c r="U40584" i="1"/>
  <c r="U40583" i="1"/>
  <c r="U40582" i="1"/>
  <c r="U40581" i="1"/>
  <c r="U40580" i="1"/>
  <c r="U40579" i="1"/>
  <c r="U40578" i="1"/>
  <c r="U40577" i="1"/>
  <c r="U40576" i="1"/>
  <c r="U40575" i="1"/>
  <c r="U40574" i="1"/>
  <c r="U40573" i="1"/>
  <c r="U40572" i="1"/>
  <c r="U40571" i="1"/>
  <c r="U40570" i="1"/>
  <c r="U40569" i="1"/>
  <c r="U40568" i="1"/>
  <c r="U40567" i="1"/>
  <c r="U40566" i="1"/>
  <c r="U40565" i="1"/>
  <c r="U40564" i="1"/>
  <c r="U40563" i="1"/>
  <c r="U40562" i="1"/>
  <c r="U40561" i="1"/>
  <c r="U40560" i="1"/>
  <c r="U40559" i="1"/>
  <c r="U40558" i="1"/>
  <c r="U40557" i="1"/>
  <c r="U40556" i="1"/>
  <c r="U40555" i="1"/>
  <c r="U40554" i="1"/>
  <c r="U40553" i="1"/>
  <c r="U40552" i="1"/>
  <c r="U40551" i="1"/>
  <c r="U40550" i="1"/>
  <c r="U40549" i="1"/>
  <c r="U40548" i="1"/>
  <c r="U40547" i="1"/>
  <c r="U40546" i="1"/>
  <c r="U40545" i="1"/>
  <c r="U40544" i="1"/>
  <c r="U40543" i="1"/>
  <c r="U40542" i="1"/>
  <c r="U40541" i="1"/>
  <c r="U40540" i="1"/>
  <c r="U40539" i="1"/>
  <c r="U40538" i="1"/>
  <c r="U40537" i="1"/>
  <c r="U40536" i="1"/>
  <c r="U40535" i="1"/>
  <c r="U40534" i="1"/>
  <c r="U40533" i="1"/>
  <c r="U40532" i="1"/>
  <c r="U40531" i="1"/>
  <c r="U40530" i="1"/>
  <c r="U40529" i="1"/>
  <c r="U40528" i="1"/>
  <c r="U40527" i="1"/>
  <c r="U40526" i="1"/>
  <c r="U40525" i="1"/>
  <c r="U40524" i="1"/>
  <c r="U40523" i="1"/>
  <c r="U40522" i="1"/>
  <c r="U40521" i="1"/>
  <c r="U40520" i="1"/>
  <c r="U40519" i="1"/>
  <c r="U40518" i="1"/>
  <c r="U40517" i="1"/>
  <c r="U40516" i="1"/>
  <c r="U40515" i="1"/>
  <c r="U40514" i="1"/>
  <c r="U40513" i="1"/>
  <c r="U40512" i="1"/>
  <c r="U40511" i="1"/>
  <c r="U40510" i="1"/>
  <c r="U40509" i="1"/>
  <c r="U40508" i="1"/>
  <c r="U40507" i="1"/>
  <c r="U40506" i="1"/>
  <c r="U40505" i="1"/>
  <c r="U40504" i="1"/>
  <c r="U40503" i="1"/>
  <c r="U40502" i="1"/>
  <c r="U40501" i="1"/>
  <c r="U40500" i="1"/>
  <c r="U40499" i="1"/>
  <c r="U40498" i="1"/>
  <c r="U40497" i="1"/>
  <c r="U40496" i="1"/>
  <c r="U40495" i="1"/>
  <c r="U40494" i="1"/>
  <c r="U40493" i="1"/>
  <c r="U40492" i="1"/>
  <c r="U40491" i="1"/>
  <c r="U40490" i="1"/>
  <c r="U40489" i="1"/>
  <c r="U40488" i="1"/>
  <c r="U40487" i="1"/>
  <c r="U40486" i="1"/>
  <c r="U40485" i="1"/>
  <c r="U40484" i="1"/>
  <c r="U40483" i="1"/>
  <c r="U40482" i="1"/>
  <c r="U40481" i="1"/>
  <c r="U40480" i="1"/>
  <c r="U40479" i="1"/>
  <c r="U40478" i="1"/>
  <c r="U40477" i="1"/>
  <c r="U40476" i="1"/>
  <c r="U40475" i="1"/>
  <c r="U40474" i="1"/>
  <c r="U40473" i="1"/>
  <c r="U40472" i="1"/>
  <c r="U40471" i="1"/>
  <c r="U40470" i="1"/>
  <c r="U40469" i="1"/>
  <c r="U40468" i="1"/>
  <c r="U40467" i="1"/>
  <c r="U40466" i="1"/>
  <c r="U40465" i="1"/>
  <c r="U40464" i="1"/>
  <c r="U40463" i="1"/>
  <c r="U40462" i="1"/>
  <c r="U40461" i="1"/>
  <c r="U40460" i="1"/>
  <c r="U40459" i="1"/>
  <c r="U40458" i="1"/>
  <c r="U40457" i="1"/>
  <c r="U40456" i="1"/>
  <c r="U40455" i="1"/>
  <c r="U40454" i="1"/>
  <c r="U40453" i="1"/>
  <c r="U40452" i="1"/>
  <c r="U40451" i="1"/>
  <c r="U40450" i="1"/>
  <c r="U40449" i="1"/>
  <c r="U40448" i="1"/>
  <c r="U40447" i="1"/>
  <c r="U40446" i="1"/>
  <c r="U40445" i="1"/>
  <c r="U40444" i="1"/>
  <c r="U40443" i="1"/>
  <c r="U40442" i="1"/>
  <c r="U40441" i="1"/>
  <c r="U40440" i="1"/>
  <c r="U40439" i="1"/>
  <c r="U40438" i="1"/>
  <c r="U40437" i="1"/>
  <c r="U40436" i="1"/>
  <c r="U40435" i="1"/>
  <c r="U40434" i="1"/>
  <c r="U40433" i="1"/>
  <c r="U40432" i="1"/>
  <c r="U40431" i="1"/>
  <c r="U40430" i="1"/>
  <c r="U40429" i="1"/>
  <c r="U40428" i="1"/>
  <c r="U40427" i="1"/>
  <c r="U40426" i="1"/>
  <c r="U40425" i="1"/>
  <c r="U40424" i="1"/>
  <c r="U40423" i="1"/>
  <c r="U40422" i="1"/>
  <c r="U40421" i="1"/>
  <c r="U40420" i="1"/>
  <c r="U40419" i="1"/>
  <c r="U40418" i="1"/>
  <c r="U40417" i="1"/>
  <c r="U40416" i="1"/>
  <c r="U40415" i="1"/>
  <c r="U40414" i="1"/>
  <c r="U40413" i="1"/>
  <c r="U40412" i="1"/>
  <c r="U40411" i="1"/>
  <c r="U40410" i="1"/>
  <c r="U40409" i="1"/>
  <c r="U40408" i="1"/>
  <c r="U40407" i="1"/>
  <c r="U40406" i="1"/>
  <c r="U40405" i="1"/>
  <c r="U40404" i="1"/>
  <c r="U40403" i="1"/>
  <c r="U40402" i="1"/>
  <c r="U40401" i="1"/>
  <c r="U40400" i="1"/>
  <c r="U40399" i="1"/>
  <c r="U40398" i="1"/>
  <c r="U40397" i="1"/>
  <c r="U40396" i="1"/>
  <c r="U40395" i="1"/>
  <c r="U40394" i="1"/>
  <c r="U40393" i="1"/>
  <c r="U40392" i="1"/>
  <c r="U40391" i="1"/>
  <c r="U40390" i="1"/>
  <c r="U40389" i="1"/>
  <c r="U40388" i="1"/>
  <c r="U40387" i="1"/>
  <c r="U40386" i="1"/>
  <c r="U40385" i="1"/>
  <c r="U40384" i="1"/>
  <c r="U40383" i="1"/>
  <c r="U40382" i="1"/>
  <c r="U40381" i="1"/>
  <c r="U40380" i="1"/>
  <c r="U40379" i="1"/>
  <c r="U40378" i="1"/>
  <c r="U40377" i="1"/>
  <c r="U40376" i="1"/>
  <c r="U40375" i="1"/>
  <c r="U40374" i="1"/>
  <c r="U40373" i="1"/>
  <c r="U40372" i="1"/>
  <c r="U40371" i="1"/>
  <c r="U40370" i="1"/>
  <c r="U40369" i="1"/>
  <c r="U40368" i="1"/>
  <c r="U40367" i="1"/>
  <c r="U40366" i="1"/>
  <c r="U40365" i="1"/>
  <c r="U40364" i="1"/>
  <c r="U40363" i="1"/>
  <c r="U40362" i="1"/>
  <c r="U40361" i="1"/>
  <c r="U40360" i="1"/>
  <c r="U40359" i="1"/>
  <c r="U40358" i="1"/>
  <c r="U40357" i="1"/>
  <c r="U40356" i="1"/>
  <c r="U40355" i="1"/>
  <c r="U40354" i="1"/>
  <c r="U40353" i="1"/>
  <c r="U40352" i="1"/>
  <c r="U40351" i="1"/>
  <c r="U40350" i="1"/>
  <c r="U40349" i="1"/>
  <c r="U40348" i="1"/>
  <c r="U40347" i="1"/>
  <c r="U40346" i="1"/>
  <c r="U40345" i="1"/>
  <c r="U40344" i="1"/>
  <c r="U40343" i="1"/>
  <c r="U40342" i="1"/>
  <c r="U40341" i="1"/>
  <c r="U40340" i="1"/>
  <c r="U40339" i="1"/>
  <c r="U40338" i="1"/>
  <c r="U40337" i="1"/>
  <c r="U40336" i="1"/>
  <c r="U40335" i="1"/>
  <c r="U40334" i="1"/>
  <c r="U40333" i="1"/>
  <c r="U40332" i="1"/>
  <c r="U40331" i="1"/>
  <c r="U40330" i="1"/>
  <c r="U40329" i="1"/>
  <c r="U40328" i="1"/>
  <c r="U40327" i="1"/>
  <c r="U40326" i="1"/>
  <c r="U40325" i="1"/>
  <c r="U40324" i="1"/>
  <c r="U40323" i="1"/>
  <c r="U40322" i="1"/>
  <c r="U40321" i="1"/>
  <c r="U40320" i="1"/>
  <c r="U40319" i="1"/>
  <c r="U40318" i="1"/>
  <c r="U40317" i="1"/>
  <c r="U40316" i="1"/>
  <c r="U40315" i="1"/>
  <c r="U40314" i="1"/>
  <c r="U40313" i="1"/>
  <c r="U40312" i="1"/>
  <c r="U40311" i="1"/>
  <c r="U40310" i="1"/>
  <c r="U40309" i="1"/>
  <c r="U40308" i="1"/>
  <c r="U40307" i="1"/>
  <c r="U40306" i="1"/>
  <c r="U40305" i="1"/>
  <c r="U40304" i="1"/>
  <c r="U40303" i="1"/>
  <c r="U40302" i="1"/>
  <c r="U40301" i="1"/>
  <c r="U40300" i="1"/>
  <c r="U40299" i="1"/>
  <c r="U40298" i="1"/>
  <c r="U40297" i="1"/>
  <c r="U40296" i="1"/>
  <c r="U40295" i="1"/>
  <c r="U40294" i="1"/>
  <c r="U40293" i="1"/>
  <c r="U40292" i="1"/>
  <c r="U40291" i="1"/>
  <c r="U40290" i="1"/>
  <c r="U40289" i="1"/>
  <c r="U40288" i="1"/>
  <c r="U40287" i="1"/>
  <c r="U40286" i="1"/>
  <c r="U40285" i="1"/>
  <c r="U40284" i="1"/>
  <c r="U40283" i="1"/>
  <c r="U40282" i="1"/>
  <c r="U40281" i="1"/>
  <c r="U40280" i="1"/>
  <c r="U40279" i="1"/>
  <c r="U40278" i="1"/>
  <c r="U40277" i="1"/>
  <c r="U40276" i="1"/>
  <c r="U40275" i="1"/>
  <c r="U40274" i="1"/>
  <c r="U40273" i="1"/>
  <c r="U40272" i="1"/>
  <c r="U40271" i="1"/>
  <c r="U40270" i="1"/>
  <c r="U40269" i="1"/>
  <c r="U40268" i="1"/>
  <c r="U40267" i="1"/>
  <c r="U40266" i="1"/>
  <c r="U40265" i="1"/>
  <c r="U40264" i="1"/>
  <c r="U40263" i="1"/>
  <c r="U40262" i="1"/>
  <c r="U40261" i="1"/>
  <c r="U40260" i="1"/>
  <c r="U40259" i="1"/>
  <c r="U40258" i="1"/>
  <c r="U40257" i="1"/>
  <c r="U40256" i="1"/>
  <c r="U40255" i="1"/>
  <c r="U40254" i="1"/>
  <c r="U40253" i="1"/>
  <c r="U40252" i="1"/>
  <c r="U40251" i="1"/>
  <c r="U40250" i="1"/>
  <c r="U40249" i="1"/>
  <c r="U40248" i="1"/>
  <c r="U40247" i="1"/>
  <c r="U40246" i="1"/>
  <c r="U40245" i="1"/>
  <c r="U40244" i="1"/>
  <c r="U40243" i="1"/>
  <c r="U40242" i="1"/>
  <c r="U40241" i="1"/>
  <c r="U40240" i="1"/>
  <c r="U40239" i="1"/>
  <c r="U40238" i="1"/>
  <c r="U40237" i="1"/>
  <c r="U40236" i="1"/>
  <c r="U40235" i="1"/>
  <c r="U40234" i="1"/>
  <c r="U40233" i="1"/>
  <c r="U40232" i="1"/>
  <c r="U40231" i="1"/>
  <c r="U40230" i="1"/>
  <c r="U40229" i="1"/>
  <c r="U40228" i="1"/>
  <c r="U40227" i="1"/>
  <c r="U40226" i="1"/>
  <c r="U40225" i="1"/>
  <c r="U40224" i="1"/>
  <c r="U40223" i="1"/>
  <c r="U40222" i="1"/>
  <c r="U40221" i="1"/>
  <c r="U40220" i="1"/>
  <c r="U40219" i="1"/>
  <c r="U40218" i="1"/>
  <c r="U40217" i="1"/>
  <c r="U40216" i="1"/>
  <c r="U40215" i="1"/>
  <c r="U40214" i="1"/>
  <c r="U40213" i="1"/>
  <c r="U40212" i="1"/>
  <c r="U40211" i="1"/>
  <c r="U40210" i="1"/>
  <c r="U40209" i="1"/>
  <c r="U40208" i="1"/>
  <c r="U40207" i="1"/>
  <c r="U40206" i="1"/>
  <c r="U40205" i="1"/>
  <c r="U40204" i="1"/>
  <c r="U40203" i="1"/>
  <c r="U40202" i="1"/>
  <c r="U40201" i="1"/>
  <c r="U40200" i="1"/>
  <c r="U40199" i="1"/>
  <c r="U40198" i="1"/>
  <c r="U40197" i="1"/>
  <c r="U40196" i="1"/>
  <c r="U40195" i="1"/>
  <c r="U40194" i="1"/>
  <c r="U40193" i="1"/>
  <c r="U40192" i="1"/>
  <c r="U40191" i="1"/>
  <c r="U40190" i="1"/>
  <c r="U40189" i="1"/>
  <c r="U40188" i="1"/>
  <c r="U40187" i="1"/>
  <c r="U40186" i="1"/>
  <c r="U40185" i="1"/>
  <c r="U40184" i="1"/>
  <c r="U40183" i="1"/>
  <c r="U40182" i="1"/>
  <c r="U40181" i="1"/>
  <c r="U40180" i="1"/>
  <c r="U40179" i="1"/>
  <c r="U40178" i="1"/>
  <c r="U40177" i="1"/>
  <c r="U40176" i="1"/>
  <c r="U40175" i="1"/>
  <c r="U40174" i="1"/>
  <c r="U40173" i="1"/>
  <c r="U40172" i="1"/>
  <c r="U40171" i="1"/>
  <c r="U40170" i="1"/>
  <c r="U40169" i="1"/>
  <c r="U40168" i="1"/>
  <c r="U40167" i="1"/>
  <c r="U40166" i="1"/>
  <c r="U40165" i="1"/>
  <c r="U40164" i="1"/>
  <c r="U40163" i="1"/>
  <c r="U40162" i="1"/>
  <c r="U40161" i="1"/>
  <c r="U40160" i="1"/>
  <c r="U40159" i="1"/>
  <c r="U40158" i="1"/>
  <c r="U40157" i="1"/>
  <c r="U40156" i="1"/>
  <c r="U40155" i="1"/>
  <c r="U40154" i="1"/>
  <c r="U40153" i="1"/>
  <c r="U40152" i="1"/>
  <c r="U40151" i="1"/>
  <c r="U40150" i="1"/>
  <c r="U40149" i="1"/>
  <c r="U40148" i="1"/>
  <c r="U40147" i="1"/>
  <c r="U40146" i="1"/>
  <c r="U40145" i="1"/>
  <c r="U40144" i="1"/>
  <c r="U40143" i="1"/>
  <c r="U40142" i="1"/>
  <c r="U40141" i="1"/>
  <c r="U40140" i="1"/>
  <c r="U40139" i="1"/>
  <c r="U40138" i="1"/>
  <c r="U40137" i="1"/>
  <c r="U40136" i="1"/>
  <c r="U40135" i="1"/>
  <c r="U40134" i="1"/>
  <c r="U40133" i="1"/>
  <c r="U40132" i="1"/>
  <c r="U40131" i="1"/>
  <c r="U40130" i="1"/>
  <c r="U40129" i="1"/>
  <c r="U40128" i="1"/>
  <c r="U40127" i="1"/>
  <c r="U40126" i="1"/>
  <c r="U40125" i="1"/>
  <c r="U40124" i="1"/>
  <c r="U40123" i="1"/>
  <c r="U40122" i="1"/>
  <c r="U40121" i="1"/>
  <c r="U40120" i="1"/>
  <c r="U40119" i="1"/>
  <c r="U40118" i="1"/>
  <c r="U40117" i="1"/>
  <c r="U40116" i="1"/>
  <c r="U40115" i="1"/>
  <c r="U40114" i="1"/>
  <c r="U40113" i="1"/>
  <c r="U40112" i="1"/>
  <c r="U40111" i="1"/>
  <c r="U40110" i="1"/>
  <c r="U40109" i="1"/>
  <c r="U40108" i="1"/>
  <c r="U40107" i="1"/>
  <c r="U40106" i="1"/>
  <c r="U40105" i="1"/>
  <c r="U40104" i="1"/>
  <c r="U40103" i="1"/>
  <c r="U40102" i="1"/>
  <c r="U40101" i="1"/>
  <c r="U40100" i="1"/>
  <c r="U40099" i="1"/>
  <c r="U40098" i="1"/>
  <c r="U40097" i="1"/>
  <c r="U40096" i="1"/>
  <c r="U40095" i="1"/>
  <c r="U40094" i="1"/>
  <c r="U40093" i="1"/>
  <c r="U40092" i="1"/>
  <c r="U40091" i="1"/>
  <c r="U40090" i="1"/>
  <c r="U40089" i="1"/>
  <c r="U40088" i="1"/>
  <c r="U40087" i="1"/>
  <c r="U40086" i="1"/>
  <c r="U40085" i="1"/>
  <c r="U40084" i="1"/>
  <c r="U40083" i="1"/>
  <c r="U40082" i="1"/>
  <c r="U40081" i="1"/>
  <c r="U40080" i="1"/>
  <c r="U40079" i="1"/>
  <c r="U40078" i="1"/>
  <c r="U40077" i="1"/>
  <c r="U40076" i="1"/>
  <c r="U40075" i="1"/>
  <c r="U40074" i="1"/>
  <c r="U40073" i="1"/>
  <c r="U40072" i="1"/>
  <c r="U40071" i="1"/>
  <c r="U40070" i="1"/>
  <c r="U40069" i="1"/>
  <c r="U40068" i="1"/>
  <c r="U40067" i="1"/>
  <c r="U40066" i="1"/>
  <c r="U40065" i="1"/>
  <c r="U40064" i="1"/>
  <c r="U40063" i="1"/>
  <c r="U40062" i="1"/>
  <c r="U40061" i="1"/>
  <c r="U40060" i="1"/>
  <c r="U40059" i="1"/>
  <c r="U40058" i="1"/>
  <c r="U40057" i="1"/>
  <c r="U40056" i="1"/>
  <c r="U40055" i="1"/>
  <c r="U40054" i="1"/>
  <c r="U40053" i="1"/>
  <c r="U40052" i="1"/>
  <c r="U40051" i="1"/>
  <c r="U40050" i="1"/>
  <c r="U40049" i="1"/>
  <c r="U40048" i="1"/>
  <c r="U40047" i="1"/>
  <c r="U40046" i="1"/>
  <c r="U40045" i="1"/>
  <c r="U40044" i="1"/>
  <c r="U40043" i="1"/>
  <c r="U40042" i="1"/>
  <c r="U40041" i="1"/>
  <c r="U40040" i="1"/>
  <c r="U40039" i="1"/>
  <c r="U40038" i="1"/>
  <c r="U40037" i="1"/>
  <c r="U40036" i="1"/>
  <c r="U40035" i="1"/>
  <c r="U40034" i="1"/>
  <c r="U40033" i="1"/>
  <c r="U40032" i="1"/>
  <c r="U40031" i="1"/>
  <c r="U40030" i="1"/>
  <c r="U40029" i="1"/>
  <c r="U40028" i="1"/>
  <c r="U40027" i="1"/>
  <c r="U40026" i="1"/>
  <c r="U40025" i="1"/>
  <c r="U40024" i="1"/>
  <c r="U40023" i="1"/>
  <c r="U40022" i="1"/>
  <c r="U40021" i="1"/>
  <c r="U40020" i="1"/>
  <c r="U40019" i="1"/>
  <c r="U40018" i="1"/>
  <c r="U40017" i="1"/>
  <c r="U40016" i="1"/>
  <c r="U40015" i="1"/>
  <c r="U40014" i="1"/>
  <c r="U40013" i="1"/>
  <c r="U40012" i="1"/>
  <c r="U40011" i="1"/>
  <c r="U40010" i="1"/>
  <c r="U40009" i="1"/>
  <c r="U40008" i="1"/>
  <c r="U40007" i="1"/>
  <c r="U40006" i="1"/>
  <c r="U40005" i="1"/>
  <c r="U40004" i="1"/>
  <c r="U40003" i="1"/>
  <c r="U40002" i="1"/>
  <c r="U40001" i="1"/>
  <c r="U40000" i="1"/>
  <c r="U39999" i="1"/>
  <c r="U39998" i="1"/>
  <c r="U39997" i="1"/>
  <c r="U39996" i="1"/>
  <c r="U39995" i="1"/>
  <c r="U39994" i="1"/>
  <c r="U39993" i="1"/>
  <c r="U39992" i="1"/>
  <c r="U39991" i="1"/>
  <c r="U39990" i="1"/>
  <c r="U39989" i="1"/>
  <c r="U39988" i="1"/>
  <c r="U39987" i="1"/>
  <c r="U39986" i="1"/>
  <c r="U39985" i="1"/>
  <c r="U39984" i="1"/>
  <c r="U39983" i="1"/>
  <c r="U39982" i="1"/>
  <c r="U39981" i="1"/>
  <c r="U39980" i="1"/>
  <c r="U39979" i="1"/>
  <c r="U39978" i="1"/>
  <c r="U39977" i="1"/>
  <c r="U39976" i="1"/>
  <c r="U39975" i="1"/>
  <c r="U39974" i="1"/>
  <c r="U39973" i="1"/>
  <c r="U39972" i="1"/>
  <c r="U39971" i="1"/>
  <c r="U39970" i="1"/>
  <c r="U39969" i="1"/>
  <c r="U39968" i="1"/>
  <c r="U39967" i="1"/>
  <c r="U39966" i="1"/>
  <c r="U39965" i="1"/>
  <c r="U39964" i="1"/>
  <c r="U39963" i="1"/>
  <c r="U39962" i="1"/>
  <c r="U39961" i="1"/>
  <c r="U39960" i="1"/>
  <c r="U39959" i="1"/>
  <c r="U39958" i="1"/>
  <c r="U39957" i="1"/>
  <c r="U39956" i="1"/>
  <c r="U39955" i="1"/>
  <c r="U39954" i="1"/>
  <c r="U39953" i="1"/>
  <c r="U39952" i="1"/>
  <c r="U39951" i="1"/>
  <c r="U39950" i="1"/>
  <c r="U39949" i="1"/>
  <c r="U39948" i="1"/>
  <c r="U39947" i="1"/>
  <c r="U39946" i="1"/>
  <c r="U39945" i="1"/>
  <c r="U39944" i="1"/>
  <c r="U39943" i="1"/>
  <c r="U39942" i="1"/>
  <c r="U39941" i="1"/>
  <c r="U39940" i="1"/>
  <c r="U39939" i="1"/>
  <c r="U39938" i="1"/>
  <c r="U39937" i="1"/>
  <c r="U39936" i="1"/>
  <c r="U39935" i="1"/>
  <c r="U39934" i="1"/>
  <c r="U39933" i="1"/>
  <c r="U39932" i="1"/>
  <c r="U39931" i="1"/>
  <c r="U39930" i="1"/>
  <c r="U39929" i="1"/>
  <c r="U39928" i="1"/>
  <c r="U39927" i="1"/>
  <c r="U39926" i="1"/>
  <c r="U39925" i="1"/>
  <c r="U39924" i="1"/>
  <c r="U39923" i="1"/>
  <c r="U39922" i="1"/>
  <c r="U39921" i="1"/>
  <c r="U39920" i="1"/>
  <c r="U39919" i="1"/>
  <c r="U39918" i="1"/>
  <c r="U39917" i="1"/>
  <c r="U39916" i="1"/>
  <c r="U39915" i="1"/>
  <c r="U39914" i="1"/>
  <c r="U39913" i="1"/>
  <c r="U39912" i="1"/>
  <c r="U39911" i="1"/>
  <c r="U39910" i="1"/>
  <c r="U39909" i="1"/>
  <c r="U39908" i="1"/>
  <c r="U39907" i="1"/>
  <c r="U39906" i="1"/>
  <c r="U39905" i="1"/>
  <c r="U39904" i="1"/>
  <c r="U39903" i="1"/>
  <c r="U39902" i="1"/>
  <c r="U39901" i="1"/>
  <c r="U39900" i="1"/>
  <c r="U39899" i="1"/>
  <c r="U39898" i="1"/>
  <c r="U39897" i="1"/>
  <c r="U39896" i="1"/>
  <c r="U39895" i="1"/>
  <c r="U39894" i="1"/>
  <c r="U39893" i="1"/>
  <c r="U39892" i="1"/>
  <c r="U39891" i="1"/>
  <c r="U39890" i="1"/>
  <c r="U39889" i="1"/>
  <c r="U39888" i="1"/>
  <c r="U39887" i="1"/>
  <c r="U39886" i="1"/>
  <c r="U39885" i="1"/>
  <c r="U39884" i="1"/>
  <c r="U39883" i="1"/>
  <c r="U39882" i="1"/>
  <c r="U39881" i="1"/>
  <c r="U39880" i="1"/>
  <c r="U39879" i="1"/>
  <c r="U39878" i="1"/>
  <c r="U39877" i="1"/>
  <c r="U39876" i="1"/>
  <c r="U39875" i="1"/>
  <c r="U39874" i="1"/>
  <c r="U39873" i="1"/>
  <c r="U39872" i="1"/>
  <c r="U39871" i="1"/>
  <c r="U39870" i="1"/>
  <c r="U39869" i="1"/>
  <c r="U39868" i="1"/>
  <c r="U39867" i="1"/>
  <c r="U39866" i="1"/>
  <c r="U39865" i="1"/>
  <c r="U39864" i="1"/>
  <c r="U39863" i="1"/>
  <c r="U39862" i="1"/>
  <c r="U39861" i="1"/>
  <c r="U39860" i="1"/>
  <c r="U39859" i="1"/>
  <c r="U39858" i="1"/>
  <c r="U39857" i="1"/>
  <c r="U39856" i="1"/>
  <c r="U39855" i="1"/>
  <c r="U39854" i="1"/>
  <c r="U39853" i="1"/>
  <c r="U39852" i="1"/>
  <c r="U39851" i="1"/>
  <c r="U39850" i="1"/>
  <c r="U39849" i="1"/>
  <c r="U39848" i="1"/>
  <c r="U39847" i="1"/>
  <c r="U39846" i="1"/>
  <c r="U39845" i="1"/>
  <c r="U39844" i="1"/>
  <c r="U39843" i="1"/>
  <c r="U39842" i="1"/>
  <c r="U39841" i="1"/>
  <c r="U39840" i="1"/>
  <c r="U39839" i="1"/>
  <c r="U39838" i="1"/>
  <c r="U39837" i="1"/>
  <c r="U39836" i="1"/>
  <c r="U39835" i="1"/>
  <c r="U39834" i="1"/>
  <c r="U39833" i="1"/>
  <c r="U39832" i="1"/>
  <c r="U39831" i="1"/>
  <c r="U39830" i="1"/>
  <c r="U39829" i="1"/>
  <c r="U39828" i="1"/>
  <c r="U39827" i="1"/>
  <c r="U39826" i="1"/>
  <c r="U39825" i="1"/>
  <c r="U39824" i="1"/>
  <c r="U39823" i="1"/>
  <c r="U39822" i="1"/>
  <c r="U39821" i="1"/>
  <c r="U39820" i="1"/>
  <c r="U39819" i="1"/>
  <c r="U39818" i="1"/>
  <c r="U39817" i="1"/>
  <c r="U39816" i="1"/>
  <c r="U39815" i="1"/>
  <c r="U39814" i="1"/>
  <c r="U39813" i="1"/>
  <c r="U39812" i="1"/>
  <c r="U39811" i="1"/>
  <c r="U39810" i="1"/>
  <c r="U39809" i="1"/>
  <c r="U39808" i="1"/>
  <c r="U39807" i="1"/>
  <c r="U39806" i="1"/>
  <c r="U39805" i="1"/>
  <c r="U39804" i="1"/>
  <c r="U39803" i="1"/>
  <c r="U39802" i="1"/>
  <c r="U39801" i="1"/>
  <c r="U39800" i="1"/>
  <c r="U39799" i="1"/>
  <c r="U39798" i="1"/>
  <c r="U39797" i="1"/>
  <c r="U39796" i="1"/>
  <c r="U39795" i="1"/>
  <c r="U39794" i="1"/>
  <c r="U39793" i="1"/>
  <c r="U39792" i="1"/>
  <c r="U39791" i="1"/>
  <c r="U39790" i="1"/>
  <c r="U39789" i="1"/>
  <c r="U39788" i="1"/>
  <c r="U39787" i="1"/>
  <c r="U39786" i="1"/>
  <c r="U39785" i="1"/>
  <c r="U39784" i="1"/>
  <c r="U39783" i="1"/>
  <c r="U39782" i="1"/>
  <c r="U39781" i="1"/>
  <c r="U39780" i="1"/>
  <c r="U39779" i="1"/>
  <c r="U39778" i="1"/>
  <c r="U39777" i="1"/>
  <c r="U39776" i="1"/>
  <c r="U39775" i="1"/>
  <c r="U39774" i="1"/>
  <c r="U39773" i="1"/>
  <c r="U39772" i="1"/>
  <c r="U39771" i="1"/>
  <c r="U39770" i="1"/>
  <c r="U39769" i="1"/>
  <c r="U39768" i="1"/>
  <c r="U39767" i="1"/>
  <c r="U39766" i="1"/>
  <c r="U39765" i="1"/>
  <c r="U39764" i="1"/>
  <c r="U39763" i="1"/>
  <c r="U39762" i="1"/>
  <c r="U39761" i="1"/>
  <c r="U39760" i="1"/>
  <c r="U39759" i="1"/>
  <c r="U39758" i="1"/>
  <c r="U39757" i="1"/>
  <c r="U39756" i="1"/>
  <c r="U39755" i="1"/>
  <c r="U39754" i="1"/>
  <c r="U39753" i="1"/>
  <c r="U39752" i="1"/>
  <c r="U39751" i="1"/>
  <c r="U39750" i="1"/>
  <c r="U39749" i="1"/>
  <c r="U39748" i="1"/>
  <c r="U39747" i="1"/>
  <c r="U39746" i="1"/>
  <c r="U39745" i="1"/>
  <c r="U39744" i="1"/>
  <c r="U39743" i="1"/>
  <c r="U39742" i="1"/>
  <c r="U39741" i="1"/>
  <c r="U39740" i="1"/>
  <c r="U39739" i="1"/>
  <c r="U39738" i="1"/>
  <c r="U39737" i="1"/>
  <c r="U39736" i="1"/>
  <c r="U39735" i="1"/>
  <c r="U39734" i="1"/>
  <c r="U39733" i="1"/>
  <c r="U39732" i="1"/>
  <c r="U39731" i="1"/>
  <c r="U39730" i="1"/>
  <c r="U39729" i="1"/>
  <c r="U39728" i="1"/>
  <c r="U39727" i="1"/>
  <c r="U39726" i="1"/>
  <c r="U39725" i="1"/>
  <c r="U39724" i="1"/>
  <c r="U39723" i="1"/>
  <c r="U39722" i="1"/>
  <c r="U39721" i="1"/>
  <c r="U39720" i="1"/>
  <c r="U39719" i="1"/>
  <c r="U39718" i="1"/>
  <c r="U39717" i="1"/>
  <c r="U39716" i="1"/>
  <c r="U39715" i="1"/>
  <c r="U39714" i="1"/>
  <c r="U39713" i="1"/>
  <c r="U39712" i="1"/>
  <c r="U39711" i="1"/>
  <c r="U39710" i="1"/>
  <c r="U39709" i="1"/>
  <c r="U39708" i="1"/>
  <c r="U39707" i="1"/>
  <c r="U39706" i="1"/>
  <c r="U39705" i="1"/>
  <c r="U39704" i="1"/>
  <c r="U39703" i="1"/>
  <c r="U39702" i="1"/>
  <c r="U39701" i="1"/>
  <c r="U39700" i="1"/>
  <c r="U39699" i="1"/>
  <c r="U39698" i="1"/>
  <c r="U39697" i="1"/>
  <c r="U39696" i="1"/>
  <c r="U39695" i="1"/>
  <c r="U39694" i="1"/>
  <c r="U39693" i="1"/>
  <c r="U39692" i="1"/>
  <c r="U39691" i="1"/>
  <c r="U39690" i="1"/>
  <c r="U39689" i="1"/>
  <c r="U39688" i="1"/>
  <c r="U39687" i="1"/>
  <c r="U39686" i="1"/>
  <c r="U39685" i="1"/>
  <c r="U39684" i="1"/>
  <c r="U39683" i="1"/>
  <c r="U39682" i="1"/>
  <c r="U39681" i="1"/>
  <c r="U39680" i="1"/>
  <c r="U39679" i="1"/>
  <c r="U39678" i="1"/>
  <c r="U39677" i="1"/>
  <c r="U39676" i="1"/>
  <c r="U39675" i="1"/>
  <c r="U39674" i="1"/>
  <c r="U39673" i="1"/>
  <c r="U39672" i="1"/>
  <c r="U39671" i="1"/>
  <c r="U39670" i="1"/>
  <c r="U39669" i="1"/>
  <c r="U39668" i="1"/>
  <c r="U39667" i="1"/>
  <c r="U39666" i="1"/>
  <c r="U39665" i="1"/>
  <c r="U39664" i="1"/>
  <c r="U39663" i="1"/>
  <c r="U39662" i="1"/>
  <c r="U39661" i="1"/>
  <c r="U39660" i="1"/>
  <c r="U39659" i="1"/>
  <c r="U39658" i="1"/>
  <c r="U39657" i="1"/>
  <c r="U39656" i="1"/>
  <c r="U39655" i="1"/>
  <c r="U39654" i="1"/>
  <c r="U39653" i="1"/>
  <c r="U39652" i="1"/>
  <c r="U39651" i="1"/>
  <c r="U39650" i="1"/>
  <c r="U39649" i="1"/>
  <c r="U39648" i="1"/>
  <c r="U39647" i="1"/>
  <c r="U39646" i="1"/>
  <c r="U39645" i="1"/>
  <c r="U39644" i="1"/>
  <c r="U39643" i="1"/>
  <c r="U39642" i="1"/>
  <c r="U39641" i="1"/>
  <c r="U39640" i="1"/>
  <c r="U39639" i="1"/>
  <c r="U39638" i="1"/>
  <c r="U39637" i="1"/>
  <c r="U39636" i="1"/>
  <c r="U39635" i="1"/>
  <c r="U39634" i="1"/>
  <c r="U39633" i="1"/>
  <c r="U39632" i="1"/>
  <c r="U39631" i="1"/>
  <c r="U39630" i="1"/>
  <c r="U39629" i="1"/>
  <c r="U39628" i="1"/>
  <c r="U39627" i="1"/>
  <c r="U39626" i="1"/>
  <c r="U39625" i="1"/>
  <c r="U39624" i="1"/>
  <c r="U39623" i="1"/>
  <c r="U39622" i="1"/>
  <c r="U39621" i="1"/>
  <c r="U39620" i="1"/>
  <c r="U39619" i="1"/>
  <c r="U39618" i="1"/>
  <c r="U39617" i="1"/>
  <c r="U39616" i="1"/>
  <c r="U39615" i="1"/>
  <c r="U39614" i="1"/>
  <c r="U39613" i="1"/>
  <c r="U39612" i="1"/>
  <c r="U39611" i="1"/>
  <c r="U39610" i="1"/>
  <c r="U39609" i="1"/>
  <c r="U39608" i="1"/>
  <c r="U39607" i="1"/>
  <c r="U39606" i="1"/>
  <c r="U39605" i="1"/>
  <c r="U39604" i="1"/>
  <c r="U39603" i="1"/>
  <c r="U39602" i="1"/>
  <c r="U39601" i="1"/>
  <c r="U39600" i="1"/>
  <c r="U39599" i="1"/>
  <c r="U39598" i="1"/>
  <c r="U39597" i="1"/>
  <c r="U39596" i="1"/>
  <c r="U39595" i="1"/>
  <c r="U39594" i="1"/>
  <c r="U39593" i="1"/>
  <c r="U39592" i="1"/>
  <c r="U39591" i="1"/>
  <c r="U39590" i="1"/>
  <c r="U39589" i="1"/>
  <c r="U39588" i="1"/>
  <c r="U39587" i="1"/>
  <c r="U39586" i="1"/>
  <c r="U39585" i="1"/>
  <c r="U39584" i="1"/>
  <c r="U39583" i="1"/>
  <c r="U39582" i="1"/>
  <c r="U39581" i="1"/>
  <c r="U39580" i="1"/>
  <c r="U39579" i="1"/>
  <c r="U39578" i="1"/>
  <c r="U39577" i="1"/>
  <c r="U39576" i="1"/>
  <c r="U39575" i="1"/>
  <c r="U39574" i="1"/>
  <c r="U39573" i="1"/>
  <c r="U39572" i="1"/>
  <c r="U39571" i="1"/>
  <c r="U39570" i="1"/>
  <c r="U39569" i="1"/>
  <c r="U39568" i="1"/>
  <c r="U39567" i="1"/>
  <c r="U39566" i="1"/>
  <c r="U39565" i="1"/>
  <c r="U39564" i="1"/>
  <c r="U39563" i="1"/>
  <c r="U39562" i="1"/>
  <c r="U39561" i="1"/>
  <c r="U39560" i="1"/>
  <c r="U39559" i="1"/>
  <c r="U39558" i="1"/>
  <c r="U39557" i="1"/>
  <c r="U39556" i="1"/>
  <c r="U39555" i="1"/>
  <c r="U39554" i="1"/>
  <c r="U39553" i="1"/>
  <c r="U39552" i="1"/>
  <c r="U39551" i="1"/>
  <c r="U39550" i="1"/>
  <c r="U39549" i="1"/>
  <c r="U39548" i="1"/>
  <c r="U39547" i="1"/>
  <c r="U39546" i="1"/>
  <c r="U39545" i="1"/>
  <c r="U39544" i="1"/>
  <c r="U39543" i="1"/>
  <c r="U39542" i="1"/>
  <c r="U39541" i="1"/>
  <c r="U39540" i="1"/>
  <c r="U39539" i="1"/>
  <c r="U39538" i="1"/>
  <c r="U39537" i="1"/>
  <c r="U39536" i="1"/>
  <c r="U39535" i="1"/>
  <c r="U39534" i="1"/>
  <c r="U39533" i="1"/>
  <c r="U39532" i="1"/>
  <c r="U39531" i="1"/>
  <c r="U39530" i="1"/>
  <c r="U39529" i="1"/>
  <c r="U39528" i="1"/>
  <c r="U39527" i="1"/>
  <c r="U39526" i="1"/>
  <c r="U39525" i="1"/>
  <c r="U39524" i="1"/>
  <c r="U39523" i="1"/>
  <c r="U39522" i="1"/>
  <c r="U39521" i="1"/>
  <c r="U39520" i="1"/>
  <c r="U39519" i="1"/>
  <c r="U39518" i="1"/>
  <c r="U39517" i="1"/>
  <c r="U39516" i="1"/>
  <c r="U39515" i="1"/>
  <c r="U39514" i="1"/>
  <c r="U39513" i="1"/>
  <c r="U39512" i="1"/>
  <c r="U39511" i="1"/>
  <c r="U39510" i="1"/>
  <c r="U39509" i="1"/>
  <c r="U39508" i="1"/>
  <c r="U39507" i="1"/>
  <c r="U39506" i="1"/>
  <c r="U39505" i="1"/>
  <c r="U39504" i="1"/>
  <c r="U39503" i="1"/>
  <c r="U39502" i="1"/>
  <c r="U39501" i="1"/>
  <c r="U39500" i="1"/>
  <c r="U39499" i="1"/>
  <c r="U39498" i="1"/>
  <c r="U39497" i="1"/>
  <c r="U39496" i="1"/>
  <c r="U39495" i="1"/>
  <c r="U39494" i="1"/>
  <c r="U39493" i="1"/>
  <c r="U39492" i="1"/>
  <c r="U39491" i="1"/>
  <c r="U39490" i="1"/>
  <c r="U39489" i="1"/>
  <c r="U39488" i="1"/>
  <c r="U39487" i="1"/>
  <c r="U39486" i="1"/>
  <c r="U39485" i="1"/>
  <c r="U39484" i="1"/>
  <c r="U39483" i="1"/>
  <c r="U39482" i="1"/>
  <c r="U39481" i="1"/>
  <c r="U39480" i="1"/>
  <c r="U39479" i="1"/>
  <c r="U39478" i="1"/>
  <c r="U39477" i="1"/>
  <c r="U39476" i="1"/>
  <c r="U39475" i="1"/>
  <c r="U39474" i="1"/>
  <c r="U39473" i="1"/>
  <c r="U39472" i="1"/>
  <c r="U39471" i="1"/>
  <c r="U39470" i="1"/>
  <c r="U39469" i="1"/>
  <c r="U39468" i="1"/>
  <c r="U39467" i="1"/>
  <c r="U39466" i="1"/>
  <c r="U39465" i="1"/>
  <c r="U39464" i="1"/>
  <c r="U39463" i="1"/>
  <c r="U39462" i="1"/>
  <c r="U39461" i="1"/>
  <c r="U39460" i="1"/>
  <c r="U39459" i="1"/>
  <c r="U39458" i="1"/>
  <c r="U39457" i="1"/>
  <c r="U39456" i="1"/>
  <c r="U39455" i="1"/>
  <c r="U39454" i="1"/>
  <c r="U39453" i="1"/>
  <c r="U39452" i="1"/>
  <c r="U39451" i="1"/>
  <c r="U39450" i="1"/>
  <c r="U39449" i="1"/>
  <c r="U39448" i="1"/>
  <c r="U39447" i="1"/>
  <c r="U39446" i="1"/>
  <c r="U39445" i="1"/>
  <c r="U39444" i="1"/>
  <c r="U39443" i="1"/>
  <c r="U39442" i="1"/>
  <c r="U39441" i="1"/>
  <c r="U39440" i="1"/>
  <c r="U39439" i="1"/>
  <c r="U39438" i="1"/>
  <c r="U39437" i="1"/>
  <c r="U39436" i="1"/>
  <c r="U39435" i="1"/>
  <c r="U39434" i="1"/>
  <c r="U39433" i="1"/>
  <c r="U39432" i="1"/>
  <c r="U39431" i="1"/>
  <c r="U39430" i="1"/>
  <c r="U39429" i="1"/>
  <c r="U39428" i="1"/>
  <c r="U39427" i="1"/>
  <c r="U39426" i="1"/>
  <c r="U39425" i="1"/>
  <c r="U39424" i="1"/>
  <c r="U39423" i="1"/>
  <c r="U39422" i="1"/>
  <c r="U39421" i="1"/>
  <c r="U39420" i="1"/>
  <c r="U39419" i="1"/>
  <c r="U39418" i="1"/>
  <c r="U39417" i="1"/>
  <c r="U39416" i="1"/>
  <c r="U39415" i="1"/>
  <c r="U39414" i="1"/>
  <c r="U39413" i="1"/>
  <c r="U39412" i="1"/>
  <c r="U39411" i="1"/>
  <c r="U39410" i="1"/>
  <c r="U39409" i="1"/>
  <c r="U39408" i="1"/>
  <c r="U39407" i="1"/>
  <c r="U39406" i="1"/>
  <c r="U39405" i="1"/>
  <c r="U39404" i="1"/>
  <c r="U39403" i="1"/>
  <c r="U39402" i="1"/>
  <c r="U39401" i="1"/>
  <c r="U39400" i="1"/>
  <c r="U39399" i="1"/>
  <c r="U39398" i="1"/>
  <c r="U39397" i="1"/>
  <c r="U39396" i="1"/>
  <c r="U39395" i="1"/>
  <c r="U39394" i="1"/>
  <c r="U39393" i="1"/>
  <c r="U39392" i="1"/>
  <c r="U39391" i="1"/>
  <c r="U39390" i="1"/>
  <c r="U39389" i="1"/>
  <c r="U39388" i="1"/>
  <c r="U39387" i="1"/>
  <c r="U39386" i="1"/>
  <c r="U39385" i="1"/>
  <c r="U39384" i="1"/>
  <c r="U39383" i="1"/>
  <c r="U39382" i="1"/>
  <c r="U39381" i="1"/>
  <c r="U39380" i="1"/>
  <c r="U39379" i="1"/>
  <c r="U39378" i="1"/>
  <c r="U39377" i="1"/>
  <c r="U39376" i="1"/>
  <c r="U39375" i="1"/>
  <c r="U39374" i="1"/>
  <c r="U39373" i="1"/>
  <c r="U39372" i="1"/>
  <c r="U39371" i="1"/>
  <c r="U39370" i="1"/>
  <c r="U39369" i="1"/>
  <c r="U39368" i="1"/>
  <c r="U39367" i="1"/>
  <c r="U39366" i="1"/>
  <c r="U39365" i="1"/>
  <c r="U39364" i="1"/>
  <c r="U39363" i="1"/>
  <c r="U39362" i="1"/>
  <c r="U39361" i="1"/>
  <c r="U39360" i="1"/>
  <c r="U39359" i="1"/>
  <c r="U39358" i="1"/>
  <c r="U39357" i="1"/>
  <c r="U39356" i="1"/>
  <c r="U39355" i="1"/>
  <c r="U39354" i="1"/>
  <c r="U39353" i="1"/>
  <c r="U39352" i="1"/>
  <c r="U39351" i="1"/>
  <c r="U39350" i="1"/>
  <c r="U39349" i="1"/>
  <c r="U39348" i="1"/>
  <c r="U39347" i="1"/>
  <c r="U39346" i="1"/>
  <c r="U39345" i="1"/>
  <c r="U39344" i="1"/>
  <c r="U39343" i="1"/>
  <c r="U39342" i="1"/>
  <c r="U39341" i="1"/>
  <c r="U39340" i="1"/>
  <c r="U39339" i="1"/>
  <c r="U39338" i="1"/>
  <c r="U39337" i="1"/>
  <c r="U39336" i="1"/>
  <c r="U39335" i="1"/>
  <c r="U39334" i="1"/>
  <c r="U39333" i="1"/>
  <c r="U39332" i="1"/>
  <c r="U39331" i="1"/>
  <c r="U39330" i="1"/>
  <c r="U39329" i="1"/>
  <c r="U39328" i="1"/>
  <c r="U39327" i="1"/>
  <c r="U39326" i="1"/>
  <c r="U39325" i="1"/>
  <c r="U39324" i="1"/>
  <c r="U39323" i="1"/>
  <c r="U39322" i="1"/>
  <c r="U39321" i="1"/>
  <c r="U39320" i="1"/>
  <c r="U39319" i="1"/>
  <c r="U39318" i="1"/>
  <c r="U39317" i="1"/>
  <c r="U39316" i="1"/>
  <c r="U39315" i="1"/>
  <c r="U39314" i="1"/>
  <c r="U39313" i="1"/>
  <c r="U39312" i="1"/>
  <c r="U39311" i="1"/>
  <c r="U39310" i="1"/>
  <c r="U39309" i="1"/>
  <c r="U39308" i="1"/>
  <c r="U39307" i="1"/>
  <c r="U39306" i="1"/>
  <c r="U39305" i="1"/>
  <c r="U39304" i="1"/>
  <c r="U39303" i="1"/>
  <c r="U39302" i="1"/>
  <c r="U39301" i="1"/>
  <c r="U39300" i="1"/>
  <c r="U39299" i="1"/>
  <c r="U39298" i="1"/>
  <c r="U39297" i="1"/>
  <c r="U39296" i="1"/>
  <c r="U39295" i="1"/>
  <c r="U39294" i="1"/>
  <c r="U39293" i="1"/>
  <c r="U39292" i="1"/>
  <c r="U39291" i="1"/>
  <c r="U39290" i="1"/>
  <c r="U39289" i="1"/>
  <c r="U39288" i="1"/>
  <c r="U39287" i="1"/>
  <c r="U39286" i="1"/>
  <c r="U39285" i="1"/>
  <c r="U39284" i="1"/>
  <c r="U39283" i="1"/>
  <c r="U39282" i="1"/>
  <c r="U39281" i="1"/>
  <c r="U39280" i="1"/>
  <c r="U39279" i="1"/>
  <c r="U39278" i="1"/>
  <c r="U39277" i="1"/>
  <c r="U39276" i="1"/>
  <c r="U39275" i="1"/>
  <c r="U39274" i="1"/>
  <c r="U39273" i="1"/>
  <c r="U39272" i="1"/>
  <c r="U39271" i="1"/>
  <c r="U39270" i="1"/>
  <c r="U39269" i="1"/>
  <c r="U39268" i="1"/>
  <c r="U39267" i="1"/>
  <c r="U39266" i="1"/>
  <c r="U39265" i="1"/>
  <c r="U39264" i="1"/>
  <c r="U39263" i="1"/>
  <c r="U39262" i="1"/>
  <c r="U39261" i="1"/>
  <c r="U39260" i="1"/>
  <c r="U39259" i="1"/>
  <c r="U39258" i="1"/>
  <c r="U39257" i="1"/>
  <c r="U39256" i="1"/>
  <c r="U39255" i="1"/>
  <c r="U39254" i="1"/>
  <c r="U39253" i="1"/>
  <c r="U39252" i="1"/>
  <c r="U39251" i="1"/>
  <c r="U39250" i="1"/>
  <c r="U39249" i="1"/>
  <c r="U39248" i="1"/>
  <c r="U39247" i="1"/>
  <c r="U39246" i="1"/>
  <c r="U39245" i="1"/>
  <c r="U39244" i="1"/>
  <c r="U39243" i="1"/>
  <c r="U39242" i="1"/>
  <c r="U39241" i="1"/>
  <c r="U39240" i="1"/>
  <c r="U39239" i="1"/>
  <c r="U39238" i="1"/>
  <c r="U39237" i="1"/>
  <c r="U39236" i="1"/>
  <c r="U39235" i="1"/>
  <c r="U39234" i="1"/>
  <c r="U39233" i="1"/>
  <c r="U39232" i="1"/>
  <c r="U39231" i="1"/>
  <c r="U39230" i="1"/>
  <c r="U39229" i="1"/>
  <c r="U39228" i="1"/>
  <c r="U39227" i="1"/>
  <c r="U39226" i="1"/>
  <c r="U39225" i="1"/>
  <c r="U39224" i="1"/>
  <c r="U39223" i="1"/>
  <c r="U39222" i="1"/>
  <c r="U39221" i="1"/>
  <c r="U39220" i="1"/>
  <c r="U39219" i="1"/>
  <c r="U39218" i="1"/>
  <c r="U39217" i="1"/>
  <c r="U39216" i="1"/>
  <c r="U39215" i="1"/>
  <c r="U39214" i="1"/>
  <c r="U39213" i="1"/>
  <c r="U39212" i="1"/>
  <c r="U39211" i="1"/>
  <c r="U39210" i="1"/>
  <c r="U39209" i="1"/>
  <c r="U39208" i="1"/>
  <c r="U39207" i="1"/>
  <c r="U39206" i="1"/>
  <c r="U39205" i="1"/>
  <c r="U39204" i="1"/>
  <c r="U39203" i="1"/>
  <c r="U39202" i="1"/>
  <c r="U39201" i="1"/>
  <c r="U39200" i="1"/>
  <c r="U39199" i="1"/>
  <c r="U39198" i="1"/>
  <c r="U39197" i="1"/>
  <c r="U39196" i="1"/>
  <c r="U39195" i="1"/>
  <c r="U39194" i="1"/>
  <c r="U39193" i="1"/>
  <c r="U39192" i="1"/>
  <c r="U39191" i="1"/>
  <c r="U39190" i="1"/>
  <c r="U39189" i="1"/>
  <c r="U39188" i="1"/>
  <c r="U39187" i="1"/>
  <c r="U39186" i="1"/>
  <c r="U39185" i="1"/>
  <c r="U39184" i="1"/>
  <c r="U39183" i="1"/>
  <c r="U39182" i="1"/>
  <c r="U39181" i="1"/>
  <c r="U39180" i="1"/>
  <c r="U39179" i="1"/>
  <c r="U39178" i="1"/>
  <c r="U39177" i="1"/>
  <c r="U39176" i="1"/>
  <c r="U39175" i="1"/>
  <c r="U39174" i="1"/>
  <c r="U39173" i="1"/>
  <c r="U39172" i="1"/>
  <c r="U39171" i="1"/>
  <c r="U39170" i="1"/>
  <c r="U39169" i="1"/>
  <c r="U39168" i="1"/>
  <c r="U39167" i="1"/>
  <c r="U39166" i="1"/>
  <c r="U39165" i="1"/>
  <c r="U39164" i="1"/>
  <c r="U39163" i="1"/>
  <c r="U39162" i="1"/>
  <c r="U39161" i="1"/>
  <c r="U39160" i="1"/>
  <c r="U39159" i="1"/>
  <c r="U39158" i="1"/>
  <c r="U39157" i="1"/>
  <c r="U39156" i="1"/>
  <c r="U39155" i="1"/>
  <c r="U39154" i="1"/>
  <c r="U39153" i="1"/>
  <c r="U39152" i="1"/>
  <c r="U39151" i="1"/>
  <c r="U39150" i="1"/>
  <c r="U39149" i="1"/>
  <c r="U39148" i="1"/>
  <c r="U39147" i="1"/>
  <c r="U39146" i="1"/>
  <c r="U39145" i="1"/>
  <c r="U39144" i="1"/>
  <c r="U39143" i="1"/>
  <c r="U39142" i="1"/>
  <c r="U39141" i="1"/>
  <c r="U39140" i="1"/>
  <c r="U39139" i="1"/>
  <c r="U39138" i="1"/>
  <c r="U39137" i="1"/>
  <c r="U39136" i="1"/>
  <c r="U39135" i="1"/>
  <c r="U39134" i="1"/>
  <c r="U39133" i="1"/>
  <c r="U39132" i="1"/>
  <c r="U39131" i="1"/>
  <c r="U39130" i="1"/>
  <c r="U39129" i="1"/>
  <c r="U39128" i="1"/>
  <c r="U39127" i="1"/>
  <c r="U39126" i="1"/>
  <c r="U39125" i="1"/>
  <c r="U39124" i="1"/>
  <c r="U39123" i="1"/>
  <c r="U39122" i="1"/>
  <c r="U39121" i="1"/>
  <c r="U39120" i="1"/>
  <c r="U39119" i="1"/>
  <c r="U39118" i="1"/>
  <c r="U39117" i="1"/>
  <c r="U39116" i="1"/>
  <c r="U39115" i="1"/>
  <c r="U39114" i="1"/>
  <c r="U39113" i="1"/>
  <c r="U39112" i="1"/>
  <c r="U39111" i="1"/>
  <c r="U39110" i="1"/>
  <c r="U39109" i="1"/>
  <c r="U39108" i="1"/>
  <c r="U39107" i="1"/>
  <c r="U39106" i="1"/>
  <c r="U39105" i="1"/>
  <c r="U39104" i="1"/>
  <c r="U39103" i="1"/>
  <c r="U39102" i="1"/>
  <c r="U39101" i="1"/>
  <c r="U39100" i="1"/>
  <c r="U39099" i="1"/>
  <c r="U39098" i="1"/>
  <c r="U39097" i="1"/>
  <c r="U39096" i="1"/>
  <c r="U39095" i="1"/>
  <c r="U39094" i="1"/>
  <c r="U39093" i="1"/>
  <c r="U39092" i="1"/>
  <c r="U39091" i="1"/>
  <c r="U39090" i="1"/>
  <c r="U39089" i="1"/>
  <c r="U39088" i="1"/>
  <c r="U39087" i="1"/>
  <c r="U39086" i="1"/>
  <c r="U39085" i="1"/>
  <c r="U39084" i="1"/>
  <c r="U39083" i="1"/>
  <c r="U39082" i="1"/>
  <c r="U39081" i="1"/>
  <c r="U39080" i="1"/>
  <c r="U39079" i="1"/>
  <c r="U39078" i="1"/>
  <c r="U39077" i="1"/>
  <c r="U39076" i="1"/>
  <c r="U39075" i="1"/>
  <c r="U39074" i="1"/>
  <c r="U39073" i="1"/>
  <c r="U39072" i="1"/>
  <c r="U39071" i="1"/>
  <c r="U39070" i="1"/>
  <c r="U39069" i="1"/>
  <c r="U39068" i="1"/>
  <c r="U39067" i="1"/>
  <c r="U39066" i="1"/>
  <c r="U39065" i="1"/>
  <c r="U39064" i="1"/>
  <c r="U39063" i="1"/>
  <c r="U39062" i="1"/>
  <c r="U39061" i="1"/>
  <c r="U39060" i="1"/>
  <c r="U39059" i="1"/>
  <c r="U39058" i="1"/>
  <c r="U39057" i="1"/>
  <c r="U39056" i="1"/>
  <c r="U39055" i="1"/>
  <c r="U39054" i="1"/>
  <c r="U39053" i="1"/>
  <c r="U39052" i="1"/>
  <c r="U39051" i="1"/>
  <c r="U39050" i="1"/>
  <c r="U39049" i="1"/>
  <c r="U39048" i="1"/>
  <c r="U39047" i="1"/>
  <c r="U39046" i="1"/>
  <c r="U39045" i="1"/>
  <c r="U39044" i="1"/>
  <c r="U39043" i="1"/>
  <c r="U39042" i="1"/>
  <c r="U39041" i="1"/>
  <c r="U39040" i="1"/>
  <c r="U39039" i="1"/>
  <c r="U39038" i="1"/>
  <c r="U39037" i="1"/>
  <c r="U39036" i="1"/>
  <c r="U39035" i="1"/>
  <c r="U39034" i="1"/>
  <c r="U39033" i="1"/>
  <c r="U39032" i="1"/>
  <c r="U39031" i="1"/>
  <c r="U39030" i="1"/>
  <c r="U39029" i="1"/>
  <c r="U39028" i="1"/>
  <c r="U39027" i="1"/>
  <c r="U39026" i="1"/>
  <c r="U39025" i="1"/>
  <c r="U39024" i="1"/>
  <c r="U39023" i="1"/>
  <c r="U39022" i="1"/>
  <c r="U39021" i="1"/>
  <c r="U39020" i="1"/>
  <c r="U39019" i="1"/>
  <c r="U39018" i="1"/>
  <c r="U39017" i="1"/>
  <c r="U39016" i="1"/>
  <c r="U39015" i="1"/>
  <c r="U39014" i="1"/>
  <c r="U39013" i="1"/>
  <c r="U39012" i="1"/>
  <c r="U39011" i="1"/>
  <c r="U39010" i="1"/>
  <c r="U39009" i="1"/>
  <c r="U39008" i="1"/>
  <c r="U39007" i="1"/>
  <c r="U39006" i="1"/>
  <c r="U39005" i="1"/>
  <c r="U39004" i="1"/>
  <c r="U39003" i="1"/>
  <c r="U39002" i="1"/>
  <c r="U39001" i="1"/>
  <c r="U39000" i="1"/>
  <c r="U38999" i="1"/>
  <c r="U38998" i="1"/>
  <c r="U38997" i="1"/>
  <c r="U38996" i="1"/>
  <c r="U38995" i="1"/>
  <c r="U38994" i="1"/>
  <c r="U38993" i="1"/>
  <c r="U38992" i="1"/>
  <c r="U38991" i="1"/>
  <c r="U38990" i="1"/>
  <c r="U38989" i="1"/>
  <c r="U38988" i="1"/>
  <c r="U38987" i="1"/>
  <c r="U38986" i="1"/>
  <c r="U38985" i="1"/>
  <c r="U38984" i="1"/>
  <c r="U38983" i="1"/>
  <c r="U38982" i="1"/>
  <c r="U38981" i="1"/>
  <c r="U38980" i="1"/>
  <c r="U38979" i="1"/>
  <c r="U38978" i="1"/>
  <c r="U38977" i="1"/>
  <c r="U38976" i="1"/>
  <c r="U38975" i="1"/>
  <c r="U38974" i="1"/>
  <c r="U38973" i="1"/>
  <c r="U38972" i="1"/>
  <c r="U38971" i="1"/>
  <c r="U38970" i="1"/>
  <c r="U38969" i="1"/>
  <c r="U38968" i="1"/>
  <c r="U38967" i="1"/>
  <c r="U38966" i="1"/>
  <c r="U38965" i="1"/>
  <c r="U38964" i="1"/>
  <c r="U38963" i="1"/>
  <c r="U38962" i="1"/>
  <c r="U38961" i="1"/>
  <c r="U38960" i="1"/>
  <c r="U38959" i="1"/>
  <c r="U38958" i="1"/>
  <c r="U38957" i="1"/>
  <c r="U38956" i="1"/>
  <c r="U38955" i="1"/>
  <c r="U38954" i="1"/>
  <c r="U38953" i="1"/>
  <c r="U38952" i="1"/>
  <c r="U38951" i="1"/>
  <c r="U38950" i="1"/>
  <c r="U38949" i="1"/>
  <c r="U38948" i="1"/>
  <c r="U38947" i="1"/>
  <c r="U38946" i="1"/>
  <c r="U38945" i="1"/>
  <c r="U38944" i="1"/>
  <c r="U38943" i="1"/>
  <c r="U38942" i="1"/>
  <c r="U38941" i="1"/>
  <c r="U38940" i="1"/>
  <c r="U38939" i="1"/>
  <c r="U38938" i="1"/>
  <c r="U38937" i="1"/>
  <c r="U38936" i="1"/>
  <c r="U38935" i="1"/>
  <c r="U38934" i="1"/>
  <c r="U38933" i="1"/>
  <c r="U38932" i="1"/>
  <c r="U38931" i="1"/>
  <c r="U38930" i="1"/>
  <c r="U38929" i="1"/>
  <c r="U38928" i="1"/>
  <c r="U38927" i="1"/>
  <c r="U38926" i="1"/>
  <c r="U38925" i="1"/>
  <c r="U38924" i="1"/>
  <c r="U38923" i="1"/>
  <c r="U38922" i="1"/>
  <c r="U38921" i="1"/>
  <c r="U38920" i="1"/>
  <c r="U38919" i="1"/>
  <c r="U38918" i="1"/>
  <c r="U38917" i="1"/>
  <c r="U38916" i="1"/>
  <c r="U38915" i="1"/>
  <c r="U38914" i="1"/>
  <c r="U38913" i="1"/>
  <c r="U38912" i="1"/>
  <c r="U38911" i="1"/>
  <c r="U38910" i="1"/>
  <c r="U38909" i="1"/>
  <c r="U38908" i="1"/>
  <c r="U38907" i="1"/>
  <c r="U38906" i="1"/>
  <c r="U38905" i="1"/>
  <c r="U38904" i="1"/>
  <c r="U38903" i="1"/>
  <c r="U38902" i="1"/>
  <c r="U38901" i="1"/>
  <c r="U38900" i="1"/>
  <c r="U38899" i="1"/>
  <c r="U38898" i="1"/>
  <c r="U38897" i="1"/>
  <c r="U38896" i="1"/>
  <c r="U38895" i="1"/>
  <c r="U38894" i="1"/>
  <c r="U38893" i="1"/>
  <c r="U38892" i="1"/>
  <c r="U38891" i="1"/>
  <c r="U38890" i="1"/>
  <c r="U38889" i="1"/>
  <c r="U38888" i="1"/>
  <c r="U38887" i="1"/>
  <c r="U38886" i="1"/>
  <c r="U38885" i="1"/>
  <c r="U38884" i="1"/>
  <c r="U38883" i="1"/>
  <c r="U38882" i="1"/>
  <c r="U38881" i="1"/>
  <c r="U38880" i="1"/>
  <c r="U38879" i="1"/>
  <c r="U38878" i="1"/>
  <c r="U38877" i="1"/>
  <c r="U38876" i="1"/>
  <c r="U38875" i="1"/>
  <c r="U38874" i="1"/>
  <c r="U38873" i="1"/>
  <c r="U38872" i="1"/>
  <c r="U38871" i="1"/>
  <c r="U38870" i="1"/>
  <c r="U38869" i="1"/>
  <c r="U38868" i="1"/>
  <c r="U38867" i="1"/>
  <c r="U38866" i="1"/>
  <c r="U38865" i="1"/>
  <c r="U38864" i="1"/>
  <c r="U38863" i="1"/>
  <c r="U38862" i="1"/>
  <c r="U38861" i="1"/>
  <c r="U38860" i="1"/>
  <c r="U38859" i="1"/>
  <c r="U38858" i="1"/>
  <c r="U38857" i="1"/>
  <c r="U38856" i="1"/>
  <c r="U38855" i="1"/>
  <c r="U38854" i="1"/>
  <c r="U38853" i="1"/>
  <c r="U38852" i="1"/>
  <c r="U38851" i="1"/>
  <c r="U38850" i="1"/>
  <c r="U38849" i="1"/>
  <c r="U38848" i="1"/>
  <c r="U38847" i="1"/>
  <c r="U38846" i="1"/>
  <c r="U38845" i="1"/>
  <c r="U38844" i="1"/>
  <c r="U38843" i="1"/>
  <c r="U38842" i="1"/>
  <c r="U38841" i="1"/>
  <c r="U38840" i="1"/>
  <c r="U38839" i="1"/>
  <c r="U38838" i="1"/>
  <c r="U38837" i="1"/>
  <c r="U38836" i="1"/>
  <c r="U38835" i="1"/>
  <c r="U38834" i="1"/>
  <c r="U38833" i="1"/>
  <c r="U38832" i="1"/>
  <c r="U38831" i="1"/>
  <c r="U38830" i="1"/>
  <c r="U38829" i="1"/>
  <c r="U38828" i="1"/>
  <c r="U38827" i="1"/>
  <c r="U38826" i="1"/>
  <c r="U38825" i="1"/>
  <c r="U38824" i="1"/>
  <c r="U38823" i="1"/>
  <c r="U38822" i="1"/>
  <c r="U38821" i="1"/>
  <c r="U38820" i="1"/>
  <c r="U38819" i="1"/>
  <c r="U38818" i="1"/>
  <c r="U38817" i="1"/>
  <c r="U38816" i="1"/>
  <c r="U38815" i="1"/>
  <c r="U38814" i="1"/>
  <c r="U38813" i="1"/>
  <c r="U38812" i="1"/>
  <c r="U38811" i="1"/>
  <c r="U38810" i="1"/>
  <c r="U38809" i="1"/>
  <c r="U38808" i="1"/>
  <c r="U38807" i="1"/>
  <c r="U38806" i="1"/>
  <c r="U38805" i="1"/>
  <c r="U38804" i="1"/>
  <c r="U38803" i="1"/>
  <c r="U38802" i="1"/>
  <c r="U38801" i="1"/>
  <c r="U38800" i="1"/>
  <c r="U38799" i="1"/>
  <c r="U38798" i="1"/>
  <c r="U38797" i="1"/>
  <c r="U38796" i="1"/>
  <c r="U38795" i="1"/>
  <c r="U38794" i="1"/>
  <c r="U38793" i="1"/>
  <c r="U38792" i="1"/>
  <c r="U38791" i="1"/>
  <c r="U38790" i="1"/>
  <c r="U38789" i="1"/>
  <c r="U38788" i="1"/>
  <c r="U38787" i="1"/>
  <c r="U38786" i="1"/>
  <c r="U38785" i="1"/>
  <c r="U38784" i="1"/>
  <c r="U38783" i="1"/>
  <c r="U38782" i="1"/>
  <c r="U38781" i="1"/>
  <c r="U38780" i="1"/>
  <c r="U38779" i="1"/>
  <c r="U38778" i="1"/>
  <c r="U38777" i="1"/>
  <c r="U38776" i="1"/>
  <c r="U38775" i="1"/>
  <c r="U38774" i="1"/>
  <c r="U38773" i="1"/>
  <c r="U38772" i="1"/>
  <c r="U38771" i="1"/>
  <c r="U38770" i="1"/>
  <c r="U38769" i="1"/>
  <c r="U38768" i="1"/>
  <c r="U38767" i="1"/>
  <c r="U38766" i="1"/>
  <c r="U38765" i="1"/>
  <c r="U38764" i="1"/>
  <c r="U38763" i="1"/>
  <c r="U38762" i="1"/>
  <c r="U38761" i="1"/>
  <c r="U38760" i="1"/>
  <c r="U38759" i="1"/>
  <c r="U38758" i="1"/>
  <c r="U38757" i="1"/>
  <c r="U38756" i="1"/>
  <c r="U38755" i="1"/>
  <c r="U38754" i="1"/>
  <c r="U38753" i="1"/>
  <c r="U38752" i="1"/>
  <c r="U38751" i="1"/>
  <c r="U38750" i="1"/>
  <c r="U38749" i="1"/>
  <c r="U38748" i="1"/>
  <c r="U38747" i="1"/>
  <c r="U38746" i="1"/>
  <c r="U38745" i="1"/>
  <c r="U38744" i="1"/>
  <c r="U38743" i="1"/>
  <c r="U38742" i="1"/>
  <c r="U38741" i="1"/>
  <c r="U38740" i="1"/>
  <c r="U38739" i="1"/>
  <c r="U38738" i="1"/>
  <c r="U38737" i="1"/>
  <c r="U38736" i="1"/>
  <c r="U38735" i="1"/>
  <c r="U38734" i="1"/>
  <c r="U38733" i="1"/>
  <c r="U38732" i="1"/>
  <c r="U38731" i="1"/>
  <c r="U38730" i="1"/>
  <c r="U38729" i="1"/>
  <c r="U38728" i="1"/>
  <c r="U38727" i="1"/>
  <c r="U38726" i="1"/>
  <c r="U38725" i="1"/>
  <c r="U38724" i="1"/>
  <c r="U38723" i="1"/>
  <c r="U38722" i="1"/>
  <c r="U38721" i="1"/>
  <c r="U38720" i="1"/>
  <c r="U38719" i="1"/>
  <c r="U38718" i="1"/>
  <c r="U38717" i="1"/>
  <c r="U38716" i="1"/>
  <c r="U38715" i="1"/>
  <c r="U38714" i="1"/>
  <c r="U38713" i="1"/>
  <c r="U38712" i="1"/>
  <c r="U38711" i="1"/>
  <c r="U38710" i="1"/>
  <c r="U38709" i="1"/>
  <c r="U38708" i="1"/>
  <c r="U38707" i="1"/>
  <c r="U38706" i="1"/>
  <c r="U38705" i="1"/>
  <c r="U38704" i="1"/>
  <c r="U38703" i="1"/>
  <c r="U38702" i="1"/>
  <c r="U38701" i="1"/>
  <c r="U38700" i="1"/>
  <c r="U38699" i="1"/>
  <c r="U38698" i="1"/>
  <c r="U38697" i="1"/>
  <c r="U38696" i="1"/>
  <c r="U38695" i="1"/>
  <c r="U38694" i="1"/>
  <c r="U38693" i="1"/>
  <c r="U38692" i="1"/>
  <c r="U38691" i="1"/>
  <c r="U38690" i="1"/>
  <c r="U38689" i="1"/>
  <c r="U38688" i="1"/>
  <c r="U38687" i="1"/>
  <c r="U38686" i="1"/>
  <c r="U38685" i="1"/>
  <c r="U38684" i="1"/>
  <c r="U38683" i="1"/>
  <c r="U38682" i="1"/>
  <c r="U38681" i="1"/>
  <c r="U38680" i="1"/>
  <c r="U38679" i="1"/>
  <c r="U38678" i="1"/>
  <c r="U38677" i="1"/>
  <c r="U38676" i="1"/>
  <c r="U38675" i="1"/>
  <c r="U38674" i="1"/>
  <c r="U38673" i="1"/>
  <c r="U38672" i="1"/>
  <c r="U38671" i="1"/>
  <c r="U38670" i="1"/>
  <c r="U38669" i="1"/>
  <c r="U38668" i="1"/>
  <c r="U38667" i="1"/>
  <c r="U38666" i="1"/>
  <c r="U38665" i="1"/>
  <c r="U38664" i="1"/>
  <c r="U38663" i="1"/>
  <c r="U38662" i="1"/>
  <c r="U38661" i="1"/>
  <c r="U38660" i="1"/>
  <c r="U38659" i="1"/>
  <c r="U38658" i="1"/>
  <c r="U38657" i="1"/>
  <c r="U38656" i="1"/>
  <c r="U38655" i="1"/>
  <c r="U38654" i="1"/>
  <c r="U38653" i="1"/>
  <c r="U38652" i="1"/>
  <c r="U38651" i="1"/>
  <c r="U38650" i="1"/>
  <c r="U38649" i="1"/>
  <c r="U38648" i="1"/>
  <c r="U38647" i="1"/>
  <c r="U38646" i="1"/>
  <c r="U38645" i="1"/>
  <c r="U38644" i="1"/>
  <c r="U38643" i="1"/>
  <c r="U38642" i="1"/>
  <c r="U38641" i="1"/>
  <c r="U38640" i="1"/>
  <c r="U38639" i="1"/>
  <c r="U38638" i="1"/>
  <c r="U38637" i="1"/>
  <c r="U38636" i="1"/>
  <c r="U38635" i="1"/>
  <c r="U38634" i="1"/>
  <c r="U38633" i="1"/>
  <c r="U38632" i="1"/>
  <c r="U38631" i="1"/>
  <c r="U38630" i="1"/>
  <c r="U38629" i="1"/>
  <c r="U38628" i="1"/>
  <c r="U38627" i="1"/>
  <c r="U38626" i="1"/>
  <c r="U38625" i="1"/>
  <c r="U38624" i="1"/>
  <c r="U38623" i="1"/>
  <c r="U38622" i="1"/>
  <c r="U38621" i="1"/>
  <c r="U38620" i="1"/>
  <c r="U38619" i="1"/>
  <c r="U38618" i="1"/>
  <c r="U38617" i="1"/>
  <c r="U38616" i="1"/>
  <c r="U38615" i="1"/>
  <c r="U38614" i="1"/>
  <c r="U38613" i="1"/>
  <c r="U38612" i="1"/>
  <c r="U38611" i="1"/>
  <c r="U38610" i="1"/>
  <c r="U38609" i="1"/>
  <c r="U38608" i="1"/>
  <c r="U38607" i="1"/>
  <c r="U38606" i="1"/>
  <c r="U38605" i="1"/>
  <c r="U38604" i="1"/>
  <c r="U38603" i="1"/>
  <c r="U38602" i="1"/>
  <c r="U38601" i="1"/>
  <c r="U38600" i="1"/>
  <c r="U38599" i="1"/>
  <c r="U38598" i="1"/>
  <c r="U38597" i="1"/>
  <c r="U38596" i="1"/>
  <c r="U38595" i="1"/>
  <c r="U38594" i="1"/>
  <c r="U38593" i="1"/>
  <c r="U38592" i="1"/>
  <c r="U38591" i="1"/>
  <c r="U38590" i="1"/>
  <c r="U38589" i="1"/>
  <c r="U38588" i="1"/>
  <c r="U38587" i="1"/>
  <c r="U38586" i="1"/>
  <c r="U38585" i="1"/>
  <c r="U38584" i="1"/>
  <c r="U38583" i="1"/>
  <c r="U38582" i="1"/>
  <c r="U38581" i="1"/>
  <c r="U38580" i="1"/>
  <c r="U38579" i="1"/>
  <c r="U38578" i="1"/>
  <c r="U38577" i="1"/>
  <c r="U38576" i="1"/>
  <c r="U38575" i="1"/>
  <c r="U38574" i="1"/>
  <c r="U38573" i="1"/>
  <c r="U38572" i="1"/>
  <c r="U38571" i="1"/>
  <c r="U38570" i="1"/>
  <c r="U38569" i="1"/>
  <c r="U38568" i="1"/>
  <c r="U38567" i="1"/>
  <c r="U38566" i="1"/>
  <c r="U38565" i="1"/>
  <c r="U38564" i="1"/>
  <c r="U38563" i="1"/>
  <c r="U38562" i="1"/>
  <c r="U38561" i="1"/>
  <c r="U38560" i="1"/>
  <c r="U38559" i="1"/>
  <c r="U38558" i="1"/>
  <c r="U38557" i="1"/>
  <c r="U38556" i="1"/>
  <c r="U38555" i="1"/>
  <c r="U38554" i="1"/>
  <c r="U38553" i="1"/>
  <c r="U38552" i="1"/>
  <c r="U38551" i="1"/>
  <c r="U38550" i="1"/>
  <c r="U38549" i="1"/>
  <c r="U38548" i="1"/>
  <c r="U38547" i="1"/>
  <c r="U38546" i="1"/>
  <c r="U38545" i="1"/>
  <c r="U38544" i="1"/>
  <c r="U38543" i="1"/>
  <c r="U38542" i="1"/>
  <c r="U38541" i="1"/>
  <c r="U38540" i="1"/>
  <c r="U38539" i="1"/>
  <c r="U38538" i="1"/>
  <c r="U38537" i="1"/>
  <c r="U38536" i="1"/>
  <c r="U38535" i="1"/>
  <c r="U38534" i="1"/>
  <c r="U38533" i="1"/>
  <c r="U38532" i="1"/>
  <c r="U38531" i="1"/>
  <c r="U38530" i="1"/>
  <c r="U38529" i="1"/>
  <c r="U38528" i="1"/>
  <c r="U38527" i="1"/>
  <c r="U38526" i="1"/>
  <c r="U38525" i="1"/>
  <c r="U38524" i="1"/>
  <c r="U38523" i="1"/>
  <c r="U38522" i="1"/>
  <c r="U38521" i="1"/>
  <c r="U38520" i="1"/>
  <c r="U38519" i="1"/>
  <c r="U38518" i="1"/>
  <c r="U38517" i="1"/>
  <c r="U38516" i="1"/>
  <c r="U38515" i="1"/>
  <c r="U38514" i="1"/>
  <c r="U38513" i="1"/>
  <c r="U38512" i="1"/>
  <c r="U38511" i="1"/>
  <c r="U38510" i="1"/>
  <c r="U38509" i="1"/>
  <c r="U38508" i="1"/>
  <c r="U38507" i="1"/>
  <c r="U38506" i="1"/>
  <c r="U38505" i="1"/>
  <c r="U38504" i="1"/>
  <c r="U38503" i="1"/>
  <c r="U38502" i="1"/>
  <c r="U38501" i="1"/>
  <c r="U38500" i="1"/>
  <c r="U38499" i="1"/>
  <c r="U38498" i="1"/>
  <c r="U38497" i="1"/>
  <c r="U38496" i="1"/>
  <c r="U38495" i="1"/>
  <c r="U38494" i="1"/>
  <c r="U38493" i="1"/>
  <c r="U38492" i="1"/>
  <c r="U38491" i="1"/>
  <c r="U38490" i="1"/>
  <c r="U38489" i="1"/>
  <c r="U38488" i="1"/>
  <c r="U38487" i="1"/>
  <c r="U38486" i="1"/>
  <c r="U38485" i="1"/>
  <c r="U38484" i="1"/>
  <c r="U38483" i="1"/>
  <c r="U38482" i="1"/>
  <c r="U38481" i="1"/>
  <c r="U38480" i="1"/>
  <c r="U38479" i="1"/>
  <c r="U38478" i="1"/>
  <c r="U38477" i="1"/>
  <c r="U38476" i="1"/>
  <c r="U38475" i="1"/>
  <c r="U38474" i="1"/>
  <c r="U38473" i="1"/>
  <c r="U38472" i="1"/>
  <c r="U38471" i="1"/>
  <c r="U38470" i="1"/>
  <c r="U38469" i="1"/>
  <c r="U38468" i="1"/>
  <c r="U38467" i="1"/>
  <c r="U38466" i="1"/>
  <c r="U38465" i="1"/>
  <c r="U38464" i="1"/>
  <c r="U38463" i="1"/>
  <c r="U38462" i="1"/>
  <c r="U38461" i="1"/>
  <c r="U38460" i="1"/>
  <c r="U38459" i="1"/>
  <c r="U38458" i="1"/>
  <c r="U38457" i="1"/>
  <c r="U38456" i="1"/>
  <c r="U38455" i="1"/>
  <c r="U38454" i="1"/>
  <c r="U38453" i="1"/>
  <c r="U38452" i="1"/>
  <c r="U38451" i="1"/>
  <c r="U38450" i="1"/>
  <c r="U38449" i="1"/>
  <c r="U38448" i="1"/>
  <c r="U38447" i="1"/>
  <c r="U38446" i="1"/>
  <c r="U38445" i="1"/>
  <c r="U38444" i="1"/>
  <c r="U38443" i="1"/>
  <c r="U38442" i="1"/>
  <c r="U38441" i="1"/>
  <c r="U38440" i="1"/>
  <c r="U38439" i="1"/>
  <c r="U38438" i="1"/>
  <c r="U38437" i="1"/>
  <c r="U38436" i="1"/>
  <c r="U38435" i="1"/>
  <c r="U38434" i="1"/>
  <c r="U38433" i="1"/>
  <c r="U38432" i="1"/>
  <c r="U38431" i="1"/>
  <c r="U38430" i="1"/>
  <c r="U38429" i="1"/>
  <c r="U38428" i="1"/>
  <c r="U38427" i="1"/>
  <c r="U38426" i="1"/>
  <c r="U38425" i="1"/>
  <c r="U38424" i="1"/>
  <c r="U38423" i="1"/>
  <c r="U38422" i="1"/>
  <c r="U38421" i="1"/>
  <c r="U38420" i="1"/>
  <c r="U38419" i="1"/>
  <c r="U38418" i="1"/>
  <c r="U38417" i="1"/>
  <c r="U38416" i="1"/>
  <c r="U38415" i="1"/>
  <c r="U38414" i="1"/>
  <c r="U38413" i="1"/>
  <c r="U38412" i="1"/>
  <c r="U38411" i="1"/>
  <c r="U38410" i="1"/>
  <c r="U38409" i="1"/>
  <c r="U38408" i="1"/>
  <c r="U38407" i="1"/>
  <c r="U38406" i="1"/>
  <c r="U38405" i="1"/>
  <c r="U38404" i="1"/>
  <c r="U38403" i="1"/>
  <c r="U38402" i="1"/>
  <c r="U38401" i="1"/>
  <c r="U38400" i="1"/>
  <c r="U38399" i="1"/>
  <c r="U38398" i="1"/>
  <c r="U38397" i="1"/>
  <c r="U38396" i="1"/>
  <c r="U38395" i="1"/>
  <c r="U38394" i="1"/>
  <c r="U38393" i="1"/>
  <c r="U38392" i="1"/>
  <c r="U38391" i="1"/>
  <c r="U38390" i="1"/>
  <c r="U38389" i="1"/>
  <c r="U38388" i="1"/>
  <c r="U38387" i="1"/>
  <c r="U38386" i="1"/>
  <c r="U38385" i="1"/>
  <c r="U38384" i="1"/>
  <c r="U38383" i="1"/>
  <c r="U38382" i="1"/>
  <c r="U38381" i="1"/>
  <c r="U38380" i="1"/>
  <c r="U38379" i="1"/>
  <c r="U38378" i="1"/>
  <c r="U38377" i="1"/>
  <c r="U38376" i="1"/>
  <c r="U38375" i="1"/>
  <c r="U38374" i="1"/>
  <c r="U38373" i="1"/>
  <c r="U38372" i="1"/>
  <c r="U38371" i="1"/>
  <c r="U38370" i="1"/>
  <c r="U38369" i="1"/>
  <c r="U38368" i="1"/>
  <c r="U38367" i="1"/>
  <c r="U38366" i="1"/>
  <c r="U38365" i="1"/>
  <c r="U38364" i="1"/>
  <c r="U38363" i="1"/>
  <c r="U38362" i="1"/>
  <c r="U38361" i="1"/>
  <c r="U38360" i="1"/>
  <c r="U38359" i="1"/>
  <c r="U38358" i="1"/>
  <c r="U38357" i="1"/>
  <c r="U38356" i="1"/>
  <c r="U38355" i="1"/>
  <c r="U38354" i="1"/>
  <c r="U38353" i="1"/>
  <c r="U38352" i="1"/>
  <c r="U38351" i="1"/>
  <c r="U38350" i="1"/>
  <c r="U38349" i="1"/>
  <c r="U38348" i="1"/>
  <c r="U38347" i="1"/>
  <c r="U38346" i="1"/>
  <c r="U38345" i="1"/>
  <c r="U38344" i="1"/>
  <c r="U38343" i="1"/>
  <c r="U38342" i="1"/>
  <c r="U38341" i="1"/>
  <c r="U38340" i="1"/>
  <c r="U38339" i="1"/>
  <c r="U38338" i="1"/>
  <c r="U38337" i="1"/>
  <c r="U38336" i="1"/>
  <c r="U38335" i="1"/>
  <c r="U38334" i="1"/>
  <c r="U38333" i="1"/>
  <c r="U38332" i="1"/>
  <c r="U38331" i="1"/>
  <c r="U38330" i="1"/>
  <c r="U38329" i="1"/>
  <c r="U38328" i="1"/>
  <c r="U38327" i="1"/>
  <c r="U38326" i="1"/>
  <c r="U38325" i="1"/>
  <c r="U38324" i="1"/>
  <c r="U38323" i="1"/>
  <c r="U38322" i="1"/>
  <c r="U38321" i="1"/>
  <c r="U38320" i="1"/>
  <c r="U38319" i="1"/>
  <c r="U38318" i="1"/>
  <c r="U38317" i="1"/>
  <c r="U38316" i="1"/>
  <c r="U38315" i="1"/>
  <c r="U38314" i="1"/>
  <c r="U38313" i="1"/>
  <c r="U38312" i="1"/>
  <c r="U38311" i="1"/>
  <c r="U38310" i="1"/>
  <c r="U38309" i="1"/>
  <c r="U38308" i="1"/>
  <c r="U38307" i="1"/>
  <c r="U38306" i="1"/>
  <c r="U38305" i="1"/>
  <c r="U38304" i="1"/>
  <c r="U38303" i="1"/>
  <c r="U38302" i="1"/>
  <c r="U38301" i="1"/>
  <c r="U38300" i="1"/>
  <c r="U38299" i="1"/>
  <c r="U38298" i="1"/>
  <c r="U38297" i="1"/>
  <c r="U38296" i="1"/>
  <c r="U38295" i="1"/>
  <c r="U38294" i="1"/>
  <c r="U38293" i="1"/>
  <c r="U38292" i="1"/>
  <c r="U38291" i="1"/>
  <c r="U38290" i="1"/>
  <c r="U38289" i="1"/>
  <c r="U38288" i="1"/>
  <c r="U38287" i="1"/>
  <c r="U38286" i="1"/>
  <c r="U38285" i="1"/>
  <c r="U38284" i="1"/>
  <c r="U38283" i="1"/>
  <c r="U38282" i="1"/>
  <c r="U38281" i="1"/>
  <c r="U38280" i="1"/>
  <c r="U38279" i="1"/>
  <c r="U38278" i="1"/>
  <c r="U38277" i="1"/>
  <c r="U38276" i="1"/>
  <c r="U38275" i="1"/>
  <c r="U38274" i="1"/>
  <c r="U38273" i="1"/>
  <c r="U38272" i="1"/>
  <c r="U38271" i="1"/>
  <c r="U38270" i="1"/>
  <c r="U38269" i="1"/>
  <c r="U38268" i="1"/>
  <c r="U38267" i="1"/>
  <c r="U38266" i="1"/>
  <c r="U38265" i="1"/>
  <c r="U38264" i="1"/>
  <c r="U38263" i="1"/>
  <c r="U38262" i="1"/>
  <c r="U38261" i="1"/>
  <c r="U38260" i="1"/>
  <c r="U38259" i="1"/>
  <c r="U38258" i="1"/>
  <c r="U38257" i="1"/>
  <c r="U38256" i="1"/>
  <c r="U38255" i="1"/>
  <c r="U38254" i="1"/>
  <c r="U38253" i="1"/>
  <c r="U38252" i="1"/>
  <c r="U38251" i="1"/>
  <c r="U38250" i="1"/>
  <c r="U38249" i="1"/>
  <c r="U38248" i="1"/>
  <c r="U38247" i="1"/>
  <c r="U38246" i="1"/>
  <c r="U38245" i="1"/>
  <c r="U38244" i="1"/>
  <c r="U38243" i="1"/>
  <c r="U38242" i="1"/>
  <c r="U38241" i="1"/>
  <c r="U38240" i="1"/>
  <c r="U38239" i="1"/>
  <c r="U38238" i="1"/>
  <c r="U38237" i="1"/>
  <c r="U38236" i="1"/>
  <c r="U38235" i="1"/>
  <c r="U38234" i="1"/>
  <c r="U38233" i="1"/>
  <c r="U38232" i="1"/>
  <c r="U38231" i="1"/>
  <c r="U38230" i="1"/>
  <c r="U38229" i="1"/>
  <c r="U38228" i="1"/>
  <c r="U38227" i="1"/>
  <c r="U38226" i="1"/>
  <c r="U38225" i="1"/>
  <c r="U38224" i="1"/>
  <c r="U38223" i="1"/>
  <c r="U38222" i="1"/>
  <c r="U38221" i="1"/>
  <c r="U38220" i="1"/>
  <c r="U38219" i="1"/>
  <c r="U38218" i="1"/>
  <c r="U38217" i="1"/>
  <c r="U38216" i="1"/>
  <c r="U38215" i="1"/>
  <c r="U38214" i="1"/>
  <c r="U38213" i="1"/>
  <c r="U38212" i="1"/>
  <c r="U38211" i="1"/>
  <c r="U38210" i="1"/>
  <c r="U38209" i="1"/>
  <c r="U38208" i="1"/>
  <c r="U38207" i="1"/>
  <c r="U38206" i="1"/>
  <c r="U38205" i="1"/>
  <c r="U38204" i="1"/>
  <c r="U38203" i="1"/>
  <c r="U38202" i="1"/>
  <c r="U38201" i="1"/>
  <c r="U38200" i="1"/>
  <c r="U38199" i="1"/>
  <c r="U38198" i="1"/>
  <c r="U38197" i="1"/>
  <c r="U38196" i="1"/>
  <c r="U38195" i="1"/>
  <c r="U38194" i="1"/>
  <c r="U38193" i="1"/>
  <c r="U38192" i="1"/>
  <c r="U38191" i="1"/>
  <c r="U38190" i="1"/>
  <c r="U38189" i="1"/>
  <c r="U38188" i="1"/>
  <c r="U38187" i="1"/>
  <c r="U38186" i="1"/>
  <c r="U38185" i="1"/>
  <c r="U38184" i="1"/>
  <c r="U38183" i="1"/>
  <c r="U38182" i="1"/>
  <c r="U38181" i="1"/>
  <c r="U38180" i="1"/>
  <c r="U38179" i="1"/>
  <c r="U38178" i="1"/>
  <c r="U38177" i="1"/>
  <c r="U38176" i="1"/>
  <c r="U38175" i="1"/>
  <c r="U38174" i="1"/>
  <c r="U38173" i="1"/>
  <c r="U38172" i="1"/>
  <c r="U38171" i="1"/>
  <c r="U38170" i="1"/>
  <c r="U38169" i="1"/>
  <c r="U38168" i="1"/>
  <c r="U38167" i="1"/>
  <c r="U38166" i="1"/>
  <c r="U38165" i="1"/>
  <c r="U38164" i="1"/>
  <c r="U38163" i="1"/>
  <c r="U38162" i="1"/>
  <c r="U38161" i="1"/>
  <c r="U38160" i="1"/>
  <c r="U38159" i="1"/>
  <c r="U38158" i="1"/>
  <c r="U38157" i="1"/>
  <c r="U38156" i="1"/>
  <c r="U38155" i="1"/>
  <c r="U38154" i="1"/>
  <c r="U38153" i="1"/>
  <c r="U38152" i="1"/>
  <c r="U38151" i="1"/>
  <c r="U38150" i="1"/>
  <c r="U38149" i="1"/>
  <c r="U38148" i="1"/>
  <c r="U38147" i="1"/>
  <c r="U38146" i="1"/>
  <c r="U38145" i="1"/>
  <c r="U38144" i="1"/>
  <c r="U38143" i="1"/>
  <c r="U38142" i="1"/>
  <c r="U38141" i="1"/>
  <c r="U38140" i="1"/>
  <c r="U38139" i="1"/>
  <c r="U38138" i="1"/>
  <c r="U38137" i="1"/>
  <c r="U38136" i="1"/>
  <c r="U38135" i="1"/>
  <c r="U38134" i="1"/>
  <c r="U38133" i="1"/>
  <c r="U38132" i="1"/>
  <c r="U38131" i="1"/>
  <c r="U38130" i="1"/>
  <c r="U38129" i="1"/>
  <c r="U38128" i="1"/>
  <c r="U38127" i="1"/>
  <c r="U38126" i="1"/>
  <c r="U38125" i="1"/>
  <c r="U38124" i="1"/>
  <c r="U38123" i="1"/>
  <c r="U38122" i="1"/>
  <c r="U38121" i="1"/>
  <c r="U38120" i="1"/>
  <c r="U38119" i="1"/>
  <c r="U38118" i="1"/>
  <c r="U38117" i="1"/>
  <c r="U38116" i="1"/>
  <c r="U38115" i="1"/>
  <c r="U38114" i="1"/>
  <c r="U38113" i="1"/>
  <c r="U38112" i="1"/>
  <c r="U38111" i="1"/>
  <c r="U38110" i="1"/>
  <c r="U38109" i="1"/>
  <c r="U38108" i="1"/>
  <c r="U38107" i="1"/>
  <c r="U38106" i="1"/>
  <c r="U38105" i="1"/>
  <c r="U38104" i="1"/>
  <c r="U38103" i="1"/>
  <c r="U38102" i="1"/>
  <c r="U38101" i="1"/>
  <c r="U38100" i="1"/>
  <c r="U38099" i="1"/>
  <c r="U38098" i="1"/>
  <c r="U38097" i="1"/>
  <c r="U38096" i="1"/>
  <c r="U38095" i="1"/>
  <c r="U38094" i="1"/>
  <c r="U38093" i="1"/>
  <c r="U38092" i="1"/>
  <c r="U38091" i="1"/>
  <c r="U38090" i="1"/>
  <c r="U38089" i="1"/>
  <c r="U38088" i="1"/>
  <c r="U38087" i="1"/>
  <c r="U38086" i="1"/>
  <c r="U38085" i="1"/>
  <c r="U38084" i="1"/>
  <c r="U38083" i="1"/>
  <c r="U38082" i="1"/>
  <c r="U38081" i="1"/>
  <c r="U38080" i="1"/>
  <c r="U38079" i="1"/>
  <c r="U38078" i="1"/>
  <c r="U38077" i="1"/>
  <c r="U38076" i="1"/>
  <c r="U38075" i="1"/>
  <c r="U38074" i="1"/>
  <c r="U38073" i="1"/>
  <c r="U38072" i="1"/>
  <c r="U38071" i="1"/>
  <c r="U38070" i="1"/>
  <c r="U38069" i="1"/>
  <c r="U38068" i="1"/>
  <c r="U38067" i="1"/>
  <c r="U38066" i="1"/>
  <c r="U38065" i="1"/>
  <c r="U38064" i="1"/>
  <c r="U38063" i="1"/>
  <c r="U38062" i="1"/>
  <c r="U38061" i="1"/>
  <c r="U38060" i="1"/>
  <c r="U38059" i="1"/>
  <c r="U38058" i="1"/>
  <c r="U38057" i="1"/>
  <c r="U38056" i="1"/>
  <c r="U38055" i="1"/>
  <c r="U38054" i="1"/>
  <c r="U38053" i="1"/>
  <c r="U38052" i="1"/>
  <c r="U38051" i="1"/>
  <c r="U38050" i="1"/>
  <c r="U38049" i="1"/>
  <c r="U38048" i="1"/>
  <c r="U38047" i="1"/>
  <c r="U38046" i="1"/>
  <c r="U38045" i="1"/>
  <c r="U38044" i="1"/>
  <c r="U38043" i="1"/>
  <c r="U38042" i="1"/>
  <c r="U38041" i="1"/>
  <c r="U38040" i="1"/>
  <c r="U38039" i="1"/>
  <c r="U38038" i="1"/>
  <c r="U38037" i="1"/>
  <c r="U38036" i="1"/>
  <c r="U38035" i="1"/>
  <c r="U38034" i="1"/>
  <c r="U38033" i="1"/>
  <c r="U38032" i="1"/>
  <c r="U38031" i="1"/>
  <c r="U38030" i="1"/>
  <c r="U38029" i="1"/>
  <c r="U38028" i="1"/>
  <c r="U38027" i="1"/>
  <c r="U38026" i="1"/>
  <c r="U38025" i="1"/>
  <c r="U38024" i="1"/>
  <c r="U38023" i="1"/>
  <c r="U38022" i="1"/>
  <c r="U38021" i="1"/>
  <c r="U38020" i="1"/>
  <c r="U38019" i="1"/>
  <c r="U38018" i="1"/>
  <c r="U38017" i="1"/>
  <c r="U38016" i="1"/>
  <c r="U38015" i="1"/>
  <c r="U38014" i="1"/>
  <c r="U38013" i="1"/>
  <c r="U38012" i="1"/>
  <c r="U38011" i="1"/>
  <c r="U38010" i="1"/>
  <c r="U38009" i="1"/>
  <c r="U38008" i="1"/>
  <c r="U38007" i="1"/>
  <c r="U38006" i="1"/>
  <c r="U38005" i="1"/>
  <c r="U38004" i="1"/>
  <c r="U38003" i="1"/>
  <c r="U38002" i="1"/>
  <c r="U38001" i="1"/>
  <c r="U38000" i="1"/>
  <c r="U37999" i="1"/>
  <c r="U37998" i="1"/>
  <c r="U37997" i="1"/>
  <c r="U37996" i="1"/>
  <c r="U37995" i="1"/>
  <c r="U37994" i="1"/>
  <c r="U37993" i="1"/>
  <c r="U37992" i="1"/>
  <c r="U37991" i="1"/>
  <c r="U37990" i="1"/>
  <c r="U37989" i="1"/>
  <c r="U37988" i="1"/>
  <c r="U37987" i="1"/>
  <c r="U37986" i="1"/>
  <c r="U37985" i="1"/>
  <c r="U37984" i="1"/>
  <c r="U37983" i="1"/>
  <c r="U37982" i="1"/>
  <c r="U37981" i="1"/>
  <c r="U37980" i="1"/>
  <c r="U37979" i="1"/>
  <c r="U37978" i="1"/>
  <c r="U37977" i="1"/>
  <c r="U37976" i="1"/>
  <c r="U37975" i="1"/>
  <c r="U37974" i="1"/>
  <c r="U37973" i="1"/>
  <c r="U37972" i="1"/>
  <c r="U37971" i="1"/>
  <c r="U37970" i="1"/>
  <c r="U37969" i="1"/>
  <c r="U37968" i="1"/>
  <c r="U37967" i="1"/>
  <c r="U37966" i="1"/>
  <c r="U37965" i="1"/>
  <c r="U37964" i="1"/>
  <c r="U37963" i="1"/>
  <c r="U37962" i="1"/>
  <c r="U37961" i="1"/>
  <c r="U37960" i="1"/>
  <c r="U37959" i="1"/>
  <c r="U37958" i="1"/>
  <c r="U37957" i="1"/>
  <c r="U37956" i="1"/>
  <c r="U37955" i="1"/>
  <c r="U37954" i="1"/>
  <c r="U37953" i="1"/>
  <c r="U37952" i="1"/>
  <c r="U37951" i="1"/>
  <c r="U37950" i="1"/>
  <c r="U37949" i="1"/>
  <c r="U37948" i="1"/>
  <c r="U37947" i="1"/>
  <c r="U37946" i="1"/>
  <c r="U37945" i="1"/>
  <c r="U37944" i="1"/>
  <c r="U37943" i="1"/>
  <c r="U37942" i="1"/>
  <c r="U37941" i="1"/>
  <c r="U37940" i="1"/>
  <c r="U37939" i="1"/>
  <c r="U37938" i="1"/>
  <c r="U37937" i="1"/>
  <c r="U37936" i="1"/>
  <c r="U37935" i="1"/>
  <c r="U37934" i="1"/>
  <c r="U37933" i="1"/>
  <c r="U37932" i="1"/>
  <c r="U37931" i="1"/>
  <c r="U37930" i="1"/>
  <c r="U37929" i="1"/>
  <c r="U37928" i="1"/>
  <c r="U37927" i="1"/>
  <c r="U37926" i="1"/>
  <c r="U37925" i="1"/>
  <c r="U37924" i="1"/>
  <c r="U37923" i="1"/>
  <c r="U37922" i="1"/>
  <c r="U37921" i="1"/>
  <c r="U37920" i="1"/>
  <c r="U37919" i="1"/>
  <c r="U37918" i="1"/>
  <c r="U37917" i="1"/>
  <c r="U37916" i="1"/>
  <c r="U37915" i="1"/>
  <c r="U37914" i="1"/>
  <c r="U37913" i="1"/>
  <c r="U37912" i="1"/>
  <c r="U37911" i="1"/>
  <c r="U37910" i="1"/>
  <c r="U37909" i="1"/>
  <c r="U37908" i="1"/>
  <c r="U37907" i="1"/>
  <c r="U37906" i="1"/>
  <c r="U37905" i="1"/>
  <c r="U37904" i="1"/>
  <c r="U37903" i="1"/>
  <c r="U37902" i="1"/>
  <c r="U37901" i="1"/>
  <c r="U37900" i="1"/>
  <c r="U37899" i="1"/>
  <c r="U37898" i="1"/>
  <c r="U37897" i="1"/>
  <c r="U37896" i="1"/>
  <c r="U37895" i="1"/>
  <c r="U37894" i="1"/>
  <c r="U37893" i="1"/>
  <c r="U37892" i="1"/>
  <c r="U37891" i="1"/>
  <c r="U37890" i="1"/>
  <c r="U37889" i="1"/>
  <c r="U37888" i="1"/>
  <c r="U37887" i="1"/>
  <c r="U37886" i="1"/>
  <c r="U37885" i="1"/>
  <c r="U37884" i="1"/>
  <c r="U37883" i="1"/>
  <c r="U37882" i="1"/>
  <c r="U37881" i="1"/>
  <c r="U37880" i="1"/>
  <c r="U37879" i="1"/>
  <c r="U37878" i="1"/>
  <c r="U37877" i="1"/>
  <c r="U37876" i="1"/>
  <c r="U37875" i="1"/>
  <c r="U37874" i="1"/>
  <c r="U37873" i="1"/>
  <c r="U37872" i="1"/>
  <c r="U37871" i="1"/>
  <c r="U37870" i="1"/>
  <c r="U37869" i="1"/>
  <c r="U37868" i="1"/>
  <c r="U37867" i="1"/>
  <c r="U37866" i="1"/>
  <c r="U37865" i="1"/>
  <c r="U37864" i="1"/>
  <c r="U37863" i="1"/>
  <c r="U37862" i="1"/>
  <c r="U37861" i="1"/>
  <c r="U37860" i="1"/>
  <c r="U37859" i="1"/>
  <c r="U37858" i="1"/>
  <c r="U37857" i="1"/>
  <c r="U37856" i="1"/>
  <c r="U37855" i="1"/>
  <c r="U37854" i="1"/>
  <c r="U37853" i="1"/>
  <c r="U37852" i="1"/>
  <c r="U37851" i="1"/>
  <c r="U37850" i="1"/>
  <c r="U37849" i="1"/>
  <c r="U37848" i="1"/>
  <c r="U37847" i="1"/>
  <c r="U37846" i="1"/>
  <c r="U37845" i="1"/>
  <c r="U37844" i="1"/>
  <c r="U37843" i="1"/>
  <c r="U37842" i="1"/>
  <c r="U37841" i="1"/>
  <c r="U37840" i="1"/>
  <c r="U37839" i="1"/>
  <c r="U37838" i="1"/>
  <c r="U37837" i="1"/>
  <c r="U37836" i="1"/>
  <c r="U37835" i="1"/>
  <c r="U37834" i="1"/>
  <c r="U37833" i="1"/>
  <c r="U37832" i="1"/>
  <c r="U37831" i="1"/>
  <c r="U37830" i="1"/>
  <c r="U37829" i="1"/>
  <c r="U37828" i="1"/>
  <c r="U37827" i="1"/>
  <c r="U37826" i="1"/>
  <c r="U37825" i="1"/>
  <c r="U37824" i="1"/>
  <c r="U37823" i="1"/>
  <c r="U37822" i="1"/>
  <c r="U37821" i="1"/>
  <c r="U37820" i="1"/>
  <c r="U37819" i="1"/>
  <c r="U37818" i="1"/>
  <c r="U37817" i="1"/>
  <c r="U37816" i="1"/>
  <c r="U37815" i="1"/>
  <c r="U37814" i="1"/>
  <c r="U37813" i="1"/>
  <c r="U37812" i="1"/>
  <c r="U37811" i="1"/>
  <c r="U37810" i="1"/>
  <c r="U37809" i="1"/>
  <c r="U37808" i="1"/>
  <c r="U37807" i="1"/>
  <c r="U37806" i="1"/>
  <c r="U37805" i="1"/>
  <c r="U37804" i="1"/>
  <c r="U37803" i="1"/>
  <c r="U37802" i="1"/>
  <c r="U37801" i="1"/>
  <c r="U37800" i="1"/>
  <c r="U37799" i="1"/>
  <c r="U37798" i="1"/>
  <c r="U37797" i="1"/>
  <c r="U37796" i="1"/>
  <c r="U37795" i="1"/>
  <c r="U37794" i="1"/>
  <c r="U37793" i="1"/>
  <c r="U37792" i="1"/>
  <c r="U37791" i="1"/>
  <c r="U37790" i="1"/>
  <c r="U37789" i="1"/>
  <c r="U37788" i="1"/>
  <c r="U37787" i="1"/>
  <c r="U37786" i="1"/>
  <c r="U37785" i="1"/>
  <c r="U37784" i="1"/>
  <c r="U37783" i="1"/>
  <c r="U37782" i="1"/>
  <c r="U37781" i="1"/>
  <c r="U37780" i="1"/>
  <c r="U37779" i="1"/>
  <c r="U37778" i="1"/>
  <c r="U37777" i="1"/>
  <c r="U37776" i="1"/>
  <c r="U37775" i="1"/>
  <c r="U37774" i="1"/>
  <c r="U37773" i="1"/>
  <c r="U37772" i="1"/>
  <c r="U37771" i="1"/>
  <c r="U37770" i="1"/>
  <c r="U37769" i="1"/>
  <c r="U37768" i="1"/>
  <c r="U37767" i="1"/>
  <c r="U37766" i="1"/>
  <c r="U37765" i="1"/>
  <c r="U37764" i="1"/>
  <c r="U37763" i="1"/>
  <c r="U37762" i="1"/>
  <c r="U37761" i="1"/>
  <c r="U37760" i="1"/>
  <c r="U37759" i="1"/>
  <c r="U37758" i="1"/>
  <c r="U37757" i="1"/>
  <c r="U37756" i="1"/>
  <c r="U37755" i="1"/>
  <c r="U37754" i="1"/>
  <c r="U37753" i="1"/>
  <c r="U37752" i="1"/>
  <c r="U37751" i="1"/>
  <c r="U37750" i="1"/>
  <c r="U37749" i="1"/>
  <c r="U37748" i="1"/>
  <c r="U37747" i="1"/>
  <c r="U37746" i="1"/>
  <c r="U37745" i="1"/>
  <c r="U37744" i="1"/>
  <c r="U37743" i="1"/>
  <c r="U37742" i="1"/>
  <c r="U37741" i="1"/>
  <c r="U37740" i="1"/>
  <c r="U37739" i="1"/>
  <c r="U37738" i="1"/>
  <c r="U37737" i="1"/>
  <c r="U37736" i="1"/>
  <c r="U37735" i="1"/>
  <c r="U37734" i="1"/>
  <c r="U37733" i="1"/>
  <c r="U37732" i="1"/>
  <c r="U37731" i="1"/>
  <c r="U37730" i="1"/>
  <c r="U37729" i="1"/>
  <c r="U37728" i="1"/>
  <c r="U37727" i="1"/>
  <c r="U37726" i="1"/>
  <c r="U37725" i="1"/>
  <c r="U37724" i="1"/>
  <c r="U37723" i="1"/>
  <c r="U37722" i="1"/>
  <c r="U37721" i="1"/>
  <c r="U37720" i="1"/>
  <c r="U37719" i="1"/>
  <c r="U37718" i="1"/>
  <c r="U37717" i="1"/>
  <c r="U37716" i="1"/>
  <c r="U37715" i="1"/>
  <c r="U37714" i="1"/>
  <c r="U37713" i="1"/>
  <c r="U37712" i="1"/>
  <c r="U37711" i="1"/>
  <c r="U37710" i="1"/>
  <c r="U37709" i="1"/>
  <c r="U37708" i="1"/>
  <c r="U37707" i="1"/>
  <c r="U37706" i="1"/>
  <c r="U37705" i="1"/>
  <c r="U37704" i="1"/>
  <c r="U37703" i="1"/>
  <c r="U37702" i="1"/>
  <c r="U37701" i="1"/>
  <c r="U37700" i="1"/>
  <c r="U37699" i="1"/>
  <c r="U37698" i="1"/>
  <c r="U37697" i="1"/>
  <c r="U37696" i="1"/>
  <c r="U37695" i="1"/>
  <c r="U37694" i="1"/>
  <c r="U37693" i="1"/>
  <c r="U37692" i="1"/>
  <c r="U37691" i="1"/>
  <c r="U37690" i="1"/>
  <c r="U37689" i="1"/>
  <c r="U37688" i="1"/>
  <c r="U37687" i="1"/>
  <c r="U37686" i="1"/>
  <c r="U37685" i="1"/>
  <c r="U37684" i="1"/>
  <c r="U37683" i="1"/>
  <c r="U37682" i="1"/>
  <c r="U37681" i="1"/>
  <c r="U37680" i="1"/>
  <c r="U37679" i="1"/>
  <c r="U37678" i="1"/>
  <c r="U37677" i="1"/>
  <c r="U37676" i="1"/>
  <c r="U37675" i="1"/>
  <c r="U37674" i="1"/>
  <c r="U37673" i="1"/>
  <c r="U37672" i="1"/>
  <c r="U37671" i="1"/>
  <c r="U37670" i="1"/>
  <c r="U37669" i="1"/>
  <c r="U37668" i="1"/>
  <c r="U37667" i="1"/>
  <c r="U37666" i="1"/>
  <c r="U37665" i="1"/>
  <c r="U37664" i="1"/>
  <c r="U37663" i="1"/>
  <c r="U37662" i="1"/>
  <c r="U37661" i="1"/>
  <c r="U37660" i="1"/>
  <c r="U37659" i="1"/>
  <c r="U37658" i="1"/>
  <c r="U37657" i="1"/>
  <c r="U37656" i="1"/>
  <c r="U37655" i="1"/>
  <c r="U37654" i="1"/>
  <c r="U37653" i="1"/>
  <c r="U37652" i="1"/>
  <c r="U37651" i="1"/>
  <c r="U37650" i="1"/>
  <c r="U37649" i="1"/>
  <c r="U37648" i="1"/>
  <c r="U37647" i="1"/>
  <c r="U37646" i="1"/>
  <c r="U37645" i="1"/>
  <c r="U37644" i="1"/>
  <c r="U37643" i="1"/>
  <c r="U37642" i="1"/>
  <c r="U37641" i="1"/>
  <c r="U37640" i="1"/>
  <c r="U37639" i="1"/>
  <c r="U37638" i="1"/>
  <c r="U37637" i="1"/>
  <c r="U37636" i="1"/>
  <c r="U37635" i="1"/>
  <c r="U37634" i="1"/>
  <c r="U37633" i="1"/>
  <c r="U37632" i="1"/>
  <c r="U37631" i="1"/>
  <c r="U37630" i="1"/>
  <c r="U37629" i="1"/>
  <c r="U37628" i="1"/>
  <c r="U37627" i="1"/>
  <c r="U37626" i="1"/>
  <c r="U37625" i="1"/>
  <c r="U37624" i="1"/>
  <c r="U37623" i="1"/>
  <c r="U37622" i="1"/>
  <c r="U37621" i="1"/>
  <c r="U37620" i="1"/>
  <c r="U37619" i="1"/>
  <c r="U37618" i="1"/>
  <c r="U37617" i="1"/>
  <c r="U37616" i="1"/>
  <c r="U37615" i="1"/>
  <c r="U37614" i="1"/>
  <c r="U37613" i="1"/>
  <c r="U37612" i="1"/>
  <c r="U37611" i="1"/>
  <c r="U37610" i="1"/>
  <c r="U37609" i="1"/>
  <c r="U37608" i="1"/>
  <c r="U37607" i="1"/>
  <c r="U37606" i="1"/>
  <c r="U37605" i="1"/>
  <c r="U37604" i="1"/>
  <c r="U37603" i="1"/>
  <c r="U37602" i="1"/>
  <c r="U37601" i="1"/>
  <c r="U37600" i="1"/>
  <c r="U37599" i="1"/>
  <c r="U37598" i="1"/>
  <c r="U37597" i="1"/>
  <c r="U37596" i="1"/>
  <c r="U37595" i="1"/>
  <c r="U37594" i="1"/>
  <c r="U37593" i="1"/>
  <c r="U37592" i="1"/>
  <c r="U37591" i="1"/>
  <c r="U37590" i="1"/>
  <c r="U37589" i="1"/>
  <c r="U37588" i="1"/>
  <c r="U37587" i="1"/>
  <c r="U37586" i="1"/>
  <c r="U37585" i="1"/>
  <c r="U37584" i="1"/>
  <c r="U37583" i="1"/>
  <c r="U37582" i="1"/>
  <c r="U37581" i="1"/>
  <c r="U37580" i="1"/>
  <c r="U37579" i="1"/>
  <c r="U37578" i="1"/>
  <c r="U37577" i="1"/>
  <c r="U37576" i="1"/>
  <c r="U37575" i="1"/>
  <c r="U37574" i="1"/>
  <c r="U37573" i="1"/>
  <c r="U37572" i="1"/>
  <c r="U37571" i="1"/>
  <c r="U37570" i="1"/>
  <c r="U37569" i="1"/>
  <c r="U37568" i="1"/>
  <c r="U37567" i="1"/>
  <c r="U37566" i="1"/>
  <c r="U37565" i="1"/>
  <c r="U37564" i="1"/>
  <c r="U37563" i="1"/>
  <c r="U37562" i="1"/>
  <c r="U37561" i="1"/>
  <c r="U37560" i="1"/>
  <c r="U37559" i="1"/>
  <c r="U37558" i="1"/>
  <c r="U37557" i="1"/>
  <c r="U37556" i="1"/>
  <c r="U37555" i="1"/>
  <c r="U37554" i="1"/>
  <c r="U37553" i="1"/>
  <c r="U37552" i="1"/>
  <c r="U37551" i="1"/>
  <c r="U37550" i="1"/>
  <c r="U37549" i="1"/>
  <c r="U37548" i="1"/>
  <c r="U37547" i="1"/>
  <c r="U37546" i="1"/>
  <c r="U37545" i="1"/>
  <c r="U37544" i="1"/>
  <c r="U37543" i="1"/>
  <c r="U37542" i="1"/>
  <c r="U37541" i="1"/>
  <c r="U37540" i="1"/>
  <c r="U37539" i="1"/>
  <c r="U37538" i="1"/>
  <c r="U37537" i="1"/>
  <c r="U37536" i="1"/>
  <c r="U37535" i="1"/>
  <c r="U37534" i="1"/>
  <c r="U37533" i="1"/>
  <c r="U37532" i="1"/>
  <c r="U37531" i="1"/>
  <c r="U37530" i="1"/>
  <c r="U37529" i="1"/>
  <c r="U37528" i="1"/>
  <c r="U37527" i="1"/>
  <c r="U37526" i="1"/>
  <c r="U37525" i="1"/>
  <c r="U37524" i="1"/>
  <c r="U37523" i="1"/>
  <c r="U37522" i="1"/>
  <c r="U37521" i="1"/>
  <c r="U37520" i="1"/>
  <c r="U37519" i="1"/>
  <c r="U37518" i="1"/>
  <c r="U37517" i="1"/>
  <c r="U37516" i="1"/>
  <c r="U37515" i="1"/>
  <c r="U37514" i="1"/>
  <c r="U37513" i="1"/>
  <c r="U37512" i="1"/>
  <c r="U37511" i="1"/>
  <c r="U37510" i="1"/>
  <c r="U37509" i="1"/>
  <c r="U37508" i="1"/>
  <c r="U37507" i="1"/>
  <c r="U37506" i="1"/>
  <c r="U37505" i="1"/>
  <c r="U37504" i="1"/>
  <c r="U37503" i="1"/>
  <c r="U37502" i="1"/>
  <c r="U37501" i="1"/>
  <c r="U37500" i="1"/>
  <c r="U37499" i="1"/>
  <c r="U37498" i="1"/>
  <c r="U37497" i="1"/>
  <c r="U37496" i="1"/>
  <c r="U37495" i="1"/>
  <c r="U37494" i="1"/>
  <c r="U37493" i="1"/>
  <c r="U37492" i="1"/>
  <c r="U37491" i="1"/>
  <c r="U37490" i="1"/>
  <c r="U37489" i="1"/>
  <c r="U37488" i="1"/>
  <c r="U37487" i="1"/>
  <c r="U37486" i="1"/>
  <c r="U37485" i="1"/>
  <c r="U37484" i="1"/>
  <c r="U37483" i="1"/>
  <c r="U37482" i="1"/>
  <c r="U37481" i="1"/>
  <c r="U37480" i="1"/>
  <c r="U37479" i="1"/>
  <c r="U37478" i="1"/>
  <c r="U37477" i="1"/>
  <c r="U37476" i="1"/>
  <c r="U37475" i="1"/>
  <c r="U37474" i="1"/>
  <c r="U37473" i="1"/>
  <c r="U37472" i="1"/>
  <c r="U37471" i="1"/>
  <c r="U37470" i="1"/>
  <c r="U37469" i="1"/>
  <c r="U37468" i="1"/>
  <c r="U37467" i="1"/>
  <c r="U37466" i="1"/>
  <c r="U37465" i="1"/>
  <c r="U37464" i="1"/>
  <c r="U37463" i="1"/>
  <c r="U37462" i="1"/>
  <c r="U37461" i="1"/>
  <c r="U37460" i="1"/>
  <c r="U37459" i="1"/>
  <c r="U37458" i="1"/>
  <c r="U37457" i="1"/>
  <c r="U37456" i="1"/>
  <c r="U37455" i="1"/>
  <c r="U37454" i="1"/>
  <c r="U37453" i="1"/>
  <c r="U37452" i="1"/>
  <c r="U37451" i="1"/>
  <c r="U37450" i="1"/>
  <c r="U37449" i="1"/>
  <c r="U37448" i="1"/>
  <c r="U37447" i="1"/>
  <c r="U37446" i="1"/>
  <c r="U37445" i="1"/>
  <c r="U37444" i="1"/>
  <c r="U37443" i="1"/>
  <c r="U37442" i="1"/>
  <c r="U37441" i="1"/>
  <c r="U37440" i="1"/>
  <c r="U37439" i="1"/>
  <c r="U37438" i="1"/>
  <c r="U37437" i="1"/>
  <c r="U37436" i="1"/>
  <c r="U37435" i="1"/>
  <c r="U37434" i="1"/>
  <c r="U37433" i="1"/>
  <c r="U37432" i="1"/>
  <c r="U37431" i="1"/>
  <c r="U37430" i="1"/>
  <c r="U37429" i="1"/>
  <c r="U37428" i="1"/>
  <c r="U37427" i="1"/>
  <c r="U37426" i="1"/>
  <c r="U37425" i="1"/>
  <c r="U37424" i="1"/>
  <c r="U37423" i="1"/>
  <c r="U37422" i="1"/>
  <c r="U37421" i="1"/>
  <c r="U37420" i="1"/>
  <c r="U37419" i="1"/>
  <c r="U37418" i="1"/>
  <c r="U37417" i="1"/>
  <c r="U37416" i="1"/>
  <c r="U37415" i="1"/>
  <c r="U37414" i="1"/>
  <c r="U37413" i="1"/>
  <c r="U37412" i="1"/>
  <c r="U37411" i="1"/>
  <c r="U37410" i="1"/>
  <c r="U37409" i="1"/>
  <c r="U37408" i="1"/>
  <c r="U37407" i="1"/>
  <c r="U37406" i="1"/>
  <c r="U37405" i="1"/>
  <c r="U37404" i="1"/>
  <c r="U37403" i="1"/>
  <c r="U37402" i="1"/>
  <c r="U37401" i="1"/>
  <c r="U37400" i="1"/>
  <c r="U37399" i="1"/>
  <c r="U37398" i="1"/>
  <c r="U37397" i="1"/>
  <c r="U37396" i="1"/>
  <c r="U37395" i="1"/>
  <c r="U37394" i="1"/>
  <c r="U37393" i="1"/>
  <c r="U37392" i="1"/>
  <c r="U37391" i="1"/>
  <c r="U37390" i="1"/>
  <c r="U37389" i="1"/>
  <c r="U37388" i="1"/>
  <c r="U37387" i="1"/>
  <c r="U37386" i="1"/>
  <c r="U37385" i="1"/>
  <c r="U37384" i="1"/>
  <c r="U37383" i="1"/>
  <c r="U37382" i="1"/>
  <c r="U37381" i="1"/>
  <c r="U37380" i="1"/>
  <c r="U37379" i="1"/>
  <c r="U37378" i="1"/>
  <c r="U37377" i="1"/>
  <c r="U37376" i="1"/>
  <c r="U37375" i="1"/>
  <c r="U37374" i="1"/>
  <c r="U37373" i="1"/>
  <c r="U37372" i="1"/>
  <c r="U37371" i="1"/>
  <c r="U37370" i="1"/>
  <c r="U37369" i="1"/>
  <c r="U37368" i="1"/>
  <c r="U37367" i="1"/>
  <c r="U37366" i="1"/>
  <c r="U37365" i="1"/>
  <c r="U37364" i="1"/>
  <c r="U37363" i="1"/>
  <c r="U37362" i="1"/>
  <c r="U37361" i="1"/>
  <c r="U37360" i="1"/>
  <c r="U37359" i="1"/>
  <c r="U37358" i="1"/>
  <c r="U37357" i="1"/>
  <c r="U37356" i="1"/>
  <c r="U37355" i="1"/>
  <c r="U37354" i="1"/>
  <c r="U37353" i="1"/>
  <c r="U37352" i="1"/>
  <c r="U37351" i="1"/>
  <c r="U37350" i="1"/>
  <c r="U37349" i="1"/>
  <c r="U37348" i="1"/>
  <c r="U37347" i="1"/>
  <c r="U37346" i="1"/>
  <c r="U37345" i="1"/>
  <c r="U37344" i="1"/>
  <c r="U37343" i="1"/>
  <c r="U37342" i="1"/>
  <c r="U37341" i="1"/>
  <c r="U37340" i="1"/>
  <c r="U37339" i="1"/>
  <c r="U37338" i="1"/>
  <c r="U37337" i="1"/>
  <c r="U37336" i="1"/>
  <c r="U37335" i="1"/>
  <c r="U37334" i="1"/>
  <c r="U37333" i="1"/>
  <c r="U37332" i="1"/>
  <c r="U37331" i="1"/>
  <c r="U37330" i="1"/>
  <c r="U37329" i="1"/>
  <c r="U37328" i="1"/>
  <c r="U37327" i="1"/>
  <c r="U37326" i="1"/>
  <c r="U37325" i="1"/>
  <c r="U37324" i="1"/>
  <c r="U37323" i="1"/>
  <c r="U37322" i="1"/>
  <c r="U37321" i="1"/>
  <c r="U37320" i="1"/>
  <c r="U37319" i="1"/>
  <c r="U37318" i="1"/>
  <c r="U37317" i="1"/>
  <c r="U37316" i="1"/>
  <c r="U37315" i="1"/>
  <c r="U37314" i="1"/>
  <c r="U37313" i="1"/>
  <c r="U37312" i="1"/>
  <c r="U37311" i="1"/>
  <c r="U37310" i="1"/>
  <c r="U37309" i="1"/>
  <c r="U37308" i="1"/>
  <c r="U37307" i="1"/>
  <c r="U37306" i="1"/>
  <c r="U37305" i="1"/>
  <c r="U37304" i="1"/>
  <c r="U37303" i="1"/>
  <c r="U37302" i="1"/>
  <c r="U37301" i="1"/>
  <c r="U37300" i="1"/>
  <c r="U37299" i="1"/>
  <c r="U37298" i="1"/>
  <c r="U37297" i="1"/>
  <c r="U37296" i="1"/>
  <c r="U37295" i="1"/>
  <c r="U37294" i="1"/>
  <c r="U37293" i="1"/>
  <c r="U37292" i="1"/>
  <c r="U37291" i="1"/>
  <c r="U37290" i="1"/>
  <c r="U37289" i="1"/>
  <c r="U37288" i="1"/>
  <c r="U37287" i="1"/>
  <c r="U37286" i="1"/>
  <c r="U37285" i="1"/>
  <c r="U37284" i="1"/>
  <c r="U37283" i="1"/>
  <c r="U37282" i="1"/>
  <c r="U37281" i="1"/>
  <c r="U37280" i="1"/>
  <c r="U37279" i="1"/>
  <c r="U37278" i="1"/>
  <c r="U37277" i="1"/>
  <c r="U37276" i="1"/>
  <c r="U37275" i="1"/>
  <c r="U37274" i="1"/>
  <c r="U37273" i="1"/>
  <c r="U37272" i="1"/>
  <c r="U37271" i="1"/>
  <c r="U37270" i="1"/>
  <c r="U37269" i="1"/>
  <c r="U37268" i="1"/>
  <c r="U37267" i="1"/>
  <c r="U37266" i="1"/>
  <c r="U37265" i="1"/>
  <c r="U37264" i="1"/>
  <c r="U37263" i="1"/>
  <c r="U37262" i="1"/>
  <c r="U37261" i="1"/>
  <c r="U37260" i="1"/>
  <c r="U37259" i="1"/>
  <c r="U37258" i="1"/>
  <c r="U37257" i="1"/>
  <c r="U37256" i="1"/>
  <c r="U37255" i="1"/>
  <c r="U37254" i="1"/>
  <c r="U37253" i="1"/>
  <c r="U37252" i="1"/>
  <c r="U37251" i="1"/>
  <c r="U37250" i="1"/>
  <c r="U37249" i="1"/>
  <c r="U37248" i="1"/>
  <c r="U37247" i="1"/>
  <c r="U37246" i="1"/>
  <c r="U37245" i="1"/>
  <c r="U37244" i="1"/>
  <c r="U37243" i="1"/>
  <c r="U37242" i="1"/>
  <c r="U37241" i="1"/>
  <c r="U37240" i="1"/>
  <c r="U37239" i="1"/>
  <c r="U37238" i="1"/>
  <c r="U37237" i="1"/>
  <c r="U37236" i="1"/>
  <c r="U37235" i="1"/>
  <c r="U37234" i="1"/>
  <c r="U37233" i="1"/>
  <c r="U37232" i="1"/>
  <c r="U37231" i="1"/>
  <c r="U37230" i="1"/>
  <c r="U37229" i="1"/>
  <c r="U37228" i="1"/>
  <c r="U37227" i="1"/>
  <c r="U37226" i="1"/>
  <c r="U37225" i="1"/>
  <c r="U37224" i="1"/>
  <c r="U37223" i="1"/>
  <c r="U37222" i="1"/>
  <c r="U37221" i="1"/>
  <c r="U37220" i="1"/>
  <c r="U37219" i="1"/>
  <c r="U37218" i="1"/>
  <c r="U37217" i="1"/>
  <c r="U37216" i="1"/>
  <c r="U37215" i="1"/>
  <c r="U37214" i="1"/>
  <c r="U37213" i="1"/>
  <c r="U37212" i="1"/>
  <c r="U37211" i="1"/>
  <c r="U37210" i="1"/>
  <c r="U37209" i="1"/>
  <c r="U37208" i="1"/>
  <c r="U37207" i="1"/>
  <c r="U37206" i="1"/>
  <c r="U37205" i="1"/>
  <c r="U37204" i="1"/>
  <c r="U37203" i="1"/>
  <c r="U37202" i="1"/>
  <c r="U37201" i="1"/>
  <c r="U37200" i="1"/>
  <c r="U37199" i="1"/>
  <c r="U37198" i="1"/>
  <c r="U37197" i="1"/>
  <c r="U37196" i="1"/>
  <c r="U37195" i="1"/>
  <c r="U37194" i="1"/>
  <c r="U37193" i="1"/>
  <c r="U37192" i="1"/>
  <c r="U37191" i="1"/>
  <c r="U37190" i="1"/>
  <c r="U37189" i="1"/>
  <c r="U37188" i="1"/>
  <c r="U37187" i="1"/>
  <c r="U37186" i="1"/>
  <c r="U37185" i="1"/>
  <c r="U37184" i="1"/>
  <c r="U37183" i="1"/>
  <c r="U37182" i="1"/>
  <c r="U37181" i="1"/>
  <c r="U37180" i="1"/>
  <c r="U37179" i="1"/>
  <c r="U37178" i="1"/>
  <c r="U37177" i="1"/>
  <c r="U37176" i="1"/>
  <c r="U37175" i="1"/>
  <c r="U37174" i="1"/>
  <c r="U37173" i="1"/>
  <c r="U37172" i="1"/>
  <c r="U37171" i="1"/>
  <c r="U37170" i="1"/>
  <c r="U37169" i="1"/>
  <c r="U37168" i="1"/>
  <c r="U37167" i="1"/>
  <c r="U37166" i="1"/>
  <c r="U37165" i="1"/>
  <c r="U37164" i="1"/>
  <c r="U37163" i="1"/>
  <c r="U37162" i="1"/>
  <c r="U37161" i="1"/>
  <c r="U37160" i="1"/>
  <c r="U37159" i="1"/>
  <c r="U37158" i="1"/>
  <c r="U37157" i="1"/>
  <c r="U37156" i="1"/>
  <c r="U37155" i="1"/>
  <c r="U37154" i="1"/>
  <c r="U37153" i="1"/>
  <c r="U37152" i="1"/>
  <c r="U37151" i="1"/>
  <c r="U37150" i="1"/>
  <c r="U37149" i="1"/>
  <c r="U37148" i="1"/>
  <c r="U37147" i="1"/>
  <c r="U37146" i="1"/>
  <c r="U37145" i="1"/>
  <c r="U37144" i="1"/>
  <c r="U37143" i="1"/>
  <c r="U37142" i="1"/>
  <c r="U37141" i="1"/>
  <c r="U37140" i="1"/>
  <c r="U37139" i="1"/>
  <c r="U37138" i="1"/>
  <c r="U37137" i="1"/>
  <c r="U37136" i="1"/>
  <c r="U37135" i="1"/>
  <c r="U37134" i="1"/>
  <c r="U37133" i="1"/>
  <c r="U37132" i="1"/>
  <c r="U37131" i="1"/>
  <c r="U37130" i="1"/>
  <c r="U37129" i="1"/>
  <c r="U37128" i="1"/>
  <c r="U37127" i="1"/>
  <c r="U37126" i="1"/>
  <c r="U37125" i="1"/>
  <c r="U37124" i="1"/>
  <c r="U37123" i="1"/>
  <c r="U37122" i="1"/>
  <c r="U37121" i="1"/>
  <c r="U37120" i="1"/>
  <c r="U37119" i="1"/>
  <c r="U37118" i="1"/>
  <c r="U37117" i="1"/>
  <c r="U37116" i="1"/>
  <c r="U37115" i="1"/>
  <c r="U37114" i="1"/>
  <c r="U37113" i="1"/>
  <c r="U37112" i="1"/>
  <c r="U37111" i="1"/>
  <c r="U37110" i="1"/>
  <c r="U37109" i="1"/>
  <c r="U37108" i="1"/>
  <c r="U37107" i="1"/>
  <c r="U37106" i="1"/>
  <c r="U37105" i="1"/>
  <c r="U37104" i="1"/>
  <c r="U37103" i="1"/>
  <c r="U37102" i="1"/>
  <c r="U37101" i="1"/>
  <c r="U37100" i="1"/>
  <c r="U37099" i="1"/>
  <c r="U37098" i="1"/>
  <c r="U37097" i="1"/>
  <c r="U37096" i="1"/>
  <c r="U37095" i="1"/>
  <c r="U37094" i="1"/>
  <c r="U37093" i="1"/>
  <c r="U37092" i="1"/>
  <c r="U37091" i="1"/>
  <c r="U37090" i="1"/>
  <c r="U37089" i="1"/>
  <c r="U37088" i="1"/>
  <c r="U37087" i="1"/>
  <c r="U37086" i="1"/>
  <c r="U37085" i="1"/>
  <c r="U37084" i="1"/>
  <c r="U37083" i="1"/>
  <c r="U37082" i="1"/>
  <c r="U37081" i="1"/>
  <c r="U37080" i="1"/>
  <c r="U37079" i="1"/>
  <c r="U37078" i="1"/>
  <c r="U37077" i="1"/>
  <c r="U37076" i="1"/>
  <c r="U37075" i="1"/>
  <c r="U37074" i="1"/>
  <c r="U37073" i="1"/>
  <c r="U37072" i="1"/>
  <c r="U37071" i="1"/>
  <c r="U37070" i="1"/>
  <c r="U37069" i="1"/>
  <c r="U37068" i="1"/>
  <c r="U37067" i="1"/>
  <c r="U37066" i="1"/>
  <c r="U37065" i="1"/>
  <c r="U37064" i="1"/>
  <c r="U37063" i="1"/>
  <c r="U37062" i="1"/>
  <c r="U37061" i="1"/>
  <c r="U37060" i="1"/>
  <c r="U37059" i="1"/>
  <c r="U37058" i="1"/>
  <c r="U37057" i="1"/>
  <c r="U37056" i="1"/>
  <c r="U37055" i="1"/>
  <c r="U37054" i="1"/>
  <c r="U37053" i="1"/>
  <c r="U37052" i="1"/>
  <c r="U37051" i="1"/>
  <c r="U37050" i="1"/>
  <c r="U37049" i="1"/>
  <c r="U37048" i="1"/>
  <c r="U37047" i="1"/>
  <c r="U37046" i="1"/>
  <c r="U37045" i="1"/>
  <c r="U37044" i="1"/>
  <c r="U37043" i="1"/>
  <c r="U37042" i="1"/>
  <c r="U37041" i="1"/>
  <c r="U37040" i="1"/>
  <c r="U37039" i="1"/>
  <c r="U37038" i="1"/>
  <c r="U37037" i="1"/>
  <c r="U37036" i="1"/>
  <c r="U37035" i="1"/>
  <c r="U37034" i="1"/>
  <c r="U37033" i="1"/>
  <c r="U37032" i="1"/>
  <c r="U37031" i="1"/>
  <c r="U37030" i="1"/>
  <c r="U37029" i="1"/>
  <c r="U37028" i="1"/>
  <c r="U37027" i="1"/>
  <c r="U37026" i="1"/>
  <c r="U37025" i="1"/>
  <c r="U37024" i="1"/>
  <c r="U37023" i="1"/>
  <c r="U37022" i="1"/>
  <c r="U37021" i="1"/>
  <c r="U37020" i="1"/>
  <c r="U37019" i="1"/>
  <c r="U37018" i="1"/>
  <c r="U37017" i="1"/>
  <c r="U37016" i="1"/>
  <c r="U37015" i="1"/>
  <c r="U37014" i="1"/>
  <c r="U37013" i="1"/>
  <c r="U37012" i="1"/>
  <c r="U37011" i="1"/>
  <c r="U37010" i="1"/>
  <c r="U37009" i="1"/>
  <c r="U37008" i="1"/>
  <c r="U37007" i="1"/>
  <c r="U37006" i="1"/>
  <c r="U37005" i="1"/>
  <c r="U37004" i="1"/>
  <c r="U37003" i="1"/>
  <c r="U37002" i="1"/>
  <c r="U37001" i="1"/>
  <c r="U37000" i="1"/>
  <c r="U36999" i="1"/>
  <c r="U36998" i="1"/>
  <c r="U36997" i="1"/>
  <c r="U36996" i="1"/>
  <c r="U36995" i="1"/>
  <c r="U36994" i="1"/>
  <c r="U36993" i="1"/>
  <c r="U36992" i="1"/>
  <c r="U36991" i="1"/>
  <c r="U36990" i="1"/>
  <c r="U36989" i="1"/>
  <c r="U36988" i="1"/>
  <c r="U36987" i="1"/>
  <c r="U36986" i="1"/>
  <c r="U36985" i="1"/>
  <c r="U36984" i="1"/>
  <c r="U36983" i="1"/>
  <c r="U36982" i="1"/>
  <c r="U36981" i="1"/>
  <c r="U36980" i="1"/>
  <c r="U36979" i="1"/>
  <c r="U36978" i="1"/>
  <c r="U36977" i="1"/>
  <c r="U36976" i="1"/>
  <c r="U36975" i="1"/>
  <c r="U36974" i="1"/>
  <c r="U36973" i="1"/>
  <c r="U36972" i="1"/>
  <c r="U36971" i="1"/>
  <c r="U36970" i="1"/>
  <c r="U36969" i="1"/>
  <c r="U36968" i="1"/>
  <c r="U36967" i="1"/>
  <c r="U36966" i="1"/>
  <c r="U36965" i="1"/>
  <c r="U36964" i="1"/>
  <c r="U36963" i="1"/>
  <c r="U36962" i="1"/>
  <c r="U36961" i="1"/>
  <c r="U36960" i="1"/>
  <c r="U36959" i="1"/>
  <c r="U36958" i="1"/>
  <c r="U36957" i="1"/>
  <c r="U36956" i="1"/>
  <c r="U36955" i="1"/>
  <c r="U36954" i="1"/>
  <c r="U36953" i="1"/>
  <c r="U36952" i="1"/>
  <c r="U36951" i="1"/>
  <c r="U36950" i="1"/>
  <c r="U36949" i="1"/>
  <c r="U36948" i="1"/>
  <c r="U36947" i="1"/>
  <c r="U36946" i="1"/>
  <c r="U36945" i="1"/>
  <c r="U36944" i="1"/>
  <c r="U36943" i="1"/>
  <c r="U36942" i="1"/>
  <c r="U36941" i="1"/>
  <c r="U36940" i="1"/>
  <c r="U36939" i="1"/>
  <c r="U36938" i="1"/>
  <c r="U36937" i="1"/>
  <c r="U36936" i="1"/>
  <c r="U36935" i="1"/>
  <c r="U36934" i="1"/>
  <c r="U36933" i="1"/>
  <c r="U36932" i="1"/>
  <c r="U36931" i="1"/>
  <c r="U36930" i="1"/>
  <c r="U36929" i="1"/>
  <c r="U36928" i="1"/>
  <c r="U36927" i="1"/>
  <c r="U36926" i="1"/>
  <c r="U36925" i="1"/>
  <c r="U36924" i="1"/>
  <c r="U36923" i="1"/>
  <c r="U36922" i="1"/>
  <c r="U36921" i="1"/>
  <c r="U36920" i="1"/>
  <c r="U36919" i="1"/>
  <c r="U36918" i="1"/>
  <c r="U36917" i="1"/>
  <c r="U36916" i="1"/>
  <c r="U36915" i="1"/>
  <c r="U36914" i="1"/>
  <c r="U36913" i="1"/>
  <c r="U36912" i="1"/>
  <c r="U36911" i="1"/>
  <c r="U36910" i="1"/>
  <c r="U36909" i="1"/>
  <c r="U36908" i="1"/>
  <c r="U36907" i="1"/>
  <c r="U36906" i="1"/>
  <c r="U36905" i="1"/>
  <c r="U36904" i="1"/>
  <c r="U36903" i="1"/>
  <c r="U36902" i="1"/>
  <c r="U36901" i="1"/>
  <c r="U36900" i="1"/>
  <c r="U36899" i="1"/>
  <c r="U36898" i="1"/>
  <c r="U36897" i="1"/>
  <c r="U36896" i="1"/>
  <c r="U36895" i="1"/>
  <c r="U36894" i="1"/>
  <c r="U36893" i="1"/>
  <c r="U36892" i="1"/>
  <c r="U36891" i="1"/>
  <c r="U36890" i="1"/>
  <c r="U36889" i="1"/>
  <c r="U36888" i="1"/>
  <c r="U36887" i="1"/>
  <c r="U36886" i="1"/>
  <c r="U36885" i="1"/>
  <c r="U36884" i="1"/>
  <c r="U36883" i="1"/>
  <c r="U36882" i="1"/>
  <c r="U36881" i="1"/>
  <c r="U36880" i="1"/>
  <c r="U36879" i="1"/>
  <c r="U36878" i="1"/>
  <c r="U36877" i="1"/>
  <c r="U36876" i="1"/>
  <c r="U36875" i="1"/>
  <c r="U36874" i="1"/>
  <c r="U36873" i="1"/>
  <c r="U36872" i="1"/>
  <c r="U36871" i="1"/>
  <c r="U36870" i="1"/>
  <c r="U36869" i="1"/>
  <c r="U36868" i="1"/>
  <c r="U36867" i="1"/>
  <c r="U36866" i="1"/>
  <c r="U36865" i="1"/>
  <c r="U36864" i="1"/>
  <c r="U36863" i="1"/>
  <c r="U36862" i="1"/>
  <c r="U36861" i="1"/>
  <c r="U36860" i="1"/>
  <c r="U36859" i="1"/>
  <c r="U36858" i="1"/>
  <c r="U36857" i="1"/>
  <c r="U36856" i="1"/>
  <c r="U36855" i="1"/>
  <c r="U36854" i="1"/>
  <c r="U36853" i="1"/>
  <c r="U36852" i="1"/>
  <c r="U36851" i="1"/>
  <c r="U36850" i="1"/>
  <c r="U36849" i="1"/>
  <c r="U36848" i="1"/>
  <c r="U36847" i="1"/>
  <c r="U36846" i="1"/>
  <c r="U36845" i="1"/>
  <c r="U36844" i="1"/>
  <c r="U36843" i="1"/>
  <c r="U36842" i="1"/>
  <c r="U36841" i="1"/>
  <c r="U36840" i="1"/>
  <c r="U36839" i="1"/>
  <c r="U36838" i="1"/>
  <c r="U36837" i="1"/>
  <c r="U36836" i="1"/>
  <c r="U36835" i="1"/>
  <c r="U36834" i="1"/>
  <c r="U36833" i="1"/>
  <c r="U36832" i="1"/>
  <c r="U36831" i="1"/>
  <c r="U36830" i="1"/>
  <c r="U36829" i="1"/>
  <c r="U36828" i="1"/>
  <c r="U36827" i="1"/>
  <c r="U36826" i="1"/>
  <c r="U36825" i="1"/>
  <c r="U36824" i="1"/>
  <c r="U36823" i="1"/>
  <c r="U36822" i="1"/>
  <c r="U36821" i="1"/>
  <c r="U36820" i="1"/>
  <c r="U36819" i="1"/>
  <c r="U36818" i="1"/>
  <c r="U36817" i="1"/>
  <c r="U36816" i="1"/>
  <c r="U36815" i="1"/>
  <c r="U36814" i="1"/>
  <c r="U36813" i="1"/>
  <c r="U36812" i="1"/>
  <c r="U36811" i="1"/>
  <c r="U36810" i="1"/>
  <c r="U36809" i="1"/>
  <c r="U36808" i="1"/>
  <c r="U36807" i="1"/>
  <c r="U36806" i="1"/>
  <c r="U36805" i="1"/>
  <c r="U36804" i="1"/>
  <c r="U36803" i="1"/>
  <c r="U36802" i="1"/>
  <c r="U36801" i="1"/>
  <c r="U36800" i="1"/>
  <c r="U36799" i="1"/>
  <c r="U36798" i="1"/>
  <c r="U36797" i="1"/>
  <c r="U36796" i="1"/>
  <c r="U36795" i="1"/>
  <c r="U36794" i="1"/>
  <c r="U36793" i="1"/>
  <c r="U36792" i="1"/>
  <c r="U36791" i="1"/>
  <c r="U36790" i="1"/>
  <c r="U36789" i="1"/>
  <c r="U36788" i="1"/>
  <c r="U36787" i="1"/>
  <c r="U36786" i="1"/>
  <c r="U36785" i="1"/>
  <c r="U36784" i="1"/>
  <c r="U36783" i="1"/>
  <c r="U36782" i="1"/>
  <c r="U36781" i="1"/>
  <c r="U36780" i="1"/>
  <c r="U36779" i="1"/>
  <c r="U36778" i="1"/>
  <c r="U36777" i="1"/>
  <c r="U36776" i="1"/>
  <c r="U36775" i="1"/>
  <c r="U36774" i="1"/>
  <c r="U36773" i="1"/>
  <c r="U36772" i="1"/>
  <c r="U36771" i="1"/>
  <c r="U36770" i="1"/>
  <c r="U36769" i="1"/>
  <c r="U36768" i="1"/>
  <c r="U36767" i="1"/>
  <c r="U36766" i="1"/>
  <c r="U36765" i="1"/>
  <c r="U36764" i="1"/>
  <c r="U36763" i="1"/>
  <c r="U36762" i="1"/>
  <c r="U36761" i="1"/>
  <c r="U36760" i="1"/>
  <c r="U36759" i="1"/>
  <c r="U36758" i="1"/>
  <c r="U36757" i="1"/>
  <c r="U36756" i="1"/>
  <c r="U36755" i="1"/>
  <c r="U36754" i="1"/>
  <c r="U36753" i="1"/>
  <c r="U36752" i="1"/>
  <c r="U36751" i="1"/>
  <c r="U36750" i="1"/>
  <c r="U36749" i="1"/>
  <c r="U36748" i="1"/>
  <c r="U36747" i="1"/>
  <c r="U36746" i="1"/>
  <c r="U36745" i="1"/>
  <c r="U36744" i="1"/>
  <c r="U36743" i="1"/>
  <c r="U36742" i="1"/>
  <c r="U36741" i="1"/>
  <c r="U36740" i="1"/>
  <c r="U36739" i="1"/>
  <c r="U36738" i="1"/>
  <c r="U36737" i="1"/>
  <c r="U36736" i="1"/>
  <c r="U36735" i="1"/>
  <c r="U36734" i="1"/>
  <c r="U36733" i="1"/>
  <c r="U36732" i="1"/>
  <c r="U36731" i="1"/>
  <c r="U36730" i="1"/>
  <c r="U36729" i="1"/>
  <c r="U36728" i="1"/>
  <c r="U36727" i="1"/>
  <c r="U36726" i="1"/>
  <c r="U36725" i="1"/>
  <c r="U36724" i="1"/>
  <c r="U36723" i="1"/>
  <c r="U36722" i="1"/>
  <c r="U36721" i="1"/>
  <c r="U36720" i="1"/>
  <c r="U36719" i="1"/>
  <c r="U36718" i="1"/>
  <c r="U36717" i="1"/>
  <c r="U36716" i="1"/>
  <c r="U36715" i="1"/>
  <c r="U36714" i="1"/>
  <c r="U36713" i="1"/>
  <c r="U36712" i="1"/>
  <c r="U36711" i="1"/>
  <c r="U36710" i="1"/>
  <c r="U36709" i="1"/>
  <c r="U36708" i="1"/>
  <c r="U36707" i="1"/>
  <c r="U36706" i="1"/>
  <c r="U36705" i="1"/>
  <c r="U36704" i="1"/>
  <c r="U36703" i="1"/>
  <c r="U36702" i="1"/>
  <c r="U36701" i="1"/>
  <c r="U36700" i="1"/>
  <c r="U36699" i="1"/>
  <c r="U36698" i="1"/>
  <c r="U36697" i="1"/>
  <c r="U36696" i="1"/>
  <c r="U36695" i="1"/>
  <c r="U36694" i="1"/>
  <c r="U36693" i="1"/>
  <c r="U36692" i="1"/>
  <c r="U36691" i="1"/>
  <c r="U36690" i="1"/>
  <c r="U36689" i="1"/>
  <c r="U36688" i="1"/>
  <c r="U36687" i="1"/>
  <c r="U36686" i="1"/>
  <c r="U36685" i="1"/>
  <c r="U36684" i="1"/>
  <c r="U36683" i="1"/>
  <c r="U36682" i="1"/>
  <c r="U36681" i="1"/>
  <c r="U36680" i="1"/>
  <c r="U36679" i="1"/>
  <c r="U36678" i="1"/>
  <c r="U36677" i="1"/>
  <c r="U36676" i="1"/>
  <c r="U36675" i="1"/>
  <c r="U36674" i="1"/>
  <c r="U36673" i="1"/>
  <c r="U36672" i="1"/>
  <c r="U36671" i="1"/>
  <c r="U36670" i="1"/>
  <c r="U36669" i="1"/>
  <c r="U36668" i="1"/>
  <c r="U36667" i="1"/>
  <c r="U36666" i="1"/>
  <c r="U36665" i="1"/>
  <c r="U36664" i="1"/>
  <c r="U36663" i="1"/>
  <c r="U36662" i="1"/>
  <c r="U36661" i="1"/>
  <c r="U36660" i="1"/>
  <c r="U36659" i="1"/>
  <c r="U36658" i="1"/>
  <c r="U36657" i="1"/>
  <c r="U36656" i="1"/>
  <c r="U36655" i="1"/>
  <c r="U36654" i="1"/>
  <c r="U36653" i="1"/>
  <c r="U36652" i="1"/>
  <c r="U36651" i="1"/>
  <c r="U36650" i="1"/>
  <c r="U36649" i="1"/>
  <c r="U36648" i="1"/>
  <c r="U36647" i="1"/>
  <c r="U36646" i="1"/>
  <c r="U36645" i="1"/>
  <c r="U36644" i="1"/>
  <c r="U36643" i="1"/>
  <c r="U36642" i="1"/>
  <c r="U36641" i="1"/>
  <c r="U36640" i="1"/>
  <c r="U36639" i="1"/>
  <c r="U36638" i="1"/>
  <c r="U36637" i="1"/>
  <c r="U36636" i="1"/>
  <c r="U36635" i="1"/>
  <c r="U36634" i="1"/>
  <c r="U36633" i="1"/>
  <c r="U36632" i="1"/>
  <c r="U36631" i="1"/>
  <c r="U36630" i="1"/>
  <c r="U36629" i="1"/>
  <c r="U36628" i="1"/>
  <c r="U36627" i="1"/>
  <c r="U36626" i="1"/>
  <c r="U36625" i="1"/>
  <c r="U36624" i="1"/>
  <c r="U36623" i="1"/>
  <c r="U36622" i="1"/>
  <c r="U36621" i="1"/>
  <c r="U36620" i="1"/>
  <c r="U36619" i="1"/>
  <c r="U36618" i="1"/>
  <c r="U36617" i="1"/>
  <c r="U36616" i="1"/>
  <c r="U36615" i="1"/>
  <c r="U36614" i="1"/>
  <c r="U36613" i="1"/>
  <c r="U36612" i="1"/>
  <c r="U36611" i="1"/>
  <c r="U36610" i="1"/>
  <c r="U36609" i="1"/>
  <c r="U36608" i="1"/>
  <c r="U36607" i="1"/>
  <c r="U36606" i="1"/>
  <c r="U36605" i="1"/>
  <c r="U36604" i="1"/>
  <c r="U36603" i="1"/>
  <c r="U36602" i="1"/>
  <c r="U36601" i="1"/>
  <c r="U36600" i="1"/>
  <c r="U36599" i="1"/>
  <c r="U36598" i="1"/>
  <c r="U36597" i="1"/>
  <c r="U36596" i="1"/>
  <c r="U36595" i="1"/>
  <c r="U36594" i="1"/>
  <c r="U36593" i="1"/>
  <c r="U36592" i="1"/>
  <c r="U36591" i="1"/>
  <c r="U36590" i="1"/>
  <c r="U36589" i="1"/>
  <c r="U36588" i="1"/>
  <c r="U36587" i="1"/>
  <c r="U36586" i="1"/>
  <c r="U36585" i="1"/>
  <c r="U36584" i="1"/>
  <c r="U36583" i="1"/>
  <c r="U36582" i="1"/>
  <c r="U36581" i="1"/>
  <c r="U36580" i="1"/>
  <c r="U36579" i="1"/>
  <c r="U36578" i="1"/>
  <c r="U36577" i="1"/>
  <c r="U36576" i="1"/>
  <c r="U36575" i="1"/>
  <c r="U36574" i="1"/>
  <c r="U36573" i="1"/>
  <c r="U36572" i="1"/>
  <c r="U36571" i="1"/>
  <c r="U36570" i="1"/>
  <c r="U36569" i="1"/>
  <c r="U36568" i="1"/>
  <c r="U36567" i="1"/>
  <c r="U36566" i="1"/>
  <c r="U36565" i="1"/>
  <c r="U36564" i="1"/>
  <c r="U36563" i="1"/>
  <c r="U36562" i="1"/>
  <c r="U36561" i="1"/>
  <c r="U36560" i="1"/>
  <c r="U36559" i="1"/>
  <c r="U36558" i="1"/>
  <c r="U36557" i="1"/>
  <c r="U36556" i="1"/>
  <c r="U36555" i="1"/>
  <c r="U36554" i="1"/>
  <c r="U36553" i="1"/>
  <c r="U36552" i="1"/>
  <c r="U36551" i="1"/>
  <c r="U36550" i="1"/>
  <c r="U36549" i="1"/>
  <c r="U36548" i="1"/>
  <c r="U36547" i="1"/>
  <c r="U36546" i="1"/>
  <c r="U36545" i="1"/>
  <c r="U36544" i="1"/>
  <c r="U36543" i="1"/>
  <c r="U36542" i="1"/>
  <c r="U36541" i="1"/>
  <c r="U36540" i="1"/>
  <c r="U36539" i="1"/>
  <c r="U36538" i="1"/>
  <c r="U36537" i="1"/>
  <c r="U36536" i="1"/>
  <c r="U36535" i="1"/>
  <c r="U36534" i="1"/>
  <c r="U36533" i="1"/>
  <c r="U36532" i="1"/>
  <c r="U36531" i="1"/>
  <c r="U36530" i="1"/>
  <c r="U36529" i="1"/>
  <c r="U36528" i="1"/>
  <c r="U36527" i="1"/>
  <c r="U36526" i="1"/>
  <c r="U36525" i="1"/>
  <c r="U36524" i="1"/>
  <c r="U36523" i="1"/>
  <c r="U36522" i="1"/>
  <c r="U36521" i="1"/>
  <c r="U36520" i="1"/>
  <c r="U36519" i="1"/>
  <c r="U36518" i="1"/>
  <c r="U36517" i="1"/>
  <c r="U36516" i="1"/>
  <c r="U36515" i="1"/>
  <c r="U36514" i="1"/>
  <c r="U36513" i="1"/>
  <c r="U36512" i="1"/>
  <c r="U36511" i="1"/>
  <c r="U36510" i="1"/>
  <c r="U36509" i="1"/>
  <c r="U36508" i="1"/>
  <c r="U36507" i="1"/>
  <c r="U36506" i="1"/>
  <c r="U36505" i="1"/>
  <c r="U36504" i="1"/>
  <c r="U36503" i="1"/>
  <c r="U36502" i="1"/>
  <c r="U36501" i="1"/>
  <c r="U36500" i="1"/>
  <c r="U36499" i="1"/>
  <c r="U36498" i="1"/>
  <c r="U36497" i="1"/>
  <c r="U36496" i="1"/>
  <c r="U36495" i="1"/>
  <c r="U36494" i="1"/>
  <c r="U36493" i="1"/>
  <c r="U36492" i="1"/>
  <c r="U36491" i="1"/>
  <c r="U36490" i="1"/>
  <c r="U36489" i="1"/>
  <c r="U36488" i="1"/>
  <c r="U36487" i="1"/>
  <c r="U36486" i="1"/>
  <c r="U36485" i="1"/>
  <c r="U36484" i="1"/>
  <c r="U36483" i="1"/>
  <c r="U36482" i="1"/>
  <c r="U36481" i="1"/>
  <c r="U36480" i="1"/>
  <c r="U36479" i="1"/>
  <c r="U36478" i="1"/>
  <c r="U36477" i="1"/>
  <c r="U36476" i="1"/>
  <c r="U36475" i="1"/>
  <c r="U36474" i="1"/>
  <c r="U36473" i="1"/>
  <c r="U36472" i="1"/>
  <c r="U36471" i="1"/>
  <c r="U36470" i="1"/>
  <c r="U36469" i="1"/>
  <c r="U36468" i="1"/>
  <c r="U36467" i="1"/>
  <c r="U36466" i="1"/>
  <c r="U36465" i="1"/>
  <c r="U36464" i="1"/>
  <c r="U36463" i="1"/>
  <c r="U36462" i="1"/>
  <c r="U36461" i="1"/>
  <c r="U36460" i="1"/>
  <c r="U36459" i="1"/>
  <c r="U36458" i="1"/>
  <c r="U36457" i="1"/>
  <c r="U36456" i="1"/>
  <c r="U36455" i="1"/>
  <c r="U36454" i="1"/>
  <c r="U36453" i="1"/>
  <c r="U36452" i="1"/>
  <c r="U36451" i="1"/>
  <c r="U36450" i="1"/>
  <c r="U36449" i="1"/>
  <c r="U36448" i="1"/>
  <c r="U36447" i="1"/>
  <c r="U36446" i="1"/>
  <c r="U36445" i="1"/>
  <c r="U36444" i="1"/>
  <c r="U36443" i="1"/>
  <c r="U36442" i="1"/>
  <c r="U36441" i="1"/>
  <c r="U36440" i="1"/>
  <c r="U36439" i="1"/>
  <c r="U36438" i="1"/>
  <c r="U36437" i="1"/>
  <c r="U36436" i="1"/>
  <c r="U36435" i="1"/>
  <c r="U36434" i="1"/>
  <c r="U36433" i="1"/>
  <c r="U36432" i="1"/>
  <c r="U36431" i="1"/>
  <c r="U36430" i="1"/>
  <c r="U36429" i="1"/>
  <c r="U36428" i="1"/>
  <c r="U36427" i="1"/>
  <c r="U36426" i="1"/>
  <c r="U36425" i="1"/>
  <c r="U36424" i="1"/>
  <c r="U36423" i="1"/>
  <c r="U36422" i="1"/>
  <c r="U36421" i="1"/>
  <c r="U36420" i="1"/>
  <c r="U36419" i="1"/>
  <c r="U36418" i="1"/>
  <c r="U36417" i="1"/>
  <c r="U36416" i="1"/>
  <c r="U36415" i="1"/>
  <c r="U36414" i="1"/>
  <c r="U36413" i="1"/>
  <c r="U36412" i="1"/>
  <c r="U36411" i="1"/>
  <c r="U36410" i="1"/>
  <c r="U36409" i="1"/>
  <c r="U36408" i="1"/>
  <c r="U36407" i="1"/>
  <c r="U36406" i="1"/>
  <c r="U36405" i="1"/>
  <c r="U36404" i="1"/>
  <c r="U36403" i="1"/>
  <c r="U36402" i="1"/>
  <c r="U36401" i="1"/>
  <c r="U36400" i="1"/>
  <c r="U36399" i="1"/>
  <c r="U36398" i="1"/>
  <c r="U36397" i="1"/>
  <c r="U36396" i="1"/>
  <c r="U36395" i="1"/>
  <c r="U36394" i="1"/>
  <c r="U36393" i="1"/>
  <c r="U36392" i="1"/>
  <c r="U36391" i="1"/>
  <c r="U36390" i="1"/>
  <c r="U36389" i="1"/>
  <c r="U36388" i="1"/>
  <c r="U36387" i="1"/>
  <c r="U36386" i="1"/>
  <c r="U36385" i="1"/>
  <c r="U36384" i="1"/>
  <c r="U36383" i="1"/>
  <c r="U36382" i="1"/>
  <c r="U36381" i="1"/>
  <c r="U36380" i="1"/>
  <c r="U36379" i="1"/>
  <c r="U36378" i="1"/>
  <c r="U36377" i="1"/>
  <c r="U36376" i="1"/>
  <c r="U36375" i="1"/>
  <c r="U36374" i="1"/>
  <c r="U36373" i="1"/>
  <c r="U36372" i="1"/>
  <c r="U36371" i="1"/>
  <c r="U36370" i="1"/>
  <c r="U36369" i="1"/>
  <c r="U36368" i="1"/>
  <c r="U36367" i="1"/>
  <c r="U36366" i="1"/>
  <c r="U36365" i="1"/>
  <c r="U36364" i="1"/>
  <c r="U36363" i="1"/>
  <c r="U36362" i="1"/>
  <c r="U36361" i="1"/>
  <c r="U36360" i="1"/>
  <c r="U36359" i="1"/>
  <c r="U36358" i="1"/>
  <c r="U36357" i="1"/>
  <c r="U36356" i="1"/>
  <c r="U36355" i="1"/>
  <c r="U36354" i="1"/>
  <c r="U36353" i="1"/>
  <c r="U36352" i="1"/>
  <c r="U36351" i="1"/>
  <c r="U36350" i="1"/>
  <c r="U36349" i="1"/>
  <c r="U36348" i="1"/>
  <c r="U36347" i="1"/>
  <c r="U36346" i="1"/>
  <c r="U36345" i="1"/>
  <c r="U36344" i="1"/>
  <c r="U36343" i="1"/>
  <c r="U36342" i="1"/>
  <c r="U36341" i="1"/>
  <c r="U36340" i="1"/>
  <c r="U36339" i="1"/>
  <c r="U36338" i="1"/>
  <c r="U36337" i="1"/>
  <c r="U36336" i="1"/>
  <c r="U36335" i="1"/>
  <c r="U36334" i="1"/>
  <c r="U36333" i="1"/>
  <c r="U36332" i="1"/>
  <c r="U36331" i="1"/>
  <c r="U36330" i="1"/>
  <c r="U36329" i="1"/>
  <c r="U36328" i="1"/>
  <c r="U36327" i="1"/>
  <c r="U36326" i="1"/>
  <c r="U36325" i="1"/>
  <c r="U36324" i="1"/>
  <c r="U36323" i="1"/>
  <c r="U36322" i="1"/>
  <c r="U36321" i="1"/>
  <c r="U36320" i="1"/>
  <c r="U36319" i="1"/>
  <c r="U36318" i="1"/>
  <c r="U36317" i="1"/>
  <c r="U36316" i="1"/>
  <c r="U36315" i="1"/>
  <c r="U36314" i="1"/>
  <c r="U36313" i="1"/>
  <c r="U36312" i="1"/>
  <c r="U36311" i="1"/>
  <c r="U36310" i="1"/>
  <c r="U36309" i="1"/>
  <c r="U36308" i="1"/>
  <c r="U36307" i="1"/>
  <c r="U36306" i="1"/>
  <c r="U36305" i="1"/>
  <c r="U36304" i="1"/>
  <c r="U36303" i="1"/>
  <c r="U36302" i="1"/>
  <c r="U36301" i="1"/>
  <c r="U36300" i="1"/>
  <c r="U36299" i="1"/>
  <c r="U36298" i="1"/>
  <c r="U36297" i="1"/>
  <c r="U36296" i="1"/>
  <c r="U36295" i="1"/>
  <c r="U36294" i="1"/>
  <c r="U36293" i="1"/>
  <c r="U36292" i="1"/>
  <c r="U36291" i="1"/>
  <c r="U36290" i="1"/>
  <c r="U36289" i="1"/>
  <c r="U36288" i="1"/>
  <c r="U36287" i="1"/>
  <c r="U36286" i="1"/>
  <c r="U36285" i="1"/>
  <c r="U36284" i="1"/>
  <c r="U36283" i="1"/>
  <c r="U36282" i="1"/>
  <c r="U36281" i="1"/>
  <c r="U36280" i="1"/>
  <c r="U36279" i="1"/>
  <c r="U36278" i="1"/>
  <c r="U36277" i="1"/>
  <c r="U36276" i="1"/>
  <c r="U36275" i="1"/>
  <c r="U36274" i="1"/>
  <c r="U36273" i="1"/>
  <c r="U36272" i="1"/>
  <c r="U36271" i="1"/>
  <c r="U36270" i="1"/>
  <c r="U36269" i="1"/>
  <c r="U36268" i="1"/>
  <c r="U36267" i="1"/>
  <c r="U36266" i="1"/>
  <c r="U36265" i="1"/>
  <c r="U36264" i="1"/>
  <c r="U36263" i="1"/>
  <c r="U36262" i="1"/>
  <c r="U36261" i="1"/>
  <c r="U36260" i="1"/>
  <c r="U36259" i="1"/>
  <c r="U36258" i="1"/>
  <c r="U36257" i="1"/>
  <c r="U36256" i="1"/>
  <c r="U36255" i="1"/>
  <c r="U36254" i="1"/>
  <c r="U36253" i="1"/>
  <c r="U36252" i="1"/>
  <c r="U36251" i="1"/>
  <c r="U36250" i="1"/>
  <c r="U36249" i="1"/>
  <c r="U36248" i="1"/>
  <c r="U36247" i="1"/>
  <c r="U36246" i="1"/>
  <c r="U36245" i="1"/>
  <c r="U36244" i="1"/>
  <c r="U36243" i="1"/>
  <c r="U36242" i="1"/>
  <c r="U36241" i="1"/>
  <c r="U36240" i="1"/>
  <c r="U36239" i="1"/>
  <c r="U36238" i="1"/>
  <c r="U36237" i="1"/>
  <c r="U36236" i="1"/>
  <c r="U36235" i="1"/>
  <c r="U36234" i="1"/>
  <c r="U36233" i="1"/>
  <c r="U36232" i="1"/>
  <c r="U36231" i="1"/>
  <c r="U36230" i="1"/>
  <c r="U36229" i="1"/>
  <c r="U36228" i="1"/>
  <c r="U36227" i="1"/>
  <c r="U36226" i="1"/>
  <c r="U36225" i="1"/>
  <c r="U36224" i="1"/>
  <c r="U36223" i="1"/>
  <c r="U36222" i="1"/>
  <c r="U36221" i="1"/>
  <c r="U36220" i="1"/>
  <c r="U36219" i="1"/>
  <c r="U36218" i="1"/>
  <c r="U36217" i="1"/>
  <c r="U36216" i="1"/>
  <c r="U36215" i="1"/>
  <c r="U36214" i="1"/>
  <c r="U36213" i="1"/>
  <c r="U36212" i="1"/>
  <c r="U36211" i="1"/>
  <c r="U36210" i="1"/>
  <c r="U36209" i="1"/>
  <c r="U36208" i="1"/>
  <c r="U36207" i="1"/>
  <c r="U36206" i="1"/>
  <c r="U36205" i="1"/>
  <c r="U36204" i="1"/>
  <c r="U36203" i="1"/>
  <c r="U36202" i="1"/>
  <c r="U36201" i="1"/>
  <c r="U36200" i="1"/>
  <c r="U36199" i="1"/>
  <c r="U36198" i="1"/>
  <c r="U36197" i="1"/>
  <c r="U36196" i="1"/>
  <c r="U36195" i="1"/>
  <c r="U36194" i="1"/>
  <c r="U36193" i="1"/>
  <c r="U36192" i="1"/>
  <c r="U36191" i="1"/>
  <c r="U36190" i="1"/>
  <c r="U36189" i="1"/>
  <c r="U36188" i="1"/>
  <c r="U36187" i="1"/>
  <c r="U36186" i="1"/>
  <c r="U36185" i="1"/>
  <c r="U36184" i="1"/>
  <c r="U36183" i="1"/>
  <c r="U36182" i="1"/>
  <c r="U36181" i="1"/>
  <c r="U36180" i="1"/>
  <c r="U36179" i="1"/>
  <c r="U36178" i="1"/>
  <c r="U36177" i="1"/>
  <c r="U36176" i="1"/>
  <c r="U36175" i="1"/>
  <c r="U36174" i="1"/>
  <c r="U36173" i="1"/>
  <c r="U36172" i="1"/>
  <c r="U36171" i="1"/>
  <c r="U36170" i="1"/>
  <c r="U36169" i="1"/>
  <c r="U36168" i="1"/>
  <c r="U36167" i="1"/>
  <c r="U36166" i="1"/>
  <c r="U36165" i="1"/>
  <c r="U36164" i="1"/>
  <c r="U36163" i="1"/>
  <c r="U36162" i="1"/>
  <c r="U36161" i="1"/>
  <c r="U36160" i="1"/>
  <c r="U36159" i="1"/>
  <c r="U36158" i="1"/>
  <c r="U36157" i="1"/>
  <c r="U36156" i="1"/>
  <c r="U36155" i="1"/>
  <c r="U36154" i="1"/>
  <c r="U36153" i="1"/>
  <c r="U36152" i="1"/>
  <c r="U36151" i="1"/>
  <c r="U36150" i="1"/>
  <c r="U36149" i="1"/>
  <c r="U36148" i="1"/>
  <c r="U36147" i="1"/>
  <c r="U36146" i="1"/>
  <c r="U36145" i="1"/>
  <c r="U36144" i="1"/>
  <c r="U36143" i="1"/>
  <c r="U36142" i="1"/>
  <c r="U36141" i="1"/>
  <c r="U36140" i="1"/>
  <c r="U36139" i="1"/>
  <c r="U36138" i="1"/>
  <c r="U36137" i="1"/>
  <c r="U36136" i="1"/>
  <c r="U36135" i="1"/>
  <c r="U36134" i="1"/>
  <c r="U36133" i="1"/>
  <c r="U36132" i="1"/>
  <c r="U36131" i="1"/>
  <c r="U36130" i="1"/>
  <c r="U36129" i="1"/>
  <c r="U36128" i="1"/>
  <c r="U36127" i="1"/>
  <c r="U36126" i="1"/>
  <c r="U36125" i="1"/>
  <c r="U36124" i="1"/>
  <c r="U36123" i="1"/>
  <c r="U36122" i="1"/>
  <c r="U36121" i="1"/>
  <c r="U36120" i="1"/>
  <c r="U36119" i="1"/>
  <c r="U36118" i="1"/>
  <c r="U36117" i="1"/>
  <c r="U36116" i="1"/>
  <c r="U36115" i="1"/>
  <c r="U36114" i="1"/>
  <c r="U36113" i="1"/>
  <c r="U36112" i="1"/>
  <c r="U36111" i="1"/>
  <c r="U36110" i="1"/>
  <c r="U36109" i="1"/>
  <c r="U36108" i="1"/>
  <c r="U36107" i="1"/>
  <c r="U36106" i="1"/>
  <c r="U36105" i="1"/>
  <c r="U36104" i="1"/>
  <c r="U36103" i="1"/>
  <c r="U36102" i="1"/>
  <c r="U36101" i="1"/>
  <c r="U36100" i="1"/>
  <c r="U36099" i="1"/>
  <c r="U36098" i="1"/>
  <c r="U36097" i="1"/>
  <c r="U36096" i="1"/>
  <c r="U36095" i="1"/>
  <c r="U36094" i="1"/>
  <c r="U36093" i="1"/>
  <c r="U36092" i="1"/>
  <c r="U36091" i="1"/>
  <c r="U36090" i="1"/>
  <c r="U36089" i="1"/>
  <c r="U36088" i="1"/>
  <c r="U36087" i="1"/>
  <c r="U36086" i="1"/>
  <c r="U36085" i="1"/>
  <c r="U36084" i="1"/>
  <c r="U36083" i="1"/>
  <c r="U36082" i="1"/>
  <c r="U36081" i="1"/>
  <c r="U36080" i="1"/>
  <c r="U36079" i="1"/>
  <c r="U36078" i="1"/>
  <c r="U36077" i="1"/>
  <c r="U36076" i="1"/>
  <c r="U36075" i="1"/>
  <c r="U36074" i="1"/>
  <c r="U36073" i="1"/>
  <c r="U36072" i="1"/>
  <c r="U36071" i="1"/>
  <c r="U36070" i="1"/>
  <c r="U36069" i="1"/>
  <c r="U36068" i="1"/>
  <c r="U36067" i="1"/>
  <c r="U36066" i="1"/>
  <c r="U36065" i="1"/>
  <c r="U36064" i="1"/>
  <c r="U36063" i="1"/>
  <c r="U36062" i="1"/>
  <c r="U36061" i="1"/>
  <c r="U36060" i="1"/>
  <c r="U36059" i="1"/>
  <c r="U36058" i="1"/>
  <c r="U36057" i="1"/>
  <c r="U36056" i="1"/>
  <c r="U36055" i="1"/>
  <c r="U36054" i="1"/>
  <c r="U36053" i="1"/>
  <c r="U36052" i="1"/>
  <c r="U36051" i="1"/>
  <c r="U36050" i="1"/>
  <c r="U36049" i="1"/>
  <c r="U36048" i="1"/>
  <c r="U36047" i="1"/>
  <c r="U36046" i="1"/>
  <c r="U36045" i="1"/>
  <c r="U36044" i="1"/>
  <c r="U36043" i="1"/>
  <c r="U36042" i="1"/>
  <c r="U36041" i="1"/>
  <c r="U36040" i="1"/>
  <c r="U36039" i="1"/>
  <c r="U36038" i="1"/>
  <c r="U36037" i="1"/>
  <c r="U36036" i="1"/>
  <c r="U36035" i="1"/>
  <c r="U36034" i="1"/>
  <c r="U36033" i="1"/>
  <c r="U36032" i="1"/>
  <c r="U36031" i="1"/>
  <c r="U36030" i="1"/>
  <c r="U36029" i="1"/>
  <c r="U36028" i="1"/>
  <c r="U36027" i="1"/>
  <c r="U36026" i="1"/>
  <c r="U36025" i="1"/>
  <c r="U36024" i="1"/>
  <c r="U36023" i="1"/>
  <c r="U36022" i="1"/>
  <c r="U36021" i="1"/>
  <c r="U36020" i="1"/>
  <c r="U36019" i="1"/>
  <c r="U36018" i="1"/>
  <c r="U36017" i="1"/>
  <c r="U36016" i="1"/>
  <c r="U36015" i="1"/>
  <c r="U36014" i="1"/>
  <c r="U36013" i="1"/>
  <c r="U36012" i="1"/>
  <c r="U36011" i="1"/>
  <c r="U36010" i="1"/>
  <c r="U36009" i="1"/>
  <c r="U36008" i="1"/>
  <c r="U36007" i="1"/>
  <c r="U36006" i="1"/>
  <c r="U36005" i="1"/>
  <c r="U36004" i="1"/>
  <c r="U36003" i="1"/>
  <c r="U36002" i="1"/>
  <c r="U36001" i="1"/>
  <c r="U36000" i="1"/>
  <c r="U35999" i="1"/>
  <c r="U35998" i="1"/>
  <c r="U35997" i="1"/>
  <c r="U35996" i="1"/>
  <c r="U35995" i="1"/>
  <c r="U35994" i="1"/>
  <c r="U35993" i="1"/>
  <c r="U35992" i="1"/>
  <c r="U35991" i="1"/>
  <c r="U35990" i="1"/>
  <c r="U35989" i="1"/>
  <c r="U35988" i="1"/>
  <c r="U35987" i="1"/>
  <c r="U35986" i="1"/>
  <c r="U35985" i="1"/>
  <c r="U35984" i="1"/>
  <c r="U35983" i="1"/>
  <c r="U35982" i="1"/>
  <c r="U35981" i="1"/>
  <c r="U35980" i="1"/>
  <c r="U35979" i="1"/>
  <c r="U35978" i="1"/>
  <c r="U35977" i="1"/>
  <c r="U35976" i="1"/>
  <c r="U35975" i="1"/>
  <c r="U35974" i="1"/>
  <c r="U35973" i="1"/>
  <c r="U35972" i="1"/>
  <c r="U35971" i="1"/>
  <c r="U35970" i="1"/>
  <c r="U35969" i="1"/>
  <c r="U35968" i="1"/>
  <c r="U35967" i="1"/>
  <c r="U35966" i="1"/>
  <c r="U35965" i="1"/>
  <c r="U35964" i="1"/>
  <c r="U35963" i="1"/>
  <c r="U35962" i="1"/>
  <c r="U35961" i="1"/>
  <c r="U35960" i="1"/>
  <c r="U35959" i="1"/>
  <c r="U35958" i="1"/>
  <c r="U35957" i="1"/>
  <c r="U35956" i="1"/>
  <c r="U35955" i="1"/>
  <c r="U35954" i="1"/>
  <c r="U35953" i="1"/>
  <c r="U35952" i="1"/>
  <c r="U35951" i="1"/>
  <c r="U35950" i="1"/>
  <c r="U35949" i="1"/>
  <c r="U35948" i="1"/>
  <c r="U35947" i="1"/>
  <c r="U35946" i="1"/>
  <c r="U35945" i="1"/>
  <c r="U35944" i="1"/>
  <c r="U35943" i="1"/>
  <c r="U35942" i="1"/>
  <c r="U35941" i="1"/>
  <c r="U35940" i="1"/>
  <c r="U35939" i="1"/>
  <c r="U35938" i="1"/>
  <c r="U35937" i="1"/>
  <c r="U35936" i="1"/>
  <c r="U35935" i="1"/>
  <c r="U35934" i="1"/>
  <c r="U35933" i="1"/>
  <c r="U35932" i="1"/>
  <c r="U35931" i="1"/>
  <c r="U35930" i="1"/>
  <c r="U35929" i="1"/>
  <c r="U35928" i="1"/>
  <c r="U35927" i="1"/>
  <c r="U35926" i="1"/>
  <c r="U35925" i="1"/>
  <c r="U35924" i="1"/>
  <c r="U35923" i="1"/>
  <c r="U35922" i="1"/>
  <c r="U35921" i="1"/>
  <c r="U35920" i="1"/>
  <c r="U35919" i="1"/>
  <c r="U35918" i="1"/>
  <c r="U35917" i="1"/>
  <c r="U35916" i="1"/>
  <c r="U35915" i="1"/>
  <c r="U35914" i="1"/>
  <c r="U35913" i="1"/>
  <c r="U35912" i="1"/>
  <c r="U35911" i="1"/>
  <c r="U35910" i="1"/>
  <c r="U35909" i="1"/>
  <c r="U35908" i="1"/>
  <c r="U35907" i="1"/>
  <c r="U35906" i="1"/>
  <c r="U35905" i="1"/>
  <c r="U35904" i="1"/>
  <c r="U35903" i="1"/>
  <c r="U35902" i="1"/>
  <c r="U35901" i="1"/>
  <c r="U35900" i="1"/>
  <c r="U35899" i="1"/>
  <c r="U35898" i="1"/>
  <c r="U35897" i="1"/>
  <c r="U35896" i="1"/>
  <c r="U35895" i="1"/>
  <c r="U35894" i="1"/>
  <c r="U35893" i="1"/>
  <c r="U35892" i="1"/>
  <c r="U35891" i="1"/>
  <c r="U35890" i="1"/>
  <c r="U35889" i="1"/>
  <c r="U35888" i="1"/>
  <c r="U35887" i="1"/>
  <c r="U35886" i="1"/>
  <c r="U35885" i="1"/>
  <c r="U35884" i="1"/>
  <c r="U35883" i="1"/>
  <c r="U35882" i="1"/>
  <c r="U35881" i="1"/>
  <c r="U35880" i="1"/>
  <c r="U35879" i="1"/>
  <c r="U35878" i="1"/>
  <c r="U35877" i="1"/>
  <c r="U35876" i="1"/>
  <c r="U35875" i="1"/>
  <c r="U35874" i="1"/>
  <c r="U35873" i="1"/>
  <c r="U35872" i="1"/>
  <c r="U35871" i="1"/>
  <c r="U35870" i="1"/>
  <c r="U35869" i="1"/>
  <c r="U35868" i="1"/>
  <c r="U35867" i="1"/>
  <c r="U35866" i="1"/>
  <c r="U35865" i="1"/>
  <c r="U35864" i="1"/>
  <c r="U35863" i="1"/>
  <c r="U35862" i="1"/>
  <c r="U35861" i="1"/>
  <c r="U35860" i="1"/>
  <c r="U35859" i="1"/>
  <c r="U35858" i="1"/>
  <c r="U35857" i="1"/>
  <c r="U35856" i="1"/>
  <c r="U35855" i="1"/>
  <c r="U35854" i="1"/>
  <c r="U35853" i="1"/>
  <c r="U35852" i="1"/>
  <c r="U35851" i="1"/>
  <c r="U35850" i="1"/>
  <c r="U35849" i="1"/>
  <c r="U35848" i="1"/>
  <c r="U35847" i="1"/>
  <c r="U35846" i="1"/>
  <c r="U35845" i="1"/>
  <c r="U35844" i="1"/>
  <c r="U35843" i="1"/>
  <c r="U35842" i="1"/>
  <c r="U35841" i="1"/>
  <c r="U35840" i="1"/>
  <c r="U35839" i="1"/>
  <c r="U35838" i="1"/>
  <c r="U35837" i="1"/>
  <c r="U35836" i="1"/>
  <c r="U35835" i="1"/>
  <c r="U35834" i="1"/>
  <c r="U35833" i="1"/>
  <c r="U35832" i="1"/>
  <c r="U35831" i="1"/>
  <c r="U35830" i="1"/>
  <c r="U35829" i="1"/>
  <c r="U35828" i="1"/>
  <c r="U35827" i="1"/>
  <c r="U35826" i="1"/>
  <c r="U35825" i="1"/>
  <c r="U35824" i="1"/>
  <c r="U35823" i="1"/>
  <c r="U35822" i="1"/>
  <c r="U35821" i="1"/>
  <c r="U35820" i="1"/>
  <c r="U35819" i="1"/>
  <c r="U35818" i="1"/>
  <c r="U35817" i="1"/>
  <c r="U35816" i="1"/>
  <c r="U35815" i="1"/>
  <c r="U35814" i="1"/>
  <c r="U35813" i="1"/>
  <c r="U35812" i="1"/>
  <c r="U35811" i="1"/>
  <c r="U35810" i="1"/>
  <c r="U35809" i="1"/>
  <c r="U35808" i="1"/>
  <c r="U35807" i="1"/>
  <c r="U35806" i="1"/>
  <c r="U35805" i="1"/>
  <c r="U35804" i="1"/>
  <c r="U35803" i="1"/>
  <c r="U35802" i="1"/>
  <c r="U35801" i="1"/>
  <c r="U35800" i="1"/>
  <c r="U35799" i="1"/>
  <c r="U35798" i="1"/>
  <c r="U35797" i="1"/>
  <c r="U35796" i="1"/>
  <c r="U35795" i="1"/>
  <c r="U35794" i="1"/>
  <c r="U35793" i="1"/>
  <c r="U35792" i="1"/>
  <c r="U35791" i="1"/>
  <c r="U35790" i="1"/>
  <c r="U35789" i="1"/>
  <c r="U35788" i="1"/>
  <c r="U35787" i="1"/>
  <c r="U35786" i="1"/>
  <c r="U35785" i="1"/>
  <c r="U35784" i="1"/>
  <c r="U35783" i="1"/>
  <c r="U35782" i="1"/>
  <c r="U35781" i="1"/>
  <c r="U35780" i="1"/>
  <c r="U35779" i="1"/>
  <c r="U35778" i="1"/>
  <c r="U35777" i="1"/>
  <c r="U35776" i="1"/>
  <c r="U35775" i="1"/>
  <c r="U35774" i="1"/>
  <c r="U35773" i="1"/>
  <c r="U35772" i="1"/>
  <c r="U35771" i="1"/>
  <c r="U35770" i="1"/>
  <c r="U35769" i="1"/>
  <c r="U35768" i="1"/>
  <c r="U35767" i="1"/>
  <c r="U35766" i="1"/>
  <c r="U35765" i="1"/>
  <c r="U35764" i="1"/>
  <c r="U35763" i="1"/>
  <c r="U35762" i="1"/>
  <c r="U35761" i="1"/>
  <c r="U35760" i="1"/>
  <c r="U35759" i="1"/>
  <c r="U35758" i="1"/>
  <c r="U35757" i="1"/>
  <c r="U35756" i="1"/>
  <c r="U35755" i="1"/>
  <c r="U35754" i="1"/>
  <c r="U35753" i="1"/>
  <c r="U35752" i="1"/>
  <c r="U35751" i="1"/>
  <c r="U35750" i="1"/>
  <c r="U35749" i="1"/>
  <c r="U35748" i="1"/>
  <c r="U35747" i="1"/>
  <c r="U35746" i="1"/>
  <c r="U35745" i="1"/>
  <c r="U35744" i="1"/>
  <c r="U35743" i="1"/>
  <c r="U35742" i="1"/>
  <c r="U35741" i="1"/>
  <c r="U35740" i="1"/>
  <c r="U35739" i="1"/>
  <c r="U35738" i="1"/>
  <c r="U35737" i="1"/>
  <c r="U35736" i="1"/>
  <c r="U35735" i="1"/>
  <c r="U35734" i="1"/>
  <c r="U35733" i="1"/>
  <c r="U35732" i="1"/>
  <c r="U35731" i="1"/>
  <c r="U35730" i="1"/>
  <c r="U35729" i="1"/>
  <c r="U35728" i="1"/>
  <c r="U35727" i="1"/>
  <c r="U35726" i="1"/>
  <c r="U35725" i="1"/>
  <c r="U35724" i="1"/>
  <c r="U35723" i="1"/>
  <c r="U35722" i="1"/>
  <c r="U35721" i="1"/>
  <c r="U35720" i="1"/>
  <c r="U35719" i="1"/>
  <c r="U35718" i="1"/>
  <c r="U35717" i="1"/>
  <c r="U35716" i="1"/>
  <c r="U35715" i="1"/>
  <c r="U35714" i="1"/>
  <c r="U35713" i="1"/>
  <c r="U35712" i="1"/>
  <c r="U35711" i="1"/>
  <c r="U35710" i="1"/>
  <c r="U35709" i="1"/>
  <c r="U35708" i="1"/>
  <c r="U35707" i="1"/>
  <c r="U35706" i="1"/>
  <c r="U35705" i="1"/>
  <c r="U35704" i="1"/>
  <c r="U35703" i="1"/>
  <c r="U35702" i="1"/>
  <c r="U35701" i="1"/>
  <c r="U35700" i="1"/>
  <c r="U35699" i="1"/>
  <c r="U35698" i="1"/>
  <c r="U35697" i="1"/>
  <c r="U35696" i="1"/>
  <c r="U35695" i="1"/>
  <c r="U35694" i="1"/>
  <c r="U35693" i="1"/>
  <c r="U35692" i="1"/>
  <c r="U35691" i="1"/>
  <c r="U35690" i="1"/>
  <c r="U35689" i="1"/>
  <c r="U35688" i="1"/>
  <c r="U35687" i="1"/>
  <c r="U35686" i="1"/>
  <c r="U35685" i="1"/>
  <c r="U35684" i="1"/>
  <c r="U35683" i="1"/>
  <c r="U35682" i="1"/>
  <c r="U35681" i="1"/>
  <c r="U35680" i="1"/>
  <c r="U35679" i="1"/>
  <c r="U35678" i="1"/>
  <c r="U35677" i="1"/>
  <c r="U35676" i="1"/>
  <c r="U35675" i="1"/>
  <c r="U35674" i="1"/>
  <c r="U35673" i="1"/>
  <c r="U35672" i="1"/>
  <c r="U35671" i="1"/>
  <c r="U35670" i="1"/>
  <c r="U35669" i="1"/>
  <c r="U35668" i="1"/>
  <c r="U35667" i="1"/>
  <c r="U35666" i="1"/>
  <c r="U35665" i="1"/>
  <c r="U35664" i="1"/>
  <c r="U35663" i="1"/>
  <c r="U35662" i="1"/>
  <c r="U35661" i="1"/>
  <c r="U35660" i="1"/>
  <c r="U35659" i="1"/>
  <c r="U35658" i="1"/>
  <c r="U35657" i="1"/>
  <c r="U35656" i="1"/>
  <c r="U35655" i="1"/>
  <c r="U35654" i="1"/>
  <c r="U35653" i="1"/>
  <c r="U35652" i="1"/>
  <c r="U35651" i="1"/>
  <c r="U35650" i="1"/>
  <c r="U35649" i="1"/>
  <c r="U35648" i="1"/>
  <c r="U35647" i="1"/>
  <c r="U35646" i="1"/>
  <c r="U35645" i="1"/>
  <c r="U35644" i="1"/>
  <c r="U35643" i="1"/>
  <c r="U35642" i="1"/>
  <c r="U35641" i="1"/>
  <c r="U35640" i="1"/>
  <c r="U35639" i="1"/>
  <c r="U35638" i="1"/>
  <c r="U35637" i="1"/>
  <c r="U35636" i="1"/>
  <c r="U35635" i="1"/>
  <c r="U35634" i="1"/>
  <c r="U35633" i="1"/>
  <c r="U35632" i="1"/>
  <c r="U35631" i="1"/>
  <c r="U35630" i="1"/>
  <c r="U35629" i="1"/>
  <c r="U35628" i="1"/>
  <c r="U35627" i="1"/>
  <c r="U35626" i="1"/>
  <c r="U35625" i="1"/>
  <c r="U35624" i="1"/>
  <c r="U35623" i="1"/>
  <c r="U35622" i="1"/>
  <c r="U35621" i="1"/>
  <c r="U35620" i="1"/>
  <c r="U35619" i="1"/>
  <c r="U35618" i="1"/>
  <c r="U35617" i="1"/>
  <c r="U35616" i="1"/>
  <c r="U35615" i="1"/>
  <c r="U35614" i="1"/>
  <c r="U35613" i="1"/>
  <c r="U35612" i="1"/>
  <c r="U35611" i="1"/>
  <c r="U35610" i="1"/>
  <c r="U35609" i="1"/>
  <c r="U35608" i="1"/>
  <c r="U35607" i="1"/>
  <c r="U35606" i="1"/>
  <c r="U35605" i="1"/>
  <c r="U35604" i="1"/>
  <c r="U35603" i="1"/>
  <c r="U35602" i="1"/>
  <c r="U35601" i="1"/>
  <c r="U35600" i="1"/>
  <c r="U35599" i="1"/>
  <c r="U35598" i="1"/>
  <c r="U35597" i="1"/>
  <c r="U35596" i="1"/>
  <c r="U35595" i="1"/>
  <c r="U35594" i="1"/>
  <c r="U35593" i="1"/>
  <c r="U35592" i="1"/>
  <c r="U35591" i="1"/>
  <c r="U35590" i="1"/>
  <c r="U35589" i="1"/>
  <c r="U35588" i="1"/>
  <c r="U35587" i="1"/>
  <c r="U35586" i="1"/>
  <c r="U35585" i="1"/>
  <c r="U35584" i="1"/>
  <c r="U35583" i="1"/>
  <c r="U35582" i="1"/>
  <c r="U35581" i="1"/>
  <c r="U35580" i="1"/>
  <c r="U35579" i="1"/>
  <c r="U35578" i="1"/>
  <c r="U35577" i="1"/>
  <c r="U35576" i="1"/>
  <c r="U35575" i="1"/>
  <c r="U35574" i="1"/>
  <c r="U35573" i="1"/>
  <c r="U35572" i="1"/>
  <c r="U35571" i="1"/>
  <c r="U35570" i="1"/>
  <c r="U35569" i="1"/>
  <c r="U35568" i="1"/>
  <c r="U35567" i="1"/>
  <c r="U35566" i="1"/>
  <c r="U35565" i="1"/>
  <c r="U35564" i="1"/>
  <c r="U35563" i="1"/>
  <c r="U35562" i="1"/>
  <c r="U35561" i="1"/>
  <c r="U35560" i="1"/>
  <c r="U35559" i="1"/>
  <c r="U35558" i="1"/>
  <c r="U35557" i="1"/>
  <c r="U35556" i="1"/>
  <c r="U35555" i="1"/>
  <c r="U35554" i="1"/>
  <c r="U35553" i="1"/>
  <c r="U35552" i="1"/>
  <c r="U35551" i="1"/>
  <c r="U35550" i="1"/>
  <c r="U35549" i="1"/>
  <c r="U35548" i="1"/>
  <c r="U35547" i="1"/>
  <c r="U35546" i="1"/>
  <c r="U35545" i="1"/>
  <c r="U35544" i="1"/>
  <c r="U35543" i="1"/>
  <c r="U35542" i="1"/>
  <c r="U35541" i="1"/>
  <c r="U35540" i="1"/>
  <c r="U35539" i="1"/>
  <c r="U35538" i="1"/>
  <c r="U35537" i="1"/>
  <c r="U35536" i="1"/>
  <c r="U35535" i="1"/>
  <c r="U35534" i="1"/>
  <c r="U35533" i="1"/>
  <c r="U35532" i="1"/>
  <c r="U35531" i="1"/>
  <c r="U35530" i="1"/>
  <c r="U35529" i="1"/>
  <c r="U35528" i="1"/>
  <c r="U35527" i="1"/>
  <c r="U35526" i="1"/>
  <c r="U35525" i="1"/>
  <c r="U35524" i="1"/>
  <c r="U35523" i="1"/>
  <c r="U35522" i="1"/>
  <c r="U35521" i="1"/>
  <c r="U35520" i="1"/>
  <c r="U35519" i="1"/>
  <c r="U35518" i="1"/>
  <c r="U35517" i="1"/>
  <c r="U35516" i="1"/>
  <c r="U35515" i="1"/>
  <c r="U35514" i="1"/>
  <c r="U35513" i="1"/>
  <c r="U35512" i="1"/>
  <c r="U35511" i="1"/>
  <c r="U35510" i="1"/>
  <c r="U35509" i="1"/>
  <c r="U35508" i="1"/>
  <c r="U35507" i="1"/>
  <c r="U35506" i="1"/>
  <c r="U35505" i="1"/>
  <c r="U35504" i="1"/>
  <c r="U35503" i="1"/>
  <c r="U35502" i="1"/>
  <c r="U35501" i="1"/>
  <c r="U35500" i="1"/>
  <c r="U35499" i="1"/>
  <c r="U35498" i="1"/>
  <c r="U35497" i="1"/>
  <c r="U35496" i="1"/>
  <c r="U35495" i="1"/>
  <c r="U35494" i="1"/>
  <c r="U35493" i="1"/>
  <c r="U35492" i="1"/>
  <c r="U35491" i="1"/>
  <c r="U35490" i="1"/>
  <c r="U35489" i="1"/>
  <c r="U35488" i="1"/>
  <c r="U35487" i="1"/>
  <c r="U35486" i="1"/>
  <c r="U35485" i="1"/>
  <c r="U35484" i="1"/>
  <c r="U35483" i="1"/>
  <c r="U35482" i="1"/>
  <c r="U35481" i="1"/>
  <c r="U35480" i="1"/>
  <c r="U35479" i="1"/>
  <c r="U35478" i="1"/>
  <c r="U35477" i="1"/>
  <c r="U35476" i="1"/>
  <c r="U35475" i="1"/>
  <c r="U35474" i="1"/>
  <c r="U35473" i="1"/>
  <c r="U35472" i="1"/>
  <c r="U35471" i="1"/>
  <c r="U35470" i="1"/>
  <c r="U35469" i="1"/>
  <c r="U35468" i="1"/>
  <c r="U35467" i="1"/>
  <c r="U35466" i="1"/>
  <c r="U35465" i="1"/>
  <c r="U35464" i="1"/>
  <c r="U35463" i="1"/>
  <c r="U35462" i="1"/>
  <c r="U35461" i="1"/>
  <c r="U35460" i="1"/>
  <c r="U35459" i="1"/>
  <c r="U35458" i="1"/>
  <c r="U35457" i="1"/>
  <c r="U35456" i="1"/>
  <c r="U35455" i="1"/>
  <c r="U35454" i="1"/>
  <c r="U35453" i="1"/>
  <c r="U35452" i="1"/>
  <c r="U35451" i="1"/>
  <c r="U35450" i="1"/>
  <c r="U35449" i="1"/>
  <c r="U35448" i="1"/>
  <c r="U35447" i="1"/>
  <c r="U35446" i="1"/>
  <c r="U35445" i="1"/>
  <c r="U35444" i="1"/>
  <c r="U35443" i="1"/>
  <c r="U35442" i="1"/>
  <c r="U35441" i="1"/>
  <c r="U35440" i="1"/>
  <c r="U35439" i="1"/>
  <c r="U35438" i="1"/>
  <c r="U35437" i="1"/>
  <c r="U35436" i="1"/>
  <c r="U35435" i="1"/>
  <c r="U35434" i="1"/>
  <c r="U35433" i="1"/>
  <c r="U35432" i="1"/>
  <c r="U35431" i="1"/>
  <c r="U35430" i="1"/>
  <c r="U35429" i="1"/>
  <c r="U35428" i="1"/>
  <c r="U35427" i="1"/>
  <c r="U35426" i="1"/>
  <c r="U35425" i="1"/>
  <c r="U35424" i="1"/>
  <c r="U35423" i="1"/>
  <c r="U35422" i="1"/>
  <c r="U35421" i="1"/>
  <c r="U35420" i="1"/>
  <c r="U35419" i="1"/>
  <c r="U35418" i="1"/>
  <c r="U35417" i="1"/>
  <c r="U35416" i="1"/>
  <c r="U35415" i="1"/>
  <c r="U35414" i="1"/>
  <c r="U35413" i="1"/>
  <c r="U35412" i="1"/>
  <c r="U35411" i="1"/>
  <c r="U35410" i="1"/>
  <c r="U35409" i="1"/>
  <c r="U35408" i="1"/>
  <c r="U35407" i="1"/>
  <c r="U35406" i="1"/>
  <c r="U35405" i="1"/>
  <c r="U35404" i="1"/>
  <c r="U35403" i="1"/>
  <c r="U35402" i="1"/>
  <c r="U35401" i="1"/>
  <c r="U35400" i="1"/>
  <c r="U35399" i="1"/>
  <c r="U35398" i="1"/>
  <c r="U35397" i="1"/>
  <c r="U35396" i="1"/>
  <c r="U35395" i="1"/>
  <c r="U35394" i="1"/>
  <c r="U35393" i="1"/>
  <c r="U35392" i="1"/>
  <c r="U35391" i="1"/>
  <c r="U35390" i="1"/>
  <c r="U35389" i="1"/>
  <c r="U35388" i="1"/>
  <c r="U35387" i="1"/>
  <c r="U35386" i="1"/>
  <c r="U35385" i="1"/>
  <c r="U35384" i="1"/>
  <c r="U35383" i="1"/>
  <c r="U35382" i="1"/>
  <c r="U35381" i="1"/>
  <c r="U35380" i="1"/>
  <c r="U35379" i="1"/>
  <c r="U35378" i="1"/>
  <c r="U35377" i="1"/>
  <c r="U35376" i="1"/>
  <c r="U35375" i="1"/>
  <c r="U35374" i="1"/>
  <c r="U35373" i="1"/>
  <c r="U35372" i="1"/>
  <c r="U35371" i="1"/>
  <c r="U35370" i="1"/>
  <c r="U35369" i="1"/>
  <c r="U35368" i="1"/>
  <c r="U35367" i="1"/>
  <c r="U35366" i="1"/>
  <c r="U35365" i="1"/>
  <c r="U35364" i="1"/>
  <c r="U35363" i="1"/>
  <c r="U35362" i="1"/>
  <c r="U35361" i="1"/>
  <c r="U35360" i="1"/>
  <c r="U35359" i="1"/>
  <c r="U35358" i="1"/>
  <c r="U35357" i="1"/>
  <c r="U35356" i="1"/>
  <c r="U35355" i="1"/>
  <c r="U35354" i="1"/>
  <c r="U35353" i="1"/>
  <c r="U35352" i="1"/>
  <c r="U35351" i="1"/>
  <c r="U35350" i="1"/>
  <c r="U35349" i="1"/>
  <c r="U35348" i="1"/>
  <c r="U35347" i="1"/>
  <c r="U35346" i="1"/>
  <c r="U35345" i="1"/>
  <c r="U35344" i="1"/>
  <c r="U35343" i="1"/>
  <c r="U35342" i="1"/>
  <c r="U35341" i="1"/>
  <c r="U35340" i="1"/>
  <c r="U35339" i="1"/>
  <c r="U35338" i="1"/>
  <c r="U35337" i="1"/>
  <c r="U35336" i="1"/>
  <c r="U35335" i="1"/>
  <c r="U35334" i="1"/>
  <c r="U35333" i="1"/>
  <c r="U35332" i="1"/>
  <c r="U35331" i="1"/>
  <c r="U35330" i="1"/>
  <c r="U35329" i="1"/>
  <c r="U35328" i="1"/>
  <c r="U35327" i="1"/>
  <c r="U35326" i="1"/>
  <c r="U35325" i="1"/>
  <c r="U35324" i="1"/>
  <c r="U35323" i="1"/>
  <c r="U35322" i="1"/>
  <c r="U35321" i="1"/>
  <c r="U35320" i="1"/>
  <c r="U35319" i="1"/>
  <c r="U35318" i="1"/>
  <c r="U35317" i="1"/>
  <c r="U35316" i="1"/>
  <c r="U35315" i="1"/>
  <c r="U35314" i="1"/>
  <c r="U35313" i="1"/>
  <c r="U35312" i="1"/>
  <c r="U35311" i="1"/>
  <c r="U35310" i="1"/>
  <c r="U35309" i="1"/>
  <c r="U35308" i="1"/>
  <c r="U35307" i="1"/>
  <c r="U35306" i="1"/>
  <c r="U35305" i="1"/>
  <c r="U35304" i="1"/>
  <c r="U35303" i="1"/>
  <c r="U35302" i="1"/>
  <c r="U35301" i="1"/>
  <c r="U35300" i="1"/>
  <c r="U35299" i="1"/>
  <c r="U35298" i="1"/>
  <c r="U35297" i="1"/>
  <c r="U35296" i="1"/>
  <c r="U35295" i="1"/>
  <c r="U35294" i="1"/>
  <c r="U35293" i="1"/>
  <c r="U35292" i="1"/>
  <c r="U35291" i="1"/>
  <c r="U35290" i="1"/>
  <c r="U35289" i="1"/>
  <c r="U35288" i="1"/>
  <c r="U35287" i="1"/>
  <c r="U35286" i="1"/>
  <c r="U35285" i="1"/>
  <c r="U35284" i="1"/>
  <c r="U35283" i="1"/>
  <c r="U35282" i="1"/>
  <c r="U35281" i="1"/>
  <c r="U35280" i="1"/>
  <c r="U35279" i="1"/>
  <c r="U35278" i="1"/>
  <c r="U35277" i="1"/>
  <c r="U35276" i="1"/>
  <c r="U35275" i="1"/>
  <c r="U35274" i="1"/>
  <c r="U35273" i="1"/>
  <c r="U35272" i="1"/>
  <c r="U35271" i="1"/>
  <c r="U35270" i="1"/>
  <c r="U35269" i="1"/>
  <c r="U35268" i="1"/>
  <c r="U35267" i="1"/>
  <c r="U35266" i="1"/>
  <c r="U35265" i="1"/>
  <c r="U35264" i="1"/>
  <c r="U35263" i="1"/>
  <c r="U35262" i="1"/>
  <c r="U35261" i="1"/>
  <c r="U35260" i="1"/>
  <c r="U35259" i="1"/>
  <c r="U35258" i="1"/>
  <c r="U35257" i="1"/>
  <c r="U35256" i="1"/>
  <c r="U35255" i="1"/>
  <c r="U35254" i="1"/>
  <c r="U35253" i="1"/>
  <c r="U35252" i="1"/>
  <c r="U35251" i="1"/>
  <c r="U35250" i="1"/>
  <c r="U35249" i="1"/>
  <c r="U35248" i="1"/>
  <c r="U35247" i="1"/>
  <c r="U35246" i="1"/>
  <c r="U35245" i="1"/>
  <c r="U35244" i="1"/>
  <c r="U35243" i="1"/>
  <c r="U35242" i="1"/>
  <c r="U35241" i="1"/>
  <c r="U35240" i="1"/>
  <c r="U35239" i="1"/>
  <c r="U35238" i="1"/>
  <c r="U35237" i="1"/>
  <c r="U35236" i="1"/>
  <c r="U35235" i="1"/>
  <c r="U35234" i="1"/>
  <c r="U35233" i="1"/>
  <c r="U35232" i="1"/>
  <c r="U35231" i="1"/>
  <c r="U35230" i="1"/>
  <c r="U35229" i="1"/>
  <c r="U35228" i="1"/>
  <c r="U35227" i="1"/>
  <c r="U35226" i="1"/>
  <c r="U35225" i="1"/>
  <c r="U35224" i="1"/>
  <c r="U35223" i="1"/>
  <c r="U35222" i="1"/>
  <c r="U35221" i="1"/>
  <c r="U35220" i="1"/>
  <c r="U35219" i="1"/>
  <c r="U35218" i="1"/>
  <c r="U35217" i="1"/>
  <c r="U35216" i="1"/>
  <c r="U35215" i="1"/>
  <c r="U35214" i="1"/>
  <c r="U35213" i="1"/>
  <c r="U35212" i="1"/>
  <c r="U35211" i="1"/>
  <c r="U35210" i="1"/>
  <c r="U35209" i="1"/>
  <c r="U35208" i="1"/>
  <c r="U35207" i="1"/>
  <c r="U35206" i="1"/>
  <c r="U35205" i="1"/>
  <c r="U35204" i="1"/>
  <c r="U35203" i="1"/>
  <c r="U35202" i="1"/>
  <c r="U35201" i="1"/>
  <c r="U35200" i="1"/>
  <c r="U35199" i="1"/>
  <c r="U35198" i="1"/>
  <c r="U35197" i="1"/>
  <c r="U35196" i="1"/>
  <c r="U35195" i="1"/>
  <c r="U35194" i="1"/>
  <c r="U35193" i="1"/>
  <c r="U35192" i="1"/>
  <c r="U35191" i="1"/>
  <c r="U35190" i="1"/>
  <c r="U35189" i="1"/>
  <c r="U35188" i="1"/>
  <c r="U35187" i="1"/>
  <c r="U35186" i="1"/>
  <c r="U35185" i="1"/>
  <c r="U35184" i="1"/>
  <c r="U35183" i="1"/>
  <c r="U35182" i="1"/>
  <c r="U35181" i="1"/>
  <c r="U35180" i="1"/>
  <c r="U35179" i="1"/>
  <c r="U35178" i="1"/>
  <c r="U35177" i="1"/>
  <c r="U35176" i="1"/>
  <c r="U35175" i="1"/>
  <c r="U35174" i="1"/>
  <c r="U35173" i="1"/>
  <c r="U35172" i="1"/>
  <c r="U35171" i="1"/>
  <c r="U35170" i="1"/>
  <c r="U35169" i="1"/>
  <c r="U35168" i="1"/>
  <c r="U35167" i="1"/>
  <c r="U35166" i="1"/>
  <c r="U35165" i="1"/>
  <c r="U35164" i="1"/>
  <c r="U35163" i="1"/>
  <c r="U35162" i="1"/>
  <c r="U35161" i="1"/>
  <c r="U35160" i="1"/>
  <c r="U35159" i="1"/>
  <c r="U35158" i="1"/>
  <c r="U35157" i="1"/>
  <c r="U35156" i="1"/>
  <c r="U35155" i="1"/>
  <c r="U35154" i="1"/>
  <c r="U35153" i="1"/>
  <c r="U35152" i="1"/>
  <c r="U35151" i="1"/>
  <c r="U35150" i="1"/>
  <c r="U35149" i="1"/>
  <c r="U35148" i="1"/>
  <c r="U35147" i="1"/>
  <c r="U35146" i="1"/>
  <c r="U35145" i="1"/>
  <c r="U35144" i="1"/>
  <c r="U35143" i="1"/>
  <c r="U35142" i="1"/>
  <c r="U35141" i="1"/>
  <c r="U35140" i="1"/>
  <c r="U35139" i="1"/>
  <c r="U35138" i="1"/>
  <c r="U35137" i="1"/>
  <c r="U35136" i="1"/>
  <c r="U35135" i="1"/>
  <c r="U35134" i="1"/>
  <c r="U35133" i="1"/>
  <c r="U35132" i="1"/>
  <c r="U35131" i="1"/>
  <c r="U35130" i="1"/>
  <c r="U35129" i="1"/>
  <c r="U35128" i="1"/>
  <c r="U35127" i="1"/>
  <c r="U35126" i="1"/>
  <c r="U35125" i="1"/>
  <c r="U35124" i="1"/>
  <c r="U35123" i="1"/>
  <c r="U35122" i="1"/>
  <c r="U35121" i="1"/>
  <c r="U35120" i="1"/>
  <c r="U35119" i="1"/>
  <c r="U35118" i="1"/>
  <c r="U35117" i="1"/>
  <c r="U35116" i="1"/>
  <c r="U35115" i="1"/>
  <c r="U35114" i="1"/>
  <c r="U35113" i="1"/>
  <c r="U35112" i="1"/>
  <c r="U35111" i="1"/>
  <c r="U35110" i="1"/>
  <c r="U35109" i="1"/>
  <c r="U35108" i="1"/>
  <c r="U35107" i="1"/>
  <c r="U35106" i="1"/>
  <c r="U35105" i="1"/>
  <c r="U35104" i="1"/>
  <c r="U35103" i="1"/>
  <c r="U35102" i="1"/>
  <c r="U35101" i="1"/>
  <c r="U35100" i="1"/>
  <c r="U35099" i="1"/>
  <c r="U35098" i="1"/>
  <c r="U35097" i="1"/>
  <c r="U35096" i="1"/>
  <c r="U35095" i="1"/>
  <c r="U35094" i="1"/>
  <c r="U35093" i="1"/>
  <c r="U35092" i="1"/>
  <c r="U35091" i="1"/>
  <c r="U35090" i="1"/>
  <c r="U35089" i="1"/>
  <c r="U35088" i="1"/>
  <c r="U35087" i="1"/>
  <c r="U35086" i="1"/>
  <c r="U35085" i="1"/>
  <c r="U35084" i="1"/>
  <c r="U35083" i="1"/>
  <c r="U35082" i="1"/>
  <c r="U35081" i="1"/>
  <c r="U35080" i="1"/>
  <c r="U35079" i="1"/>
  <c r="U35078" i="1"/>
  <c r="U35077" i="1"/>
  <c r="U35076" i="1"/>
  <c r="U35075" i="1"/>
  <c r="U35074" i="1"/>
  <c r="U35073" i="1"/>
  <c r="U35072" i="1"/>
  <c r="U35071" i="1"/>
  <c r="U35070" i="1"/>
  <c r="U35069" i="1"/>
  <c r="U35068" i="1"/>
  <c r="U35067" i="1"/>
  <c r="U35066" i="1"/>
  <c r="U35065" i="1"/>
  <c r="U35064" i="1"/>
  <c r="U35063" i="1"/>
  <c r="U35062" i="1"/>
  <c r="U35061" i="1"/>
  <c r="U35060" i="1"/>
  <c r="U35059" i="1"/>
  <c r="U35058" i="1"/>
  <c r="U35057" i="1"/>
  <c r="U35056" i="1"/>
  <c r="U35055" i="1"/>
  <c r="U35054" i="1"/>
  <c r="U35053" i="1"/>
  <c r="U35052" i="1"/>
  <c r="U35051" i="1"/>
  <c r="U35050" i="1"/>
  <c r="U35049" i="1"/>
  <c r="U35048" i="1"/>
  <c r="U35047" i="1"/>
  <c r="U35046" i="1"/>
  <c r="U35045" i="1"/>
  <c r="U35044" i="1"/>
  <c r="U35043" i="1"/>
  <c r="U35042" i="1"/>
  <c r="U35041" i="1"/>
  <c r="U35040" i="1"/>
  <c r="U35039" i="1"/>
  <c r="U35038" i="1"/>
  <c r="U35037" i="1"/>
  <c r="U35036" i="1"/>
  <c r="U35035" i="1"/>
  <c r="U35034" i="1"/>
  <c r="U35033" i="1"/>
  <c r="U35032" i="1"/>
  <c r="U35031" i="1"/>
  <c r="U35030" i="1"/>
  <c r="U35029" i="1"/>
  <c r="U35028" i="1"/>
  <c r="U35027" i="1"/>
  <c r="U35026" i="1"/>
  <c r="U35025" i="1"/>
  <c r="U35024" i="1"/>
  <c r="U35023" i="1"/>
  <c r="U35022" i="1"/>
  <c r="U35021" i="1"/>
  <c r="U35020" i="1"/>
  <c r="U35019" i="1"/>
  <c r="U35018" i="1"/>
  <c r="U35017" i="1"/>
  <c r="U35016" i="1"/>
  <c r="U35015" i="1"/>
  <c r="U35014" i="1"/>
  <c r="U35013" i="1"/>
  <c r="U35012" i="1"/>
  <c r="U35011" i="1"/>
  <c r="U35010" i="1"/>
  <c r="U35009" i="1"/>
  <c r="U35008" i="1"/>
  <c r="U35007" i="1"/>
  <c r="U35006" i="1"/>
  <c r="U35005" i="1"/>
  <c r="U35004" i="1"/>
  <c r="U35003" i="1"/>
  <c r="U35002" i="1"/>
  <c r="U35001" i="1"/>
  <c r="U35000" i="1"/>
  <c r="U34999" i="1"/>
  <c r="U34998" i="1"/>
  <c r="U34997" i="1"/>
  <c r="U34996" i="1"/>
  <c r="U34995" i="1"/>
  <c r="U34994" i="1"/>
  <c r="U34993" i="1"/>
  <c r="U34992" i="1"/>
  <c r="U34991" i="1"/>
  <c r="U34990" i="1"/>
  <c r="U34989" i="1"/>
  <c r="U34988" i="1"/>
  <c r="U34987" i="1"/>
  <c r="U34986" i="1"/>
  <c r="U34985" i="1"/>
  <c r="U34984" i="1"/>
  <c r="U34983" i="1"/>
  <c r="U34982" i="1"/>
  <c r="U34981" i="1"/>
  <c r="U34980" i="1"/>
  <c r="U34979" i="1"/>
  <c r="U34978" i="1"/>
  <c r="U34977" i="1"/>
  <c r="U34976" i="1"/>
  <c r="U34975" i="1"/>
  <c r="U34974" i="1"/>
  <c r="U34973" i="1"/>
  <c r="U34972" i="1"/>
  <c r="U34971" i="1"/>
  <c r="U34970" i="1"/>
  <c r="U34969" i="1"/>
  <c r="U34968" i="1"/>
  <c r="U34967" i="1"/>
  <c r="U34966" i="1"/>
  <c r="U34965" i="1"/>
  <c r="U34964" i="1"/>
  <c r="U34963" i="1"/>
  <c r="U34962" i="1"/>
  <c r="U34961" i="1"/>
  <c r="U34960" i="1"/>
  <c r="U34959" i="1"/>
  <c r="U34958" i="1"/>
  <c r="U34957" i="1"/>
  <c r="U34956" i="1"/>
  <c r="U34955" i="1"/>
  <c r="U34954" i="1"/>
  <c r="U34953" i="1"/>
  <c r="U34952" i="1"/>
  <c r="U34951" i="1"/>
  <c r="U34950" i="1"/>
  <c r="U34949" i="1"/>
  <c r="U34948" i="1"/>
  <c r="U34947" i="1"/>
  <c r="U34946" i="1"/>
  <c r="U34945" i="1"/>
  <c r="U34944" i="1"/>
  <c r="U34943" i="1"/>
  <c r="U34942" i="1"/>
  <c r="U34941" i="1"/>
  <c r="U34940" i="1"/>
  <c r="U34939" i="1"/>
  <c r="U34938" i="1"/>
  <c r="U34937" i="1"/>
  <c r="U34936" i="1"/>
  <c r="U34935" i="1"/>
  <c r="U34934" i="1"/>
  <c r="U34933" i="1"/>
  <c r="U34932" i="1"/>
  <c r="U34931" i="1"/>
  <c r="U34930" i="1"/>
  <c r="U34929" i="1"/>
  <c r="U34928" i="1"/>
  <c r="U34927" i="1"/>
  <c r="U34926" i="1"/>
  <c r="U34925" i="1"/>
  <c r="U34924" i="1"/>
  <c r="U34923" i="1"/>
  <c r="U34922" i="1"/>
  <c r="U34921" i="1"/>
  <c r="U34920" i="1"/>
  <c r="U34919" i="1"/>
  <c r="U34918" i="1"/>
  <c r="U34917" i="1"/>
  <c r="U34916" i="1"/>
  <c r="U34915" i="1"/>
  <c r="U34914" i="1"/>
  <c r="U34913" i="1"/>
  <c r="U34912" i="1"/>
  <c r="U34911" i="1"/>
  <c r="U34910" i="1"/>
  <c r="U34909" i="1"/>
  <c r="U34908" i="1"/>
  <c r="U34907" i="1"/>
  <c r="U34906" i="1"/>
  <c r="U34905" i="1"/>
  <c r="U34904" i="1"/>
  <c r="U34903" i="1"/>
  <c r="U34902" i="1"/>
  <c r="U34901" i="1"/>
  <c r="U34900" i="1"/>
  <c r="U34899" i="1"/>
  <c r="U34898" i="1"/>
  <c r="U34897" i="1"/>
  <c r="U34896" i="1"/>
  <c r="U34895" i="1"/>
  <c r="U34894" i="1"/>
  <c r="U34893" i="1"/>
  <c r="U34892" i="1"/>
  <c r="U34891" i="1"/>
  <c r="U34890" i="1"/>
  <c r="U34889" i="1"/>
  <c r="U34888" i="1"/>
  <c r="U34887" i="1"/>
  <c r="U34886" i="1"/>
  <c r="U34885" i="1"/>
  <c r="U34884" i="1"/>
  <c r="U34883" i="1"/>
  <c r="U34882" i="1"/>
  <c r="U34881" i="1"/>
  <c r="U34880" i="1"/>
  <c r="U34879" i="1"/>
  <c r="U34878" i="1"/>
  <c r="U34877" i="1"/>
  <c r="U34876" i="1"/>
  <c r="U34875" i="1"/>
  <c r="U34874" i="1"/>
  <c r="U34873" i="1"/>
  <c r="U34872" i="1"/>
  <c r="U34871" i="1"/>
  <c r="U34870" i="1"/>
  <c r="U34869" i="1"/>
  <c r="U34868" i="1"/>
  <c r="U34867" i="1"/>
  <c r="U34866" i="1"/>
  <c r="U34865" i="1"/>
  <c r="U34864" i="1"/>
  <c r="U34863" i="1"/>
  <c r="U34862" i="1"/>
  <c r="U34861" i="1"/>
  <c r="U34860" i="1"/>
  <c r="U34859" i="1"/>
  <c r="U34858" i="1"/>
  <c r="U34857" i="1"/>
  <c r="U34856" i="1"/>
  <c r="U34855" i="1"/>
  <c r="U34854" i="1"/>
  <c r="U34853" i="1"/>
  <c r="U34852" i="1"/>
  <c r="U34851" i="1"/>
  <c r="U34850" i="1"/>
  <c r="U34849" i="1"/>
  <c r="U34848" i="1"/>
  <c r="U34847" i="1"/>
  <c r="U34846" i="1"/>
  <c r="U34845" i="1"/>
  <c r="U34844" i="1"/>
  <c r="U34843" i="1"/>
  <c r="U34842" i="1"/>
  <c r="U34841" i="1"/>
  <c r="U34840" i="1"/>
  <c r="U34839" i="1"/>
  <c r="U34838" i="1"/>
  <c r="U34837" i="1"/>
  <c r="U34836" i="1"/>
  <c r="U34835" i="1"/>
  <c r="U34834" i="1"/>
  <c r="U34833" i="1"/>
  <c r="U34832" i="1"/>
  <c r="U34831" i="1"/>
  <c r="U34830" i="1"/>
  <c r="U34829" i="1"/>
  <c r="U34828" i="1"/>
  <c r="U34827" i="1"/>
  <c r="U34826" i="1"/>
  <c r="U34825" i="1"/>
  <c r="U34824" i="1"/>
  <c r="U34823" i="1"/>
  <c r="U34822" i="1"/>
  <c r="U34821" i="1"/>
  <c r="U34820" i="1"/>
  <c r="U34819" i="1"/>
  <c r="U34818" i="1"/>
  <c r="U34817" i="1"/>
  <c r="U34816" i="1"/>
  <c r="U34815" i="1"/>
  <c r="U34814" i="1"/>
  <c r="U34813" i="1"/>
  <c r="U34812" i="1"/>
  <c r="U34811" i="1"/>
  <c r="U34810" i="1"/>
  <c r="U34809" i="1"/>
  <c r="U34808" i="1"/>
  <c r="U34807" i="1"/>
  <c r="U34806" i="1"/>
  <c r="U34805" i="1"/>
  <c r="U34804" i="1"/>
  <c r="U34803" i="1"/>
  <c r="U34802" i="1"/>
  <c r="U34801" i="1"/>
  <c r="U34800" i="1"/>
  <c r="U34799" i="1"/>
  <c r="U34798" i="1"/>
  <c r="U34797" i="1"/>
  <c r="U34796" i="1"/>
  <c r="U34795" i="1"/>
  <c r="U34794" i="1"/>
  <c r="U34793" i="1"/>
  <c r="U34792" i="1"/>
  <c r="U34791" i="1"/>
  <c r="U34790" i="1"/>
  <c r="U34789" i="1"/>
  <c r="U34788" i="1"/>
  <c r="U34787" i="1"/>
  <c r="U34786" i="1"/>
  <c r="U34785" i="1"/>
  <c r="U34784" i="1"/>
  <c r="U34783" i="1"/>
  <c r="U34782" i="1"/>
  <c r="U34781" i="1"/>
  <c r="U34780" i="1"/>
  <c r="U34779" i="1"/>
  <c r="U34778" i="1"/>
  <c r="U34777" i="1"/>
  <c r="U34776" i="1"/>
  <c r="U34775" i="1"/>
  <c r="U34774" i="1"/>
  <c r="U34773" i="1"/>
  <c r="U34772" i="1"/>
  <c r="U34771" i="1"/>
  <c r="U34770" i="1"/>
  <c r="U34769" i="1"/>
  <c r="U34768" i="1"/>
  <c r="U34767" i="1"/>
  <c r="U34766" i="1"/>
  <c r="U34765" i="1"/>
  <c r="U34764" i="1"/>
  <c r="U34763" i="1"/>
  <c r="U34762" i="1"/>
  <c r="U34761" i="1"/>
  <c r="U34760" i="1"/>
  <c r="U34759" i="1"/>
  <c r="U34758" i="1"/>
  <c r="U34757" i="1"/>
  <c r="U34756" i="1"/>
  <c r="U34755" i="1"/>
  <c r="U34754" i="1"/>
  <c r="U34753" i="1"/>
  <c r="U34752" i="1"/>
  <c r="U34751" i="1"/>
  <c r="U34750" i="1"/>
  <c r="U34749" i="1"/>
  <c r="U34748" i="1"/>
  <c r="U34747" i="1"/>
  <c r="U34746" i="1"/>
  <c r="U34745" i="1"/>
  <c r="U34744" i="1"/>
  <c r="U34743" i="1"/>
  <c r="U34742" i="1"/>
  <c r="U34741" i="1"/>
  <c r="U34740" i="1"/>
  <c r="U34739" i="1"/>
  <c r="U34738" i="1"/>
  <c r="U34737" i="1"/>
  <c r="U34736" i="1"/>
  <c r="U34735" i="1"/>
  <c r="U34734" i="1"/>
  <c r="U34733" i="1"/>
  <c r="U34732" i="1"/>
  <c r="U34731" i="1"/>
  <c r="U34730" i="1"/>
  <c r="U34729" i="1"/>
  <c r="U34728" i="1"/>
  <c r="U34727" i="1"/>
  <c r="U34726" i="1"/>
  <c r="U34725" i="1"/>
  <c r="U34724" i="1"/>
  <c r="U34723" i="1"/>
  <c r="U34722" i="1"/>
  <c r="U34721" i="1"/>
  <c r="U34720" i="1"/>
  <c r="U34719" i="1"/>
  <c r="U34718" i="1"/>
  <c r="U34717" i="1"/>
  <c r="U34716" i="1"/>
  <c r="U34715" i="1"/>
  <c r="U34714" i="1"/>
  <c r="U34713" i="1"/>
  <c r="U34712" i="1"/>
  <c r="U34711" i="1"/>
  <c r="U34710" i="1"/>
  <c r="U34709" i="1"/>
  <c r="U34708" i="1"/>
  <c r="U34707" i="1"/>
  <c r="U34706" i="1"/>
  <c r="U34705" i="1"/>
  <c r="U34704" i="1"/>
  <c r="U34703" i="1"/>
  <c r="U34702" i="1"/>
  <c r="U34701" i="1"/>
  <c r="U34700" i="1"/>
  <c r="U34699" i="1"/>
  <c r="U34698" i="1"/>
  <c r="U34697" i="1"/>
  <c r="U34696" i="1"/>
  <c r="U34695" i="1"/>
  <c r="U34694" i="1"/>
  <c r="U34693" i="1"/>
  <c r="U34692" i="1"/>
  <c r="U34691" i="1"/>
  <c r="U34690" i="1"/>
  <c r="U34689" i="1"/>
  <c r="U34688" i="1"/>
  <c r="U34687" i="1"/>
  <c r="U34686" i="1"/>
  <c r="U34685" i="1"/>
  <c r="U34684" i="1"/>
  <c r="U34683" i="1"/>
  <c r="U34682" i="1"/>
  <c r="U34681" i="1"/>
  <c r="U34680" i="1"/>
  <c r="U34679" i="1"/>
  <c r="U34678" i="1"/>
  <c r="U34677" i="1"/>
  <c r="U34676" i="1"/>
  <c r="U34675" i="1"/>
  <c r="U34674" i="1"/>
  <c r="U34673" i="1"/>
  <c r="U34672" i="1"/>
  <c r="U34671" i="1"/>
  <c r="U34670" i="1"/>
  <c r="U34669" i="1"/>
  <c r="U34668" i="1"/>
  <c r="U34667" i="1"/>
  <c r="U34666" i="1"/>
  <c r="U34665" i="1"/>
  <c r="U34664" i="1"/>
  <c r="U34663" i="1"/>
  <c r="U34662" i="1"/>
  <c r="U34661" i="1"/>
  <c r="U34660" i="1"/>
  <c r="U34659" i="1"/>
  <c r="U34658" i="1"/>
  <c r="U34657" i="1"/>
  <c r="U34656" i="1"/>
  <c r="U34655" i="1"/>
  <c r="U34654" i="1"/>
  <c r="U34653" i="1"/>
  <c r="U34652" i="1"/>
  <c r="U34651" i="1"/>
  <c r="U34650" i="1"/>
  <c r="U34649" i="1"/>
  <c r="U34648" i="1"/>
  <c r="U34647" i="1"/>
  <c r="U34646" i="1"/>
  <c r="U34645" i="1"/>
  <c r="U34644" i="1"/>
  <c r="U34643" i="1"/>
  <c r="U34642" i="1"/>
  <c r="U34641" i="1"/>
  <c r="U34640" i="1"/>
  <c r="U34639" i="1"/>
  <c r="U34638" i="1"/>
  <c r="U34637" i="1"/>
  <c r="U34636" i="1"/>
  <c r="U34635" i="1"/>
  <c r="U34634" i="1"/>
  <c r="U34633" i="1"/>
  <c r="U34632" i="1"/>
  <c r="U34631" i="1"/>
  <c r="U34630" i="1"/>
  <c r="U34629" i="1"/>
  <c r="U34628" i="1"/>
  <c r="U34627" i="1"/>
  <c r="U34626" i="1"/>
  <c r="U34625" i="1"/>
  <c r="U34624" i="1"/>
  <c r="U34623" i="1"/>
  <c r="U34622" i="1"/>
  <c r="U34621" i="1"/>
  <c r="U34620" i="1"/>
  <c r="U34619" i="1"/>
  <c r="U34618" i="1"/>
  <c r="U34617" i="1"/>
  <c r="U34616" i="1"/>
  <c r="U34615" i="1"/>
  <c r="U34614" i="1"/>
  <c r="U34613" i="1"/>
  <c r="U34612" i="1"/>
  <c r="U34611" i="1"/>
  <c r="U34610" i="1"/>
  <c r="U34609" i="1"/>
  <c r="U34608" i="1"/>
  <c r="U34607" i="1"/>
  <c r="U34606" i="1"/>
  <c r="U34605" i="1"/>
  <c r="U34604" i="1"/>
  <c r="U34603" i="1"/>
  <c r="U34602" i="1"/>
  <c r="U34601" i="1"/>
  <c r="U34600" i="1"/>
  <c r="U34599" i="1"/>
  <c r="U34598" i="1"/>
  <c r="U34597" i="1"/>
  <c r="U34596" i="1"/>
  <c r="U34595" i="1"/>
  <c r="U34594" i="1"/>
  <c r="U34593" i="1"/>
  <c r="U34592" i="1"/>
  <c r="U34591" i="1"/>
  <c r="U34590" i="1"/>
  <c r="U34589" i="1"/>
  <c r="U34588" i="1"/>
  <c r="U34587" i="1"/>
  <c r="U34586" i="1"/>
  <c r="U34585" i="1"/>
  <c r="U34584" i="1"/>
  <c r="U34583" i="1"/>
  <c r="U34582" i="1"/>
  <c r="U34581" i="1"/>
  <c r="U34580" i="1"/>
  <c r="U34579" i="1"/>
  <c r="U34578" i="1"/>
  <c r="U34577" i="1"/>
  <c r="U34576" i="1"/>
  <c r="U34575" i="1"/>
  <c r="U34574" i="1"/>
  <c r="U34573" i="1"/>
  <c r="U34572" i="1"/>
  <c r="U34571" i="1"/>
  <c r="U34570" i="1"/>
  <c r="U34569" i="1"/>
  <c r="U34568" i="1"/>
  <c r="U34567" i="1"/>
  <c r="U34566" i="1"/>
  <c r="U34565" i="1"/>
  <c r="U34564" i="1"/>
  <c r="U34563" i="1"/>
  <c r="U34562" i="1"/>
  <c r="U34561" i="1"/>
  <c r="U34560" i="1"/>
  <c r="U34559" i="1"/>
  <c r="U34558" i="1"/>
  <c r="U34557" i="1"/>
  <c r="U34556" i="1"/>
  <c r="U34555" i="1"/>
  <c r="U34554" i="1"/>
  <c r="U34553" i="1"/>
  <c r="U34552" i="1"/>
  <c r="U34551" i="1"/>
  <c r="U34550" i="1"/>
  <c r="U34549" i="1"/>
  <c r="U34548" i="1"/>
  <c r="U34547" i="1"/>
  <c r="U34546" i="1"/>
  <c r="U34545" i="1"/>
  <c r="U34544" i="1"/>
  <c r="U34543" i="1"/>
  <c r="U34542" i="1"/>
  <c r="U34541" i="1"/>
  <c r="U34540" i="1"/>
  <c r="U34539" i="1"/>
  <c r="U34538" i="1"/>
  <c r="U34537" i="1"/>
  <c r="U34536" i="1"/>
  <c r="U34535" i="1"/>
  <c r="U34534" i="1"/>
  <c r="U34533" i="1"/>
  <c r="U34532" i="1"/>
  <c r="U34531" i="1"/>
  <c r="U34530" i="1"/>
  <c r="U34529" i="1"/>
  <c r="U34528" i="1"/>
  <c r="U34527" i="1"/>
  <c r="U34526" i="1"/>
  <c r="U34525" i="1"/>
  <c r="U34524" i="1"/>
  <c r="U34523" i="1"/>
  <c r="U34522" i="1"/>
  <c r="U34521" i="1"/>
  <c r="U34520" i="1"/>
  <c r="U34519" i="1"/>
  <c r="U34518" i="1"/>
  <c r="U34517" i="1"/>
  <c r="U34516" i="1"/>
  <c r="U34515" i="1"/>
  <c r="U34514" i="1"/>
  <c r="U34513" i="1"/>
  <c r="U34512" i="1"/>
  <c r="U34511" i="1"/>
  <c r="U34510" i="1"/>
  <c r="U34509" i="1"/>
  <c r="U34508" i="1"/>
  <c r="U34507" i="1"/>
  <c r="U34506" i="1"/>
  <c r="U34505" i="1"/>
  <c r="U34504" i="1"/>
  <c r="U34503" i="1"/>
  <c r="U34502" i="1"/>
  <c r="U34501" i="1"/>
  <c r="U34500" i="1"/>
  <c r="U34499" i="1"/>
  <c r="U34498" i="1"/>
  <c r="U34497" i="1"/>
  <c r="U34496" i="1"/>
  <c r="U34495" i="1"/>
  <c r="U34494" i="1"/>
  <c r="U34493" i="1"/>
  <c r="U34492" i="1"/>
  <c r="U34491" i="1"/>
  <c r="U34490" i="1"/>
  <c r="U34489" i="1"/>
  <c r="U34488" i="1"/>
  <c r="U34487" i="1"/>
  <c r="U34486" i="1"/>
  <c r="U34485" i="1"/>
  <c r="U34484" i="1"/>
  <c r="U34483" i="1"/>
  <c r="U34482" i="1"/>
  <c r="U34481" i="1"/>
  <c r="U34480" i="1"/>
  <c r="U34479" i="1"/>
  <c r="U34478" i="1"/>
  <c r="U34477" i="1"/>
  <c r="U34476" i="1"/>
  <c r="U34475" i="1"/>
  <c r="U34474" i="1"/>
  <c r="U34473" i="1"/>
  <c r="U34472" i="1"/>
  <c r="U34471" i="1"/>
  <c r="U34470" i="1"/>
  <c r="U34469" i="1"/>
  <c r="U34468" i="1"/>
  <c r="U34467" i="1"/>
  <c r="U34466" i="1"/>
  <c r="U34465" i="1"/>
  <c r="U34464" i="1"/>
  <c r="U34463" i="1"/>
  <c r="U34462" i="1"/>
  <c r="U34461" i="1"/>
  <c r="U34460" i="1"/>
  <c r="U34459" i="1"/>
  <c r="U34458" i="1"/>
  <c r="U34457" i="1"/>
  <c r="U34456" i="1"/>
  <c r="U34455" i="1"/>
  <c r="U34454" i="1"/>
  <c r="U34453" i="1"/>
  <c r="U34452" i="1"/>
  <c r="U34451" i="1"/>
  <c r="U34450" i="1"/>
  <c r="U34449" i="1"/>
  <c r="U34448" i="1"/>
  <c r="U34447" i="1"/>
  <c r="U34446" i="1"/>
  <c r="U34445" i="1"/>
  <c r="U34444" i="1"/>
  <c r="U34443" i="1"/>
  <c r="U34442" i="1"/>
  <c r="U34441" i="1"/>
  <c r="U34440" i="1"/>
  <c r="U34439" i="1"/>
  <c r="U34438" i="1"/>
  <c r="U34437" i="1"/>
  <c r="U34436" i="1"/>
  <c r="U34435" i="1"/>
  <c r="U34434" i="1"/>
  <c r="U34433" i="1"/>
  <c r="U34432" i="1"/>
  <c r="U34431" i="1"/>
  <c r="U34430" i="1"/>
  <c r="U34429" i="1"/>
  <c r="U34428" i="1"/>
  <c r="U34427" i="1"/>
  <c r="U34426" i="1"/>
  <c r="U34425" i="1"/>
  <c r="U34424" i="1"/>
  <c r="U34423" i="1"/>
  <c r="U34422" i="1"/>
  <c r="U34421" i="1"/>
  <c r="U34420" i="1"/>
  <c r="U34419" i="1"/>
  <c r="U34418" i="1"/>
  <c r="U34417" i="1"/>
  <c r="U34416" i="1"/>
  <c r="U34415" i="1"/>
  <c r="U34414" i="1"/>
  <c r="U34413" i="1"/>
  <c r="U34412" i="1"/>
  <c r="U34411" i="1"/>
  <c r="U34410" i="1"/>
  <c r="U34409" i="1"/>
  <c r="U34408" i="1"/>
  <c r="U34407" i="1"/>
  <c r="U34406" i="1"/>
  <c r="U34405" i="1"/>
  <c r="U34404" i="1"/>
  <c r="U34403" i="1"/>
  <c r="U34402" i="1"/>
  <c r="U34401" i="1"/>
  <c r="U34400" i="1"/>
  <c r="U34399" i="1"/>
  <c r="U34398" i="1"/>
  <c r="U34397" i="1"/>
  <c r="U34396" i="1"/>
  <c r="U34395" i="1"/>
  <c r="U34394" i="1"/>
  <c r="U34393" i="1"/>
  <c r="U34392" i="1"/>
  <c r="U34391" i="1"/>
  <c r="U34390" i="1"/>
  <c r="U34389" i="1"/>
  <c r="U34388" i="1"/>
  <c r="U34387" i="1"/>
  <c r="U34386" i="1"/>
  <c r="U34385" i="1"/>
  <c r="U34384" i="1"/>
  <c r="U34383" i="1"/>
  <c r="U34382" i="1"/>
  <c r="U34381" i="1"/>
  <c r="U34380" i="1"/>
  <c r="U34379" i="1"/>
  <c r="U34378" i="1"/>
  <c r="U34377" i="1"/>
  <c r="U34376" i="1"/>
  <c r="U34375" i="1"/>
  <c r="U34374" i="1"/>
  <c r="U34373" i="1"/>
  <c r="U34372" i="1"/>
  <c r="U34371" i="1"/>
  <c r="U34370" i="1"/>
  <c r="U34369" i="1"/>
  <c r="U34368" i="1"/>
  <c r="U34367" i="1"/>
  <c r="U34366" i="1"/>
  <c r="U34365" i="1"/>
  <c r="U34364" i="1"/>
  <c r="U34363" i="1"/>
  <c r="U34362" i="1"/>
  <c r="U34361" i="1"/>
  <c r="U34360" i="1"/>
  <c r="U34359" i="1"/>
  <c r="U34358" i="1"/>
  <c r="U34357" i="1"/>
  <c r="U34356" i="1"/>
  <c r="U34355" i="1"/>
  <c r="U34354" i="1"/>
  <c r="U34353" i="1"/>
  <c r="U34352" i="1"/>
  <c r="U34351" i="1"/>
  <c r="U34350" i="1"/>
  <c r="U34349" i="1"/>
  <c r="U34348" i="1"/>
  <c r="U34347" i="1"/>
  <c r="U34346" i="1"/>
  <c r="U34345" i="1"/>
  <c r="U34344" i="1"/>
  <c r="U34343" i="1"/>
  <c r="U34342" i="1"/>
  <c r="U34341" i="1"/>
  <c r="U34340" i="1"/>
  <c r="U34339" i="1"/>
  <c r="U34338" i="1"/>
  <c r="U34337" i="1"/>
  <c r="U34336" i="1"/>
  <c r="U34335" i="1"/>
  <c r="U34334" i="1"/>
  <c r="U34333" i="1"/>
  <c r="U34332" i="1"/>
  <c r="U34331" i="1"/>
  <c r="U34330" i="1"/>
  <c r="U34329" i="1"/>
  <c r="U34328" i="1"/>
  <c r="U34327" i="1"/>
  <c r="U34326" i="1"/>
  <c r="U34325" i="1"/>
  <c r="U34324" i="1"/>
  <c r="U34323" i="1"/>
  <c r="U34322" i="1"/>
  <c r="U34321" i="1"/>
  <c r="U34320" i="1"/>
  <c r="U34319" i="1"/>
  <c r="U34318" i="1"/>
  <c r="U34317" i="1"/>
  <c r="U34316" i="1"/>
  <c r="U34315" i="1"/>
  <c r="U34314" i="1"/>
  <c r="U34313" i="1"/>
  <c r="U34312" i="1"/>
  <c r="U34311" i="1"/>
  <c r="U34310" i="1"/>
  <c r="U34309" i="1"/>
  <c r="U34308" i="1"/>
  <c r="U34307" i="1"/>
  <c r="U34306" i="1"/>
  <c r="U34305" i="1"/>
  <c r="U34304" i="1"/>
  <c r="U34303" i="1"/>
  <c r="U34302" i="1"/>
  <c r="U34301" i="1"/>
  <c r="U34300" i="1"/>
  <c r="U34299" i="1"/>
  <c r="U34298" i="1"/>
  <c r="U34297" i="1"/>
  <c r="U34296" i="1"/>
  <c r="U34295" i="1"/>
  <c r="U34294" i="1"/>
  <c r="U34293" i="1"/>
  <c r="U34292" i="1"/>
  <c r="U34291" i="1"/>
  <c r="U34290" i="1"/>
  <c r="U34289" i="1"/>
  <c r="U34288" i="1"/>
  <c r="U34287" i="1"/>
  <c r="U34286" i="1"/>
  <c r="U34285" i="1"/>
  <c r="U34284" i="1"/>
  <c r="U34283" i="1"/>
  <c r="U34282" i="1"/>
  <c r="U34281" i="1"/>
  <c r="U34280" i="1"/>
  <c r="U34279" i="1"/>
  <c r="U34278" i="1"/>
  <c r="U34277" i="1"/>
  <c r="U34276" i="1"/>
  <c r="U34275" i="1"/>
  <c r="U34274" i="1"/>
  <c r="U34273" i="1"/>
  <c r="U34272" i="1"/>
  <c r="U34271" i="1"/>
  <c r="U34270" i="1"/>
  <c r="U34269" i="1"/>
  <c r="U34268" i="1"/>
  <c r="U34267" i="1"/>
  <c r="U34266" i="1"/>
  <c r="U34265" i="1"/>
  <c r="U34264" i="1"/>
  <c r="U34263" i="1"/>
  <c r="U34262" i="1"/>
  <c r="U34261" i="1"/>
  <c r="U34260" i="1"/>
  <c r="U34259" i="1"/>
  <c r="U34258" i="1"/>
  <c r="U34257" i="1"/>
  <c r="U34256" i="1"/>
  <c r="U34255" i="1"/>
  <c r="U34254" i="1"/>
  <c r="U34253" i="1"/>
  <c r="U34252" i="1"/>
  <c r="U34251" i="1"/>
  <c r="U34250" i="1"/>
  <c r="U34249" i="1"/>
  <c r="U34248" i="1"/>
  <c r="U34247" i="1"/>
  <c r="U34246" i="1"/>
  <c r="U34245" i="1"/>
  <c r="U34244" i="1"/>
  <c r="U34243" i="1"/>
  <c r="U34242" i="1"/>
  <c r="U34241" i="1"/>
  <c r="U34240" i="1"/>
  <c r="U34239" i="1"/>
  <c r="U34238" i="1"/>
  <c r="U34237" i="1"/>
  <c r="U34236" i="1"/>
  <c r="U34235" i="1"/>
  <c r="U34234" i="1"/>
  <c r="U34233" i="1"/>
  <c r="U34232" i="1"/>
  <c r="U34231" i="1"/>
  <c r="U34230" i="1"/>
  <c r="U34229" i="1"/>
  <c r="U34228" i="1"/>
  <c r="U34227" i="1"/>
  <c r="U34226" i="1"/>
  <c r="U34225" i="1"/>
  <c r="U34224" i="1"/>
  <c r="U34223" i="1"/>
  <c r="U34222" i="1"/>
  <c r="U34221" i="1"/>
  <c r="U34220" i="1"/>
  <c r="U34219" i="1"/>
  <c r="U34218" i="1"/>
  <c r="U34217" i="1"/>
  <c r="U34216" i="1"/>
  <c r="U34215" i="1"/>
  <c r="U34214" i="1"/>
  <c r="U34213" i="1"/>
  <c r="U34212" i="1"/>
  <c r="U34211" i="1"/>
  <c r="U34210" i="1"/>
  <c r="U34209" i="1"/>
  <c r="U34208" i="1"/>
  <c r="U34207" i="1"/>
  <c r="U34206" i="1"/>
  <c r="U34205" i="1"/>
  <c r="U34204" i="1"/>
  <c r="U34203" i="1"/>
  <c r="U34202" i="1"/>
  <c r="U34201" i="1"/>
  <c r="U34200" i="1"/>
  <c r="U34199" i="1"/>
  <c r="U34198" i="1"/>
  <c r="U34197" i="1"/>
  <c r="U34196" i="1"/>
  <c r="U34195" i="1"/>
  <c r="U34194" i="1"/>
  <c r="U34193" i="1"/>
  <c r="U34192" i="1"/>
  <c r="U34191" i="1"/>
  <c r="U34190" i="1"/>
  <c r="U34189" i="1"/>
  <c r="U34188" i="1"/>
  <c r="U34187" i="1"/>
  <c r="U34186" i="1"/>
  <c r="U34185" i="1"/>
  <c r="U34184" i="1"/>
  <c r="U34183" i="1"/>
  <c r="U34182" i="1"/>
  <c r="U34181" i="1"/>
  <c r="U34180" i="1"/>
  <c r="U34179" i="1"/>
  <c r="U34178" i="1"/>
  <c r="U34177" i="1"/>
  <c r="U34176" i="1"/>
  <c r="U34175" i="1"/>
  <c r="U34174" i="1"/>
  <c r="U34173" i="1"/>
  <c r="U34172" i="1"/>
  <c r="U34171" i="1"/>
  <c r="U34170" i="1"/>
  <c r="U34169" i="1"/>
  <c r="U34168" i="1"/>
  <c r="U34167" i="1"/>
  <c r="U34166" i="1"/>
  <c r="U34165" i="1"/>
  <c r="U34164" i="1"/>
  <c r="U34163" i="1"/>
  <c r="U34162" i="1"/>
  <c r="U34161" i="1"/>
  <c r="U34160" i="1"/>
  <c r="U34159" i="1"/>
  <c r="U34158" i="1"/>
  <c r="U34157" i="1"/>
  <c r="U34156" i="1"/>
  <c r="U34155" i="1"/>
  <c r="U34154" i="1"/>
  <c r="U34153" i="1"/>
  <c r="U34152" i="1"/>
  <c r="U34151" i="1"/>
  <c r="U34150" i="1"/>
  <c r="U34149" i="1"/>
  <c r="U34148" i="1"/>
  <c r="U34147" i="1"/>
  <c r="U34146" i="1"/>
  <c r="U34145" i="1"/>
  <c r="U34144" i="1"/>
  <c r="U34143" i="1"/>
  <c r="U34142" i="1"/>
  <c r="U34141" i="1"/>
  <c r="U34140" i="1"/>
  <c r="U34139" i="1"/>
  <c r="U34138" i="1"/>
  <c r="U34137" i="1"/>
  <c r="U34136" i="1"/>
  <c r="U34135" i="1"/>
  <c r="U34134" i="1"/>
  <c r="U34133" i="1"/>
  <c r="U34132" i="1"/>
  <c r="U34131" i="1"/>
  <c r="U34130" i="1"/>
  <c r="U34129" i="1"/>
  <c r="U34128" i="1"/>
  <c r="U34127" i="1"/>
  <c r="U34126" i="1"/>
  <c r="U34125" i="1"/>
  <c r="U34124" i="1"/>
  <c r="U34123" i="1"/>
  <c r="U34122" i="1"/>
  <c r="U34121" i="1"/>
  <c r="U34120" i="1"/>
  <c r="U34119" i="1"/>
  <c r="U34118" i="1"/>
  <c r="U34117" i="1"/>
  <c r="U34116" i="1"/>
  <c r="U34115" i="1"/>
  <c r="U34114" i="1"/>
  <c r="U34113" i="1"/>
  <c r="U34112" i="1"/>
  <c r="U34111" i="1"/>
  <c r="U34110" i="1"/>
  <c r="U34109" i="1"/>
  <c r="U34108" i="1"/>
  <c r="U34107" i="1"/>
  <c r="U34106" i="1"/>
  <c r="U34105" i="1"/>
  <c r="U34104" i="1"/>
  <c r="U34103" i="1"/>
  <c r="U34102" i="1"/>
  <c r="U34101" i="1"/>
  <c r="U34100" i="1"/>
  <c r="U34099" i="1"/>
  <c r="U34098" i="1"/>
  <c r="U34097" i="1"/>
  <c r="U34096" i="1"/>
  <c r="U34095" i="1"/>
  <c r="U34094" i="1"/>
  <c r="U34093" i="1"/>
  <c r="U34092" i="1"/>
  <c r="U34091" i="1"/>
  <c r="U34090" i="1"/>
  <c r="U34089" i="1"/>
  <c r="U34088" i="1"/>
  <c r="U34087" i="1"/>
  <c r="U34086" i="1"/>
  <c r="U34085" i="1"/>
  <c r="U34084" i="1"/>
  <c r="U34083" i="1"/>
  <c r="U34082" i="1"/>
  <c r="U34081" i="1"/>
  <c r="U34080" i="1"/>
  <c r="U34079" i="1"/>
  <c r="U34078" i="1"/>
  <c r="U34077" i="1"/>
  <c r="U34076" i="1"/>
  <c r="U34075" i="1"/>
  <c r="U34074" i="1"/>
  <c r="U34073" i="1"/>
  <c r="U34072" i="1"/>
  <c r="U34071" i="1"/>
  <c r="U34070" i="1"/>
  <c r="U34069" i="1"/>
  <c r="U34068" i="1"/>
  <c r="U34067" i="1"/>
  <c r="U34066" i="1"/>
  <c r="U34065" i="1"/>
  <c r="U34064" i="1"/>
  <c r="U34063" i="1"/>
  <c r="U34062" i="1"/>
  <c r="U34061" i="1"/>
  <c r="U34060" i="1"/>
  <c r="U34059" i="1"/>
  <c r="U34058" i="1"/>
  <c r="U34057" i="1"/>
  <c r="U34056" i="1"/>
  <c r="U34055" i="1"/>
  <c r="U34054" i="1"/>
  <c r="U34053" i="1"/>
  <c r="U34052" i="1"/>
  <c r="U34051" i="1"/>
  <c r="U34050" i="1"/>
  <c r="U34049" i="1"/>
  <c r="U34048" i="1"/>
  <c r="U34047" i="1"/>
  <c r="U34046" i="1"/>
  <c r="U34045" i="1"/>
  <c r="U34044" i="1"/>
  <c r="U34043" i="1"/>
  <c r="U34042" i="1"/>
  <c r="U34041" i="1"/>
  <c r="U34040" i="1"/>
  <c r="U34039" i="1"/>
  <c r="U34038" i="1"/>
  <c r="U34037" i="1"/>
  <c r="U34036" i="1"/>
  <c r="U34035" i="1"/>
  <c r="U34034" i="1"/>
  <c r="U34033" i="1"/>
  <c r="U34032" i="1"/>
  <c r="U34031" i="1"/>
  <c r="U34030" i="1"/>
  <c r="U34029" i="1"/>
  <c r="U34028" i="1"/>
  <c r="U34027" i="1"/>
  <c r="U34026" i="1"/>
  <c r="U34025" i="1"/>
  <c r="U34024" i="1"/>
  <c r="U34023" i="1"/>
  <c r="U34022" i="1"/>
  <c r="U34021" i="1"/>
  <c r="U34020" i="1"/>
  <c r="U34019" i="1"/>
  <c r="U34018" i="1"/>
  <c r="U34017" i="1"/>
  <c r="U34016" i="1"/>
  <c r="U34015" i="1"/>
  <c r="U34014" i="1"/>
  <c r="U34013" i="1"/>
  <c r="U34012" i="1"/>
  <c r="U34011" i="1"/>
  <c r="U34010" i="1"/>
  <c r="U34009" i="1"/>
  <c r="U34008" i="1"/>
  <c r="U34007" i="1"/>
  <c r="U34006" i="1"/>
  <c r="U34005" i="1"/>
  <c r="U34004" i="1"/>
  <c r="U34003" i="1"/>
  <c r="U34002" i="1"/>
  <c r="U34001" i="1"/>
  <c r="U34000" i="1"/>
  <c r="U33999" i="1"/>
  <c r="U33998" i="1"/>
  <c r="U33997" i="1"/>
  <c r="U33996" i="1"/>
  <c r="U33995" i="1"/>
  <c r="U33994" i="1"/>
  <c r="U33993" i="1"/>
  <c r="U33992" i="1"/>
  <c r="U33991" i="1"/>
  <c r="U33990" i="1"/>
  <c r="U33989" i="1"/>
  <c r="U33988" i="1"/>
  <c r="U33987" i="1"/>
  <c r="U33986" i="1"/>
  <c r="U33985" i="1"/>
  <c r="U33984" i="1"/>
  <c r="U33983" i="1"/>
  <c r="U33982" i="1"/>
  <c r="U33981" i="1"/>
  <c r="U33980" i="1"/>
  <c r="U33979" i="1"/>
  <c r="U33978" i="1"/>
  <c r="U33977" i="1"/>
  <c r="U33976" i="1"/>
  <c r="U33975" i="1"/>
  <c r="U33974" i="1"/>
  <c r="U33973" i="1"/>
  <c r="U33972" i="1"/>
  <c r="U33971" i="1"/>
  <c r="U33970" i="1"/>
  <c r="U33969" i="1"/>
  <c r="U33968" i="1"/>
  <c r="U33967" i="1"/>
  <c r="U33966" i="1"/>
  <c r="U33965" i="1"/>
  <c r="U33964" i="1"/>
  <c r="U33963" i="1"/>
  <c r="U33962" i="1"/>
  <c r="U33961" i="1"/>
  <c r="U33960" i="1"/>
  <c r="U33959" i="1"/>
  <c r="U33958" i="1"/>
  <c r="U33957" i="1"/>
  <c r="U33956" i="1"/>
  <c r="U33955" i="1"/>
  <c r="U33954" i="1"/>
  <c r="U33953" i="1"/>
  <c r="U33952" i="1"/>
  <c r="U33951" i="1"/>
  <c r="U33950" i="1"/>
  <c r="U33949" i="1"/>
  <c r="U33948" i="1"/>
  <c r="U33947" i="1"/>
  <c r="U33946" i="1"/>
  <c r="U33945" i="1"/>
  <c r="U33944" i="1"/>
  <c r="U33943" i="1"/>
  <c r="U33942" i="1"/>
  <c r="U33941" i="1"/>
  <c r="U33940" i="1"/>
  <c r="U33939" i="1"/>
  <c r="U33938" i="1"/>
  <c r="U33937" i="1"/>
  <c r="U33936" i="1"/>
  <c r="U33935" i="1"/>
  <c r="U33934" i="1"/>
  <c r="U33933" i="1"/>
  <c r="U33932" i="1"/>
  <c r="U33931" i="1"/>
  <c r="U33930" i="1"/>
  <c r="U33929" i="1"/>
  <c r="U33928" i="1"/>
  <c r="U33927" i="1"/>
  <c r="U33926" i="1"/>
  <c r="U33925" i="1"/>
  <c r="U33924" i="1"/>
  <c r="U33923" i="1"/>
  <c r="U33922" i="1"/>
  <c r="U33921" i="1"/>
  <c r="U33920" i="1"/>
  <c r="U33919" i="1"/>
  <c r="U33918" i="1"/>
  <c r="U33917" i="1"/>
  <c r="U33916" i="1"/>
  <c r="U33915" i="1"/>
  <c r="U33914" i="1"/>
  <c r="U33913" i="1"/>
  <c r="U33912" i="1"/>
  <c r="U33911" i="1"/>
  <c r="U33910" i="1"/>
  <c r="U33909" i="1"/>
  <c r="U33908" i="1"/>
  <c r="U33907" i="1"/>
  <c r="U33906" i="1"/>
  <c r="U33905" i="1"/>
  <c r="U33904" i="1"/>
  <c r="U33903" i="1"/>
  <c r="U33902" i="1"/>
  <c r="U33901" i="1"/>
  <c r="U33900" i="1"/>
  <c r="U33899" i="1"/>
  <c r="U33898" i="1"/>
  <c r="U33897" i="1"/>
  <c r="U33896" i="1"/>
  <c r="U33895" i="1"/>
  <c r="U33894" i="1"/>
  <c r="U33893" i="1"/>
  <c r="U33892" i="1"/>
  <c r="U33891" i="1"/>
  <c r="U33890" i="1"/>
  <c r="U33889" i="1"/>
  <c r="U33888" i="1"/>
  <c r="U33887" i="1"/>
  <c r="U33886" i="1"/>
  <c r="U33885" i="1"/>
  <c r="U33884" i="1"/>
  <c r="U33883" i="1"/>
  <c r="U33882" i="1"/>
  <c r="U33881" i="1"/>
  <c r="U33880" i="1"/>
  <c r="U33879" i="1"/>
  <c r="U33878" i="1"/>
  <c r="U33877" i="1"/>
  <c r="U33876" i="1"/>
  <c r="U33875" i="1"/>
  <c r="U33874" i="1"/>
  <c r="U33873" i="1"/>
  <c r="U33872" i="1"/>
  <c r="U33871" i="1"/>
  <c r="U33870" i="1"/>
  <c r="U33869" i="1"/>
  <c r="U33868" i="1"/>
  <c r="U33867" i="1"/>
  <c r="U33866" i="1"/>
  <c r="U33865" i="1"/>
  <c r="U33864" i="1"/>
  <c r="U33863" i="1"/>
  <c r="U33862" i="1"/>
  <c r="U33861" i="1"/>
  <c r="U33860" i="1"/>
  <c r="U33859" i="1"/>
  <c r="U33858" i="1"/>
  <c r="U33857" i="1"/>
  <c r="U33856" i="1"/>
  <c r="U33855" i="1"/>
  <c r="U33854" i="1"/>
  <c r="U33853" i="1"/>
  <c r="U33852" i="1"/>
  <c r="U33851" i="1"/>
  <c r="U33850" i="1"/>
  <c r="U33849" i="1"/>
  <c r="U33848" i="1"/>
  <c r="U33847" i="1"/>
  <c r="U33846" i="1"/>
  <c r="U33845" i="1"/>
  <c r="U33844" i="1"/>
  <c r="U33843" i="1"/>
  <c r="U33842" i="1"/>
  <c r="U33841" i="1"/>
  <c r="U33840" i="1"/>
  <c r="U33839" i="1"/>
  <c r="U33838" i="1"/>
  <c r="U33837" i="1"/>
  <c r="U33836" i="1"/>
  <c r="U33835" i="1"/>
  <c r="U33834" i="1"/>
  <c r="U33833" i="1"/>
  <c r="U33832" i="1"/>
  <c r="U33831" i="1"/>
  <c r="U33830" i="1"/>
  <c r="U33829" i="1"/>
  <c r="U33828" i="1"/>
  <c r="U33827" i="1"/>
  <c r="U33826" i="1"/>
  <c r="U33825" i="1"/>
  <c r="U33824" i="1"/>
  <c r="U33823" i="1"/>
  <c r="U33822" i="1"/>
  <c r="U33821" i="1"/>
  <c r="U33820" i="1"/>
  <c r="U33819" i="1"/>
  <c r="U33818" i="1"/>
  <c r="U33817" i="1"/>
  <c r="U33816" i="1"/>
  <c r="U33815" i="1"/>
  <c r="U33814" i="1"/>
  <c r="U33813" i="1"/>
  <c r="U33812" i="1"/>
  <c r="U33811" i="1"/>
  <c r="U33810" i="1"/>
  <c r="U33809" i="1"/>
  <c r="U33808" i="1"/>
  <c r="U33807" i="1"/>
  <c r="U33806" i="1"/>
  <c r="U33805" i="1"/>
  <c r="U33804" i="1"/>
  <c r="U33803" i="1"/>
  <c r="U33802" i="1"/>
  <c r="U33801" i="1"/>
  <c r="U33800" i="1"/>
  <c r="U33799" i="1"/>
  <c r="U33798" i="1"/>
  <c r="U33797" i="1"/>
  <c r="U33796" i="1"/>
  <c r="U33795" i="1"/>
  <c r="U33794" i="1"/>
  <c r="U33793" i="1"/>
  <c r="U33792" i="1"/>
  <c r="U33791" i="1"/>
  <c r="U33790" i="1"/>
  <c r="U33789" i="1"/>
  <c r="U33788" i="1"/>
  <c r="U33787" i="1"/>
  <c r="U33786" i="1"/>
  <c r="U33785" i="1"/>
  <c r="U33784" i="1"/>
  <c r="U33783" i="1"/>
  <c r="U33782" i="1"/>
  <c r="U33781" i="1"/>
  <c r="U33780" i="1"/>
  <c r="U33779" i="1"/>
  <c r="U33778" i="1"/>
  <c r="U33777" i="1"/>
  <c r="U33776" i="1"/>
  <c r="U33775" i="1"/>
  <c r="U33774" i="1"/>
  <c r="U33773" i="1"/>
  <c r="U33772" i="1"/>
  <c r="U33771" i="1"/>
  <c r="U33770" i="1"/>
  <c r="U33769" i="1"/>
  <c r="U33768" i="1"/>
  <c r="U33767" i="1"/>
  <c r="U33766" i="1"/>
  <c r="U33765" i="1"/>
  <c r="U33764" i="1"/>
  <c r="U33763" i="1"/>
  <c r="U33762" i="1"/>
  <c r="U33761" i="1"/>
  <c r="U33760" i="1"/>
  <c r="U33759" i="1"/>
  <c r="U33758" i="1"/>
  <c r="U33757" i="1"/>
  <c r="U33756" i="1"/>
  <c r="U33755" i="1"/>
  <c r="U33754" i="1"/>
  <c r="U33753" i="1"/>
  <c r="U33752" i="1"/>
  <c r="U33751" i="1"/>
  <c r="U33750" i="1"/>
  <c r="U33749" i="1"/>
  <c r="U33748" i="1"/>
  <c r="U33747" i="1"/>
  <c r="U33746" i="1"/>
  <c r="U33745" i="1"/>
  <c r="U33744" i="1"/>
  <c r="U33743" i="1"/>
  <c r="U33742" i="1"/>
  <c r="U33741" i="1"/>
  <c r="U33740" i="1"/>
  <c r="U33739" i="1"/>
  <c r="U33738" i="1"/>
  <c r="U33737" i="1"/>
  <c r="U33736" i="1"/>
  <c r="U33735" i="1"/>
  <c r="U33734" i="1"/>
  <c r="U33733" i="1"/>
  <c r="U33732" i="1"/>
  <c r="U33731" i="1"/>
  <c r="U33730" i="1"/>
  <c r="U33729" i="1"/>
  <c r="U33728" i="1"/>
  <c r="U33727" i="1"/>
  <c r="U33726" i="1"/>
  <c r="U33725" i="1"/>
  <c r="U33724" i="1"/>
  <c r="U33723" i="1"/>
  <c r="U33722" i="1"/>
  <c r="U33721" i="1"/>
  <c r="U33720" i="1"/>
  <c r="U33719" i="1"/>
  <c r="U33718" i="1"/>
  <c r="U33717" i="1"/>
  <c r="U33716" i="1"/>
  <c r="U33715" i="1"/>
  <c r="U33714" i="1"/>
  <c r="U33713" i="1"/>
  <c r="U33712" i="1"/>
  <c r="U33711" i="1"/>
  <c r="U33710" i="1"/>
  <c r="U33709" i="1"/>
  <c r="U33708" i="1"/>
  <c r="U33707" i="1"/>
  <c r="U33706" i="1"/>
  <c r="U33705" i="1"/>
  <c r="U33704" i="1"/>
  <c r="U33703" i="1"/>
  <c r="U33702" i="1"/>
  <c r="U33701" i="1"/>
  <c r="U33700" i="1"/>
  <c r="U33699" i="1"/>
  <c r="U33698" i="1"/>
  <c r="U33697" i="1"/>
  <c r="U33696" i="1"/>
  <c r="U33695" i="1"/>
  <c r="U33694" i="1"/>
  <c r="U33693" i="1"/>
  <c r="U33692" i="1"/>
  <c r="U33691" i="1"/>
  <c r="U33690" i="1"/>
  <c r="U33689" i="1"/>
  <c r="U33688" i="1"/>
  <c r="U33687" i="1"/>
  <c r="U33686" i="1"/>
  <c r="U33685" i="1"/>
  <c r="U33684" i="1"/>
  <c r="U33683" i="1"/>
  <c r="U33682" i="1"/>
  <c r="U33681" i="1"/>
  <c r="U33680" i="1"/>
  <c r="U33679" i="1"/>
  <c r="U33678" i="1"/>
  <c r="U33677" i="1"/>
  <c r="U33676" i="1"/>
  <c r="U33675" i="1"/>
  <c r="U33674" i="1"/>
  <c r="U33673" i="1"/>
  <c r="U33672" i="1"/>
  <c r="U33671" i="1"/>
  <c r="U33670" i="1"/>
  <c r="U33669" i="1"/>
  <c r="U33668" i="1"/>
  <c r="U33667" i="1"/>
  <c r="U33666" i="1"/>
  <c r="U33665" i="1"/>
  <c r="U33664" i="1"/>
  <c r="U33663" i="1"/>
  <c r="U33662" i="1"/>
  <c r="U33661" i="1"/>
  <c r="U33660" i="1"/>
  <c r="U33659" i="1"/>
  <c r="U33658" i="1"/>
  <c r="U33657" i="1"/>
  <c r="U33656" i="1"/>
  <c r="U33655" i="1"/>
  <c r="U33654" i="1"/>
  <c r="U33653" i="1"/>
  <c r="U33652" i="1"/>
  <c r="U33651" i="1"/>
  <c r="U33650" i="1"/>
  <c r="U33649" i="1"/>
  <c r="U33648" i="1"/>
  <c r="U33647" i="1"/>
  <c r="U33646" i="1"/>
  <c r="U33645" i="1"/>
  <c r="U33644" i="1"/>
  <c r="U33643" i="1"/>
  <c r="U33642" i="1"/>
  <c r="U33641" i="1"/>
  <c r="U33640" i="1"/>
  <c r="U33639" i="1"/>
  <c r="U33638" i="1"/>
  <c r="U33637" i="1"/>
  <c r="U33636" i="1"/>
  <c r="U33635" i="1"/>
  <c r="U33634" i="1"/>
  <c r="U33633" i="1"/>
  <c r="U33632" i="1"/>
  <c r="U33631" i="1"/>
  <c r="U33630" i="1"/>
  <c r="U33629" i="1"/>
  <c r="U33628" i="1"/>
  <c r="U33627" i="1"/>
  <c r="U33626" i="1"/>
  <c r="U33625" i="1"/>
  <c r="U33624" i="1"/>
  <c r="U33623" i="1"/>
  <c r="U33622" i="1"/>
  <c r="U33621" i="1"/>
  <c r="U33620" i="1"/>
  <c r="U33619" i="1"/>
  <c r="U33618" i="1"/>
  <c r="U33617" i="1"/>
  <c r="U33616" i="1"/>
  <c r="U33615" i="1"/>
  <c r="U33614" i="1"/>
  <c r="U33613" i="1"/>
  <c r="U33612" i="1"/>
  <c r="U33611" i="1"/>
  <c r="U33610" i="1"/>
  <c r="U33609" i="1"/>
  <c r="U33608" i="1"/>
  <c r="U33607" i="1"/>
  <c r="U33606" i="1"/>
  <c r="U33605" i="1"/>
  <c r="U33604" i="1"/>
  <c r="U33603" i="1"/>
  <c r="U33602" i="1"/>
  <c r="U33601" i="1"/>
  <c r="U33600" i="1"/>
  <c r="U33599" i="1"/>
  <c r="U33598" i="1"/>
  <c r="U33597" i="1"/>
  <c r="U33596" i="1"/>
  <c r="U33595" i="1"/>
  <c r="U33594" i="1"/>
  <c r="U33593" i="1"/>
  <c r="U33592" i="1"/>
  <c r="U33591" i="1"/>
  <c r="U33590" i="1"/>
  <c r="U33589" i="1"/>
  <c r="U33588" i="1"/>
  <c r="U33587" i="1"/>
  <c r="U33586" i="1"/>
  <c r="U33585" i="1"/>
  <c r="U33584" i="1"/>
  <c r="U33583" i="1"/>
  <c r="U33582" i="1"/>
  <c r="U33581" i="1"/>
  <c r="U33580" i="1"/>
  <c r="U33579" i="1"/>
  <c r="U33578" i="1"/>
  <c r="U33577" i="1"/>
  <c r="U33576" i="1"/>
  <c r="U33575" i="1"/>
  <c r="U33574" i="1"/>
  <c r="U33573" i="1"/>
  <c r="U33572" i="1"/>
  <c r="U33571" i="1"/>
  <c r="U33570" i="1"/>
  <c r="U33569" i="1"/>
  <c r="U33568" i="1"/>
  <c r="U33567" i="1"/>
  <c r="U33566" i="1"/>
  <c r="U33565" i="1"/>
  <c r="U33564" i="1"/>
  <c r="U33563" i="1"/>
  <c r="U33562" i="1"/>
  <c r="U33561" i="1"/>
  <c r="U33560" i="1"/>
  <c r="U33559" i="1"/>
  <c r="U33558" i="1"/>
  <c r="U33557" i="1"/>
  <c r="U33556" i="1"/>
  <c r="U33555" i="1"/>
  <c r="U33554" i="1"/>
  <c r="U33553" i="1"/>
  <c r="U33552" i="1"/>
  <c r="U33551" i="1"/>
  <c r="U33550" i="1"/>
  <c r="U33549" i="1"/>
  <c r="U33548" i="1"/>
  <c r="U33547" i="1"/>
  <c r="U33546" i="1"/>
  <c r="U33545" i="1"/>
  <c r="U33544" i="1"/>
  <c r="U33543" i="1"/>
  <c r="U33542" i="1"/>
  <c r="U33541" i="1"/>
  <c r="U33540" i="1"/>
  <c r="U33539" i="1"/>
  <c r="U33538" i="1"/>
  <c r="U33537" i="1"/>
  <c r="U33536" i="1"/>
  <c r="U33535" i="1"/>
  <c r="U33534" i="1"/>
  <c r="U33533" i="1"/>
  <c r="U33532" i="1"/>
  <c r="U33531" i="1"/>
  <c r="U33530" i="1"/>
  <c r="U33529" i="1"/>
  <c r="U33528" i="1"/>
  <c r="U33527" i="1"/>
  <c r="U33526" i="1"/>
  <c r="U33525" i="1"/>
  <c r="U33524" i="1"/>
  <c r="U33523" i="1"/>
  <c r="U33522" i="1"/>
  <c r="U33521" i="1"/>
  <c r="U33520" i="1"/>
  <c r="U33519" i="1"/>
  <c r="U33518" i="1"/>
  <c r="U33517" i="1"/>
  <c r="U33516" i="1"/>
  <c r="U33515" i="1"/>
  <c r="U33514" i="1"/>
  <c r="U33513" i="1"/>
  <c r="U33512" i="1"/>
  <c r="U33511" i="1"/>
  <c r="U33510" i="1"/>
  <c r="U33509" i="1"/>
  <c r="U33508" i="1"/>
  <c r="U33507" i="1"/>
  <c r="U33506" i="1"/>
  <c r="U33505" i="1"/>
  <c r="U33504" i="1"/>
  <c r="U33503" i="1"/>
  <c r="U33502" i="1"/>
  <c r="U33501" i="1"/>
  <c r="U33500" i="1"/>
  <c r="U33499" i="1"/>
  <c r="U33498" i="1"/>
  <c r="U33497" i="1"/>
  <c r="U33496" i="1"/>
  <c r="U33495" i="1"/>
  <c r="U33494" i="1"/>
  <c r="U33493" i="1"/>
  <c r="U33492" i="1"/>
  <c r="U33491" i="1"/>
  <c r="U33490" i="1"/>
  <c r="U33489" i="1"/>
  <c r="U33488" i="1"/>
  <c r="U33487" i="1"/>
  <c r="U33486" i="1"/>
  <c r="U33485" i="1"/>
  <c r="U33484" i="1"/>
  <c r="U33483" i="1"/>
  <c r="U33482" i="1"/>
  <c r="U33481" i="1"/>
  <c r="U33480" i="1"/>
  <c r="U33479" i="1"/>
  <c r="U33478" i="1"/>
  <c r="U33477" i="1"/>
  <c r="U33476" i="1"/>
  <c r="U33475" i="1"/>
  <c r="U33474" i="1"/>
  <c r="U33473" i="1"/>
  <c r="U33472" i="1"/>
  <c r="U33471" i="1"/>
  <c r="U33470" i="1"/>
  <c r="U33469" i="1"/>
  <c r="U33468" i="1"/>
  <c r="U33467" i="1"/>
  <c r="U33466" i="1"/>
  <c r="U33465" i="1"/>
  <c r="U33464" i="1"/>
  <c r="U33463" i="1"/>
  <c r="U33462" i="1"/>
  <c r="U33461" i="1"/>
  <c r="U33460" i="1"/>
  <c r="U33459" i="1"/>
  <c r="U33458" i="1"/>
  <c r="U33457" i="1"/>
  <c r="U33456" i="1"/>
  <c r="U33455" i="1"/>
  <c r="U33454" i="1"/>
  <c r="U33453" i="1"/>
  <c r="U33452" i="1"/>
  <c r="U33451" i="1"/>
  <c r="U33450" i="1"/>
  <c r="U33449" i="1"/>
  <c r="U33448" i="1"/>
  <c r="U33447" i="1"/>
  <c r="U33446" i="1"/>
  <c r="U33445" i="1"/>
  <c r="U33444" i="1"/>
  <c r="U33443" i="1"/>
  <c r="U33442" i="1"/>
  <c r="U33441" i="1"/>
  <c r="U33440" i="1"/>
  <c r="U33439" i="1"/>
  <c r="U33438" i="1"/>
  <c r="U33437" i="1"/>
  <c r="U33436" i="1"/>
  <c r="U33435" i="1"/>
  <c r="U33434" i="1"/>
  <c r="U33433" i="1"/>
  <c r="U33432" i="1"/>
  <c r="U33431" i="1"/>
  <c r="U33430" i="1"/>
  <c r="U33429" i="1"/>
  <c r="U33428" i="1"/>
  <c r="U33427" i="1"/>
  <c r="U33426" i="1"/>
  <c r="U33425" i="1"/>
  <c r="U33424" i="1"/>
  <c r="U33423" i="1"/>
  <c r="U33422" i="1"/>
  <c r="U33421" i="1"/>
  <c r="U33420" i="1"/>
  <c r="U33419" i="1"/>
  <c r="U33418" i="1"/>
  <c r="U33417" i="1"/>
  <c r="U33416" i="1"/>
  <c r="U33415" i="1"/>
  <c r="U33414" i="1"/>
  <c r="U33413" i="1"/>
  <c r="U33412" i="1"/>
  <c r="U33411" i="1"/>
  <c r="U33410" i="1"/>
  <c r="U33409" i="1"/>
  <c r="U33408" i="1"/>
  <c r="U33407" i="1"/>
  <c r="U33406" i="1"/>
  <c r="U33405" i="1"/>
  <c r="U33404" i="1"/>
  <c r="U33403" i="1"/>
  <c r="U33402" i="1"/>
  <c r="U33401" i="1"/>
  <c r="U33400" i="1"/>
  <c r="U33399" i="1"/>
  <c r="U33398" i="1"/>
  <c r="U33397" i="1"/>
  <c r="U33396" i="1"/>
  <c r="U33395" i="1"/>
  <c r="U33394" i="1"/>
  <c r="U33393" i="1"/>
  <c r="U33392" i="1"/>
  <c r="U33391" i="1"/>
  <c r="U33390" i="1"/>
  <c r="U33389" i="1"/>
  <c r="U33388" i="1"/>
  <c r="U33387" i="1"/>
  <c r="U33386" i="1"/>
  <c r="U33385" i="1"/>
  <c r="U33384" i="1"/>
  <c r="U33383" i="1"/>
  <c r="U33382" i="1"/>
  <c r="U33381" i="1"/>
  <c r="U33380" i="1"/>
  <c r="U33379" i="1"/>
  <c r="U33378" i="1"/>
  <c r="U33377" i="1"/>
  <c r="U33376" i="1"/>
  <c r="U33375" i="1"/>
  <c r="U33374" i="1"/>
  <c r="U33373" i="1"/>
  <c r="U33372" i="1"/>
  <c r="U33371" i="1"/>
  <c r="U33370" i="1"/>
  <c r="U33369" i="1"/>
  <c r="U33368" i="1"/>
  <c r="U33367" i="1"/>
  <c r="U33366" i="1"/>
  <c r="U33365" i="1"/>
  <c r="U33364" i="1"/>
  <c r="U33363" i="1"/>
  <c r="U33362" i="1"/>
  <c r="U33361" i="1"/>
  <c r="U33360" i="1"/>
  <c r="U33359" i="1"/>
  <c r="U33358" i="1"/>
  <c r="U33357" i="1"/>
  <c r="U33356" i="1"/>
  <c r="U33355" i="1"/>
  <c r="U33354" i="1"/>
  <c r="U33353" i="1"/>
  <c r="U33352" i="1"/>
  <c r="U33351" i="1"/>
  <c r="U33350" i="1"/>
  <c r="U33349" i="1"/>
  <c r="U33348" i="1"/>
  <c r="U33347" i="1"/>
  <c r="U33346" i="1"/>
  <c r="U33345" i="1"/>
  <c r="U33344" i="1"/>
  <c r="U33343" i="1"/>
  <c r="U33342" i="1"/>
  <c r="U33341" i="1"/>
  <c r="U33340" i="1"/>
  <c r="U33339" i="1"/>
  <c r="U33338" i="1"/>
  <c r="U33337" i="1"/>
  <c r="U33336" i="1"/>
  <c r="U33335" i="1"/>
  <c r="U33334" i="1"/>
  <c r="U33333" i="1"/>
  <c r="U33332" i="1"/>
  <c r="U33331" i="1"/>
  <c r="U33330" i="1"/>
  <c r="U33329" i="1"/>
  <c r="U33328" i="1"/>
  <c r="U33327" i="1"/>
  <c r="U33326" i="1"/>
  <c r="U33325" i="1"/>
  <c r="U33324" i="1"/>
  <c r="U33323" i="1"/>
  <c r="U33322" i="1"/>
  <c r="U33321" i="1"/>
  <c r="U33320" i="1"/>
  <c r="U33319" i="1"/>
  <c r="U33318" i="1"/>
  <c r="U33317" i="1"/>
  <c r="U33316" i="1"/>
  <c r="U33315" i="1"/>
  <c r="U33314" i="1"/>
  <c r="U33313" i="1"/>
  <c r="U33312" i="1"/>
  <c r="U33311" i="1"/>
  <c r="U33310" i="1"/>
  <c r="U33309" i="1"/>
  <c r="U33308" i="1"/>
  <c r="U33307" i="1"/>
  <c r="U33306" i="1"/>
  <c r="U33305" i="1"/>
  <c r="U33304" i="1"/>
  <c r="U33303" i="1"/>
  <c r="U33302" i="1"/>
  <c r="U33301" i="1"/>
  <c r="U33300" i="1"/>
  <c r="U33299" i="1"/>
  <c r="U33298" i="1"/>
  <c r="U33297" i="1"/>
  <c r="U33296" i="1"/>
  <c r="U33295" i="1"/>
  <c r="U33294" i="1"/>
  <c r="U33293" i="1"/>
  <c r="U33292" i="1"/>
  <c r="U33291" i="1"/>
  <c r="U33290" i="1"/>
  <c r="U33289" i="1"/>
  <c r="U33288" i="1"/>
  <c r="U33287" i="1"/>
  <c r="U33286" i="1"/>
  <c r="U33285" i="1"/>
  <c r="U33284" i="1"/>
  <c r="U33283" i="1"/>
  <c r="U33282" i="1"/>
  <c r="U33281" i="1"/>
  <c r="U33280" i="1"/>
  <c r="U33279" i="1"/>
  <c r="U33278" i="1"/>
  <c r="U33277" i="1"/>
  <c r="U33276" i="1"/>
  <c r="U33275" i="1"/>
  <c r="U33274" i="1"/>
  <c r="U33273" i="1"/>
  <c r="U33272" i="1"/>
  <c r="U33271" i="1"/>
  <c r="U33270" i="1"/>
  <c r="U33269" i="1"/>
  <c r="U33268" i="1"/>
  <c r="U33267" i="1"/>
  <c r="U33266" i="1"/>
  <c r="U33265" i="1"/>
  <c r="U33264" i="1"/>
  <c r="U33263" i="1"/>
  <c r="U33262" i="1"/>
  <c r="U33261" i="1"/>
  <c r="U33260" i="1"/>
  <c r="U33259" i="1"/>
  <c r="U33258" i="1"/>
  <c r="U33257" i="1"/>
  <c r="U33256" i="1"/>
  <c r="U33255" i="1"/>
  <c r="U33254" i="1"/>
  <c r="U33253" i="1"/>
  <c r="U33252" i="1"/>
  <c r="U33251" i="1"/>
  <c r="U33250" i="1"/>
  <c r="U33249" i="1"/>
  <c r="U33248" i="1"/>
  <c r="U33247" i="1"/>
  <c r="U33246" i="1"/>
  <c r="U33245" i="1"/>
  <c r="U33244" i="1"/>
  <c r="U33243" i="1"/>
  <c r="U33242" i="1"/>
  <c r="U33241" i="1"/>
  <c r="U33240" i="1"/>
  <c r="U33239" i="1"/>
  <c r="U33238" i="1"/>
  <c r="U33237" i="1"/>
  <c r="U33236" i="1"/>
  <c r="U33235" i="1"/>
  <c r="U33234" i="1"/>
  <c r="U33233" i="1"/>
  <c r="U33232" i="1"/>
  <c r="U33231" i="1"/>
  <c r="U33230" i="1"/>
  <c r="U33229" i="1"/>
  <c r="U33228" i="1"/>
  <c r="U33227" i="1"/>
  <c r="U33226" i="1"/>
  <c r="U33225" i="1"/>
  <c r="U33224" i="1"/>
  <c r="U33223" i="1"/>
  <c r="U33222" i="1"/>
  <c r="U33221" i="1"/>
  <c r="U33220" i="1"/>
  <c r="U33219" i="1"/>
  <c r="U33218" i="1"/>
  <c r="U33217" i="1"/>
  <c r="U33216" i="1"/>
  <c r="U33215" i="1"/>
  <c r="U33214" i="1"/>
  <c r="U33213" i="1"/>
  <c r="U33212" i="1"/>
  <c r="U33211" i="1"/>
  <c r="U33210" i="1"/>
  <c r="U33209" i="1"/>
  <c r="U33208" i="1"/>
  <c r="U33207" i="1"/>
  <c r="U33206" i="1"/>
  <c r="U33205" i="1"/>
  <c r="U33204" i="1"/>
  <c r="U33203" i="1"/>
  <c r="U33202" i="1"/>
  <c r="U33201" i="1"/>
  <c r="U33200" i="1"/>
  <c r="U33199" i="1"/>
  <c r="U33198" i="1"/>
  <c r="U33197" i="1"/>
  <c r="U33196" i="1"/>
  <c r="U33195" i="1"/>
  <c r="U33194" i="1"/>
  <c r="U33193" i="1"/>
  <c r="U33192" i="1"/>
  <c r="U33191" i="1"/>
  <c r="U33190" i="1"/>
  <c r="U33189" i="1"/>
  <c r="U33188" i="1"/>
  <c r="U33187" i="1"/>
  <c r="U33186" i="1"/>
  <c r="U33185" i="1"/>
  <c r="U33184" i="1"/>
  <c r="U33183" i="1"/>
  <c r="U33182" i="1"/>
  <c r="U33181" i="1"/>
  <c r="U33180" i="1"/>
  <c r="U33179" i="1"/>
  <c r="U33178" i="1"/>
  <c r="U33177" i="1"/>
  <c r="U33176" i="1"/>
  <c r="U33175" i="1"/>
  <c r="U33174" i="1"/>
  <c r="U33173" i="1"/>
  <c r="U33172" i="1"/>
  <c r="U33171" i="1"/>
  <c r="U33170" i="1"/>
  <c r="U33169" i="1"/>
  <c r="U33168" i="1"/>
  <c r="U33167" i="1"/>
  <c r="U33166" i="1"/>
  <c r="U33165" i="1"/>
  <c r="U33164" i="1"/>
  <c r="U33163" i="1"/>
  <c r="U33162" i="1"/>
  <c r="U33161" i="1"/>
  <c r="U33160" i="1"/>
  <c r="U33159" i="1"/>
  <c r="U33158" i="1"/>
  <c r="U33157" i="1"/>
  <c r="U33156" i="1"/>
  <c r="U33155" i="1"/>
  <c r="U33154" i="1"/>
  <c r="U33153" i="1"/>
  <c r="U33152" i="1"/>
  <c r="U33151" i="1"/>
  <c r="U33150" i="1"/>
  <c r="U33149" i="1"/>
  <c r="U33148" i="1"/>
  <c r="U33147" i="1"/>
  <c r="U33146" i="1"/>
  <c r="U33145" i="1"/>
  <c r="U33144" i="1"/>
  <c r="U33143" i="1"/>
  <c r="U33142" i="1"/>
  <c r="U33141" i="1"/>
  <c r="U33140" i="1"/>
  <c r="U33139" i="1"/>
  <c r="U33138" i="1"/>
  <c r="U33137" i="1"/>
  <c r="U33136" i="1"/>
  <c r="U33135" i="1"/>
  <c r="U33134" i="1"/>
  <c r="U33133" i="1"/>
  <c r="U33132" i="1"/>
  <c r="U33131" i="1"/>
  <c r="U33130" i="1"/>
  <c r="U33129" i="1"/>
  <c r="U33128" i="1"/>
  <c r="U33127" i="1"/>
  <c r="U33126" i="1"/>
  <c r="U33125" i="1"/>
  <c r="U33124" i="1"/>
  <c r="U33123" i="1"/>
  <c r="U33122" i="1"/>
  <c r="U33121" i="1"/>
  <c r="U33120" i="1"/>
  <c r="U33119" i="1"/>
  <c r="U33118" i="1"/>
  <c r="U33117" i="1"/>
  <c r="U33116" i="1"/>
  <c r="U33115" i="1"/>
  <c r="U33114" i="1"/>
  <c r="U33113" i="1"/>
  <c r="U33112" i="1"/>
  <c r="U33111" i="1"/>
  <c r="U33110" i="1"/>
  <c r="U33109" i="1"/>
  <c r="U33108" i="1"/>
  <c r="U33107" i="1"/>
  <c r="U33106" i="1"/>
  <c r="U33105" i="1"/>
  <c r="U33104" i="1"/>
  <c r="U33103" i="1"/>
  <c r="U33102" i="1"/>
  <c r="U33101" i="1"/>
  <c r="U33100" i="1"/>
  <c r="U33099" i="1"/>
  <c r="U33098" i="1"/>
  <c r="U33097" i="1"/>
  <c r="U33096" i="1"/>
  <c r="U33095" i="1"/>
  <c r="U33094" i="1"/>
  <c r="U33093" i="1"/>
  <c r="U33092" i="1"/>
  <c r="U33091" i="1"/>
  <c r="U33090" i="1"/>
  <c r="U33089" i="1"/>
  <c r="U33088" i="1"/>
  <c r="U33087" i="1"/>
  <c r="U33086" i="1"/>
  <c r="U33085" i="1"/>
  <c r="U33084" i="1"/>
  <c r="U33083" i="1"/>
  <c r="U33082" i="1"/>
  <c r="U33081" i="1"/>
  <c r="U33080" i="1"/>
  <c r="U33079" i="1"/>
  <c r="U33078" i="1"/>
  <c r="U33077" i="1"/>
  <c r="U33076" i="1"/>
  <c r="U33075" i="1"/>
  <c r="U33074" i="1"/>
  <c r="U33073" i="1"/>
  <c r="U33072" i="1"/>
  <c r="U33071" i="1"/>
  <c r="U33070" i="1"/>
  <c r="U33069" i="1"/>
  <c r="U33068" i="1"/>
  <c r="U33067" i="1"/>
  <c r="U33066" i="1"/>
  <c r="U33065" i="1"/>
  <c r="U33064" i="1"/>
  <c r="U33063" i="1"/>
  <c r="U33062" i="1"/>
  <c r="U33061" i="1"/>
  <c r="U33060" i="1"/>
  <c r="U33059" i="1"/>
  <c r="U33058" i="1"/>
  <c r="U33057" i="1"/>
  <c r="U33056" i="1"/>
  <c r="U33055" i="1"/>
  <c r="U33054" i="1"/>
  <c r="U33053" i="1"/>
  <c r="U33052" i="1"/>
  <c r="U33051" i="1"/>
  <c r="U33050" i="1"/>
  <c r="U33049" i="1"/>
  <c r="U33048" i="1"/>
  <c r="U33047" i="1"/>
  <c r="U33046" i="1"/>
  <c r="U33045" i="1"/>
  <c r="U33044" i="1"/>
  <c r="U33043" i="1"/>
  <c r="U33042" i="1"/>
  <c r="U33041" i="1"/>
  <c r="U33040" i="1"/>
  <c r="U33039" i="1"/>
  <c r="U33038" i="1"/>
  <c r="U33037" i="1"/>
  <c r="U33036" i="1"/>
  <c r="U33035" i="1"/>
  <c r="U33034" i="1"/>
  <c r="U33033" i="1"/>
  <c r="U33032" i="1"/>
  <c r="U33031" i="1"/>
  <c r="U33030" i="1"/>
  <c r="U33029" i="1"/>
  <c r="U33028" i="1"/>
  <c r="U33027" i="1"/>
  <c r="U33026" i="1"/>
  <c r="U33025" i="1"/>
  <c r="U33024" i="1"/>
  <c r="U33023" i="1"/>
  <c r="U33022" i="1"/>
  <c r="U33021" i="1"/>
  <c r="U33020" i="1"/>
  <c r="U33019" i="1"/>
  <c r="U33018" i="1"/>
  <c r="U33017" i="1"/>
  <c r="U33016" i="1"/>
  <c r="U33015" i="1"/>
  <c r="U33014" i="1"/>
  <c r="U33013" i="1"/>
  <c r="U33012" i="1"/>
  <c r="U33011" i="1"/>
  <c r="U33010" i="1"/>
  <c r="U33009" i="1"/>
  <c r="U33008" i="1"/>
  <c r="U33007" i="1"/>
  <c r="U33006" i="1"/>
  <c r="U33005" i="1"/>
  <c r="U33004" i="1"/>
  <c r="U33003" i="1"/>
  <c r="U33002" i="1"/>
  <c r="U33001" i="1"/>
  <c r="U33000" i="1"/>
  <c r="U32999" i="1"/>
  <c r="U32998" i="1"/>
  <c r="U32997" i="1"/>
  <c r="U32996" i="1"/>
  <c r="U32995" i="1"/>
  <c r="U32994" i="1"/>
  <c r="U32993" i="1"/>
  <c r="U32992" i="1"/>
  <c r="U32991" i="1"/>
  <c r="U32990" i="1"/>
  <c r="U32989" i="1"/>
  <c r="U32988" i="1"/>
  <c r="U32987" i="1"/>
  <c r="U32986" i="1"/>
  <c r="U32985" i="1"/>
  <c r="U32984" i="1"/>
  <c r="U32983" i="1"/>
  <c r="U32982" i="1"/>
  <c r="U32981" i="1"/>
  <c r="U32980" i="1"/>
  <c r="U32979" i="1"/>
  <c r="U32978" i="1"/>
  <c r="U32977" i="1"/>
  <c r="U32976" i="1"/>
  <c r="U32975" i="1"/>
  <c r="U32974" i="1"/>
  <c r="U32973" i="1"/>
  <c r="U32972" i="1"/>
  <c r="U32971" i="1"/>
  <c r="U32970" i="1"/>
  <c r="U32969" i="1"/>
  <c r="U32968" i="1"/>
  <c r="U32967" i="1"/>
  <c r="U32966" i="1"/>
  <c r="U32965" i="1"/>
  <c r="U32964" i="1"/>
  <c r="U32963" i="1"/>
  <c r="U32962" i="1"/>
  <c r="U32961" i="1"/>
  <c r="U32960" i="1"/>
  <c r="U32959" i="1"/>
  <c r="U32958" i="1"/>
  <c r="U32957" i="1"/>
  <c r="U32956" i="1"/>
  <c r="U32955" i="1"/>
  <c r="U32954" i="1"/>
  <c r="U32953" i="1"/>
  <c r="U32952" i="1"/>
  <c r="U32951" i="1"/>
  <c r="U32950" i="1"/>
  <c r="U32949" i="1"/>
  <c r="U32948" i="1"/>
  <c r="U32947" i="1"/>
  <c r="U32946" i="1"/>
  <c r="U32945" i="1"/>
  <c r="U32944" i="1"/>
  <c r="U32943" i="1"/>
  <c r="U32942" i="1"/>
  <c r="U32941" i="1"/>
  <c r="U32940" i="1"/>
  <c r="U32939" i="1"/>
  <c r="U32938" i="1"/>
  <c r="U32937" i="1"/>
  <c r="U32936" i="1"/>
  <c r="U32935" i="1"/>
  <c r="U32934" i="1"/>
  <c r="U32933" i="1"/>
  <c r="U32932" i="1"/>
  <c r="U32931" i="1"/>
  <c r="U32930" i="1"/>
  <c r="U32929" i="1"/>
  <c r="U32928" i="1"/>
  <c r="U32927" i="1"/>
  <c r="U32926" i="1"/>
  <c r="U32925" i="1"/>
  <c r="U32924" i="1"/>
  <c r="U32923" i="1"/>
  <c r="U32922" i="1"/>
  <c r="U32921" i="1"/>
  <c r="U32920" i="1"/>
  <c r="U32919" i="1"/>
  <c r="U32918" i="1"/>
  <c r="U32917" i="1"/>
  <c r="U32916" i="1"/>
  <c r="U32915" i="1"/>
  <c r="U32914" i="1"/>
  <c r="U32913" i="1"/>
  <c r="U32912" i="1"/>
  <c r="U32911" i="1"/>
  <c r="U32910" i="1"/>
  <c r="U32909" i="1"/>
  <c r="U32908" i="1"/>
  <c r="U32907" i="1"/>
  <c r="U32906" i="1"/>
  <c r="U32905" i="1"/>
  <c r="U32904" i="1"/>
  <c r="U32903" i="1"/>
  <c r="U32902" i="1"/>
  <c r="U32901" i="1"/>
  <c r="U32900" i="1"/>
  <c r="U32899" i="1"/>
  <c r="U32898" i="1"/>
  <c r="U32897" i="1"/>
  <c r="U32896" i="1"/>
  <c r="U32895" i="1"/>
  <c r="U32894" i="1"/>
  <c r="U32893" i="1"/>
  <c r="U32892" i="1"/>
  <c r="U32891" i="1"/>
  <c r="U32890" i="1"/>
  <c r="U32889" i="1"/>
  <c r="U32888" i="1"/>
  <c r="U32887" i="1"/>
  <c r="U32886" i="1"/>
  <c r="U32885" i="1"/>
  <c r="U32884" i="1"/>
  <c r="U32883" i="1"/>
  <c r="U32882" i="1"/>
  <c r="U32881" i="1"/>
  <c r="U32880" i="1"/>
  <c r="U32879" i="1"/>
  <c r="U32878" i="1"/>
  <c r="U32877" i="1"/>
  <c r="U32876" i="1"/>
  <c r="U32875" i="1"/>
  <c r="U32874" i="1"/>
  <c r="U32873" i="1"/>
  <c r="U32872" i="1"/>
  <c r="U32871" i="1"/>
  <c r="U32870" i="1"/>
  <c r="U32869" i="1"/>
  <c r="U32868" i="1"/>
  <c r="U32867" i="1"/>
  <c r="U32866" i="1"/>
  <c r="U32865" i="1"/>
  <c r="U32864" i="1"/>
  <c r="U32863" i="1"/>
  <c r="U32862" i="1"/>
  <c r="U32861" i="1"/>
  <c r="U32860" i="1"/>
  <c r="U32859" i="1"/>
  <c r="U32858" i="1"/>
  <c r="U32857" i="1"/>
  <c r="U32856" i="1"/>
  <c r="U32855" i="1"/>
  <c r="U32854" i="1"/>
  <c r="U32853" i="1"/>
  <c r="U32852" i="1"/>
  <c r="U32851" i="1"/>
  <c r="U32850" i="1"/>
  <c r="U32849" i="1"/>
  <c r="U32848" i="1"/>
  <c r="U32847" i="1"/>
  <c r="U32846" i="1"/>
  <c r="U32845" i="1"/>
  <c r="U32844" i="1"/>
  <c r="U32843" i="1"/>
  <c r="U32842" i="1"/>
  <c r="U32841" i="1"/>
  <c r="U32840" i="1"/>
  <c r="U32839" i="1"/>
  <c r="U32838" i="1"/>
  <c r="U32837" i="1"/>
  <c r="U32836" i="1"/>
  <c r="U32835" i="1"/>
  <c r="U32834" i="1"/>
  <c r="U32833" i="1"/>
  <c r="U32832" i="1"/>
  <c r="U32831" i="1"/>
  <c r="U32830" i="1"/>
  <c r="U32829" i="1"/>
  <c r="U32828" i="1"/>
  <c r="U32827" i="1"/>
  <c r="U32826" i="1"/>
  <c r="U32825" i="1"/>
  <c r="U32824" i="1"/>
  <c r="U32823" i="1"/>
  <c r="U32822" i="1"/>
  <c r="U32821" i="1"/>
  <c r="U32820" i="1"/>
  <c r="U32819" i="1"/>
  <c r="U32818" i="1"/>
  <c r="U32817" i="1"/>
  <c r="U32816" i="1"/>
  <c r="U32815" i="1"/>
  <c r="U32814" i="1"/>
  <c r="U32813" i="1"/>
  <c r="U32812" i="1"/>
  <c r="U32811" i="1"/>
  <c r="U32810" i="1"/>
  <c r="U32809" i="1"/>
  <c r="U32808" i="1"/>
  <c r="U32807" i="1"/>
  <c r="U32806" i="1"/>
  <c r="U32805" i="1"/>
  <c r="U32804" i="1"/>
  <c r="U32803" i="1"/>
  <c r="U32802" i="1"/>
  <c r="U32801" i="1"/>
  <c r="U32800" i="1"/>
  <c r="U32799" i="1"/>
  <c r="U32798" i="1"/>
  <c r="U32797" i="1"/>
  <c r="U32796" i="1"/>
  <c r="U32795" i="1"/>
  <c r="U32794" i="1"/>
  <c r="U32793" i="1"/>
  <c r="U32792" i="1"/>
  <c r="U32791" i="1"/>
  <c r="U32790" i="1"/>
  <c r="U32789" i="1"/>
  <c r="U32788" i="1"/>
  <c r="U32787" i="1"/>
  <c r="U32786" i="1"/>
  <c r="U32785" i="1"/>
  <c r="U32784" i="1"/>
  <c r="U32783" i="1"/>
  <c r="U32782" i="1"/>
  <c r="U32781" i="1"/>
  <c r="U32780" i="1"/>
  <c r="U32779" i="1"/>
  <c r="U32778" i="1"/>
  <c r="U32777" i="1"/>
  <c r="U32776" i="1"/>
  <c r="U32775" i="1"/>
  <c r="U32774" i="1"/>
  <c r="U32773" i="1"/>
  <c r="U32772" i="1"/>
  <c r="U32771" i="1"/>
  <c r="U32770" i="1"/>
  <c r="U32769" i="1"/>
  <c r="U32768" i="1"/>
  <c r="U32767" i="1"/>
  <c r="U32766" i="1"/>
  <c r="U32765" i="1"/>
  <c r="U32764" i="1"/>
  <c r="U32763" i="1"/>
  <c r="U32762" i="1"/>
  <c r="U32761" i="1"/>
  <c r="U32760" i="1"/>
  <c r="U32759" i="1"/>
  <c r="U32758" i="1"/>
  <c r="U32757" i="1"/>
  <c r="U32756" i="1"/>
  <c r="U32755" i="1"/>
  <c r="U32754" i="1"/>
  <c r="U32753" i="1"/>
  <c r="U32752" i="1"/>
  <c r="U32751" i="1"/>
  <c r="U32750" i="1"/>
  <c r="U32749" i="1"/>
  <c r="U32748" i="1"/>
  <c r="U32747" i="1"/>
  <c r="U32746" i="1"/>
  <c r="U32745" i="1"/>
  <c r="U32744" i="1"/>
  <c r="U32743" i="1"/>
  <c r="U32742" i="1"/>
  <c r="U32741" i="1"/>
  <c r="U32740" i="1"/>
  <c r="U32739" i="1"/>
  <c r="U32738" i="1"/>
  <c r="U32737" i="1"/>
  <c r="U32736" i="1"/>
  <c r="U32735" i="1"/>
  <c r="U32734" i="1"/>
  <c r="U32733" i="1"/>
  <c r="U32732" i="1"/>
  <c r="U32731" i="1"/>
  <c r="U32730" i="1"/>
  <c r="U32729" i="1"/>
  <c r="U32728" i="1"/>
  <c r="U32727" i="1"/>
  <c r="U32726" i="1"/>
  <c r="U32725" i="1"/>
  <c r="U32724" i="1"/>
  <c r="U32723" i="1"/>
  <c r="U32722" i="1"/>
  <c r="U32721" i="1"/>
  <c r="U32720" i="1"/>
  <c r="U32719" i="1"/>
  <c r="U32718" i="1"/>
  <c r="U32717" i="1"/>
  <c r="U32716" i="1"/>
  <c r="U32715" i="1"/>
  <c r="U32714" i="1"/>
  <c r="U32713" i="1"/>
  <c r="U32712" i="1"/>
  <c r="U32711" i="1"/>
  <c r="U32710" i="1"/>
  <c r="U32709" i="1"/>
  <c r="U32708" i="1"/>
  <c r="U32707" i="1"/>
  <c r="U32706" i="1"/>
  <c r="U32705" i="1"/>
  <c r="U32704" i="1"/>
  <c r="U32703" i="1"/>
  <c r="U32702" i="1"/>
  <c r="U32701" i="1"/>
  <c r="U32700" i="1"/>
  <c r="U32699" i="1"/>
  <c r="U32698" i="1"/>
  <c r="U32697" i="1"/>
  <c r="U32696" i="1"/>
  <c r="U32695" i="1"/>
  <c r="U32694" i="1"/>
  <c r="U32693" i="1"/>
  <c r="U32692" i="1"/>
  <c r="U32691" i="1"/>
  <c r="U32690" i="1"/>
  <c r="U32689" i="1"/>
  <c r="U32688" i="1"/>
  <c r="U32687" i="1"/>
  <c r="U32686" i="1"/>
  <c r="U32685" i="1"/>
  <c r="U32684" i="1"/>
  <c r="U32683" i="1"/>
  <c r="U32682" i="1"/>
  <c r="U32681" i="1"/>
  <c r="U32680" i="1"/>
  <c r="U32679" i="1"/>
  <c r="U32678" i="1"/>
  <c r="U32677" i="1"/>
  <c r="U32676" i="1"/>
  <c r="U32675" i="1"/>
  <c r="U32674" i="1"/>
  <c r="U32673" i="1"/>
  <c r="U32672" i="1"/>
  <c r="U32671" i="1"/>
  <c r="U32670" i="1"/>
  <c r="U32669" i="1"/>
  <c r="U32668" i="1"/>
  <c r="U32667" i="1"/>
  <c r="U32666" i="1"/>
  <c r="U32665" i="1"/>
  <c r="U32664" i="1"/>
  <c r="U32663" i="1"/>
  <c r="U32662" i="1"/>
  <c r="U32661" i="1"/>
  <c r="U32660" i="1"/>
  <c r="U32659" i="1"/>
  <c r="U32658" i="1"/>
  <c r="U32657" i="1"/>
  <c r="U32656" i="1"/>
  <c r="U32655" i="1"/>
  <c r="U32654" i="1"/>
  <c r="U32653" i="1"/>
  <c r="U32652" i="1"/>
  <c r="U32651" i="1"/>
  <c r="U32650" i="1"/>
  <c r="U32649" i="1"/>
  <c r="U32648" i="1"/>
  <c r="U32647" i="1"/>
  <c r="U32646" i="1"/>
  <c r="U32645" i="1"/>
  <c r="U32644" i="1"/>
  <c r="U32643" i="1"/>
  <c r="U32642" i="1"/>
  <c r="U32641" i="1"/>
  <c r="U32640" i="1"/>
  <c r="U32639" i="1"/>
  <c r="U32638" i="1"/>
  <c r="U32637" i="1"/>
  <c r="U32636" i="1"/>
  <c r="U32635" i="1"/>
  <c r="U32634" i="1"/>
  <c r="U32633" i="1"/>
  <c r="U32632" i="1"/>
  <c r="U32631" i="1"/>
  <c r="U32630" i="1"/>
  <c r="U32629" i="1"/>
  <c r="U32628" i="1"/>
  <c r="U32627" i="1"/>
  <c r="U32626" i="1"/>
  <c r="U32625" i="1"/>
  <c r="U32624" i="1"/>
  <c r="U32623" i="1"/>
  <c r="U32622" i="1"/>
  <c r="U32621" i="1"/>
  <c r="U32620" i="1"/>
  <c r="U32619" i="1"/>
  <c r="U32618" i="1"/>
  <c r="U32617" i="1"/>
  <c r="U32616" i="1"/>
  <c r="U32615" i="1"/>
  <c r="U32614" i="1"/>
  <c r="U32613" i="1"/>
  <c r="U32612" i="1"/>
  <c r="U32611" i="1"/>
  <c r="U32610" i="1"/>
  <c r="U32609" i="1"/>
  <c r="U32608" i="1"/>
  <c r="U32607" i="1"/>
  <c r="U32606" i="1"/>
  <c r="U32605" i="1"/>
  <c r="U32604" i="1"/>
  <c r="U32603" i="1"/>
  <c r="U32602" i="1"/>
  <c r="U32601" i="1"/>
  <c r="U32600" i="1"/>
  <c r="U32599" i="1"/>
  <c r="U32598" i="1"/>
  <c r="U32597" i="1"/>
  <c r="U32596" i="1"/>
  <c r="U32595" i="1"/>
  <c r="U32594" i="1"/>
  <c r="U32593" i="1"/>
  <c r="U32592" i="1"/>
  <c r="U32591" i="1"/>
  <c r="U32590" i="1"/>
  <c r="U32589" i="1"/>
  <c r="U32588" i="1"/>
  <c r="U32587" i="1"/>
  <c r="U32586" i="1"/>
  <c r="U32585" i="1"/>
  <c r="U32584" i="1"/>
  <c r="U32583" i="1"/>
  <c r="U32582" i="1"/>
  <c r="U32581" i="1"/>
  <c r="U32580" i="1"/>
  <c r="U32579" i="1"/>
  <c r="U32578" i="1"/>
  <c r="U32577" i="1"/>
  <c r="U32576" i="1"/>
  <c r="U32575" i="1"/>
  <c r="U32574" i="1"/>
  <c r="U32573" i="1"/>
  <c r="U32572" i="1"/>
  <c r="U32571" i="1"/>
  <c r="U32570" i="1"/>
  <c r="U32569" i="1"/>
  <c r="U32568" i="1"/>
  <c r="U32567" i="1"/>
  <c r="U32566" i="1"/>
  <c r="U32565" i="1"/>
  <c r="U32564" i="1"/>
  <c r="U32563" i="1"/>
  <c r="U32562" i="1"/>
  <c r="U32561" i="1"/>
  <c r="U32560" i="1"/>
  <c r="U32559" i="1"/>
  <c r="U32558" i="1"/>
  <c r="U32557" i="1"/>
  <c r="U32556" i="1"/>
  <c r="U32555" i="1"/>
  <c r="U32554" i="1"/>
  <c r="U32553" i="1"/>
  <c r="U32552" i="1"/>
  <c r="U32551" i="1"/>
  <c r="U32550" i="1"/>
  <c r="U32549" i="1"/>
  <c r="U32548" i="1"/>
  <c r="U32547" i="1"/>
  <c r="U32546" i="1"/>
  <c r="U32545" i="1"/>
  <c r="U32544" i="1"/>
  <c r="U32543" i="1"/>
  <c r="U32542" i="1"/>
  <c r="U32541" i="1"/>
  <c r="U32540" i="1"/>
  <c r="U32539" i="1"/>
  <c r="U32538" i="1"/>
  <c r="U32537" i="1"/>
  <c r="U32536" i="1"/>
  <c r="U32535" i="1"/>
  <c r="U32534" i="1"/>
  <c r="U32533" i="1"/>
  <c r="U32532" i="1"/>
  <c r="U32531" i="1"/>
  <c r="U32530" i="1"/>
  <c r="U32529" i="1"/>
  <c r="U32528" i="1"/>
  <c r="U32527" i="1"/>
  <c r="U32526" i="1"/>
  <c r="U32525" i="1"/>
  <c r="U32524" i="1"/>
  <c r="U32523" i="1"/>
  <c r="U32522" i="1"/>
  <c r="U32521" i="1"/>
  <c r="U32520" i="1"/>
  <c r="U32519" i="1"/>
  <c r="U32518" i="1"/>
  <c r="U32517" i="1"/>
  <c r="U32516" i="1"/>
  <c r="U32515" i="1"/>
  <c r="U32514" i="1"/>
  <c r="U32513" i="1"/>
  <c r="U32512" i="1"/>
  <c r="U32511" i="1"/>
  <c r="U32510" i="1"/>
  <c r="U32509" i="1"/>
  <c r="U32508" i="1"/>
  <c r="U32507" i="1"/>
  <c r="U32506" i="1"/>
  <c r="U32505" i="1"/>
  <c r="U32504" i="1"/>
  <c r="U32503" i="1"/>
  <c r="U32502" i="1"/>
  <c r="U32501" i="1"/>
  <c r="U32500" i="1"/>
  <c r="U32499" i="1"/>
  <c r="U32498" i="1"/>
  <c r="U32497" i="1"/>
  <c r="U32496" i="1"/>
  <c r="U32495" i="1"/>
  <c r="U32494" i="1"/>
  <c r="U32493" i="1"/>
  <c r="U32492" i="1"/>
  <c r="U32491" i="1"/>
  <c r="U32490" i="1"/>
  <c r="U32489" i="1"/>
  <c r="U32488" i="1"/>
  <c r="U32487" i="1"/>
  <c r="U32486" i="1"/>
  <c r="U32485" i="1"/>
  <c r="U32484" i="1"/>
  <c r="U32483" i="1"/>
  <c r="U32482" i="1"/>
  <c r="U32481" i="1"/>
  <c r="U32480" i="1"/>
  <c r="U32479" i="1"/>
  <c r="U32478" i="1"/>
  <c r="U32477" i="1"/>
  <c r="U32476" i="1"/>
  <c r="U32475" i="1"/>
  <c r="U32474" i="1"/>
  <c r="U32473" i="1"/>
  <c r="U32472" i="1"/>
  <c r="U32471" i="1"/>
  <c r="U32470" i="1"/>
  <c r="U32469" i="1"/>
  <c r="U32468" i="1"/>
  <c r="U32467" i="1"/>
  <c r="U32466" i="1"/>
  <c r="U32465" i="1"/>
  <c r="U32464" i="1"/>
  <c r="U32463" i="1"/>
  <c r="U32462" i="1"/>
  <c r="U32461" i="1"/>
  <c r="U32460" i="1"/>
  <c r="U32459" i="1"/>
  <c r="U32458" i="1"/>
  <c r="U32457" i="1"/>
  <c r="U32456" i="1"/>
  <c r="U32455" i="1"/>
  <c r="U32454" i="1"/>
  <c r="U32453" i="1"/>
  <c r="U32452" i="1"/>
  <c r="U32451" i="1"/>
  <c r="U32450" i="1"/>
  <c r="U32449" i="1"/>
  <c r="U32448" i="1"/>
  <c r="U32447" i="1"/>
  <c r="U32446" i="1"/>
  <c r="U32445" i="1"/>
  <c r="U32444" i="1"/>
  <c r="U32443" i="1"/>
  <c r="U32442" i="1"/>
  <c r="U32441" i="1"/>
  <c r="U32440" i="1"/>
  <c r="U32439" i="1"/>
  <c r="U32438" i="1"/>
  <c r="U32437" i="1"/>
  <c r="U32436" i="1"/>
  <c r="U32435" i="1"/>
  <c r="U32434" i="1"/>
  <c r="U32433" i="1"/>
  <c r="U32432" i="1"/>
  <c r="U32431" i="1"/>
  <c r="U32430" i="1"/>
  <c r="U32429" i="1"/>
  <c r="U32428" i="1"/>
  <c r="U32427" i="1"/>
  <c r="U32426" i="1"/>
  <c r="U32425" i="1"/>
  <c r="U32424" i="1"/>
  <c r="U32423" i="1"/>
  <c r="U32422" i="1"/>
  <c r="U32421" i="1"/>
  <c r="U32420" i="1"/>
  <c r="U32419" i="1"/>
  <c r="U32418" i="1"/>
  <c r="U32417" i="1"/>
  <c r="U32416" i="1"/>
  <c r="U32415" i="1"/>
  <c r="U32414" i="1"/>
  <c r="U32413" i="1"/>
  <c r="U32412" i="1"/>
  <c r="U32411" i="1"/>
  <c r="U32410" i="1"/>
  <c r="U32409" i="1"/>
  <c r="U32408" i="1"/>
  <c r="U32407" i="1"/>
  <c r="U32406" i="1"/>
  <c r="U32405" i="1"/>
  <c r="U32404" i="1"/>
  <c r="U32403" i="1"/>
  <c r="U32402" i="1"/>
  <c r="U32401" i="1"/>
  <c r="U32400" i="1"/>
  <c r="U32399" i="1"/>
  <c r="U32398" i="1"/>
  <c r="U32397" i="1"/>
  <c r="U32396" i="1"/>
  <c r="U32395" i="1"/>
  <c r="U32394" i="1"/>
  <c r="U32393" i="1"/>
  <c r="U32392" i="1"/>
  <c r="U32391" i="1"/>
  <c r="U32390" i="1"/>
  <c r="U32389" i="1"/>
  <c r="U32388" i="1"/>
  <c r="U32387" i="1"/>
  <c r="U32386" i="1"/>
  <c r="U32385" i="1"/>
  <c r="U32384" i="1"/>
  <c r="U32383" i="1"/>
  <c r="U32382" i="1"/>
  <c r="U32381" i="1"/>
  <c r="U32380" i="1"/>
  <c r="U32379" i="1"/>
  <c r="U32378" i="1"/>
  <c r="U32377" i="1"/>
  <c r="U32376" i="1"/>
  <c r="U32375" i="1"/>
  <c r="U32374" i="1"/>
  <c r="U32373" i="1"/>
  <c r="U32372" i="1"/>
  <c r="U32371" i="1"/>
  <c r="U32370" i="1"/>
  <c r="U32369" i="1"/>
  <c r="U32368" i="1"/>
  <c r="U32367" i="1"/>
  <c r="U32366" i="1"/>
  <c r="U32365" i="1"/>
  <c r="U32364" i="1"/>
  <c r="U32363" i="1"/>
  <c r="U32362" i="1"/>
  <c r="U32361" i="1"/>
  <c r="U32360" i="1"/>
  <c r="U32359" i="1"/>
  <c r="U32358" i="1"/>
  <c r="U32357" i="1"/>
  <c r="U32356" i="1"/>
  <c r="U32355" i="1"/>
  <c r="U32354" i="1"/>
  <c r="U32353" i="1"/>
  <c r="U32352" i="1"/>
  <c r="U32351" i="1"/>
  <c r="U32350" i="1"/>
  <c r="U32349" i="1"/>
  <c r="U32348" i="1"/>
  <c r="U32347" i="1"/>
  <c r="U32346" i="1"/>
  <c r="U32345" i="1"/>
  <c r="U32344" i="1"/>
  <c r="U32343" i="1"/>
  <c r="U32342" i="1"/>
  <c r="U32341" i="1"/>
  <c r="U32340" i="1"/>
  <c r="U32339" i="1"/>
  <c r="U32338" i="1"/>
  <c r="U32337" i="1"/>
  <c r="U32336" i="1"/>
  <c r="U32335" i="1"/>
  <c r="U32334" i="1"/>
  <c r="U32333" i="1"/>
  <c r="U32332" i="1"/>
  <c r="U32331" i="1"/>
  <c r="U32330" i="1"/>
  <c r="U32329" i="1"/>
  <c r="U32328" i="1"/>
  <c r="U32327" i="1"/>
  <c r="U32326" i="1"/>
  <c r="U32325" i="1"/>
  <c r="U32324" i="1"/>
  <c r="U32323" i="1"/>
  <c r="U32322" i="1"/>
  <c r="U32321" i="1"/>
  <c r="U32320" i="1"/>
  <c r="U32319" i="1"/>
  <c r="U32318" i="1"/>
  <c r="U32317" i="1"/>
  <c r="U32316" i="1"/>
  <c r="U32315" i="1"/>
  <c r="U32314" i="1"/>
  <c r="U32313" i="1"/>
  <c r="U32312" i="1"/>
  <c r="U32311" i="1"/>
  <c r="U32310" i="1"/>
  <c r="U32309" i="1"/>
  <c r="U32308" i="1"/>
  <c r="U32307" i="1"/>
  <c r="U32306" i="1"/>
  <c r="U32305" i="1"/>
  <c r="U32304" i="1"/>
  <c r="U32303" i="1"/>
  <c r="U32302" i="1"/>
  <c r="U32301" i="1"/>
  <c r="U32300" i="1"/>
  <c r="U32299" i="1"/>
  <c r="U32298" i="1"/>
  <c r="U32297" i="1"/>
  <c r="U32296" i="1"/>
  <c r="U32295" i="1"/>
  <c r="U32294" i="1"/>
  <c r="U32293" i="1"/>
  <c r="U32292" i="1"/>
  <c r="U32291" i="1"/>
  <c r="U32290" i="1"/>
  <c r="U32289" i="1"/>
  <c r="U32288" i="1"/>
  <c r="U32287" i="1"/>
  <c r="U32286" i="1"/>
  <c r="U32285" i="1"/>
  <c r="U32284" i="1"/>
  <c r="U32283" i="1"/>
  <c r="U32282" i="1"/>
  <c r="U32281" i="1"/>
  <c r="U32280" i="1"/>
  <c r="U32279" i="1"/>
  <c r="U32278" i="1"/>
  <c r="U32277" i="1"/>
  <c r="U32276" i="1"/>
  <c r="U32275" i="1"/>
  <c r="U32274" i="1"/>
  <c r="U32273" i="1"/>
  <c r="U32272" i="1"/>
  <c r="U32271" i="1"/>
  <c r="U32270" i="1"/>
  <c r="U32269" i="1"/>
  <c r="U32268" i="1"/>
  <c r="U32267" i="1"/>
  <c r="U32266" i="1"/>
  <c r="U32265" i="1"/>
  <c r="U32264" i="1"/>
  <c r="U32263" i="1"/>
  <c r="U32262" i="1"/>
  <c r="U32261" i="1"/>
  <c r="U32260" i="1"/>
  <c r="U32259" i="1"/>
  <c r="U32258" i="1"/>
  <c r="U32257" i="1"/>
  <c r="U32256" i="1"/>
  <c r="U32255" i="1"/>
  <c r="U32254" i="1"/>
  <c r="U32253" i="1"/>
  <c r="U32252" i="1"/>
  <c r="U32251" i="1"/>
  <c r="U32250" i="1"/>
  <c r="U32249" i="1"/>
  <c r="U32248" i="1"/>
  <c r="U32247" i="1"/>
  <c r="U32246" i="1"/>
  <c r="U32245" i="1"/>
  <c r="U32244" i="1"/>
  <c r="U32243" i="1"/>
  <c r="U32242" i="1"/>
  <c r="U32241" i="1"/>
  <c r="U32240" i="1"/>
  <c r="U32239" i="1"/>
  <c r="U32238" i="1"/>
  <c r="U32237" i="1"/>
  <c r="U32236" i="1"/>
  <c r="U32235" i="1"/>
  <c r="U32234" i="1"/>
  <c r="U32233" i="1"/>
  <c r="U32232" i="1"/>
  <c r="U32231" i="1"/>
  <c r="U32230" i="1"/>
  <c r="U32229" i="1"/>
  <c r="U32228" i="1"/>
  <c r="U32227" i="1"/>
  <c r="U32226" i="1"/>
  <c r="U32225" i="1"/>
  <c r="U32224" i="1"/>
  <c r="U32223" i="1"/>
  <c r="U32222" i="1"/>
  <c r="U32221" i="1"/>
  <c r="U32220" i="1"/>
  <c r="U32219" i="1"/>
  <c r="U32218" i="1"/>
  <c r="U32217" i="1"/>
  <c r="U32216" i="1"/>
  <c r="U32215" i="1"/>
  <c r="U32214" i="1"/>
  <c r="U32213" i="1"/>
  <c r="U32212" i="1"/>
  <c r="U32211" i="1"/>
  <c r="U32210" i="1"/>
  <c r="U32209" i="1"/>
  <c r="U32208" i="1"/>
  <c r="U32207" i="1"/>
  <c r="U32206" i="1"/>
  <c r="U32205" i="1"/>
  <c r="U32204" i="1"/>
  <c r="U32203" i="1"/>
  <c r="U32202" i="1"/>
  <c r="U32201" i="1"/>
  <c r="U32200" i="1"/>
  <c r="U32199" i="1"/>
  <c r="U32198" i="1"/>
  <c r="U32197" i="1"/>
  <c r="U32196" i="1"/>
  <c r="U32195" i="1"/>
  <c r="U32194" i="1"/>
  <c r="U32193" i="1"/>
  <c r="U32192" i="1"/>
  <c r="U32191" i="1"/>
  <c r="U32190" i="1"/>
  <c r="U32189" i="1"/>
  <c r="U32188" i="1"/>
  <c r="U32187" i="1"/>
  <c r="U32186" i="1"/>
  <c r="U32185" i="1"/>
  <c r="U32184" i="1"/>
  <c r="U32183" i="1"/>
  <c r="U32182" i="1"/>
  <c r="U32181" i="1"/>
  <c r="U32180" i="1"/>
  <c r="U32179" i="1"/>
  <c r="U32178" i="1"/>
  <c r="U32177" i="1"/>
  <c r="U32176" i="1"/>
  <c r="U32175" i="1"/>
  <c r="U32174" i="1"/>
  <c r="U32173" i="1"/>
  <c r="U32172" i="1"/>
  <c r="U32171" i="1"/>
  <c r="U32170" i="1"/>
  <c r="U32169" i="1"/>
  <c r="U32168" i="1"/>
  <c r="U32167" i="1"/>
  <c r="U32166" i="1"/>
  <c r="U32165" i="1"/>
  <c r="U32164" i="1"/>
  <c r="U32163" i="1"/>
  <c r="U32162" i="1"/>
  <c r="U32161" i="1"/>
  <c r="U32160" i="1"/>
  <c r="U32159" i="1"/>
  <c r="U32158" i="1"/>
  <c r="U32157" i="1"/>
  <c r="U32156" i="1"/>
  <c r="U32155" i="1"/>
  <c r="U32154" i="1"/>
  <c r="U32153" i="1"/>
  <c r="U32152" i="1"/>
  <c r="U32151" i="1"/>
  <c r="U32150" i="1"/>
  <c r="U32149" i="1"/>
  <c r="U32148" i="1"/>
  <c r="U32147" i="1"/>
  <c r="U32146" i="1"/>
  <c r="U32145" i="1"/>
  <c r="U32144" i="1"/>
  <c r="U32143" i="1"/>
  <c r="U32142" i="1"/>
  <c r="U32141" i="1"/>
  <c r="U32140" i="1"/>
  <c r="U32139" i="1"/>
  <c r="U32138" i="1"/>
  <c r="U32137" i="1"/>
  <c r="U32136" i="1"/>
  <c r="U32135" i="1"/>
  <c r="U32134" i="1"/>
  <c r="U32133" i="1"/>
  <c r="U32132" i="1"/>
  <c r="U32131" i="1"/>
  <c r="U32130" i="1"/>
  <c r="U32129" i="1"/>
  <c r="U32128" i="1"/>
  <c r="U32127" i="1"/>
  <c r="U32126" i="1"/>
  <c r="U32125" i="1"/>
  <c r="U32124" i="1"/>
  <c r="U32123" i="1"/>
  <c r="U32122" i="1"/>
  <c r="U32121" i="1"/>
  <c r="U32120" i="1"/>
  <c r="U32119" i="1"/>
  <c r="U32118" i="1"/>
  <c r="U32117" i="1"/>
  <c r="U32116" i="1"/>
  <c r="U32115" i="1"/>
  <c r="U32114" i="1"/>
  <c r="U32113" i="1"/>
  <c r="U32112" i="1"/>
  <c r="U32111" i="1"/>
  <c r="U32110" i="1"/>
  <c r="U32109" i="1"/>
  <c r="U32108" i="1"/>
  <c r="U32107" i="1"/>
  <c r="U32106" i="1"/>
  <c r="U32105" i="1"/>
  <c r="U32104" i="1"/>
  <c r="U32103" i="1"/>
  <c r="U32102" i="1"/>
  <c r="U32101" i="1"/>
  <c r="U32100" i="1"/>
  <c r="U32099" i="1"/>
  <c r="U32098" i="1"/>
  <c r="U32097" i="1"/>
  <c r="U32096" i="1"/>
  <c r="U32095" i="1"/>
  <c r="U32094" i="1"/>
  <c r="U32093" i="1"/>
  <c r="U32092" i="1"/>
  <c r="U32091" i="1"/>
  <c r="U32090" i="1"/>
  <c r="U32089" i="1"/>
  <c r="U32088" i="1"/>
  <c r="U32087" i="1"/>
  <c r="U32086" i="1"/>
  <c r="U32085" i="1"/>
  <c r="U32084" i="1"/>
  <c r="U32083" i="1"/>
  <c r="U32082" i="1"/>
  <c r="U32081" i="1"/>
  <c r="U32080" i="1"/>
  <c r="U32079" i="1"/>
  <c r="U32078" i="1"/>
  <c r="U32077" i="1"/>
  <c r="U32076" i="1"/>
  <c r="U32075" i="1"/>
  <c r="U32074" i="1"/>
  <c r="U32073" i="1"/>
  <c r="U32072" i="1"/>
  <c r="U32071" i="1"/>
  <c r="U32070" i="1"/>
  <c r="U32069" i="1"/>
  <c r="U32068" i="1"/>
  <c r="U32067" i="1"/>
  <c r="U32066" i="1"/>
  <c r="U32065" i="1"/>
  <c r="U32064" i="1"/>
  <c r="U32063" i="1"/>
  <c r="U32062" i="1"/>
  <c r="U32061" i="1"/>
  <c r="U32060" i="1"/>
  <c r="U32059" i="1"/>
  <c r="U32058" i="1"/>
  <c r="U32057" i="1"/>
  <c r="U32056" i="1"/>
  <c r="U32055" i="1"/>
  <c r="U32054" i="1"/>
  <c r="U32053" i="1"/>
  <c r="U32052" i="1"/>
  <c r="U32051" i="1"/>
  <c r="U32050" i="1"/>
  <c r="U32049" i="1"/>
  <c r="U32048" i="1"/>
  <c r="U32047" i="1"/>
  <c r="U32046" i="1"/>
  <c r="U32045" i="1"/>
  <c r="U32044" i="1"/>
  <c r="U32043" i="1"/>
  <c r="U32042" i="1"/>
  <c r="U32041" i="1"/>
  <c r="U32040" i="1"/>
  <c r="U32039" i="1"/>
  <c r="U32038" i="1"/>
  <c r="U32037" i="1"/>
  <c r="U32036" i="1"/>
  <c r="U32035" i="1"/>
  <c r="U32034" i="1"/>
  <c r="U32033" i="1"/>
  <c r="U32032" i="1"/>
  <c r="U32031" i="1"/>
  <c r="U32030" i="1"/>
  <c r="U32029" i="1"/>
  <c r="U32028" i="1"/>
  <c r="U32027" i="1"/>
  <c r="U32026" i="1"/>
  <c r="U32025" i="1"/>
  <c r="U32024" i="1"/>
  <c r="U32023" i="1"/>
  <c r="U32022" i="1"/>
  <c r="U32021" i="1"/>
  <c r="U32020" i="1"/>
  <c r="U32019" i="1"/>
  <c r="U32018" i="1"/>
  <c r="U32017" i="1"/>
  <c r="U32016" i="1"/>
  <c r="U32015" i="1"/>
  <c r="U32014" i="1"/>
  <c r="U32013" i="1"/>
  <c r="U32012" i="1"/>
  <c r="U32011" i="1"/>
  <c r="U32010" i="1"/>
  <c r="U32009" i="1"/>
  <c r="U32008" i="1"/>
  <c r="U32007" i="1"/>
  <c r="U32006" i="1"/>
  <c r="U32005" i="1"/>
  <c r="U32004" i="1"/>
  <c r="U32003" i="1"/>
  <c r="U32002" i="1"/>
  <c r="U32001" i="1"/>
  <c r="U32000" i="1"/>
  <c r="U31999" i="1"/>
  <c r="U31998" i="1"/>
  <c r="U31997" i="1"/>
  <c r="U31996" i="1"/>
  <c r="U31995" i="1"/>
  <c r="U31994" i="1"/>
  <c r="U31993" i="1"/>
  <c r="U31992" i="1"/>
  <c r="U31991" i="1"/>
  <c r="U31990" i="1"/>
  <c r="U31989" i="1"/>
  <c r="U31988" i="1"/>
  <c r="U31987" i="1"/>
  <c r="U31986" i="1"/>
  <c r="U31985" i="1"/>
  <c r="U31984" i="1"/>
  <c r="U31983" i="1"/>
  <c r="U31982" i="1"/>
  <c r="U31981" i="1"/>
  <c r="U31980" i="1"/>
  <c r="U31979" i="1"/>
  <c r="U31978" i="1"/>
  <c r="U31977" i="1"/>
  <c r="U31976" i="1"/>
  <c r="U31975" i="1"/>
  <c r="U31974" i="1"/>
  <c r="U31973" i="1"/>
  <c r="U31972" i="1"/>
  <c r="U31971" i="1"/>
  <c r="U31970" i="1"/>
  <c r="U31969" i="1"/>
  <c r="U31968" i="1"/>
  <c r="U31967" i="1"/>
  <c r="U31966" i="1"/>
  <c r="U31965" i="1"/>
  <c r="U31964" i="1"/>
  <c r="U31963" i="1"/>
  <c r="U31962" i="1"/>
  <c r="U31961" i="1"/>
  <c r="U31960" i="1"/>
  <c r="U31959" i="1"/>
  <c r="U31958" i="1"/>
  <c r="U31957" i="1"/>
  <c r="U31956" i="1"/>
  <c r="U31955" i="1"/>
  <c r="U31954" i="1"/>
  <c r="U31953" i="1"/>
  <c r="U31952" i="1"/>
  <c r="U31951" i="1"/>
  <c r="U31950" i="1"/>
  <c r="U31949" i="1"/>
  <c r="U31948" i="1"/>
  <c r="U31947" i="1"/>
  <c r="U31946" i="1"/>
  <c r="U31945" i="1"/>
  <c r="U31944" i="1"/>
  <c r="U31943" i="1"/>
  <c r="U31942" i="1"/>
  <c r="U31941" i="1"/>
  <c r="U31940" i="1"/>
  <c r="U31939" i="1"/>
  <c r="U31938" i="1"/>
  <c r="U31937" i="1"/>
  <c r="U31936" i="1"/>
  <c r="U31935" i="1"/>
  <c r="U31934" i="1"/>
  <c r="U31933" i="1"/>
  <c r="U31932" i="1"/>
  <c r="U31931" i="1"/>
  <c r="U31930" i="1"/>
  <c r="U31929" i="1"/>
  <c r="U31928" i="1"/>
  <c r="U31927" i="1"/>
  <c r="U31926" i="1"/>
  <c r="U31925" i="1"/>
  <c r="U31924" i="1"/>
  <c r="U31923" i="1"/>
  <c r="U31922" i="1"/>
  <c r="U31921" i="1"/>
  <c r="U31920" i="1"/>
  <c r="U31919" i="1"/>
  <c r="U31918" i="1"/>
  <c r="U31917" i="1"/>
  <c r="U31916" i="1"/>
  <c r="U31915" i="1"/>
  <c r="U31914" i="1"/>
  <c r="U31913" i="1"/>
  <c r="U31912" i="1"/>
  <c r="U31911" i="1"/>
  <c r="U31910" i="1"/>
  <c r="U31909" i="1"/>
  <c r="U31908" i="1"/>
  <c r="U31907" i="1"/>
  <c r="U31906" i="1"/>
  <c r="U31905" i="1"/>
  <c r="U31904" i="1"/>
  <c r="U31903" i="1"/>
  <c r="U31902" i="1"/>
  <c r="U31901" i="1"/>
  <c r="U31900" i="1"/>
  <c r="U31899" i="1"/>
  <c r="U31898" i="1"/>
  <c r="U31897" i="1"/>
  <c r="U31896" i="1"/>
  <c r="U31895" i="1"/>
  <c r="U31894" i="1"/>
  <c r="U31893" i="1"/>
  <c r="U31892" i="1"/>
  <c r="U31891" i="1"/>
  <c r="U31890" i="1"/>
  <c r="U31889" i="1"/>
  <c r="U31888" i="1"/>
  <c r="U31887" i="1"/>
  <c r="U31886" i="1"/>
  <c r="U31885" i="1"/>
  <c r="U31884" i="1"/>
  <c r="U31883" i="1"/>
  <c r="U31882" i="1"/>
  <c r="U31881" i="1"/>
  <c r="U31880" i="1"/>
  <c r="U31879" i="1"/>
  <c r="U31878" i="1"/>
  <c r="U31877" i="1"/>
  <c r="U31876" i="1"/>
  <c r="U31875" i="1"/>
  <c r="U31874" i="1"/>
  <c r="U31873" i="1"/>
  <c r="U31872" i="1"/>
  <c r="U31871" i="1"/>
  <c r="U31870" i="1"/>
  <c r="U31869" i="1"/>
  <c r="U31868" i="1"/>
  <c r="U31867" i="1"/>
  <c r="U31866" i="1"/>
  <c r="U31865" i="1"/>
  <c r="U31864" i="1"/>
  <c r="U31863" i="1"/>
  <c r="U31862" i="1"/>
  <c r="U31861" i="1"/>
  <c r="U31860" i="1"/>
  <c r="U31859" i="1"/>
  <c r="U31858" i="1"/>
  <c r="U31857" i="1"/>
  <c r="U31856" i="1"/>
  <c r="U31855" i="1"/>
  <c r="U31854" i="1"/>
  <c r="U31853" i="1"/>
  <c r="U31852" i="1"/>
  <c r="U31851" i="1"/>
  <c r="U31850" i="1"/>
  <c r="U31849" i="1"/>
  <c r="U31848" i="1"/>
  <c r="U31847" i="1"/>
  <c r="U31846" i="1"/>
  <c r="U31845" i="1"/>
  <c r="U31844" i="1"/>
  <c r="U31843" i="1"/>
  <c r="U31842" i="1"/>
  <c r="U31841" i="1"/>
  <c r="U31840" i="1"/>
  <c r="U31839" i="1"/>
  <c r="U31838" i="1"/>
  <c r="U31837" i="1"/>
  <c r="U31836" i="1"/>
  <c r="U31835" i="1"/>
  <c r="U31834" i="1"/>
  <c r="U31833" i="1"/>
  <c r="U31832" i="1"/>
  <c r="U31831" i="1"/>
  <c r="U31830" i="1"/>
  <c r="U31829" i="1"/>
  <c r="U31828" i="1"/>
  <c r="U31827" i="1"/>
  <c r="U31826" i="1"/>
  <c r="U31825" i="1"/>
  <c r="U31824" i="1"/>
  <c r="U31823" i="1"/>
  <c r="U31822" i="1"/>
  <c r="U31821" i="1"/>
  <c r="U31820" i="1"/>
  <c r="U31819" i="1"/>
  <c r="U31818" i="1"/>
  <c r="U31817" i="1"/>
  <c r="U31816" i="1"/>
  <c r="U31815" i="1"/>
  <c r="U31814" i="1"/>
  <c r="U31813" i="1"/>
  <c r="U31812" i="1"/>
  <c r="U31811" i="1"/>
  <c r="U31810" i="1"/>
  <c r="U31809" i="1"/>
  <c r="U31808" i="1"/>
  <c r="U31807" i="1"/>
  <c r="U31806" i="1"/>
  <c r="U31805" i="1"/>
  <c r="U31804" i="1"/>
  <c r="U31803" i="1"/>
  <c r="U31802" i="1"/>
  <c r="U31801" i="1"/>
  <c r="U31800" i="1"/>
  <c r="U31799" i="1"/>
  <c r="U31798" i="1"/>
  <c r="U31797" i="1"/>
  <c r="U31796" i="1"/>
  <c r="U31795" i="1"/>
  <c r="U31794" i="1"/>
  <c r="U31793" i="1"/>
  <c r="U31792" i="1"/>
  <c r="U31791" i="1"/>
  <c r="U31790" i="1"/>
  <c r="U31789" i="1"/>
  <c r="U31788" i="1"/>
  <c r="U31787" i="1"/>
  <c r="U31786" i="1"/>
  <c r="U31785" i="1"/>
  <c r="U31784" i="1"/>
  <c r="U31783" i="1"/>
  <c r="U31782" i="1"/>
  <c r="U31781" i="1"/>
  <c r="U31780" i="1"/>
  <c r="U31779" i="1"/>
  <c r="U31778" i="1"/>
  <c r="U31777" i="1"/>
  <c r="U31776" i="1"/>
  <c r="U31775" i="1"/>
  <c r="U31774" i="1"/>
  <c r="U31773" i="1"/>
  <c r="U31772" i="1"/>
  <c r="U31771" i="1"/>
  <c r="U31770" i="1"/>
  <c r="U31769" i="1"/>
  <c r="U31768" i="1"/>
  <c r="U31767" i="1"/>
  <c r="U31766" i="1"/>
  <c r="U31765" i="1"/>
  <c r="U31764" i="1"/>
  <c r="U31763" i="1"/>
  <c r="U31762" i="1"/>
  <c r="U31761" i="1"/>
  <c r="U31760" i="1"/>
  <c r="U31759" i="1"/>
  <c r="U31758" i="1"/>
  <c r="U31757" i="1"/>
  <c r="U31756" i="1"/>
  <c r="U31755" i="1"/>
  <c r="U31754" i="1"/>
  <c r="U31753" i="1"/>
  <c r="U31752" i="1"/>
  <c r="U31751" i="1"/>
  <c r="U31750" i="1"/>
  <c r="U31749" i="1"/>
  <c r="U31748" i="1"/>
  <c r="U31747" i="1"/>
  <c r="U31746" i="1"/>
  <c r="U31745" i="1"/>
  <c r="U31744" i="1"/>
  <c r="U31743" i="1"/>
  <c r="U31742" i="1"/>
  <c r="U31741" i="1"/>
  <c r="U31740" i="1"/>
  <c r="U31739" i="1"/>
  <c r="U31738" i="1"/>
  <c r="U31737" i="1"/>
  <c r="U31736" i="1"/>
  <c r="U31735" i="1"/>
  <c r="U31734" i="1"/>
  <c r="U31733" i="1"/>
  <c r="U31732" i="1"/>
  <c r="U31731" i="1"/>
  <c r="U31730" i="1"/>
  <c r="U31729" i="1"/>
  <c r="U31728" i="1"/>
  <c r="U31727" i="1"/>
  <c r="U31726" i="1"/>
  <c r="U31725" i="1"/>
  <c r="U31724" i="1"/>
  <c r="U31723" i="1"/>
  <c r="U31722" i="1"/>
  <c r="U31721" i="1"/>
  <c r="U31720" i="1"/>
  <c r="U31719" i="1"/>
  <c r="U31718" i="1"/>
  <c r="U31717" i="1"/>
  <c r="U31716" i="1"/>
  <c r="U31715" i="1"/>
  <c r="U31714" i="1"/>
  <c r="U31713" i="1"/>
  <c r="U31712" i="1"/>
  <c r="U31711" i="1"/>
  <c r="U31710" i="1"/>
  <c r="U31709" i="1"/>
  <c r="U31708" i="1"/>
  <c r="U31707" i="1"/>
  <c r="U31706" i="1"/>
  <c r="U31705" i="1"/>
  <c r="U31704" i="1"/>
  <c r="U31703" i="1"/>
  <c r="U31702" i="1"/>
  <c r="U31701" i="1"/>
  <c r="U31700" i="1"/>
  <c r="U31699" i="1"/>
  <c r="U31698" i="1"/>
  <c r="U31697" i="1"/>
  <c r="U31696" i="1"/>
  <c r="U31695" i="1"/>
  <c r="U31694" i="1"/>
  <c r="U31693" i="1"/>
  <c r="U31692" i="1"/>
  <c r="U31691" i="1"/>
  <c r="U31690" i="1"/>
  <c r="U31689" i="1"/>
  <c r="U31688" i="1"/>
  <c r="U31687" i="1"/>
  <c r="U31686" i="1"/>
  <c r="U31685" i="1"/>
  <c r="U31684" i="1"/>
  <c r="U31683" i="1"/>
  <c r="U31682" i="1"/>
  <c r="U31681" i="1"/>
  <c r="U31680" i="1"/>
  <c r="U31679" i="1"/>
  <c r="U31678" i="1"/>
  <c r="U31677" i="1"/>
  <c r="U31676" i="1"/>
  <c r="U31675" i="1"/>
  <c r="U31674" i="1"/>
  <c r="U31673" i="1"/>
  <c r="U31672" i="1"/>
  <c r="U31671" i="1"/>
  <c r="U31670" i="1"/>
  <c r="U31669" i="1"/>
  <c r="U31668" i="1"/>
  <c r="U31667" i="1"/>
  <c r="U31666" i="1"/>
  <c r="U31665" i="1"/>
  <c r="U31664" i="1"/>
  <c r="U31663" i="1"/>
  <c r="U31662" i="1"/>
  <c r="U31661" i="1"/>
  <c r="U31660" i="1"/>
  <c r="U31659" i="1"/>
  <c r="U31658" i="1"/>
  <c r="U31657" i="1"/>
  <c r="U31656" i="1"/>
  <c r="U31655" i="1"/>
  <c r="U31654" i="1"/>
  <c r="U31653" i="1"/>
  <c r="U31652" i="1"/>
  <c r="U31651" i="1"/>
  <c r="U31650" i="1"/>
  <c r="U31649" i="1"/>
  <c r="U31648" i="1"/>
  <c r="U31647" i="1"/>
  <c r="U31646" i="1"/>
  <c r="U31645" i="1"/>
  <c r="U31644" i="1"/>
  <c r="U31643" i="1"/>
  <c r="U31642" i="1"/>
  <c r="U31641" i="1"/>
  <c r="U31640" i="1"/>
  <c r="U31639" i="1"/>
  <c r="U31638" i="1"/>
  <c r="U31637" i="1"/>
  <c r="U31636" i="1"/>
  <c r="U31635" i="1"/>
  <c r="U31634" i="1"/>
  <c r="U31633" i="1"/>
  <c r="U31632" i="1"/>
  <c r="U31631" i="1"/>
  <c r="U31630" i="1"/>
  <c r="U31629" i="1"/>
  <c r="U31628" i="1"/>
  <c r="U31627" i="1"/>
  <c r="U31626" i="1"/>
  <c r="U31625" i="1"/>
  <c r="U31624" i="1"/>
  <c r="U31623" i="1"/>
  <c r="U31622" i="1"/>
  <c r="U31621" i="1"/>
  <c r="U31620" i="1"/>
  <c r="U31619" i="1"/>
  <c r="U31618" i="1"/>
  <c r="U31617" i="1"/>
  <c r="U31616" i="1"/>
  <c r="U31615" i="1"/>
  <c r="U31614" i="1"/>
  <c r="U31613" i="1"/>
  <c r="U31612" i="1"/>
  <c r="U31611" i="1"/>
  <c r="U31610" i="1"/>
  <c r="U31609" i="1"/>
  <c r="U31608" i="1"/>
  <c r="U31607" i="1"/>
  <c r="U31606" i="1"/>
  <c r="U31605" i="1"/>
  <c r="U31604" i="1"/>
  <c r="U31603" i="1"/>
  <c r="U31602" i="1"/>
  <c r="U31601" i="1"/>
  <c r="U31600" i="1"/>
  <c r="U31599" i="1"/>
  <c r="U31598" i="1"/>
  <c r="U31597" i="1"/>
  <c r="U31596" i="1"/>
  <c r="U31595" i="1"/>
  <c r="U31594" i="1"/>
  <c r="U31593" i="1"/>
  <c r="U31592" i="1"/>
  <c r="U31591" i="1"/>
  <c r="U31590" i="1"/>
  <c r="U31589" i="1"/>
  <c r="U31588" i="1"/>
  <c r="U31587" i="1"/>
  <c r="U31586" i="1"/>
  <c r="U31585" i="1"/>
  <c r="U31584" i="1"/>
  <c r="U31583" i="1"/>
  <c r="U31582" i="1"/>
  <c r="U31581" i="1"/>
  <c r="U31580" i="1"/>
  <c r="U31579" i="1"/>
  <c r="U31578" i="1"/>
  <c r="U31577" i="1"/>
  <c r="U31576" i="1"/>
  <c r="U31575" i="1"/>
  <c r="U31574" i="1"/>
  <c r="U31573" i="1"/>
  <c r="U31572" i="1"/>
  <c r="U31571" i="1"/>
  <c r="U31570" i="1"/>
  <c r="U31569" i="1"/>
  <c r="U31568" i="1"/>
  <c r="U31567" i="1"/>
  <c r="U31566" i="1"/>
  <c r="U31565" i="1"/>
  <c r="U31564" i="1"/>
  <c r="U31563" i="1"/>
  <c r="U31562" i="1"/>
  <c r="U31561" i="1"/>
  <c r="U31560" i="1"/>
  <c r="U31559" i="1"/>
  <c r="U31558" i="1"/>
  <c r="U31557" i="1"/>
  <c r="U31556" i="1"/>
  <c r="U31555" i="1"/>
  <c r="U31554" i="1"/>
  <c r="U31553" i="1"/>
  <c r="U31552" i="1"/>
  <c r="U31551" i="1"/>
  <c r="U31550" i="1"/>
  <c r="U31549" i="1"/>
  <c r="U31548" i="1"/>
  <c r="U31547" i="1"/>
  <c r="U31546" i="1"/>
  <c r="U31545" i="1"/>
  <c r="U31544" i="1"/>
  <c r="U31543" i="1"/>
  <c r="U31542" i="1"/>
  <c r="U31541" i="1"/>
  <c r="U31540" i="1"/>
  <c r="U31539" i="1"/>
  <c r="U31538" i="1"/>
  <c r="U31537" i="1"/>
  <c r="U31536" i="1"/>
  <c r="U31535" i="1"/>
  <c r="U31534" i="1"/>
  <c r="U31533" i="1"/>
  <c r="U31532" i="1"/>
  <c r="U31531" i="1"/>
  <c r="U31530" i="1"/>
  <c r="U31529" i="1"/>
  <c r="U31528" i="1"/>
  <c r="U31527" i="1"/>
  <c r="U31526" i="1"/>
  <c r="U31525" i="1"/>
  <c r="U31524" i="1"/>
  <c r="U31523" i="1"/>
  <c r="U31522" i="1"/>
  <c r="U31521" i="1"/>
  <c r="U31520" i="1"/>
  <c r="U31519" i="1"/>
  <c r="U31518" i="1"/>
  <c r="U31517" i="1"/>
  <c r="U31516" i="1"/>
  <c r="U31515" i="1"/>
  <c r="U31514" i="1"/>
  <c r="U31513" i="1"/>
  <c r="U31512" i="1"/>
  <c r="U31511" i="1"/>
  <c r="U31510" i="1"/>
  <c r="U31509" i="1"/>
  <c r="U31508" i="1"/>
  <c r="U31507" i="1"/>
  <c r="U31506" i="1"/>
  <c r="U31505" i="1"/>
  <c r="U31504" i="1"/>
  <c r="U31503" i="1"/>
  <c r="U31502" i="1"/>
  <c r="U31501" i="1"/>
  <c r="U31500" i="1"/>
  <c r="U31499" i="1"/>
  <c r="U31498" i="1"/>
  <c r="U31497" i="1"/>
  <c r="U31496" i="1"/>
  <c r="U31495" i="1"/>
  <c r="U31494" i="1"/>
  <c r="U31493" i="1"/>
  <c r="U31492" i="1"/>
  <c r="U31491" i="1"/>
  <c r="U31490" i="1"/>
  <c r="U31489" i="1"/>
  <c r="U31488" i="1"/>
  <c r="U31487" i="1"/>
  <c r="U31486" i="1"/>
  <c r="U31485" i="1"/>
  <c r="U31484" i="1"/>
  <c r="U31483" i="1"/>
  <c r="U31482" i="1"/>
  <c r="U31481" i="1"/>
  <c r="U31480" i="1"/>
  <c r="U31479" i="1"/>
  <c r="U31478" i="1"/>
  <c r="U31477" i="1"/>
  <c r="U31476" i="1"/>
  <c r="U31475" i="1"/>
  <c r="U31474" i="1"/>
  <c r="U31473" i="1"/>
  <c r="U31472" i="1"/>
  <c r="U31471" i="1"/>
  <c r="U31470" i="1"/>
  <c r="U31469" i="1"/>
  <c r="U31468" i="1"/>
  <c r="U31467" i="1"/>
  <c r="U31466" i="1"/>
  <c r="U31465" i="1"/>
  <c r="U31464" i="1"/>
  <c r="U31463" i="1"/>
  <c r="U31462" i="1"/>
  <c r="U31461" i="1"/>
  <c r="U31460" i="1"/>
  <c r="U31459" i="1"/>
  <c r="U31458" i="1"/>
  <c r="U31457" i="1"/>
  <c r="U31456" i="1"/>
  <c r="U31455" i="1"/>
  <c r="U31454" i="1"/>
  <c r="U31453" i="1"/>
  <c r="U31452" i="1"/>
  <c r="U31451" i="1"/>
  <c r="U31450" i="1"/>
  <c r="U31449" i="1"/>
  <c r="U31448" i="1"/>
  <c r="U31447" i="1"/>
  <c r="U31446" i="1"/>
  <c r="U31445" i="1"/>
  <c r="U31444" i="1"/>
  <c r="U31443" i="1"/>
  <c r="U31442" i="1"/>
  <c r="U31441" i="1"/>
  <c r="U31440" i="1"/>
  <c r="U31439" i="1"/>
  <c r="U31438" i="1"/>
  <c r="U31437" i="1"/>
  <c r="U31436" i="1"/>
  <c r="U31435" i="1"/>
  <c r="U31434" i="1"/>
  <c r="U31433" i="1"/>
  <c r="U31432" i="1"/>
  <c r="U31431" i="1"/>
  <c r="U31430" i="1"/>
  <c r="U31429" i="1"/>
  <c r="U31428" i="1"/>
  <c r="U31427" i="1"/>
  <c r="U31426" i="1"/>
  <c r="U31425" i="1"/>
  <c r="U31424" i="1"/>
  <c r="U31423" i="1"/>
  <c r="U31422" i="1"/>
  <c r="U31421" i="1"/>
  <c r="U31420" i="1"/>
  <c r="U31419" i="1"/>
  <c r="U31418" i="1"/>
  <c r="U31417" i="1"/>
  <c r="U31416" i="1"/>
  <c r="U31415" i="1"/>
  <c r="U31414" i="1"/>
  <c r="U31413" i="1"/>
  <c r="U31412" i="1"/>
  <c r="U31411" i="1"/>
  <c r="U31410" i="1"/>
  <c r="U31409" i="1"/>
  <c r="U31408" i="1"/>
  <c r="U31407" i="1"/>
  <c r="U31406" i="1"/>
  <c r="U31405" i="1"/>
  <c r="U31404" i="1"/>
  <c r="U31403" i="1"/>
  <c r="U31402" i="1"/>
  <c r="U31401" i="1"/>
  <c r="U31400" i="1"/>
  <c r="U31399" i="1"/>
  <c r="U31398" i="1"/>
  <c r="U31397" i="1"/>
  <c r="U31396" i="1"/>
  <c r="U31395" i="1"/>
  <c r="U31394" i="1"/>
  <c r="U31393" i="1"/>
  <c r="U31392" i="1"/>
  <c r="U31391" i="1"/>
  <c r="U31390" i="1"/>
  <c r="U31389" i="1"/>
  <c r="U31388" i="1"/>
  <c r="U31387" i="1"/>
  <c r="U31386" i="1"/>
  <c r="U31385" i="1"/>
  <c r="U31384" i="1"/>
  <c r="U31383" i="1"/>
  <c r="U31382" i="1"/>
  <c r="U31381" i="1"/>
  <c r="U31380" i="1"/>
  <c r="U31379" i="1"/>
  <c r="U31378" i="1"/>
  <c r="U31377" i="1"/>
  <c r="U31376" i="1"/>
  <c r="U31375" i="1"/>
  <c r="U31374" i="1"/>
  <c r="U31373" i="1"/>
  <c r="U31372" i="1"/>
  <c r="U31371" i="1"/>
  <c r="U31370" i="1"/>
  <c r="U31369" i="1"/>
  <c r="U31368" i="1"/>
  <c r="U31367" i="1"/>
  <c r="U31366" i="1"/>
  <c r="U31365" i="1"/>
  <c r="U31364" i="1"/>
  <c r="U31363" i="1"/>
  <c r="U31362" i="1"/>
  <c r="U31361" i="1"/>
  <c r="U31360" i="1"/>
  <c r="U31359" i="1"/>
  <c r="U31358" i="1"/>
  <c r="U31357" i="1"/>
  <c r="U31356" i="1"/>
  <c r="U31355" i="1"/>
  <c r="U31354" i="1"/>
  <c r="U31353" i="1"/>
  <c r="U31352" i="1"/>
  <c r="U31351" i="1"/>
  <c r="U31350" i="1"/>
  <c r="U31349" i="1"/>
  <c r="U31348" i="1"/>
  <c r="U31347" i="1"/>
  <c r="U31346" i="1"/>
  <c r="U31345" i="1"/>
  <c r="U31344" i="1"/>
  <c r="U31343" i="1"/>
  <c r="U31342" i="1"/>
  <c r="U31341" i="1"/>
  <c r="U31340" i="1"/>
  <c r="U31339" i="1"/>
  <c r="U31338" i="1"/>
  <c r="U31337" i="1"/>
  <c r="U31336" i="1"/>
  <c r="U31335" i="1"/>
  <c r="U31334" i="1"/>
  <c r="U31333" i="1"/>
  <c r="U31332" i="1"/>
  <c r="U31331" i="1"/>
  <c r="U31330" i="1"/>
  <c r="U31329" i="1"/>
  <c r="U31328" i="1"/>
  <c r="U31327" i="1"/>
  <c r="U31326" i="1"/>
  <c r="U31325" i="1"/>
  <c r="U31324" i="1"/>
  <c r="U31323" i="1"/>
  <c r="U31322" i="1"/>
  <c r="U31321" i="1"/>
  <c r="U31320" i="1"/>
  <c r="U31319" i="1"/>
  <c r="U31318" i="1"/>
  <c r="U31317" i="1"/>
  <c r="U31316" i="1"/>
  <c r="U31315" i="1"/>
  <c r="U31314" i="1"/>
  <c r="U31313" i="1"/>
  <c r="U31312" i="1"/>
  <c r="U31311" i="1"/>
  <c r="U31310" i="1"/>
  <c r="U31309" i="1"/>
  <c r="U31308" i="1"/>
  <c r="U31307" i="1"/>
  <c r="U31306" i="1"/>
  <c r="U31305" i="1"/>
  <c r="U31304" i="1"/>
  <c r="U31303" i="1"/>
  <c r="U31302" i="1"/>
  <c r="U31301" i="1"/>
  <c r="U31300" i="1"/>
  <c r="U31299" i="1"/>
  <c r="U31298" i="1"/>
  <c r="U31297" i="1"/>
  <c r="U31296" i="1"/>
  <c r="U31295" i="1"/>
  <c r="U31294" i="1"/>
  <c r="U31293" i="1"/>
  <c r="U31292" i="1"/>
  <c r="U31291" i="1"/>
  <c r="U31290" i="1"/>
  <c r="U31289" i="1"/>
  <c r="U31288" i="1"/>
  <c r="U31287" i="1"/>
  <c r="U31286" i="1"/>
  <c r="U31285" i="1"/>
  <c r="U31284" i="1"/>
  <c r="U31283" i="1"/>
  <c r="U31282" i="1"/>
  <c r="U31281" i="1"/>
  <c r="U31280" i="1"/>
  <c r="U31279" i="1"/>
  <c r="U31278" i="1"/>
  <c r="U31277" i="1"/>
  <c r="U31276" i="1"/>
  <c r="U31275" i="1"/>
  <c r="U31274" i="1"/>
  <c r="U31273" i="1"/>
  <c r="U31272" i="1"/>
  <c r="U31271" i="1"/>
  <c r="U31270" i="1"/>
  <c r="U31269" i="1"/>
  <c r="U31268" i="1"/>
  <c r="U31267" i="1"/>
  <c r="U31266" i="1"/>
  <c r="U31265" i="1"/>
  <c r="U31264" i="1"/>
  <c r="U31263" i="1"/>
  <c r="U31262" i="1"/>
  <c r="U31261" i="1"/>
  <c r="U31260" i="1"/>
  <c r="U31259" i="1"/>
  <c r="U31258" i="1"/>
  <c r="U31257" i="1"/>
  <c r="U31256" i="1"/>
  <c r="U31255" i="1"/>
  <c r="U31254" i="1"/>
  <c r="U31253" i="1"/>
  <c r="U31252" i="1"/>
  <c r="U31251" i="1"/>
  <c r="U31250" i="1"/>
  <c r="U31249" i="1"/>
  <c r="U31248" i="1"/>
  <c r="U31247" i="1"/>
  <c r="U31246" i="1"/>
  <c r="U31245" i="1"/>
  <c r="U31244" i="1"/>
  <c r="U31243" i="1"/>
  <c r="U31242" i="1"/>
  <c r="U31241" i="1"/>
  <c r="U31240" i="1"/>
  <c r="U31239" i="1"/>
  <c r="U31238" i="1"/>
  <c r="U31237" i="1"/>
  <c r="U31236" i="1"/>
  <c r="U31235" i="1"/>
  <c r="U31234" i="1"/>
  <c r="U31233" i="1"/>
  <c r="U31232" i="1"/>
  <c r="U31231" i="1"/>
  <c r="U31230" i="1"/>
  <c r="U31229" i="1"/>
  <c r="U31228" i="1"/>
  <c r="U31227" i="1"/>
  <c r="U31226" i="1"/>
  <c r="U31225" i="1"/>
  <c r="U31224" i="1"/>
  <c r="U31223" i="1"/>
  <c r="U31222" i="1"/>
  <c r="U31221" i="1"/>
  <c r="U31220" i="1"/>
  <c r="U31219" i="1"/>
  <c r="U31218" i="1"/>
  <c r="U31217" i="1"/>
  <c r="U31216" i="1"/>
  <c r="U31215" i="1"/>
  <c r="U31214" i="1"/>
  <c r="U31213" i="1"/>
  <c r="U31212" i="1"/>
  <c r="U31211" i="1"/>
  <c r="U31210" i="1"/>
  <c r="U31209" i="1"/>
  <c r="U31208" i="1"/>
  <c r="U31207" i="1"/>
  <c r="U31206" i="1"/>
  <c r="U31205" i="1"/>
  <c r="U31204" i="1"/>
  <c r="U31203" i="1"/>
  <c r="U31202" i="1"/>
  <c r="U31201" i="1"/>
  <c r="U31200" i="1"/>
  <c r="U31199" i="1"/>
  <c r="U31198" i="1"/>
  <c r="U31197" i="1"/>
  <c r="U31196" i="1"/>
  <c r="U31195" i="1"/>
  <c r="U31194" i="1"/>
  <c r="U31193" i="1"/>
  <c r="U31192" i="1"/>
  <c r="U31191" i="1"/>
  <c r="U31190" i="1"/>
  <c r="U31189" i="1"/>
  <c r="U31188" i="1"/>
  <c r="U31187" i="1"/>
  <c r="U31186" i="1"/>
  <c r="U31185" i="1"/>
  <c r="U31184" i="1"/>
  <c r="U31183" i="1"/>
  <c r="U31182" i="1"/>
  <c r="U31181" i="1"/>
  <c r="U31180" i="1"/>
  <c r="U31179" i="1"/>
  <c r="U31178" i="1"/>
  <c r="U31177" i="1"/>
  <c r="U31176" i="1"/>
  <c r="U31175" i="1"/>
  <c r="U31174" i="1"/>
  <c r="U31173" i="1"/>
  <c r="U31172" i="1"/>
  <c r="U31171" i="1"/>
  <c r="U31170" i="1"/>
  <c r="U31169" i="1"/>
  <c r="U31168" i="1"/>
  <c r="U31167" i="1"/>
  <c r="U31166" i="1"/>
  <c r="U31165" i="1"/>
  <c r="U31164" i="1"/>
  <c r="U31163" i="1"/>
  <c r="U31162" i="1"/>
  <c r="U31161" i="1"/>
  <c r="U31160" i="1"/>
  <c r="U31159" i="1"/>
  <c r="U31158" i="1"/>
  <c r="U31157" i="1"/>
  <c r="U31156" i="1"/>
  <c r="U31155" i="1"/>
  <c r="U31154" i="1"/>
  <c r="U31153" i="1"/>
  <c r="U31152" i="1"/>
  <c r="U31151" i="1"/>
  <c r="U31150" i="1"/>
  <c r="U31149" i="1"/>
  <c r="U31148" i="1"/>
  <c r="U31147" i="1"/>
  <c r="U31146" i="1"/>
  <c r="U31145" i="1"/>
  <c r="U31144" i="1"/>
  <c r="U31143" i="1"/>
  <c r="U31142" i="1"/>
  <c r="U31141" i="1"/>
  <c r="U31140" i="1"/>
  <c r="U31139" i="1"/>
  <c r="U31138" i="1"/>
  <c r="U31137" i="1"/>
  <c r="U31136" i="1"/>
  <c r="U31135" i="1"/>
  <c r="U31134" i="1"/>
  <c r="U31133" i="1"/>
  <c r="U31132" i="1"/>
  <c r="U31131" i="1"/>
  <c r="U31130" i="1"/>
  <c r="U31129" i="1"/>
  <c r="U31128" i="1"/>
  <c r="U31127" i="1"/>
  <c r="U31126" i="1"/>
  <c r="U31125" i="1"/>
  <c r="U31124" i="1"/>
  <c r="U31123" i="1"/>
  <c r="U31122" i="1"/>
  <c r="U31121" i="1"/>
  <c r="U31120" i="1"/>
  <c r="U31119" i="1"/>
  <c r="U31118" i="1"/>
  <c r="U31117" i="1"/>
  <c r="U31116" i="1"/>
  <c r="U31115" i="1"/>
  <c r="U31114" i="1"/>
  <c r="U31113" i="1"/>
  <c r="U31112" i="1"/>
  <c r="U31111" i="1"/>
  <c r="U31110" i="1"/>
  <c r="U31109" i="1"/>
  <c r="U31108" i="1"/>
  <c r="U31107" i="1"/>
  <c r="U31106" i="1"/>
  <c r="U31105" i="1"/>
  <c r="U31104" i="1"/>
  <c r="U31103" i="1"/>
  <c r="U31102" i="1"/>
  <c r="U31101" i="1"/>
  <c r="U31100" i="1"/>
  <c r="U31099" i="1"/>
  <c r="U31098" i="1"/>
  <c r="U31097" i="1"/>
  <c r="U31096" i="1"/>
  <c r="U31095" i="1"/>
  <c r="U31094" i="1"/>
  <c r="U31093" i="1"/>
  <c r="U31092" i="1"/>
  <c r="U31091" i="1"/>
  <c r="U31090" i="1"/>
  <c r="U31089" i="1"/>
  <c r="U31088" i="1"/>
  <c r="U31087" i="1"/>
  <c r="U31086" i="1"/>
  <c r="U31085" i="1"/>
  <c r="U31084" i="1"/>
  <c r="U31083" i="1"/>
  <c r="U31082" i="1"/>
  <c r="U31081" i="1"/>
  <c r="U31080" i="1"/>
  <c r="U31079" i="1"/>
  <c r="U31078" i="1"/>
  <c r="U31077" i="1"/>
  <c r="U31076" i="1"/>
  <c r="U31075" i="1"/>
  <c r="U31074" i="1"/>
  <c r="U31073" i="1"/>
  <c r="U31072" i="1"/>
  <c r="U31071" i="1"/>
  <c r="U31070" i="1"/>
  <c r="U31069" i="1"/>
  <c r="U31068" i="1"/>
  <c r="U31067" i="1"/>
  <c r="U31066" i="1"/>
  <c r="U31065" i="1"/>
  <c r="U31064" i="1"/>
  <c r="U31063" i="1"/>
  <c r="U31062" i="1"/>
  <c r="U31061" i="1"/>
  <c r="U31060" i="1"/>
  <c r="U31059" i="1"/>
  <c r="U31058" i="1"/>
  <c r="U31057" i="1"/>
  <c r="U31056" i="1"/>
  <c r="U31055" i="1"/>
  <c r="U31054" i="1"/>
  <c r="U31053" i="1"/>
  <c r="U31052" i="1"/>
  <c r="U31051" i="1"/>
  <c r="U31050" i="1"/>
  <c r="U31049" i="1"/>
  <c r="U31048" i="1"/>
  <c r="U31047" i="1"/>
  <c r="U31046" i="1"/>
  <c r="U31045" i="1"/>
  <c r="U31044" i="1"/>
  <c r="U31043" i="1"/>
  <c r="U31042" i="1"/>
  <c r="U31041" i="1"/>
  <c r="U31040" i="1"/>
  <c r="U31039" i="1"/>
  <c r="U31038" i="1"/>
  <c r="U31037" i="1"/>
  <c r="U31036" i="1"/>
  <c r="U31035" i="1"/>
  <c r="U31034" i="1"/>
  <c r="U31033" i="1"/>
  <c r="U31032" i="1"/>
  <c r="U31031" i="1"/>
  <c r="U31030" i="1"/>
  <c r="U31029" i="1"/>
  <c r="U31028" i="1"/>
  <c r="U31027" i="1"/>
  <c r="U31026" i="1"/>
  <c r="U31025" i="1"/>
  <c r="U31024" i="1"/>
  <c r="U31023" i="1"/>
  <c r="U31022" i="1"/>
  <c r="U31021" i="1"/>
  <c r="U31020" i="1"/>
  <c r="U31019" i="1"/>
  <c r="U31018" i="1"/>
  <c r="U31017" i="1"/>
  <c r="U31016" i="1"/>
  <c r="U31015" i="1"/>
  <c r="U31014" i="1"/>
  <c r="U31013" i="1"/>
  <c r="U31012" i="1"/>
  <c r="U31011" i="1"/>
  <c r="U31010" i="1"/>
  <c r="U31009" i="1"/>
  <c r="U31008" i="1"/>
  <c r="U31007" i="1"/>
  <c r="U31006" i="1"/>
  <c r="U31005" i="1"/>
  <c r="U31004" i="1"/>
  <c r="U31003" i="1"/>
  <c r="U31002" i="1"/>
  <c r="U31001" i="1"/>
  <c r="U31000" i="1"/>
  <c r="U30999" i="1"/>
  <c r="U30998" i="1"/>
  <c r="U30997" i="1"/>
  <c r="U30996" i="1"/>
  <c r="U30995" i="1"/>
  <c r="U30994" i="1"/>
  <c r="U30993" i="1"/>
  <c r="U30992" i="1"/>
  <c r="U30991" i="1"/>
  <c r="U30990" i="1"/>
  <c r="U30989" i="1"/>
  <c r="U30988" i="1"/>
  <c r="U30987" i="1"/>
  <c r="U30986" i="1"/>
  <c r="U30985" i="1"/>
  <c r="U30984" i="1"/>
  <c r="U30983" i="1"/>
  <c r="U30982" i="1"/>
  <c r="U30981" i="1"/>
  <c r="U30980" i="1"/>
  <c r="U30979" i="1"/>
  <c r="U30978" i="1"/>
  <c r="U30977" i="1"/>
  <c r="U30976" i="1"/>
  <c r="U30975" i="1"/>
  <c r="U30974" i="1"/>
  <c r="U30973" i="1"/>
  <c r="U30972" i="1"/>
  <c r="U30971" i="1"/>
  <c r="U30970" i="1"/>
  <c r="U30969" i="1"/>
  <c r="U30968" i="1"/>
  <c r="U30967" i="1"/>
  <c r="U30966" i="1"/>
  <c r="U30965" i="1"/>
  <c r="U30964" i="1"/>
  <c r="U30963" i="1"/>
  <c r="U30962" i="1"/>
  <c r="U30961" i="1"/>
  <c r="U30960" i="1"/>
  <c r="U30959" i="1"/>
  <c r="U30958" i="1"/>
  <c r="U30957" i="1"/>
  <c r="U30956" i="1"/>
  <c r="U30955" i="1"/>
  <c r="U30954" i="1"/>
  <c r="U30953" i="1"/>
  <c r="U30952" i="1"/>
  <c r="U30951" i="1"/>
  <c r="U30950" i="1"/>
  <c r="U30949" i="1"/>
  <c r="U30948" i="1"/>
  <c r="U30947" i="1"/>
  <c r="U30946" i="1"/>
  <c r="U30945" i="1"/>
  <c r="U30944" i="1"/>
  <c r="U30943" i="1"/>
  <c r="U30942" i="1"/>
  <c r="U30941" i="1"/>
  <c r="U30940" i="1"/>
  <c r="U30939" i="1"/>
  <c r="U30938" i="1"/>
  <c r="U30937" i="1"/>
  <c r="U30936" i="1"/>
  <c r="U30935" i="1"/>
  <c r="U30934" i="1"/>
  <c r="U30933" i="1"/>
  <c r="U30932" i="1"/>
  <c r="U30931" i="1"/>
  <c r="U30930" i="1"/>
  <c r="U30929" i="1"/>
  <c r="U30928" i="1"/>
  <c r="U30927" i="1"/>
  <c r="U30926" i="1"/>
  <c r="U30925" i="1"/>
  <c r="U30924" i="1"/>
  <c r="U30923" i="1"/>
  <c r="U30922" i="1"/>
  <c r="U30921" i="1"/>
  <c r="U30920" i="1"/>
  <c r="U30919" i="1"/>
  <c r="U30918" i="1"/>
  <c r="U30917" i="1"/>
  <c r="U30916" i="1"/>
  <c r="U30915" i="1"/>
  <c r="U30914" i="1"/>
  <c r="U30913" i="1"/>
  <c r="U30912" i="1"/>
  <c r="U30911" i="1"/>
  <c r="U30910" i="1"/>
  <c r="U30909" i="1"/>
  <c r="U30908" i="1"/>
  <c r="U30907" i="1"/>
  <c r="U30906" i="1"/>
  <c r="U30905" i="1"/>
  <c r="U30904" i="1"/>
  <c r="U30903" i="1"/>
  <c r="U30902" i="1"/>
  <c r="U30901" i="1"/>
  <c r="U30900" i="1"/>
  <c r="U30899" i="1"/>
  <c r="U30898" i="1"/>
  <c r="U30897" i="1"/>
  <c r="U30896" i="1"/>
  <c r="U30895" i="1"/>
  <c r="U30894" i="1"/>
  <c r="U30893" i="1"/>
  <c r="U30892" i="1"/>
  <c r="U30891" i="1"/>
  <c r="U30890" i="1"/>
  <c r="U30889" i="1"/>
  <c r="U30888" i="1"/>
  <c r="U30887" i="1"/>
  <c r="U30886" i="1"/>
  <c r="U30885" i="1"/>
  <c r="U30884" i="1"/>
  <c r="U30883" i="1"/>
  <c r="U30882" i="1"/>
  <c r="U30881" i="1"/>
  <c r="U30880" i="1"/>
  <c r="U30879" i="1"/>
  <c r="U30878" i="1"/>
  <c r="U30877" i="1"/>
  <c r="U30876" i="1"/>
  <c r="U30875" i="1"/>
  <c r="U30874" i="1"/>
  <c r="U30873" i="1"/>
  <c r="U30872" i="1"/>
  <c r="U30871" i="1"/>
  <c r="U30870" i="1"/>
  <c r="U30869" i="1"/>
  <c r="U30868" i="1"/>
  <c r="U30867" i="1"/>
  <c r="U30866" i="1"/>
  <c r="U30865" i="1"/>
  <c r="U30864" i="1"/>
  <c r="U30863" i="1"/>
  <c r="U30862" i="1"/>
  <c r="U30861" i="1"/>
  <c r="U30860" i="1"/>
  <c r="U30859" i="1"/>
  <c r="U30858" i="1"/>
  <c r="U30857" i="1"/>
  <c r="U30856" i="1"/>
  <c r="U30855" i="1"/>
  <c r="U30854" i="1"/>
  <c r="U30853" i="1"/>
  <c r="U30852" i="1"/>
  <c r="U30851" i="1"/>
  <c r="U30850" i="1"/>
  <c r="U30849" i="1"/>
  <c r="U30848" i="1"/>
  <c r="U30847" i="1"/>
  <c r="U30846" i="1"/>
  <c r="U30845" i="1"/>
  <c r="U30844" i="1"/>
  <c r="U30843" i="1"/>
  <c r="U30842" i="1"/>
  <c r="U30841" i="1"/>
  <c r="U30840" i="1"/>
  <c r="U30839" i="1"/>
  <c r="U30838" i="1"/>
  <c r="U30837" i="1"/>
  <c r="U30836" i="1"/>
  <c r="U30835" i="1"/>
  <c r="U30834" i="1"/>
  <c r="U30833" i="1"/>
  <c r="U30832" i="1"/>
  <c r="U30831" i="1"/>
  <c r="U30830" i="1"/>
  <c r="U30829" i="1"/>
  <c r="U30828" i="1"/>
  <c r="U30827" i="1"/>
  <c r="U30826" i="1"/>
  <c r="U30825" i="1"/>
  <c r="U30824" i="1"/>
  <c r="U30823" i="1"/>
  <c r="U30822" i="1"/>
  <c r="U30821" i="1"/>
  <c r="U30820" i="1"/>
  <c r="U30819" i="1"/>
  <c r="U30818" i="1"/>
  <c r="U30817" i="1"/>
  <c r="U30816" i="1"/>
  <c r="U30815" i="1"/>
  <c r="U30814" i="1"/>
  <c r="U30813" i="1"/>
  <c r="U30812" i="1"/>
  <c r="U30811" i="1"/>
  <c r="U30810" i="1"/>
  <c r="U30809" i="1"/>
  <c r="U30808" i="1"/>
  <c r="U30807" i="1"/>
  <c r="U30806" i="1"/>
  <c r="U30805" i="1"/>
  <c r="U30804" i="1"/>
  <c r="U30803" i="1"/>
  <c r="U30802" i="1"/>
  <c r="U30801" i="1"/>
  <c r="U30800" i="1"/>
  <c r="U30799" i="1"/>
  <c r="U30798" i="1"/>
  <c r="U30797" i="1"/>
  <c r="U30796" i="1"/>
  <c r="U30795" i="1"/>
  <c r="U30794" i="1"/>
  <c r="U30793" i="1"/>
  <c r="U30792" i="1"/>
  <c r="U30791" i="1"/>
  <c r="U30790" i="1"/>
  <c r="U30789" i="1"/>
  <c r="U30788" i="1"/>
  <c r="U30787" i="1"/>
  <c r="U30786" i="1"/>
  <c r="U30785" i="1"/>
  <c r="U30784" i="1"/>
  <c r="U30783" i="1"/>
  <c r="U30782" i="1"/>
  <c r="U30781" i="1"/>
  <c r="U30780" i="1"/>
  <c r="U30779" i="1"/>
  <c r="U30778" i="1"/>
  <c r="U30777" i="1"/>
  <c r="U30776" i="1"/>
  <c r="U30775" i="1"/>
  <c r="U30774" i="1"/>
  <c r="U30773" i="1"/>
  <c r="U30772" i="1"/>
  <c r="U30771" i="1"/>
  <c r="U30770" i="1"/>
  <c r="U30769" i="1"/>
  <c r="U30768" i="1"/>
  <c r="U30767" i="1"/>
  <c r="U30766" i="1"/>
  <c r="U30765" i="1"/>
  <c r="U30764" i="1"/>
  <c r="U30763" i="1"/>
  <c r="U30762" i="1"/>
  <c r="U30761" i="1"/>
  <c r="U30760" i="1"/>
  <c r="U30759" i="1"/>
  <c r="U30758" i="1"/>
  <c r="U30757" i="1"/>
  <c r="U30756" i="1"/>
  <c r="U30755" i="1"/>
  <c r="U30754" i="1"/>
  <c r="U30753" i="1"/>
  <c r="U30752" i="1"/>
  <c r="U30751" i="1"/>
  <c r="U30750" i="1"/>
  <c r="U30749" i="1"/>
  <c r="U30748" i="1"/>
  <c r="U30747" i="1"/>
  <c r="U30746" i="1"/>
  <c r="U30745" i="1"/>
  <c r="U30744" i="1"/>
  <c r="U30743" i="1"/>
  <c r="U30742" i="1"/>
  <c r="U30741" i="1"/>
  <c r="U30740" i="1"/>
  <c r="U30739" i="1"/>
  <c r="U30738" i="1"/>
  <c r="U30737" i="1"/>
  <c r="U30736" i="1"/>
  <c r="U30735" i="1"/>
  <c r="U30734" i="1"/>
  <c r="U30733" i="1"/>
  <c r="U30732" i="1"/>
  <c r="U30731" i="1"/>
  <c r="U30730" i="1"/>
  <c r="U30729" i="1"/>
  <c r="U30728" i="1"/>
  <c r="U30727" i="1"/>
  <c r="U30726" i="1"/>
  <c r="U30725" i="1"/>
  <c r="U30724" i="1"/>
  <c r="U30723" i="1"/>
  <c r="U30722" i="1"/>
  <c r="U30721" i="1"/>
  <c r="U30720" i="1"/>
  <c r="U30719" i="1"/>
  <c r="U30718" i="1"/>
  <c r="U30717" i="1"/>
  <c r="U30716" i="1"/>
  <c r="U30715" i="1"/>
  <c r="U30714" i="1"/>
  <c r="U30713" i="1"/>
  <c r="U30712" i="1"/>
  <c r="U30711" i="1"/>
  <c r="U30710" i="1"/>
  <c r="U30709" i="1"/>
  <c r="U30708" i="1"/>
  <c r="U30707" i="1"/>
  <c r="U30706" i="1"/>
  <c r="U30705" i="1"/>
  <c r="U30704" i="1"/>
  <c r="U30703" i="1"/>
  <c r="U30702" i="1"/>
  <c r="U30701" i="1"/>
  <c r="U30700" i="1"/>
  <c r="U30699" i="1"/>
  <c r="U30698" i="1"/>
  <c r="U30697" i="1"/>
  <c r="U30696" i="1"/>
  <c r="U30695" i="1"/>
  <c r="U30694" i="1"/>
  <c r="U30693" i="1"/>
  <c r="U30692" i="1"/>
  <c r="U30691" i="1"/>
  <c r="U30690" i="1"/>
  <c r="U30689" i="1"/>
  <c r="U30688" i="1"/>
  <c r="U30687" i="1"/>
  <c r="U30686" i="1"/>
  <c r="U30685" i="1"/>
  <c r="U30684" i="1"/>
  <c r="U30683" i="1"/>
  <c r="U30682" i="1"/>
  <c r="U30681" i="1"/>
  <c r="U30680" i="1"/>
  <c r="U30679" i="1"/>
  <c r="U30678" i="1"/>
  <c r="U30677" i="1"/>
  <c r="U30676" i="1"/>
  <c r="U30675" i="1"/>
  <c r="U30674" i="1"/>
  <c r="U30673" i="1"/>
  <c r="U30672" i="1"/>
  <c r="U30671" i="1"/>
  <c r="U30670" i="1"/>
  <c r="U30669" i="1"/>
  <c r="U30668" i="1"/>
  <c r="U30667" i="1"/>
  <c r="U30666" i="1"/>
  <c r="U30665" i="1"/>
  <c r="U30664" i="1"/>
  <c r="U30663" i="1"/>
  <c r="U30662" i="1"/>
  <c r="U30661" i="1"/>
  <c r="U30660" i="1"/>
  <c r="U30659" i="1"/>
  <c r="U30658" i="1"/>
  <c r="U30657" i="1"/>
  <c r="U30656" i="1"/>
  <c r="U30655" i="1"/>
  <c r="U30654" i="1"/>
  <c r="U30653" i="1"/>
  <c r="U30652" i="1"/>
  <c r="U30651" i="1"/>
  <c r="U30650" i="1"/>
  <c r="U30649" i="1"/>
  <c r="U30648" i="1"/>
  <c r="U30647" i="1"/>
  <c r="U30646" i="1"/>
  <c r="U30645" i="1"/>
  <c r="U30644" i="1"/>
  <c r="U30643" i="1"/>
  <c r="U30642" i="1"/>
  <c r="U30641" i="1"/>
  <c r="U30640" i="1"/>
  <c r="U30639" i="1"/>
  <c r="U30638" i="1"/>
  <c r="U30637" i="1"/>
  <c r="U30636" i="1"/>
  <c r="U30635" i="1"/>
  <c r="U30634" i="1"/>
  <c r="U30633" i="1"/>
  <c r="U30632" i="1"/>
  <c r="U30631" i="1"/>
  <c r="U30630" i="1"/>
  <c r="U30629" i="1"/>
  <c r="U30628" i="1"/>
  <c r="U30627" i="1"/>
  <c r="U30626" i="1"/>
  <c r="U30625" i="1"/>
  <c r="U30624" i="1"/>
  <c r="U30623" i="1"/>
  <c r="U30622" i="1"/>
  <c r="U30621" i="1"/>
  <c r="U30620" i="1"/>
  <c r="U30619" i="1"/>
  <c r="U30618" i="1"/>
  <c r="U30617" i="1"/>
  <c r="U30616" i="1"/>
  <c r="U30615" i="1"/>
  <c r="U30614" i="1"/>
  <c r="U30613" i="1"/>
  <c r="U30612" i="1"/>
  <c r="U30611" i="1"/>
  <c r="U30610" i="1"/>
  <c r="U30609" i="1"/>
  <c r="U30608" i="1"/>
  <c r="U30607" i="1"/>
  <c r="U30606" i="1"/>
  <c r="U30605" i="1"/>
  <c r="U30604" i="1"/>
  <c r="U30603" i="1"/>
  <c r="U30602" i="1"/>
  <c r="U30601" i="1"/>
  <c r="U30600" i="1"/>
  <c r="U30599" i="1"/>
  <c r="U30598" i="1"/>
  <c r="U30597" i="1"/>
  <c r="U30596" i="1"/>
  <c r="U30595" i="1"/>
  <c r="U30594" i="1"/>
  <c r="U30593" i="1"/>
  <c r="U30592" i="1"/>
  <c r="U30591" i="1"/>
  <c r="U30590" i="1"/>
  <c r="U30589" i="1"/>
  <c r="U30588" i="1"/>
  <c r="U30587" i="1"/>
  <c r="U30586" i="1"/>
  <c r="U30585" i="1"/>
  <c r="U30584" i="1"/>
  <c r="U30583" i="1"/>
  <c r="U30582" i="1"/>
  <c r="U30581" i="1"/>
  <c r="U30580" i="1"/>
  <c r="U30579" i="1"/>
  <c r="U30578" i="1"/>
  <c r="U30577" i="1"/>
  <c r="U30576" i="1"/>
  <c r="U30575" i="1"/>
  <c r="U30574" i="1"/>
  <c r="U30573" i="1"/>
  <c r="U30572" i="1"/>
  <c r="U30571" i="1"/>
  <c r="U30570" i="1"/>
  <c r="U30569" i="1"/>
  <c r="U30568" i="1"/>
  <c r="U30567" i="1"/>
  <c r="U30566" i="1"/>
  <c r="U30565" i="1"/>
  <c r="U30564" i="1"/>
  <c r="U30563" i="1"/>
  <c r="U30562" i="1"/>
  <c r="U30561" i="1"/>
  <c r="U30560" i="1"/>
  <c r="U30559" i="1"/>
  <c r="U30558" i="1"/>
  <c r="U30557" i="1"/>
  <c r="U30556" i="1"/>
  <c r="U30555" i="1"/>
  <c r="U30554" i="1"/>
  <c r="U30553" i="1"/>
  <c r="U30552" i="1"/>
  <c r="U30551" i="1"/>
  <c r="U30550" i="1"/>
  <c r="U30549" i="1"/>
  <c r="U30548" i="1"/>
  <c r="U30547" i="1"/>
  <c r="U30546" i="1"/>
  <c r="U30545" i="1"/>
  <c r="U30544" i="1"/>
  <c r="U30543" i="1"/>
  <c r="U30542" i="1"/>
  <c r="U30541" i="1"/>
  <c r="U30540" i="1"/>
  <c r="U30539" i="1"/>
  <c r="U30538" i="1"/>
  <c r="U30537" i="1"/>
  <c r="U30536" i="1"/>
  <c r="U30535" i="1"/>
  <c r="U30534" i="1"/>
  <c r="U30533" i="1"/>
  <c r="U30532" i="1"/>
  <c r="U30531" i="1"/>
  <c r="U30530" i="1"/>
  <c r="U30529" i="1"/>
  <c r="U30528" i="1"/>
  <c r="U30527" i="1"/>
  <c r="U30526" i="1"/>
  <c r="U30525" i="1"/>
  <c r="U30524" i="1"/>
  <c r="U30523" i="1"/>
  <c r="U30522" i="1"/>
  <c r="U30521" i="1"/>
  <c r="U30520" i="1"/>
  <c r="U30519" i="1"/>
  <c r="U30518" i="1"/>
  <c r="U30517" i="1"/>
  <c r="U30516" i="1"/>
  <c r="U30515" i="1"/>
  <c r="U30514" i="1"/>
  <c r="U30513" i="1"/>
  <c r="U30512" i="1"/>
  <c r="U30511" i="1"/>
  <c r="U30510" i="1"/>
  <c r="U30509" i="1"/>
  <c r="U30508" i="1"/>
  <c r="U30507" i="1"/>
  <c r="U30506" i="1"/>
  <c r="U30505" i="1"/>
  <c r="U30504" i="1"/>
  <c r="U30503" i="1"/>
  <c r="U30502" i="1"/>
  <c r="U30501" i="1"/>
  <c r="U30500" i="1"/>
  <c r="U30499" i="1"/>
  <c r="U30498" i="1"/>
  <c r="U30497" i="1"/>
  <c r="U30496" i="1"/>
  <c r="U30495" i="1"/>
  <c r="U30494" i="1"/>
  <c r="U30493" i="1"/>
  <c r="U30492" i="1"/>
  <c r="U30491" i="1"/>
  <c r="U30490" i="1"/>
  <c r="U30489" i="1"/>
  <c r="U30488" i="1"/>
  <c r="U30487" i="1"/>
  <c r="U30486" i="1"/>
  <c r="U30485" i="1"/>
  <c r="U30484" i="1"/>
  <c r="U30483" i="1"/>
  <c r="U30482" i="1"/>
  <c r="U30481" i="1"/>
  <c r="U30480" i="1"/>
  <c r="U30479" i="1"/>
  <c r="U30478" i="1"/>
  <c r="U30477" i="1"/>
  <c r="U30476" i="1"/>
  <c r="U30475" i="1"/>
  <c r="U30474" i="1"/>
  <c r="U30473" i="1"/>
  <c r="U30472" i="1"/>
  <c r="U30471" i="1"/>
  <c r="U30470" i="1"/>
  <c r="U30469" i="1"/>
  <c r="U30468" i="1"/>
  <c r="U30467" i="1"/>
  <c r="U30466" i="1"/>
  <c r="U30465" i="1"/>
  <c r="U30464" i="1"/>
  <c r="U30463" i="1"/>
  <c r="U30462" i="1"/>
  <c r="U30461" i="1"/>
  <c r="U30460" i="1"/>
  <c r="U30459" i="1"/>
  <c r="U30458" i="1"/>
  <c r="U30457" i="1"/>
  <c r="U30456" i="1"/>
  <c r="U30455" i="1"/>
  <c r="U30454" i="1"/>
  <c r="U30453" i="1"/>
  <c r="U30452" i="1"/>
  <c r="U30451" i="1"/>
  <c r="U30450" i="1"/>
  <c r="U30449" i="1"/>
  <c r="U30448" i="1"/>
  <c r="U30447" i="1"/>
  <c r="U30446" i="1"/>
  <c r="U30445" i="1"/>
  <c r="U30444" i="1"/>
  <c r="U30443" i="1"/>
  <c r="U30442" i="1"/>
  <c r="U30441" i="1"/>
  <c r="U30440" i="1"/>
  <c r="U30439" i="1"/>
  <c r="U30438" i="1"/>
  <c r="U30437" i="1"/>
  <c r="U30436" i="1"/>
  <c r="U30435" i="1"/>
  <c r="U30434" i="1"/>
  <c r="U30433" i="1"/>
  <c r="U30432" i="1"/>
  <c r="U30431" i="1"/>
  <c r="U30430" i="1"/>
  <c r="U30429" i="1"/>
  <c r="U30428" i="1"/>
  <c r="U30427" i="1"/>
  <c r="U30426" i="1"/>
  <c r="U30425" i="1"/>
  <c r="U30424" i="1"/>
  <c r="U30423" i="1"/>
  <c r="U30422" i="1"/>
  <c r="U30421" i="1"/>
  <c r="U30420" i="1"/>
  <c r="U30419" i="1"/>
  <c r="U30418" i="1"/>
  <c r="U30417" i="1"/>
  <c r="U30416" i="1"/>
  <c r="U30415" i="1"/>
  <c r="U30414" i="1"/>
  <c r="U30413" i="1"/>
  <c r="U30412" i="1"/>
  <c r="U30411" i="1"/>
  <c r="U30410" i="1"/>
  <c r="U30409" i="1"/>
  <c r="U30408" i="1"/>
  <c r="U30407" i="1"/>
  <c r="U30406" i="1"/>
  <c r="U30405" i="1"/>
  <c r="U30404" i="1"/>
  <c r="U30403" i="1"/>
  <c r="U30402" i="1"/>
  <c r="U30401" i="1"/>
  <c r="U30400" i="1"/>
  <c r="U30399" i="1"/>
  <c r="U30398" i="1"/>
  <c r="U30397" i="1"/>
  <c r="U30396" i="1"/>
  <c r="U30395" i="1"/>
  <c r="U30394" i="1"/>
  <c r="U30393" i="1"/>
  <c r="U30392" i="1"/>
  <c r="U30391" i="1"/>
  <c r="U30390" i="1"/>
  <c r="U30389" i="1"/>
  <c r="U30388" i="1"/>
  <c r="U30387" i="1"/>
  <c r="U30386" i="1"/>
  <c r="U30385" i="1"/>
  <c r="U30384" i="1"/>
  <c r="U30383" i="1"/>
  <c r="U30382" i="1"/>
  <c r="U30381" i="1"/>
  <c r="U30380" i="1"/>
  <c r="U30379" i="1"/>
  <c r="U30378" i="1"/>
  <c r="U30377" i="1"/>
  <c r="U30376" i="1"/>
  <c r="U30375" i="1"/>
  <c r="U30374" i="1"/>
  <c r="U30373" i="1"/>
  <c r="U30372" i="1"/>
  <c r="U30371" i="1"/>
  <c r="U30370" i="1"/>
  <c r="U30369" i="1"/>
  <c r="U30368" i="1"/>
  <c r="U30367" i="1"/>
  <c r="U30366" i="1"/>
  <c r="U30365" i="1"/>
  <c r="U30364" i="1"/>
  <c r="U30363" i="1"/>
  <c r="U30362" i="1"/>
  <c r="U30361" i="1"/>
  <c r="U30360" i="1"/>
  <c r="U30359" i="1"/>
  <c r="U30358" i="1"/>
  <c r="U30357" i="1"/>
  <c r="U30356" i="1"/>
  <c r="U30355" i="1"/>
  <c r="U30354" i="1"/>
  <c r="U30353" i="1"/>
  <c r="U30352" i="1"/>
  <c r="U30351" i="1"/>
  <c r="U30350" i="1"/>
  <c r="U30349" i="1"/>
  <c r="U30348" i="1"/>
  <c r="U30347" i="1"/>
  <c r="U30346" i="1"/>
  <c r="U30345" i="1"/>
  <c r="U30344" i="1"/>
  <c r="U30343" i="1"/>
  <c r="U30342" i="1"/>
  <c r="U30341" i="1"/>
  <c r="U30340" i="1"/>
  <c r="U30339" i="1"/>
  <c r="U30338" i="1"/>
  <c r="U30337" i="1"/>
  <c r="U30336" i="1"/>
  <c r="U30335" i="1"/>
  <c r="U30334" i="1"/>
  <c r="U30333" i="1"/>
  <c r="U30332" i="1"/>
  <c r="U30331" i="1"/>
  <c r="U30330" i="1"/>
  <c r="U30329" i="1"/>
  <c r="U30328" i="1"/>
  <c r="U30327" i="1"/>
  <c r="U30326" i="1"/>
  <c r="U30325" i="1"/>
  <c r="U30324" i="1"/>
  <c r="U30323" i="1"/>
  <c r="U30322" i="1"/>
  <c r="U30321" i="1"/>
  <c r="U30320" i="1"/>
  <c r="U30319" i="1"/>
  <c r="U30318" i="1"/>
  <c r="U30317" i="1"/>
  <c r="U30316" i="1"/>
  <c r="U30315" i="1"/>
  <c r="U30314" i="1"/>
  <c r="U30313" i="1"/>
  <c r="U30312" i="1"/>
  <c r="U30311" i="1"/>
  <c r="U30310" i="1"/>
  <c r="U30309" i="1"/>
  <c r="U30308" i="1"/>
  <c r="U30307" i="1"/>
  <c r="U30306" i="1"/>
  <c r="U30305" i="1"/>
  <c r="U30304" i="1"/>
  <c r="U30303" i="1"/>
  <c r="U30302" i="1"/>
  <c r="U30301" i="1"/>
  <c r="U30300" i="1"/>
  <c r="U30299" i="1"/>
  <c r="U30298" i="1"/>
  <c r="U30297" i="1"/>
  <c r="U30296" i="1"/>
  <c r="U30295" i="1"/>
  <c r="U30294" i="1"/>
  <c r="U30293" i="1"/>
  <c r="U30292" i="1"/>
  <c r="U30291" i="1"/>
  <c r="U30290" i="1"/>
  <c r="U30289" i="1"/>
  <c r="U30288" i="1"/>
  <c r="U30287" i="1"/>
  <c r="U30286" i="1"/>
  <c r="U30285" i="1"/>
  <c r="U30284" i="1"/>
  <c r="U30283" i="1"/>
  <c r="U30282" i="1"/>
  <c r="U30281" i="1"/>
  <c r="U30280" i="1"/>
  <c r="U30279" i="1"/>
  <c r="U30278" i="1"/>
  <c r="U30277" i="1"/>
  <c r="U30276" i="1"/>
  <c r="U30275" i="1"/>
  <c r="U30274" i="1"/>
  <c r="U30273" i="1"/>
  <c r="U30272" i="1"/>
  <c r="U30271" i="1"/>
  <c r="U30270" i="1"/>
  <c r="U30269" i="1"/>
  <c r="U30268" i="1"/>
  <c r="U30267" i="1"/>
  <c r="U30266" i="1"/>
  <c r="U30265" i="1"/>
  <c r="U30264" i="1"/>
  <c r="U30263" i="1"/>
  <c r="U30262" i="1"/>
  <c r="U30261" i="1"/>
  <c r="U30260" i="1"/>
  <c r="U30259" i="1"/>
  <c r="U30258" i="1"/>
  <c r="U30257" i="1"/>
  <c r="U30256" i="1"/>
  <c r="U30255" i="1"/>
  <c r="U30254" i="1"/>
  <c r="U30253" i="1"/>
  <c r="U30252" i="1"/>
  <c r="U30251" i="1"/>
  <c r="U30250" i="1"/>
  <c r="U30249" i="1"/>
  <c r="U30248" i="1"/>
  <c r="U30247" i="1"/>
  <c r="U30246" i="1"/>
  <c r="U30245" i="1"/>
  <c r="U30244" i="1"/>
  <c r="U30243" i="1"/>
  <c r="U30242" i="1"/>
  <c r="U30241" i="1"/>
  <c r="U30240" i="1"/>
  <c r="U30239" i="1"/>
  <c r="U30238" i="1"/>
  <c r="U30237" i="1"/>
  <c r="U30236" i="1"/>
  <c r="U30235" i="1"/>
  <c r="U30234" i="1"/>
  <c r="U30233" i="1"/>
  <c r="U30232" i="1"/>
  <c r="U30231" i="1"/>
  <c r="U30230" i="1"/>
  <c r="U30229" i="1"/>
  <c r="U30228" i="1"/>
  <c r="U30227" i="1"/>
  <c r="U30226" i="1"/>
  <c r="U30225" i="1"/>
  <c r="U30224" i="1"/>
  <c r="U30223" i="1"/>
  <c r="U30222" i="1"/>
  <c r="U30221" i="1"/>
  <c r="U30220" i="1"/>
  <c r="U30219" i="1"/>
  <c r="U30218" i="1"/>
  <c r="U30217" i="1"/>
  <c r="U30216" i="1"/>
  <c r="U30215" i="1"/>
  <c r="U30214" i="1"/>
  <c r="U30213" i="1"/>
  <c r="U30212" i="1"/>
  <c r="U30211" i="1"/>
  <c r="U30210" i="1"/>
  <c r="U30209" i="1"/>
  <c r="U30208" i="1"/>
  <c r="U30207" i="1"/>
  <c r="U30206" i="1"/>
  <c r="U30205" i="1"/>
  <c r="U30204" i="1"/>
  <c r="U30203" i="1"/>
  <c r="U30202" i="1"/>
  <c r="U30201" i="1"/>
  <c r="U30200" i="1"/>
  <c r="U30199" i="1"/>
  <c r="U30198" i="1"/>
  <c r="U30197" i="1"/>
  <c r="U30196" i="1"/>
  <c r="U30195" i="1"/>
  <c r="U30194" i="1"/>
  <c r="U30193" i="1"/>
  <c r="U30192" i="1"/>
  <c r="U30191" i="1"/>
  <c r="U30190" i="1"/>
  <c r="U30189" i="1"/>
  <c r="U30188" i="1"/>
  <c r="U30187" i="1"/>
  <c r="U30186" i="1"/>
  <c r="U30185" i="1"/>
  <c r="U30184" i="1"/>
  <c r="U30183" i="1"/>
  <c r="U30182" i="1"/>
  <c r="U30181" i="1"/>
  <c r="U30180" i="1"/>
  <c r="U30179" i="1"/>
  <c r="U30178" i="1"/>
  <c r="U30177" i="1"/>
  <c r="U30176" i="1"/>
  <c r="U30175" i="1"/>
  <c r="U30174" i="1"/>
  <c r="U30173" i="1"/>
  <c r="U30172" i="1"/>
  <c r="U30171" i="1"/>
  <c r="U30170" i="1"/>
  <c r="U30169" i="1"/>
  <c r="U30168" i="1"/>
  <c r="U30167" i="1"/>
  <c r="U30166" i="1"/>
  <c r="U30165" i="1"/>
  <c r="U30164" i="1"/>
  <c r="U30163" i="1"/>
  <c r="U30162" i="1"/>
  <c r="U30161" i="1"/>
  <c r="U30160" i="1"/>
  <c r="U30159" i="1"/>
  <c r="U30158" i="1"/>
  <c r="U30157" i="1"/>
  <c r="U30156" i="1"/>
  <c r="U30155" i="1"/>
  <c r="U30154" i="1"/>
  <c r="U30153" i="1"/>
  <c r="U30152" i="1"/>
  <c r="U30151" i="1"/>
  <c r="U30150" i="1"/>
  <c r="U30149" i="1"/>
  <c r="U30148" i="1"/>
  <c r="U30147" i="1"/>
  <c r="U30146" i="1"/>
  <c r="U30145" i="1"/>
  <c r="U30144" i="1"/>
  <c r="U30143" i="1"/>
  <c r="U30142" i="1"/>
  <c r="U30141" i="1"/>
  <c r="U30140" i="1"/>
  <c r="U30139" i="1"/>
  <c r="U30138" i="1"/>
  <c r="U30137" i="1"/>
  <c r="U30136" i="1"/>
  <c r="U30135" i="1"/>
  <c r="U30134" i="1"/>
  <c r="U30133" i="1"/>
  <c r="U30132" i="1"/>
  <c r="U30131" i="1"/>
  <c r="U30130" i="1"/>
  <c r="U30129" i="1"/>
  <c r="U30128" i="1"/>
  <c r="U30127" i="1"/>
  <c r="U30126" i="1"/>
  <c r="U30125" i="1"/>
  <c r="U30124" i="1"/>
  <c r="U30123" i="1"/>
  <c r="U30122" i="1"/>
  <c r="U30121" i="1"/>
  <c r="U30120" i="1"/>
  <c r="U30119" i="1"/>
  <c r="U30118" i="1"/>
  <c r="U30117" i="1"/>
  <c r="U30116" i="1"/>
  <c r="U30115" i="1"/>
  <c r="U30114" i="1"/>
  <c r="U30113" i="1"/>
  <c r="U30112" i="1"/>
  <c r="U30111" i="1"/>
  <c r="U30110" i="1"/>
  <c r="U30109" i="1"/>
  <c r="U30108" i="1"/>
  <c r="U30107" i="1"/>
  <c r="U30106" i="1"/>
  <c r="U30105" i="1"/>
  <c r="U30104" i="1"/>
  <c r="U30103" i="1"/>
  <c r="U30102" i="1"/>
  <c r="U30101" i="1"/>
  <c r="U30100" i="1"/>
  <c r="U30099" i="1"/>
  <c r="U30098" i="1"/>
  <c r="U30097" i="1"/>
  <c r="U30096" i="1"/>
  <c r="U30095" i="1"/>
  <c r="U30094" i="1"/>
  <c r="U30093" i="1"/>
  <c r="U30092" i="1"/>
  <c r="U30091" i="1"/>
  <c r="U30090" i="1"/>
  <c r="U30089" i="1"/>
  <c r="U30088" i="1"/>
  <c r="U30087" i="1"/>
  <c r="U30086" i="1"/>
  <c r="U30085" i="1"/>
  <c r="U30084" i="1"/>
  <c r="U30083" i="1"/>
  <c r="U30082" i="1"/>
  <c r="U30081" i="1"/>
  <c r="U30080" i="1"/>
  <c r="U30079" i="1"/>
  <c r="U30078" i="1"/>
  <c r="U30077" i="1"/>
  <c r="U30076" i="1"/>
  <c r="U30075" i="1"/>
  <c r="U30074" i="1"/>
  <c r="U30073" i="1"/>
  <c r="U30072" i="1"/>
  <c r="U30071" i="1"/>
  <c r="U30070" i="1"/>
  <c r="U30069" i="1"/>
  <c r="U30068" i="1"/>
  <c r="U30067" i="1"/>
  <c r="U30066" i="1"/>
  <c r="U30065" i="1"/>
  <c r="U30064" i="1"/>
  <c r="U30063" i="1"/>
  <c r="U30062" i="1"/>
  <c r="U30061" i="1"/>
  <c r="U30060" i="1"/>
  <c r="U30059" i="1"/>
  <c r="U30058" i="1"/>
  <c r="U30057" i="1"/>
  <c r="U30056" i="1"/>
  <c r="U30055" i="1"/>
  <c r="U30054" i="1"/>
  <c r="U30053" i="1"/>
  <c r="U30052" i="1"/>
  <c r="U30051" i="1"/>
  <c r="U30050" i="1"/>
  <c r="U30049" i="1"/>
  <c r="U30048" i="1"/>
  <c r="U30047" i="1"/>
  <c r="U30046" i="1"/>
  <c r="U30045" i="1"/>
  <c r="U30044" i="1"/>
  <c r="U30043" i="1"/>
  <c r="U30042" i="1"/>
  <c r="U30041" i="1"/>
  <c r="U30040" i="1"/>
  <c r="U30039" i="1"/>
  <c r="U30038" i="1"/>
  <c r="U30037" i="1"/>
  <c r="U30036" i="1"/>
  <c r="U30035" i="1"/>
  <c r="U30034" i="1"/>
  <c r="U30033" i="1"/>
  <c r="U30032" i="1"/>
  <c r="U30031" i="1"/>
  <c r="U30030" i="1"/>
  <c r="U30029" i="1"/>
  <c r="U30028" i="1"/>
  <c r="U30027" i="1"/>
  <c r="U30026" i="1"/>
  <c r="U30025" i="1"/>
  <c r="U30024" i="1"/>
  <c r="U30023" i="1"/>
  <c r="U30022" i="1"/>
  <c r="U30021" i="1"/>
  <c r="U30020" i="1"/>
  <c r="U30019" i="1"/>
  <c r="U30018" i="1"/>
  <c r="U30017" i="1"/>
  <c r="U30016" i="1"/>
  <c r="U30015" i="1"/>
  <c r="U30014" i="1"/>
  <c r="U30013" i="1"/>
  <c r="U30012" i="1"/>
  <c r="U30011" i="1"/>
  <c r="U30010" i="1"/>
  <c r="U30009" i="1"/>
  <c r="U30008" i="1"/>
  <c r="U30007" i="1"/>
  <c r="U30006" i="1"/>
  <c r="U30005" i="1"/>
  <c r="U30004" i="1"/>
  <c r="U30003" i="1"/>
  <c r="U30002" i="1"/>
  <c r="U30001" i="1"/>
  <c r="U30000" i="1"/>
  <c r="U29999" i="1"/>
  <c r="U29998" i="1"/>
  <c r="U29997" i="1"/>
  <c r="U29996" i="1"/>
  <c r="U29995" i="1"/>
  <c r="U29994" i="1"/>
  <c r="U29993" i="1"/>
  <c r="U29992" i="1"/>
  <c r="U29991" i="1"/>
  <c r="U29990" i="1"/>
  <c r="U29989" i="1"/>
  <c r="U29988" i="1"/>
  <c r="U29987" i="1"/>
  <c r="U29986" i="1"/>
  <c r="U29985" i="1"/>
  <c r="U29984" i="1"/>
  <c r="U29983" i="1"/>
  <c r="U29982" i="1"/>
  <c r="U29981" i="1"/>
  <c r="U29980" i="1"/>
  <c r="U29979" i="1"/>
  <c r="U29978" i="1"/>
  <c r="U29977" i="1"/>
  <c r="U29976" i="1"/>
  <c r="U29975" i="1"/>
  <c r="U29974" i="1"/>
  <c r="U29973" i="1"/>
  <c r="U29972" i="1"/>
  <c r="U29971" i="1"/>
  <c r="U29970" i="1"/>
  <c r="U29969" i="1"/>
  <c r="U29968" i="1"/>
  <c r="U29967" i="1"/>
  <c r="U29966" i="1"/>
  <c r="U29965" i="1"/>
  <c r="U29964" i="1"/>
  <c r="U29963" i="1"/>
  <c r="U29962" i="1"/>
  <c r="U29961" i="1"/>
  <c r="U29960" i="1"/>
  <c r="U29959" i="1"/>
  <c r="U29958" i="1"/>
  <c r="U29957" i="1"/>
  <c r="U29956" i="1"/>
  <c r="U29955" i="1"/>
  <c r="U29954" i="1"/>
  <c r="U29953" i="1"/>
  <c r="U29952" i="1"/>
  <c r="U29951" i="1"/>
  <c r="U29950" i="1"/>
  <c r="U29949" i="1"/>
  <c r="U29948" i="1"/>
  <c r="U29947" i="1"/>
  <c r="U29946" i="1"/>
  <c r="U29945" i="1"/>
  <c r="U29944" i="1"/>
  <c r="U29943" i="1"/>
  <c r="U29942" i="1"/>
  <c r="U29941" i="1"/>
  <c r="U29940" i="1"/>
  <c r="U29939" i="1"/>
  <c r="U29938" i="1"/>
  <c r="U29937" i="1"/>
  <c r="U29936" i="1"/>
  <c r="U29935" i="1"/>
  <c r="U29934" i="1"/>
  <c r="U29933" i="1"/>
  <c r="U29932" i="1"/>
  <c r="U29931" i="1"/>
  <c r="U29930" i="1"/>
  <c r="U29929" i="1"/>
  <c r="U29928" i="1"/>
  <c r="U29927" i="1"/>
  <c r="U29926" i="1"/>
  <c r="U29925" i="1"/>
  <c r="U29924" i="1"/>
  <c r="U29923" i="1"/>
  <c r="U29922" i="1"/>
  <c r="U29921" i="1"/>
  <c r="U29920" i="1"/>
  <c r="U29919" i="1"/>
  <c r="U29918" i="1"/>
  <c r="U29917" i="1"/>
  <c r="U29916" i="1"/>
  <c r="U29915" i="1"/>
  <c r="U29914" i="1"/>
  <c r="U29913" i="1"/>
  <c r="U29912" i="1"/>
  <c r="U29911" i="1"/>
  <c r="U29910" i="1"/>
  <c r="U29909" i="1"/>
  <c r="U29908" i="1"/>
  <c r="U29907" i="1"/>
  <c r="U29906" i="1"/>
  <c r="U29905" i="1"/>
  <c r="U29904" i="1"/>
  <c r="U29903" i="1"/>
  <c r="U29902" i="1"/>
  <c r="U29901" i="1"/>
  <c r="U29900" i="1"/>
  <c r="U29899" i="1"/>
  <c r="U29898" i="1"/>
  <c r="U29897" i="1"/>
  <c r="U29896" i="1"/>
  <c r="U29895" i="1"/>
  <c r="U29894" i="1"/>
  <c r="U29893" i="1"/>
  <c r="U29892" i="1"/>
  <c r="U29891" i="1"/>
  <c r="U29890" i="1"/>
  <c r="U29889" i="1"/>
  <c r="U29888" i="1"/>
  <c r="U29887" i="1"/>
  <c r="U29886" i="1"/>
  <c r="U29885" i="1"/>
  <c r="U29884" i="1"/>
  <c r="U29883" i="1"/>
  <c r="U29882" i="1"/>
  <c r="U29881" i="1"/>
  <c r="U29880" i="1"/>
  <c r="U29879" i="1"/>
  <c r="U29878" i="1"/>
  <c r="U29877" i="1"/>
  <c r="U29876" i="1"/>
  <c r="U29875" i="1"/>
  <c r="U29874" i="1"/>
  <c r="U29873" i="1"/>
  <c r="U29872" i="1"/>
  <c r="U29871" i="1"/>
  <c r="U29870" i="1"/>
  <c r="U29869" i="1"/>
  <c r="U29868" i="1"/>
  <c r="U29867" i="1"/>
  <c r="U29866" i="1"/>
  <c r="U29865" i="1"/>
  <c r="U29864" i="1"/>
  <c r="U29863" i="1"/>
  <c r="U29862" i="1"/>
  <c r="U29861" i="1"/>
  <c r="U29860" i="1"/>
  <c r="U29859" i="1"/>
  <c r="U29858" i="1"/>
  <c r="U29857" i="1"/>
  <c r="U29856" i="1"/>
  <c r="U29855" i="1"/>
  <c r="U29854" i="1"/>
  <c r="U29853" i="1"/>
  <c r="U29852" i="1"/>
  <c r="U29851" i="1"/>
  <c r="U29850" i="1"/>
  <c r="U29849" i="1"/>
  <c r="U29848" i="1"/>
  <c r="U29847" i="1"/>
  <c r="U29846" i="1"/>
  <c r="U29845" i="1"/>
  <c r="U29844" i="1"/>
  <c r="U29843" i="1"/>
  <c r="U29842" i="1"/>
  <c r="U29841" i="1"/>
  <c r="U29840" i="1"/>
  <c r="U29839" i="1"/>
  <c r="U29838" i="1"/>
  <c r="U29837" i="1"/>
  <c r="U29836" i="1"/>
  <c r="U29835" i="1"/>
  <c r="U29834" i="1"/>
  <c r="U29833" i="1"/>
  <c r="U29832" i="1"/>
  <c r="U29831" i="1"/>
  <c r="U29830" i="1"/>
  <c r="U29829" i="1"/>
  <c r="U29828" i="1"/>
  <c r="U29827" i="1"/>
  <c r="U29826" i="1"/>
  <c r="U29825" i="1"/>
  <c r="U29824" i="1"/>
  <c r="U29823" i="1"/>
  <c r="U29822" i="1"/>
  <c r="U29821" i="1"/>
  <c r="U29820" i="1"/>
  <c r="U29819" i="1"/>
  <c r="U29818" i="1"/>
  <c r="U29817" i="1"/>
  <c r="U29816" i="1"/>
  <c r="U29815" i="1"/>
  <c r="U29814" i="1"/>
  <c r="U29813" i="1"/>
  <c r="U29812" i="1"/>
  <c r="U29811" i="1"/>
  <c r="U29810" i="1"/>
  <c r="U29809" i="1"/>
  <c r="U29808" i="1"/>
  <c r="U29807" i="1"/>
  <c r="U29806" i="1"/>
  <c r="U29805" i="1"/>
  <c r="U29804" i="1"/>
  <c r="U29803" i="1"/>
  <c r="U29802" i="1"/>
  <c r="U29801" i="1"/>
  <c r="U29800" i="1"/>
  <c r="U29799" i="1"/>
  <c r="U29798" i="1"/>
  <c r="U29797" i="1"/>
  <c r="U29796" i="1"/>
  <c r="U29795" i="1"/>
  <c r="U29794" i="1"/>
  <c r="U29793" i="1"/>
  <c r="U29792" i="1"/>
  <c r="U29791" i="1"/>
  <c r="U29790" i="1"/>
  <c r="U29789" i="1"/>
  <c r="U29788" i="1"/>
  <c r="U29787" i="1"/>
  <c r="U29786" i="1"/>
  <c r="U29785" i="1"/>
  <c r="U29784" i="1"/>
  <c r="U29783" i="1"/>
  <c r="U29782" i="1"/>
  <c r="U29781" i="1"/>
  <c r="U29780" i="1"/>
  <c r="U29779" i="1"/>
  <c r="U29778" i="1"/>
  <c r="U29777" i="1"/>
  <c r="U29776" i="1"/>
  <c r="U29775" i="1"/>
  <c r="U29774" i="1"/>
  <c r="U29773" i="1"/>
  <c r="U29772" i="1"/>
  <c r="U29771" i="1"/>
  <c r="U29770" i="1"/>
  <c r="U29769" i="1"/>
  <c r="U29768" i="1"/>
  <c r="U29767" i="1"/>
  <c r="U29766" i="1"/>
  <c r="U29765" i="1"/>
  <c r="U29764" i="1"/>
  <c r="U29763" i="1"/>
  <c r="U29762" i="1"/>
  <c r="U29761" i="1"/>
  <c r="U29760" i="1"/>
  <c r="U29759" i="1"/>
  <c r="U29758" i="1"/>
  <c r="U29757" i="1"/>
  <c r="U29756" i="1"/>
  <c r="U29755" i="1"/>
  <c r="U29754" i="1"/>
  <c r="U29753" i="1"/>
  <c r="U29752" i="1"/>
  <c r="U29751" i="1"/>
  <c r="U29750" i="1"/>
  <c r="U29749" i="1"/>
  <c r="U29748" i="1"/>
  <c r="U29747" i="1"/>
  <c r="U29746" i="1"/>
  <c r="U29745" i="1"/>
  <c r="U29744" i="1"/>
  <c r="U29743" i="1"/>
  <c r="U29742" i="1"/>
  <c r="U29741" i="1"/>
  <c r="U29740" i="1"/>
  <c r="U29739" i="1"/>
  <c r="U29738" i="1"/>
  <c r="U29737" i="1"/>
  <c r="U29736" i="1"/>
  <c r="U29735" i="1"/>
  <c r="U29734" i="1"/>
  <c r="U29733" i="1"/>
  <c r="U29732" i="1"/>
  <c r="U29731" i="1"/>
  <c r="U29730" i="1"/>
  <c r="U29729" i="1"/>
  <c r="U29728" i="1"/>
  <c r="U29727" i="1"/>
  <c r="U29726" i="1"/>
  <c r="U29725" i="1"/>
  <c r="U29724" i="1"/>
  <c r="U29723" i="1"/>
  <c r="U29722" i="1"/>
  <c r="U29721" i="1"/>
  <c r="U29720" i="1"/>
  <c r="U29719" i="1"/>
  <c r="U29718" i="1"/>
  <c r="U29717" i="1"/>
  <c r="U29716" i="1"/>
  <c r="U29715" i="1"/>
  <c r="U29714" i="1"/>
  <c r="U29713" i="1"/>
  <c r="U29712" i="1"/>
  <c r="U29711" i="1"/>
  <c r="U29710" i="1"/>
  <c r="U29709" i="1"/>
  <c r="U29708" i="1"/>
  <c r="U29707" i="1"/>
  <c r="U29706" i="1"/>
  <c r="U29705" i="1"/>
  <c r="U29704" i="1"/>
  <c r="U29703" i="1"/>
  <c r="U29702" i="1"/>
  <c r="U29701" i="1"/>
  <c r="U29700" i="1"/>
  <c r="U29699" i="1"/>
  <c r="U29698" i="1"/>
  <c r="U29697" i="1"/>
  <c r="U29696" i="1"/>
  <c r="U29695" i="1"/>
  <c r="U29694" i="1"/>
  <c r="U29693" i="1"/>
  <c r="U29692" i="1"/>
  <c r="U29691" i="1"/>
  <c r="U29690" i="1"/>
  <c r="U29689" i="1"/>
  <c r="U29688" i="1"/>
  <c r="U29687" i="1"/>
  <c r="U29686" i="1"/>
  <c r="U29685" i="1"/>
  <c r="U29684" i="1"/>
  <c r="U29683" i="1"/>
  <c r="U29682" i="1"/>
  <c r="U29681" i="1"/>
  <c r="U29680" i="1"/>
  <c r="U29679" i="1"/>
  <c r="U29678" i="1"/>
  <c r="U29677" i="1"/>
  <c r="U29676" i="1"/>
  <c r="U29675" i="1"/>
  <c r="U29674" i="1"/>
  <c r="U29673" i="1"/>
  <c r="U29672" i="1"/>
  <c r="U29671" i="1"/>
  <c r="U29670" i="1"/>
  <c r="U29669" i="1"/>
  <c r="U29668" i="1"/>
  <c r="U29667" i="1"/>
  <c r="U29666" i="1"/>
  <c r="U29665" i="1"/>
  <c r="U29664" i="1"/>
  <c r="U29663" i="1"/>
  <c r="U29662" i="1"/>
  <c r="U29661" i="1"/>
  <c r="U29660" i="1"/>
  <c r="U29659" i="1"/>
  <c r="U29658" i="1"/>
  <c r="U29657" i="1"/>
  <c r="U29656" i="1"/>
  <c r="U29655" i="1"/>
  <c r="U29654" i="1"/>
  <c r="U29653" i="1"/>
  <c r="U29652" i="1"/>
  <c r="U29651" i="1"/>
  <c r="U29650" i="1"/>
  <c r="U29649" i="1"/>
  <c r="U29648" i="1"/>
  <c r="U29647" i="1"/>
  <c r="U29646" i="1"/>
  <c r="U29645" i="1"/>
  <c r="U29644" i="1"/>
  <c r="U29643" i="1"/>
  <c r="U29642" i="1"/>
  <c r="U29641" i="1"/>
  <c r="U29640" i="1"/>
  <c r="U29639" i="1"/>
  <c r="U29638" i="1"/>
  <c r="U29637" i="1"/>
  <c r="U29636" i="1"/>
  <c r="U29635" i="1"/>
  <c r="U29634" i="1"/>
  <c r="U29633" i="1"/>
  <c r="U29632" i="1"/>
  <c r="U29631" i="1"/>
  <c r="U29630" i="1"/>
  <c r="U29629" i="1"/>
  <c r="U29628" i="1"/>
  <c r="U29627" i="1"/>
  <c r="U29626" i="1"/>
  <c r="U29625" i="1"/>
  <c r="U29624" i="1"/>
  <c r="U29623" i="1"/>
  <c r="U29622" i="1"/>
  <c r="U29621" i="1"/>
  <c r="U29620" i="1"/>
  <c r="U29619" i="1"/>
  <c r="U29618" i="1"/>
  <c r="U29617" i="1"/>
  <c r="U29616" i="1"/>
  <c r="U29615" i="1"/>
  <c r="U29614" i="1"/>
  <c r="U29613" i="1"/>
  <c r="U29612" i="1"/>
  <c r="U29611" i="1"/>
  <c r="U29610" i="1"/>
  <c r="U29609" i="1"/>
  <c r="U29608" i="1"/>
  <c r="U29607" i="1"/>
  <c r="U29606" i="1"/>
  <c r="U29605" i="1"/>
  <c r="U29604" i="1"/>
  <c r="U29603" i="1"/>
  <c r="U29602" i="1"/>
  <c r="U29601" i="1"/>
  <c r="U29600" i="1"/>
  <c r="U29599" i="1"/>
  <c r="U29598" i="1"/>
  <c r="U29597" i="1"/>
  <c r="U29596" i="1"/>
  <c r="U29595" i="1"/>
  <c r="U29594" i="1"/>
  <c r="U29593" i="1"/>
  <c r="U29592" i="1"/>
  <c r="U29591" i="1"/>
  <c r="U29590" i="1"/>
  <c r="U29589" i="1"/>
  <c r="U29588" i="1"/>
  <c r="U29587" i="1"/>
  <c r="U29586" i="1"/>
  <c r="U29585" i="1"/>
  <c r="U29584" i="1"/>
  <c r="U29583" i="1"/>
  <c r="U29582" i="1"/>
  <c r="U29581" i="1"/>
  <c r="U29580" i="1"/>
  <c r="U29579" i="1"/>
  <c r="U29578" i="1"/>
  <c r="U29577" i="1"/>
  <c r="U29576" i="1"/>
  <c r="U29575" i="1"/>
  <c r="U29574" i="1"/>
  <c r="U29573" i="1"/>
  <c r="U29572" i="1"/>
  <c r="U29571" i="1"/>
  <c r="U29570" i="1"/>
  <c r="U29569" i="1"/>
  <c r="U29568" i="1"/>
  <c r="U29567" i="1"/>
  <c r="U29566" i="1"/>
  <c r="U29565" i="1"/>
  <c r="U29564" i="1"/>
  <c r="U29563" i="1"/>
  <c r="U29562" i="1"/>
  <c r="U29561" i="1"/>
  <c r="U29560" i="1"/>
  <c r="U29559" i="1"/>
  <c r="U29558" i="1"/>
  <c r="U29557" i="1"/>
  <c r="U29556" i="1"/>
  <c r="U29555" i="1"/>
  <c r="U29554" i="1"/>
  <c r="U29553" i="1"/>
  <c r="U29552" i="1"/>
  <c r="U29551" i="1"/>
  <c r="U29550" i="1"/>
  <c r="U29549" i="1"/>
  <c r="U29548" i="1"/>
  <c r="U29547" i="1"/>
  <c r="U29546" i="1"/>
  <c r="U29545" i="1"/>
  <c r="U29544" i="1"/>
  <c r="U29543" i="1"/>
  <c r="U29542" i="1"/>
  <c r="U29541" i="1"/>
  <c r="U29540" i="1"/>
  <c r="U29539" i="1"/>
  <c r="U29538" i="1"/>
  <c r="U29537" i="1"/>
  <c r="U29536" i="1"/>
  <c r="U29535" i="1"/>
  <c r="U29534" i="1"/>
  <c r="U29533" i="1"/>
  <c r="U29532" i="1"/>
  <c r="U29531" i="1"/>
  <c r="U29530" i="1"/>
  <c r="U29529" i="1"/>
  <c r="U29528" i="1"/>
  <c r="U29527" i="1"/>
  <c r="U29526" i="1"/>
  <c r="U29525" i="1"/>
  <c r="U29524" i="1"/>
  <c r="U29523" i="1"/>
  <c r="U29522" i="1"/>
  <c r="U29521" i="1"/>
  <c r="U29520" i="1"/>
  <c r="U29519" i="1"/>
  <c r="U29518" i="1"/>
  <c r="U29517" i="1"/>
  <c r="U29516" i="1"/>
  <c r="U29515" i="1"/>
  <c r="U29514" i="1"/>
  <c r="U29513" i="1"/>
  <c r="U29512" i="1"/>
  <c r="U29511" i="1"/>
  <c r="U29510" i="1"/>
  <c r="U29509" i="1"/>
  <c r="U29508" i="1"/>
  <c r="U29507" i="1"/>
  <c r="U29506" i="1"/>
  <c r="U29505" i="1"/>
  <c r="U29504" i="1"/>
  <c r="U29503" i="1"/>
  <c r="U29502" i="1"/>
  <c r="U29501" i="1"/>
  <c r="U29500" i="1"/>
  <c r="U29499" i="1"/>
  <c r="U29498" i="1"/>
  <c r="U29497" i="1"/>
  <c r="U29496" i="1"/>
  <c r="U29495" i="1"/>
  <c r="U29494" i="1"/>
  <c r="U29493" i="1"/>
  <c r="U29492" i="1"/>
  <c r="U29491" i="1"/>
  <c r="U29490" i="1"/>
  <c r="U29489" i="1"/>
  <c r="U29488" i="1"/>
  <c r="U29487" i="1"/>
  <c r="U29486" i="1"/>
  <c r="U29485" i="1"/>
  <c r="U29484" i="1"/>
  <c r="U29483" i="1"/>
  <c r="U29482" i="1"/>
  <c r="U29481" i="1"/>
  <c r="U29480" i="1"/>
  <c r="U29479" i="1"/>
  <c r="U29478" i="1"/>
  <c r="U29477" i="1"/>
  <c r="U29476" i="1"/>
  <c r="U29475" i="1"/>
  <c r="U29474" i="1"/>
  <c r="U29473" i="1"/>
  <c r="U29472" i="1"/>
  <c r="U29471" i="1"/>
  <c r="U29470" i="1"/>
  <c r="U29469" i="1"/>
  <c r="U29468" i="1"/>
  <c r="U29467" i="1"/>
  <c r="U29466" i="1"/>
  <c r="U29465" i="1"/>
  <c r="U29464" i="1"/>
  <c r="U29463" i="1"/>
  <c r="U29462" i="1"/>
  <c r="U29461" i="1"/>
  <c r="U29460" i="1"/>
  <c r="U29459" i="1"/>
  <c r="U29458" i="1"/>
  <c r="U29457" i="1"/>
  <c r="U29456" i="1"/>
  <c r="U29455" i="1"/>
  <c r="U29454" i="1"/>
  <c r="U29453" i="1"/>
  <c r="U29452" i="1"/>
  <c r="U29451" i="1"/>
  <c r="U29450" i="1"/>
  <c r="U29449" i="1"/>
  <c r="U29448" i="1"/>
  <c r="U29447" i="1"/>
  <c r="U29446" i="1"/>
  <c r="U29445" i="1"/>
  <c r="U29444" i="1"/>
  <c r="U29443" i="1"/>
  <c r="U29442" i="1"/>
  <c r="U29441" i="1"/>
  <c r="U29440" i="1"/>
  <c r="U29439" i="1"/>
  <c r="U29438" i="1"/>
  <c r="U29437" i="1"/>
  <c r="U29436" i="1"/>
  <c r="U29435" i="1"/>
  <c r="U29434" i="1"/>
  <c r="U29433" i="1"/>
  <c r="U29432" i="1"/>
  <c r="U29431" i="1"/>
  <c r="U29430" i="1"/>
  <c r="U29429" i="1"/>
  <c r="U29428" i="1"/>
  <c r="U29427" i="1"/>
  <c r="U29426" i="1"/>
  <c r="U29425" i="1"/>
  <c r="U29424" i="1"/>
  <c r="U29423" i="1"/>
  <c r="U29422" i="1"/>
  <c r="U29421" i="1"/>
  <c r="U29420" i="1"/>
  <c r="U29419" i="1"/>
  <c r="U29418" i="1"/>
  <c r="U29417" i="1"/>
  <c r="U29416" i="1"/>
  <c r="U29415" i="1"/>
  <c r="U29414" i="1"/>
  <c r="U29413" i="1"/>
  <c r="U29412" i="1"/>
  <c r="U29411" i="1"/>
  <c r="U29410" i="1"/>
  <c r="U29409" i="1"/>
  <c r="U29408" i="1"/>
  <c r="U29407" i="1"/>
  <c r="U29406" i="1"/>
  <c r="U29405" i="1"/>
  <c r="U29404" i="1"/>
  <c r="U29403" i="1"/>
  <c r="U29402" i="1"/>
  <c r="U29401" i="1"/>
  <c r="U29400" i="1"/>
  <c r="U29399" i="1"/>
  <c r="U29398" i="1"/>
  <c r="U29397" i="1"/>
  <c r="U29396" i="1"/>
  <c r="U29395" i="1"/>
  <c r="U29394" i="1"/>
  <c r="U29393" i="1"/>
  <c r="U29392" i="1"/>
  <c r="U29391" i="1"/>
  <c r="U29390" i="1"/>
  <c r="U29389" i="1"/>
  <c r="U29388" i="1"/>
  <c r="U29387" i="1"/>
  <c r="U29386" i="1"/>
  <c r="U29385" i="1"/>
  <c r="U29384" i="1"/>
  <c r="U29383" i="1"/>
  <c r="U29382" i="1"/>
  <c r="U29381" i="1"/>
  <c r="U29380" i="1"/>
  <c r="U29379" i="1"/>
  <c r="U29378" i="1"/>
  <c r="U29377" i="1"/>
  <c r="U29376" i="1"/>
  <c r="U29375" i="1"/>
  <c r="U29374" i="1"/>
  <c r="U29373" i="1"/>
  <c r="U29372" i="1"/>
  <c r="U29371" i="1"/>
  <c r="U29370" i="1"/>
  <c r="U29369" i="1"/>
  <c r="U29368" i="1"/>
  <c r="U29367" i="1"/>
  <c r="U29366" i="1"/>
  <c r="U29365" i="1"/>
  <c r="U29364" i="1"/>
  <c r="U29363" i="1"/>
  <c r="U29362" i="1"/>
  <c r="U29361" i="1"/>
  <c r="U29360" i="1"/>
  <c r="U29359" i="1"/>
  <c r="U29358" i="1"/>
  <c r="U29357" i="1"/>
  <c r="U29356" i="1"/>
  <c r="U29355" i="1"/>
  <c r="U29354" i="1"/>
  <c r="U29353" i="1"/>
  <c r="U29352" i="1"/>
  <c r="U29351" i="1"/>
  <c r="U29350" i="1"/>
  <c r="U29349" i="1"/>
  <c r="U29348" i="1"/>
  <c r="U29347" i="1"/>
  <c r="U29346" i="1"/>
  <c r="U29345" i="1"/>
  <c r="U29344" i="1"/>
  <c r="U29343" i="1"/>
  <c r="U29342" i="1"/>
  <c r="U29341" i="1"/>
  <c r="U29340" i="1"/>
  <c r="U29339" i="1"/>
  <c r="U29338" i="1"/>
  <c r="U29337" i="1"/>
  <c r="U29336" i="1"/>
  <c r="U29335" i="1"/>
  <c r="U29334" i="1"/>
  <c r="U29333" i="1"/>
  <c r="U29332" i="1"/>
  <c r="U29331" i="1"/>
  <c r="U29330" i="1"/>
  <c r="U29329" i="1"/>
  <c r="U29328" i="1"/>
  <c r="U29327" i="1"/>
  <c r="U29326" i="1"/>
  <c r="U29325" i="1"/>
  <c r="U29324" i="1"/>
  <c r="U29323" i="1"/>
  <c r="U29322" i="1"/>
  <c r="U29321" i="1"/>
  <c r="U29320" i="1"/>
  <c r="U29319" i="1"/>
  <c r="U29318" i="1"/>
  <c r="U29317" i="1"/>
  <c r="U29316" i="1"/>
  <c r="U29315" i="1"/>
  <c r="U29314" i="1"/>
  <c r="U29313" i="1"/>
  <c r="U29312" i="1"/>
  <c r="U29311" i="1"/>
  <c r="U29310" i="1"/>
  <c r="U29309" i="1"/>
  <c r="U29308" i="1"/>
  <c r="U29307" i="1"/>
  <c r="U29306" i="1"/>
  <c r="U29305" i="1"/>
  <c r="U29304" i="1"/>
  <c r="U29303" i="1"/>
  <c r="U29302" i="1"/>
  <c r="U29301" i="1"/>
  <c r="U29300" i="1"/>
  <c r="U29299" i="1"/>
  <c r="U29298" i="1"/>
  <c r="U29297" i="1"/>
  <c r="U29296" i="1"/>
  <c r="U29295" i="1"/>
  <c r="U29294" i="1"/>
  <c r="U29293" i="1"/>
  <c r="U29292" i="1"/>
  <c r="U29291" i="1"/>
  <c r="U29290" i="1"/>
  <c r="U29289" i="1"/>
  <c r="U29288" i="1"/>
  <c r="U29287" i="1"/>
  <c r="U29286" i="1"/>
  <c r="U29285" i="1"/>
  <c r="U29284" i="1"/>
  <c r="U29283" i="1"/>
  <c r="U29282" i="1"/>
  <c r="U29281" i="1"/>
  <c r="U29280" i="1"/>
  <c r="U29279" i="1"/>
  <c r="U29278" i="1"/>
  <c r="U29277" i="1"/>
  <c r="U29276" i="1"/>
  <c r="U29275" i="1"/>
  <c r="U29274" i="1"/>
  <c r="U29273" i="1"/>
  <c r="U29272" i="1"/>
  <c r="U29271" i="1"/>
  <c r="U29270" i="1"/>
  <c r="U29269" i="1"/>
  <c r="U29268" i="1"/>
  <c r="U29267" i="1"/>
  <c r="U29266" i="1"/>
  <c r="U29265" i="1"/>
  <c r="U29264" i="1"/>
  <c r="U29263" i="1"/>
  <c r="U29262" i="1"/>
  <c r="U29261" i="1"/>
  <c r="U29260" i="1"/>
  <c r="U29259" i="1"/>
  <c r="U29258" i="1"/>
  <c r="U29257" i="1"/>
  <c r="U29256" i="1"/>
  <c r="U29255" i="1"/>
  <c r="U29254" i="1"/>
  <c r="U29253" i="1"/>
  <c r="U29252" i="1"/>
  <c r="U29251" i="1"/>
  <c r="U29250" i="1"/>
  <c r="U29249" i="1"/>
  <c r="U29248" i="1"/>
  <c r="U29247" i="1"/>
  <c r="U29246" i="1"/>
  <c r="U29245" i="1"/>
  <c r="U29244" i="1"/>
  <c r="U29243" i="1"/>
  <c r="U29242" i="1"/>
  <c r="U29241" i="1"/>
  <c r="U29240" i="1"/>
  <c r="U29239" i="1"/>
  <c r="U29238" i="1"/>
  <c r="U29237" i="1"/>
  <c r="U29236" i="1"/>
  <c r="U29235" i="1"/>
  <c r="U29234" i="1"/>
  <c r="U29233" i="1"/>
  <c r="U29232" i="1"/>
  <c r="U29231" i="1"/>
  <c r="U29230" i="1"/>
  <c r="U29229" i="1"/>
  <c r="U29228" i="1"/>
  <c r="U29227" i="1"/>
  <c r="U29226" i="1"/>
  <c r="U29225" i="1"/>
  <c r="U29224" i="1"/>
  <c r="U29223" i="1"/>
  <c r="U29222" i="1"/>
  <c r="U29221" i="1"/>
  <c r="U29220" i="1"/>
  <c r="U29219" i="1"/>
  <c r="U29218" i="1"/>
  <c r="U29217" i="1"/>
  <c r="U29216" i="1"/>
  <c r="U29215" i="1"/>
  <c r="U29214" i="1"/>
  <c r="U29213" i="1"/>
  <c r="U29212" i="1"/>
  <c r="U29211" i="1"/>
  <c r="U29210" i="1"/>
  <c r="U29209" i="1"/>
  <c r="U29208" i="1"/>
  <c r="U29207" i="1"/>
  <c r="U29206" i="1"/>
  <c r="U29205" i="1"/>
  <c r="U29204" i="1"/>
  <c r="U29203" i="1"/>
  <c r="U29202" i="1"/>
  <c r="U29201" i="1"/>
  <c r="U29200" i="1"/>
  <c r="U29199" i="1"/>
  <c r="U29198" i="1"/>
  <c r="U29197" i="1"/>
  <c r="U29196" i="1"/>
  <c r="U29195" i="1"/>
  <c r="U29194" i="1"/>
  <c r="U29193" i="1"/>
  <c r="U29192" i="1"/>
  <c r="U29191" i="1"/>
  <c r="U29190" i="1"/>
  <c r="U29189" i="1"/>
  <c r="U29188" i="1"/>
  <c r="U29187" i="1"/>
  <c r="U29186" i="1"/>
  <c r="U29185" i="1"/>
  <c r="U29184" i="1"/>
  <c r="U29183" i="1"/>
  <c r="U29182" i="1"/>
  <c r="U29181" i="1"/>
  <c r="U29180" i="1"/>
  <c r="U29179" i="1"/>
  <c r="U29178" i="1"/>
  <c r="U29177" i="1"/>
  <c r="U29176" i="1"/>
  <c r="U29175" i="1"/>
  <c r="U29174" i="1"/>
  <c r="U29173" i="1"/>
  <c r="U29172" i="1"/>
  <c r="U29171" i="1"/>
  <c r="U29170" i="1"/>
  <c r="U29169" i="1"/>
  <c r="U29168" i="1"/>
  <c r="U29167" i="1"/>
  <c r="U29166" i="1"/>
  <c r="U29165" i="1"/>
  <c r="U29164" i="1"/>
  <c r="U29163" i="1"/>
  <c r="U29162" i="1"/>
  <c r="U29161" i="1"/>
  <c r="U29160" i="1"/>
  <c r="U29159" i="1"/>
  <c r="U29158" i="1"/>
  <c r="U29157" i="1"/>
  <c r="U29156" i="1"/>
  <c r="U29155" i="1"/>
  <c r="U29154" i="1"/>
  <c r="U29153" i="1"/>
  <c r="U29152" i="1"/>
  <c r="U29151" i="1"/>
  <c r="U29150" i="1"/>
  <c r="U29149" i="1"/>
  <c r="U29148" i="1"/>
  <c r="U29147" i="1"/>
  <c r="U29146" i="1"/>
  <c r="U29145" i="1"/>
  <c r="U29144" i="1"/>
  <c r="U29143" i="1"/>
  <c r="U29142" i="1"/>
  <c r="U29141" i="1"/>
  <c r="U29140" i="1"/>
  <c r="U29139" i="1"/>
  <c r="U29138" i="1"/>
  <c r="U29137" i="1"/>
  <c r="U29136" i="1"/>
  <c r="U29135" i="1"/>
  <c r="U29134" i="1"/>
  <c r="U29133" i="1"/>
  <c r="U29132" i="1"/>
  <c r="U29131" i="1"/>
  <c r="U29130" i="1"/>
  <c r="U29129" i="1"/>
  <c r="U29128" i="1"/>
  <c r="U29127" i="1"/>
  <c r="U29126" i="1"/>
  <c r="U29125" i="1"/>
  <c r="U29124" i="1"/>
  <c r="U29123" i="1"/>
  <c r="U29122" i="1"/>
  <c r="U29121" i="1"/>
  <c r="U29120" i="1"/>
  <c r="U29119" i="1"/>
  <c r="U29118" i="1"/>
  <c r="U29117" i="1"/>
  <c r="U29116" i="1"/>
  <c r="U29115" i="1"/>
  <c r="U29114" i="1"/>
  <c r="U29113" i="1"/>
  <c r="U29112" i="1"/>
  <c r="U29111" i="1"/>
  <c r="U29110" i="1"/>
  <c r="U29109" i="1"/>
  <c r="U29108" i="1"/>
  <c r="U29107" i="1"/>
  <c r="U29106" i="1"/>
  <c r="U29105" i="1"/>
  <c r="U29104" i="1"/>
  <c r="U29103" i="1"/>
  <c r="U29102" i="1"/>
  <c r="U29101" i="1"/>
  <c r="U29100" i="1"/>
  <c r="U29099" i="1"/>
  <c r="U29098" i="1"/>
  <c r="U29097" i="1"/>
  <c r="U29096" i="1"/>
  <c r="U29095" i="1"/>
  <c r="U29094" i="1"/>
  <c r="U29093" i="1"/>
  <c r="U29092" i="1"/>
  <c r="U29091" i="1"/>
  <c r="U29090" i="1"/>
  <c r="U29089" i="1"/>
  <c r="U29088" i="1"/>
  <c r="U29087" i="1"/>
  <c r="U29086" i="1"/>
  <c r="U29085" i="1"/>
  <c r="U29084" i="1"/>
  <c r="U29083" i="1"/>
  <c r="U29082" i="1"/>
  <c r="U29081" i="1"/>
  <c r="U29080" i="1"/>
  <c r="U29079" i="1"/>
  <c r="U29078" i="1"/>
  <c r="U29077" i="1"/>
  <c r="U29076" i="1"/>
  <c r="U29075" i="1"/>
  <c r="U29074" i="1"/>
  <c r="U29073" i="1"/>
  <c r="U29072" i="1"/>
  <c r="U29071" i="1"/>
  <c r="U29070" i="1"/>
  <c r="U29069" i="1"/>
  <c r="U29068" i="1"/>
  <c r="U29067" i="1"/>
  <c r="U29066" i="1"/>
  <c r="U29065" i="1"/>
  <c r="U29064" i="1"/>
  <c r="U29063" i="1"/>
  <c r="U29062" i="1"/>
  <c r="U29061" i="1"/>
  <c r="U29060" i="1"/>
  <c r="U29059" i="1"/>
  <c r="U29058" i="1"/>
  <c r="U29057" i="1"/>
  <c r="U29056" i="1"/>
  <c r="U29055" i="1"/>
  <c r="U29054" i="1"/>
  <c r="U29053" i="1"/>
  <c r="U29052" i="1"/>
  <c r="U29051" i="1"/>
  <c r="U29050" i="1"/>
  <c r="U29049" i="1"/>
  <c r="U29048" i="1"/>
  <c r="U29047" i="1"/>
  <c r="U29046" i="1"/>
  <c r="U29045" i="1"/>
  <c r="U29044" i="1"/>
  <c r="U29043" i="1"/>
  <c r="U29042" i="1"/>
  <c r="U29041" i="1"/>
  <c r="U29040" i="1"/>
  <c r="U29039" i="1"/>
  <c r="U29038" i="1"/>
  <c r="U29037" i="1"/>
  <c r="U29036" i="1"/>
  <c r="U29035" i="1"/>
  <c r="U29034" i="1"/>
  <c r="U29033" i="1"/>
  <c r="U29032" i="1"/>
  <c r="U29031" i="1"/>
  <c r="U29030" i="1"/>
  <c r="U29029" i="1"/>
  <c r="U29028" i="1"/>
  <c r="U29027" i="1"/>
  <c r="U29026" i="1"/>
  <c r="U29025" i="1"/>
  <c r="U29024" i="1"/>
  <c r="U29023" i="1"/>
  <c r="U29022" i="1"/>
  <c r="U29021" i="1"/>
  <c r="U29020" i="1"/>
  <c r="U29019" i="1"/>
  <c r="U29018" i="1"/>
  <c r="U29017" i="1"/>
  <c r="U29016" i="1"/>
  <c r="U29015" i="1"/>
  <c r="U29014" i="1"/>
  <c r="U29013" i="1"/>
  <c r="U29012" i="1"/>
  <c r="U29011" i="1"/>
  <c r="U29010" i="1"/>
  <c r="U29009" i="1"/>
  <c r="U29008" i="1"/>
  <c r="U29007" i="1"/>
  <c r="U29006" i="1"/>
  <c r="U29005" i="1"/>
  <c r="U29004" i="1"/>
  <c r="U29003" i="1"/>
  <c r="U29002" i="1"/>
  <c r="U29001" i="1"/>
  <c r="U29000" i="1"/>
  <c r="U28999" i="1"/>
  <c r="U28998" i="1"/>
  <c r="U28997" i="1"/>
  <c r="U28996" i="1"/>
  <c r="U28995" i="1"/>
  <c r="U28994" i="1"/>
  <c r="U28993" i="1"/>
  <c r="U28992" i="1"/>
  <c r="U28991" i="1"/>
  <c r="U28990" i="1"/>
  <c r="U28989" i="1"/>
  <c r="U28988" i="1"/>
  <c r="U28987" i="1"/>
  <c r="U28986" i="1"/>
  <c r="U28985" i="1"/>
  <c r="U28984" i="1"/>
  <c r="U28983" i="1"/>
  <c r="U28982" i="1"/>
  <c r="U28981" i="1"/>
  <c r="U28980" i="1"/>
  <c r="U28979" i="1"/>
  <c r="U28978" i="1"/>
  <c r="U28977" i="1"/>
  <c r="U28976" i="1"/>
  <c r="U28975" i="1"/>
  <c r="U28974" i="1"/>
  <c r="U28973" i="1"/>
  <c r="U28972" i="1"/>
  <c r="U28971" i="1"/>
  <c r="U28970" i="1"/>
  <c r="U28969" i="1"/>
  <c r="U28968" i="1"/>
  <c r="U28967" i="1"/>
  <c r="U28966" i="1"/>
  <c r="U28965" i="1"/>
  <c r="U28964" i="1"/>
  <c r="U28963" i="1"/>
  <c r="U28962" i="1"/>
  <c r="U28961" i="1"/>
  <c r="U28960" i="1"/>
  <c r="U28959" i="1"/>
  <c r="U28958" i="1"/>
  <c r="U28957" i="1"/>
  <c r="U28956" i="1"/>
  <c r="U28955" i="1"/>
  <c r="U28954" i="1"/>
  <c r="U28953" i="1"/>
  <c r="U28952" i="1"/>
  <c r="U28951" i="1"/>
  <c r="U28950" i="1"/>
  <c r="U28949" i="1"/>
  <c r="U28948" i="1"/>
  <c r="U28947" i="1"/>
  <c r="U28946" i="1"/>
  <c r="U28945" i="1"/>
  <c r="U28944" i="1"/>
  <c r="U28943" i="1"/>
  <c r="U28942" i="1"/>
  <c r="U28941" i="1"/>
  <c r="U28940" i="1"/>
  <c r="U28939" i="1"/>
  <c r="U28938" i="1"/>
  <c r="U28937" i="1"/>
  <c r="U28936" i="1"/>
  <c r="U28935" i="1"/>
  <c r="U28934" i="1"/>
  <c r="U28933" i="1"/>
  <c r="U28932" i="1"/>
  <c r="U28931" i="1"/>
  <c r="U28930" i="1"/>
  <c r="U28929" i="1"/>
  <c r="U28928" i="1"/>
  <c r="U28927" i="1"/>
  <c r="U28926" i="1"/>
  <c r="U28925" i="1"/>
  <c r="U28924" i="1"/>
  <c r="U28923" i="1"/>
  <c r="U28922" i="1"/>
  <c r="U28921" i="1"/>
  <c r="U28920" i="1"/>
  <c r="U28919" i="1"/>
  <c r="U28918" i="1"/>
  <c r="U28917" i="1"/>
  <c r="U28916" i="1"/>
  <c r="U28915" i="1"/>
  <c r="U28914" i="1"/>
  <c r="U28913" i="1"/>
  <c r="U28912" i="1"/>
  <c r="U28911" i="1"/>
  <c r="U28910" i="1"/>
  <c r="U28909" i="1"/>
  <c r="U28908" i="1"/>
  <c r="U28907" i="1"/>
  <c r="U28906" i="1"/>
  <c r="U28905" i="1"/>
  <c r="U28904" i="1"/>
  <c r="U28903" i="1"/>
  <c r="U28902" i="1"/>
  <c r="U28901" i="1"/>
  <c r="U28900" i="1"/>
  <c r="U28899" i="1"/>
  <c r="U28898" i="1"/>
  <c r="U28897" i="1"/>
  <c r="U28896" i="1"/>
  <c r="U28895" i="1"/>
  <c r="U28894" i="1"/>
  <c r="U28893" i="1"/>
  <c r="U28892" i="1"/>
  <c r="U28891" i="1"/>
  <c r="U28890" i="1"/>
  <c r="U28889" i="1"/>
  <c r="U28888" i="1"/>
  <c r="U28887" i="1"/>
  <c r="U28886" i="1"/>
  <c r="U28885" i="1"/>
  <c r="U28884" i="1"/>
  <c r="U28883" i="1"/>
  <c r="U28882" i="1"/>
  <c r="U28881" i="1"/>
  <c r="U28880" i="1"/>
  <c r="U28879" i="1"/>
  <c r="U28878" i="1"/>
  <c r="U28877" i="1"/>
  <c r="U28876" i="1"/>
  <c r="U28875" i="1"/>
  <c r="U28874" i="1"/>
  <c r="U28873" i="1"/>
  <c r="U28872" i="1"/>
  <c r="U28871" i="1"/>
  <c r="U28870" i="1"/>
  <c r="U28869" i="1"/>
  <c r="U28868" i="1"/>
  <c r="U28867" i="1"/>
  <c r="U28866" i="1"/>
  <c r="U28865" i="1"/>
  <c r="U28864" i="1"/>
  <c r="U28863" i="1"/>
  <c r="U28862" i="1"/>
  <c r="U28861" i="1"/>
  <c r="U28860" i="1"/>
  <c r="U28859" i="1"/>
  <c r="U28858" i="1"/>
  <c r="U28857" i="1"/>
  <c r="U28856" i="1"/>
  <c r="U28855" i="1"/>
  <c r="U28854" i="1"/>
  <c r="U28853" i="1"/>
  <c r="U28852" i="1"/>
  <c r="U28851" i="1"/>
  <c r="U28850" i="1"/>
  <c r="U28849" i="1"/>
  <c r="U28848" i="1"/>
  <c r="U28847" i="1"/>
  <c r="U28846" i="1"/>
  <c r="U28845" i="1"/>
  <c r="U28844" i="1"/>
  <c r="U28843" i="1"/>
  <c r="U28842" i="1"/>
  <c r="U28841" i="1"/>
  <c r="U28840" i="1"/>
  <c r="U28839" i="1"/>
  <c r="U28838" i="1"/>
  <c r="U28837" i="1"/>
  <c r="U28836" i="1"/>
  <c r="U28835" i="1"/>
  <c r="U28834" i="1"/>
  <c r="U28833" i="1"/>
  <c r="U28832" i="1"/>
  <c r="U28831" i="1"/>
  <c r="U28830" i="1"/>
  <c r="U28829" i="1"/>
  <c r="U28828" i="1"/>
  <c r="U28827" i="1"/>
  <c r="U28826" i="1"/>
  <c r="U28825" i="1"/>
  <c r="U28824" i="1"/>
  <c r="U28823" i="1"/>
  <c r="U28822" i="1"/>
  <c r="U28821" i="1"/>
  <c r="U28820" i="1"/>
  <c r="U28819" i="1"/>
  <c r="U28818" i="1"/>
  <c r="U28817" i="1"/>
  <c r="U28816" i="1"/>
  <c r="U28815" i="1"/>
  <c r="U28814" i="1"/>
  <c r="U28813" i="1"/>
  <c r="U28812" i="1"/>
  <c r="U28811" i="1"/>
  <c r="U28810" i="1"/>
  <c r="U28809" i="1"/>
  <c r="U28808" i="1"/>
  <c r="U28807" i="1"/>
  <c r="U28806" i="1"/>
  <c r="U28805" i="1"/>
  <c r="U28804" i="1"/>
  <c r="U28803" i="1"/>
  <c r="U28802" i="1"/>
  <c r="U28801" i="1"/>
  <c r="U28800" i="1"/>
  <c r="U28799" i="1"/>
  <c r="U28798" i="1"/>
  <c r="U28797" i="1"/>
  <c r="U28796" i="1"/>
  <c r="U28795" i="1"/>
  <c r="U28794" i="1"/>
  <c r="U28793" i="1"/>
  <c r="U28792" i="1"/>
  <c r="U28791" i="1"/>
  <c r="U28790" i="1"/>
  <c r="U28789" i="1"/>
  <c r="U28788" i="1"/>
  <c r="U28787" i="1"/>
  <c r="U28786" i="1"/>
  <c r="U28785" i="1"/>
  <c r="U28784" i="1"/>
  <c r="U28783" i="1"/>
  <c r="U28782" i="1"/>
  <c r="U28781" i="1"/>
  <c r="U28780" i="1"/>
  <c r="U28779" i="1"/>
  <c r="U28778" i="1"/>
  <c r="U28777" i="1"/>
  <c r="U28776" i="1"/>
  <c r="U28775" i="1"/>
  <c r="U28774" i="1"/>
  <c r="U28773" i="1"/>
  <c r="U28772" i="1"/>
  <c r="U28771" i="1"/>
  <c r="U28770" i="1"/>
  <c r="U28769" i="1"/>
  <c r="U28768" i="1"/>
  <c r="U28767" i="1"/>
  <c r="U28766" i="1"/>
  <c r="U28765" i="1"/>
  <c r="U28764" i="1"/>
  <c r="U28763" i="1"/>
  <c r="U28762" i="1"/>
  <c r="U28761" i="1"/>
  <c r="U28760" i="1"/>
  <c r="U28759" i="1"/>
  <c r="U28758" i="1"/>
  <c r="U28757" i="1"/>
  <c r="U28756" i="1"/>
  <c r="U28755" i="1"/>
  <c r="U28754" i="1"/>
  <c r="U28753" i="1"/>
  <c r="U28752" i="1"/>
  <c r="U28751" i="1"/>
  <c r="U28750" i="1"/>
  <c r="U28749" i="1"/>
  <c r="U28748" i="1"/>
  <c r="U28747" i="1"/>
  <c r="U28746" i="1"/>
  <c r="U28745" i="1"/>
  <c r="U28744" i="1"/>
  <c r="U28743" i="1"/>
  <c r="U28742" i="1"/>
  <c r="U28741" i="1"/>
  <c r="U28740" i="1"/>
  <c r="U28739" i="1"/>
  <c r="U28738" i="1"/>
  <c r="U28737" i="1"/>
  <c r="U28736" i="1"/>
  <c r="U28735" i="1"/>
  <c r="U28734" i="1"/>
  <c r="U28733" i="1"/>
  <c r="U28732" i="1"/>
  <c r="U28731" i="1"/>
  <c r="U28730" i="1"/>
  <c r="U28729" i="1"/>
  <c r="U28728" i="1"/>
  <c r="U28727" i="1"/>
  <c r="U28726" i="1"/>
  <c r="U28725" i="1"/>
  <c r="U28724" i="1"/>
  <c r="U28723" i="1"/>
  <c r="U28722" i="1"/>
  <c r="U28721" i="1"/>
  <c r="U28720" i="1"/>
  <c r="U28719" i="1"/>
  <c r="U28718" i="1"/>
  <c r="U28717" i="1"/>
  <c r="U28716" i="1"/>
  <c r="U28715" i="1"/>
  <c r="U28714" i="1"/>
  <c r="U28713" i="1"/>
  <c r="U28712" i="1"/>
  <c r="U28711" i="1"/>
  <c r="U28710" i="1"/>
  <c r="U28709" i="1"/>
  <c r="U28708" i="1"/>
  <c r="U28707" i="1"/>
  <c r="U28706" i="1"/>
  <c r="U28705" i="1"/>
  <c r="U28704" i="1"/>
  <c r="U28703" i="1"/>
  <c r="U28702" i="1"/>
  <c r="U28701" i="1"/>
  <c r="U28700" i="1"/>
  <c r="U28699" i="1"/>
  <c r="U28698" i="1"/>
  <c r="U28697" i="1"/>
  <c r="U28696" i="1"/>
  <c r="U28695" i="1"/>
  <c r="U28694" i="1"/>
  <c r="U28693" i="1"/>
  <c r="U28692" i="1"/>
  <c r="U28691" i="1"/>
  <c r="U28690" i="1"/>
  <c r="U28689" i="1"/>
  <c r="U28688" i="1"/>
  <c r="U28687" i="1"/>
  <c r="U28686" i="1"/>
  <c r="U28685" i="1"/>
  <c r="U28684" i="1"/>
  <c r="U28683" i="1"/>
  <c r="U28682" i="1"/>
  <c r="U28681" i="1"/>
  <c r="U28680" i="1"/>
  <c r="U28679" i="1"/>
  <c r="U28678" i="1"/>
  <c r="U28677" i="1"/>
  <c r="U28676" i="1"/>
  <c r="U28675" i="1"/>
  <c r="U28674" i="1"/>
  <c r="U28673" i="1"/>
  <c r="U28672" i="1"/>
  <c r="U28671" i="1"/>
  <c r="U28670" i="1"/>
  <c r="U28669" i="1"/>
  <c r="U28668" i="1"/>
  <c r="U28667" i="1"/>
  <c r="U28666" i="1"/>
  <c r="U28665" i="1"/>
  <c r="U28664" i="1"/>
  <c r="U28663" i="1"/>
  <c r="U28662" i="1"/>
  <c r="U28661" i="1"/>
  <c r="U28660" i="1"/>
  <c r="U28659" i="1"/>
  <c r="U28658" i="1"/>
  <c r="U28657" i="1"/>
  <c r="U28656" i="1"/>
  <c r="U28655" i="1"/>
  <c r="U28654" i="1"/>
  <c r="U28653" i="1"/>
  <c r="U28652" i="1"/>
  <c r="U28651" i="1"/>
  <c r="U28650" i="1"/>
  <c r="U28649" i="1"/>
  <c r="U28648" i="1"/>
  <c r="U28647" i="1"/>
  <c r="U28646" i="1"/>
  <c r="U28645" i="1"/>
  <c r="U28644" i="1"/>
  <c r="U28643" i="1"/>
  <c r="U28642" i="1"/>
  <c r="U28641" i="1"/>
  <c r="U28640" i="1"/>
  <c r="U28639" i="1"/>
  <c r="U28638" i="1"/>
  <c r="U28637" i="1"/>
  <c r="U28636" i="1"/>
  <c r="U28635" i="1"/>
  <c r="U28634" i="1"/>
  <c r="U28633" i="1"/>
  <c r="U28632" i="1"/>
  <c r="U28631" i="1"/>
  <c r="U28630" i="1"/>
  <c r="U28629" i="1"/>
  <c r="U28628" i="1"/>
  <c r="U28627" i="1"/>
  <c r="U28626" i="1"/>
  <c r="U28625" i="1"/>
  <c r="U28624" i="1"/>
  <c r="U28623" i="1"/>
  <c r="U28622" i="1"/>
  <c r="U28621" i="1"/>
  <c r="U28620" i="1"/>
  <c r="U28619" i="1"/>
  <c r="U28618" i="1"/>
  <c r="U28617" i="1"/>
  <c r="U28616" i="1"/>
  <c r="U28615" i="1"/>
  <c r="U28614" i="1"/>
  <c r="U28613" i="1"/>
  <c r="U28612" i="1"/>
  <c r="U28611" i="1"/>
  <c r="U28610" i="1"/>
  <c r="U28609" i="1"/>
  <c r="U28608" i="1"/>
  <c r="U28607" i="1"/>
  <c r="U28606" i="1"/>
  <c r="U28605" i="1"/>
  <c r="U28604" i="1"/>
  <c r="U28603" i="1"/>
  <c r="U28602" i="1"/>
  <c r="U28601" i="1"/>
  <c r="U28600" i="1"/>
  <c r="U28599" i="1"/>
  <c r="U28598" i="1"/>
  <c r="U28597" i="1"/>
  <c r="U28596" i="1"/>
  <c r="U28595" i="1"/>
  <c r="U28594" i="1"/>
  <c r="U28593" i="1"/>
  <c r="U28592" i="1"/>
  <c r="U28591" i="1"/>
  <c r="U28590" i="1"/>
  <c r="U28589" i="1"/>
  <c r="U28588" i="1"/>
  <c r="U28587" i="1"/>
  <c r="U28586" i="1"/>
  <c r="U28585" i="1"/>
  <c r="U28584" i="1"/>
  <c r="U28583" i="1"/>
  <c r="U28582" i="1"/>
  <c r="U28581" i="1"/>
  <c r="U28580" i="1"/>
  <c r="U28579" i="1"/>
  <c r="U28578" i="1"/>
  <c r="U28577" i="1"/>
  <c r="U28576" i="1"/>
  <c r="U28575" i="1"/>
  <c r="U28574" i="1"/>
  <c r="U28573" i="1"/>
  <c r="U28572" i="1"/>
  <c r="U28571" i="1"/>
  <c r="U28570" i="1"/>
  <c r="U28569" i="1"/>
  <c r="U28568" i="1"/>
  <c r="U28567" i="1"/>
  <c r="U28566" i="1"/>
  <c r="U28565" i="1"/>
  <c r="U28564" i="1"/>
  <c r="U28563" i="1"/>
  <c r="U28562" i="1"/>
  <c r="U28561" i="1"/>
  <c r="U28560" i="1"/>
  <c r="U28559" i="1"/>
  <c r="U28558" i="1"/>
  <c r="U28557" i="1"/>
  <c r="U28556" i="1"/>
  <c r="U28555" i="1"/>
  <c r="U28554" i="1"/>
  <c r="U28553" i="1"/>
  <c r="U28552" i="1"/>
  <c r="U28551" i="1"/>
  <c r="U28550" i="1"/>
  <c r="U28549" i="1"/>
  <c r="U28548" i="1"/>
  <c r="U28547" i="1"/>
  <c r="U28546" i="1"/>
  <c r="U28545" i="1"/>
  <c r="U28544" i="1"/>
  <c r="U28543" i="1"/>
  <c r="U28542" i="1"/>
  <c r="U28541" i="1"/>
  <c r="U28540" i="1"/>
  <c r="U28539" i="1"/>
  <c r="U28538" i="1"/>
  <c r="U28537" i="1"/>
  <c r="U28536" i="1"/>
  <c r="U28535" i="1"/>
  <c r="U28534" i="1"/>
  <c r="U28533" i="1"/>
  <c r="U28532" i="1"/>
  <c r="U28531" i="1"/>
  <c r="U28530" i="1"/>
  <c r="U28529" i="1"/>
  <c r="U28528" i="1"/>
  <c r="U28527" i="1"/>
  <c r="U28526" i="1"/>
  <c r="U28525" i="1"/>
  <c r="U28524" i="1"/>
  <c r="U28523" i="1"/>
  <c r="U28522" i="1"/>
  <c r="U28521" i="1"/>
  <c r="U28520" i="1"/>
  <c r="U28519" i="1"/>
  <c r="U28518" i="1"/>
  <c r="U28517" i="1"/>
  <c r="U28516" i="1"/>
  <c r="U28515" i="1"/>
  <c r="U28514" i="1"/>
  <c r="U28513" i="1"/>
  <c r="U28512" i="1"/>
  <c r="U28511" i="1"/>
  <c r="U28510" i="1"/>
  <c r="U28509" i="1"/>
  <c r="U28508" i="1"/>
  <c r="U28507" i="1"/>
  <c r="U28506" i="1"/>
  <c r="U28505" i="1"/>
  <c r="U28504" i="1"/>
  <c r="U28503" i="1"/>
  <c r="U28502" i="1"/>
  <c r="U28501" i="1"/>
  <c r="U28500" i="1"/>
  <c r="U28499" i="1"/>
  <c r="U28498" i="1"/>
  <c r="U28497" i="1"/>
  <c r="U28496" i="1"/>
  <c r="U28495" i="1"/>
  <c r="U28494" i="1"/>
  <c r="U28493" i="1"/>
  <c r="U28492" i="1"/>
  <c r="U28491" i="1"/>
  <c r="U28490" i="1"/>
  <c r="U28489" i="1"/>
  <c r="U28488" i="1"/>
  <c r="U28487" i="1"/>
  <c r="U28486" i="1"/>
  <c r="U28485" i="1"/>
  <c r="U28484" i="1"/>
  <c r="U28483" i="1"/>
  <c r="U28482" i="1"/>
  <c r="U28481" i="1"/>
  <c r="U28480" i="1"/>
  <c r="U28479" i="1"/>
  <c r="U28478" i="1"/>
  <c r="U28477" i="1"/>
  <c r="U28476" i="1"/>
  <c r="U28475" i="1"/>
  <c r="U28474" i="1"/>
  <c r="U28473" i="1"/>
  <c r="U28472" i="1"/>
  <c r="U28471" i="1"/>
  <c r="U28470" i="1"/>
  <c r="U28469" i="1"/>
  <c r="U28468" i="1"/>
  <c r="U28467" i="1"/>
  <c r="U28466" i="1"/>
  <c r="U28465" i="1"/>
  <c r="U28464" i="1"/>
  <c r="U28463" i="1"/>
  <c r="U28462" i="1"/>
  <c r="U28461" i="1"/>
  <c r="U28460" i="1"/>
  <c r="U28459" i="1"/>
  <c r="U28458" i="1"/>
  <c r="U28457" i="1"/>
  <c r="U28456" i="1"/>
  <c r="U28455" i="1"/>
  <c r="U28454" i="1"/>
  <c r="U28453" i="1"/>
  <c r="U28452" i="1"/>
  <c r="U28451" i="1"/>
  <c r="U28450" i="1"/>
  <c r="U28449" i="1"/>
  <c r="U28448" i="1"/>
  <c r="U28447" i="1"/>
  <c r="U28446" i="1"/>
  <c r="U28445" i="1"/>
  <c r="U28444" i="1"/>
  <c r="U28443" i="1"/>
  <c r="U28442" i="1"/>
  <c r="U28441" i="1"/>
  <c r="U28440" i="1"/>
  <c r="U28439" i="1"/>
  <c r="U28438" i="1"/>
  <c r="U28437" i="1"/>
  <c r="U28436" i="1"/>
  <c r="U28435" i="1"/>
  <c r="U28434" i="1"/>
  <c r="U28433" i="1"/>
  <c r="U28432" i="1"/>
  <c r="U28431" i="1"/>
  <c r="U28430" i="1"/>
  <c r="U28429" i="1"/>
  <c r="U28428" i="1"/>
  <c r="U28427" i="1"/>
  <c r="U28426" i="1"/>
  <c r="U28425" i="1"/>
  <c r="U28424" i="1"/>
  <c r="U28423" i="1"/>
  <c r="U28422" i="1"/>
  <c r="U28421" i="1"/>
  <c r="U28420" i="1"/>
  <c r="U28419" i="1"/>
  <c r="U28418" i="1"/>
  <c r="U28417" i="1"/>
  <c r="U28416" i="1"/>
  <c r="U28415" i="1"/>
  <c r="U28414" i="1"/>
  <c r="U28413" i="1"/>
  <c r="U28412" i="1"/>
  <c r="U28411" i="1"/>
  <c r="U28410" i="1"/>
  <c r="U28409" i="1"/>
  <c r="U28408" i="1"/>
  <c r="U28407" i="1"/>
  <c r="U28406" i="1"/>
  <c r="U28405" i="1"/>
  <c r="U28404" i="1"/>
  <c r="U28403" i="1"/>
  <c r="U28402" i="1"/>
  <c r="U28401" i="1"/>
  <c r="U28400" i="1"/>
  <c r="U28399" i="1"/>
  <c r="U28398" i="1"/>
  <c r="U28397" i="1"/>
  <c r="U28396" i="1"/>
  <c r="U28395" i="1"/>
  <c r="U28394" i="1"/>
  <c r="U28393" i="1"/>
  <c r="U28392" i="1"/>
  <c r="U28391" i="1"/>
  <c r="U28390" i="1"/>
  <c r="U28389" i="1"/>
  <c r="U28388" i="1"/>
  <c r="U28387" i="1"/>
  <c r="U28386" i="1"/>
  <c r="U28385" i="1"/>
  <c r="U28384" i="1"/>
  <c r="U28383" i="1"/>
  <c r="U28382" i="1"/>
  <c r="U28381" i="1"/>
  <c r="U28380" i="1"/>
  <c r="U28379" i="1"/>
  <c r="U28378" i="1"/>
  <c r="U28377" i="1"/>
  <c r="U28376" i="1"/>
  <c r="U28375" i="1"/>
  <c r="U28374" i="1"/>
  <c r="U28373" i="1"/>
  <c r="U28372" i="1"/>
  <c r="U28371" i="1"/>
  <c r="U28370" i="1"/>
  <c r="U28369" i="1"/>
  <c r="U28368" i="1"/>
  <c r="U28367" i="1"/>
  <c r="U28366" i="1"/>
  <c r="U28365" i="1"/>
  <c r="U28364" i="1"/>
  <c r="U28363" i="1"/>
  <c r="U28362" i="1"/>
  <c r="U28361" i="1"/>
  <c r="U28360" i="1"/>
  <c r="U28359" i="1"/>
  <c r="U28358" i="1"/>
  <c r="U28357" i="1"/>
  <c r="U28356" i="1"/>
  <c r="U28355" i="1"/>
  <c r="U28354" i="1"/>
  <c r="U28353" i="1"/>
  <c r="U28352" i="1"/>
  <c r="U28351" i="1"/>
  <c r="U28350" i="1"/>
  <c r="U28349" i="1"/>
  <c r="U28348" i="1"/>
  <c r="U28347" i="1"/>
  <c r="U28346" i="1"/>
  <c r="U28345" i="1"/>
  <c r="U28344" i="1"/>
  <c r="U28343" i="1"/>
  <c r="U28342" i="1"/>
  <c r="U28341" i="1"/>
  <c r="U28340" i="1"/>
  <c r="U28339" i="1"/>
  <c r="U28338" i="1"/>
  <c r="U28337" i="1"/>
  <c r="U28336" i="1"/>
  <c r="U28335" i="1"/>
  <c r="U28334" i="1"/>
  <c r="U28333" i="1"/>
  <c r="U28332" i="1"/>
  <c r="U28331" i="1"/>
  <c r="U28330" i="1"/>
  <c r="U28329" i="1"/>
  <c r="U28328" i="1"/>
  <c r="U28327" i="1"/>
  <c r="U28326" i="1"/>
  <c r="U28325" i="1"/>
  <c r="U28324" i="1"/>
  <c r="U28323" i="1"/>
  <c r="U28322" i="1"/>
  <c r="U28321" i="1"/>
  <c r="U28320" i="1"/>
  <c r="U28319" i="1"/>
  <c r="U28318" i="1"/>
  <c r="U28317" i="1"/>
  <c r="U28316" i="1"/>
  <c r="U28315" i="1"/>
  <c r="U28314" i="1"/>
  <c r="U28313" i="1"/>
  <c r="U28312" i="1"/>
  <c r="U28311" i="1"/>
  <c r="U28310" i="1"/>
  <c r="U28309" i="1"/>
  <c r="U28308" i="1"/>
  <c r="U28307" i="1"/>
  <c r="U28306" i="1"/>
  <c r="U28305" i="1"/>
  <c r="U28304" i="1"/>
  <c r="U28303" i="1"/>
  <c r="U28302" i="1"/>
  <c r="U28301" i="1"/>
  <c r="U28300" i="1"/>
  <c r="U28299" i="1"/>
  <c r="U28298" i="1"/>
  <c r="U28297" i="1"/>
  <c r="U28296" i="1"/>
  <c r="U28295" i="1"/>
  <c r="U28294" i="1"/>
  <c r="U28293" i="1"/>
  <c r="U28292" i="1"/>
  <c r="U28291" i="1"/>
  <c r="U28290" i="1"/>
  <c r="U28289" i="1"/>
  <c r="U28288" i="1"/>
  <c r="U28287" i="1"/>
  <c r="U28286" i="1"/>
  <c r="U28285" i="1"/>
  <c r="U28284" i="1"/>
  <c r="U28283" i="1"/>
  <c r="U28282" i="1"/>
  <c r="U28281" i="1"/>
  <c r="U28280" i="1"/>
  <c r="U28279" i="1"/>
  <c r="U28278" i="1"/>
  <c r="U28277" i="1"/>
  <c r="U28276" i="1"/>
  <c r="U28275" i="1"/>
  <c r="U28274" i="1"/>
  <c r="U28273" i="1"/>
  <c r="U28272" i="1"/>
  <c r="U28271" i="1"/>
  <c r="U28270" i="1"/>
  <c r="U28269" i="1"/>
  <c r="U28268" i="1"/>
  <c r="U28267" i="1"/>
  <c r="U28266" i="1"/>
  <c r="U28265" i="1"/>
  <c r="U28264" i="1"/>
  <c r="U28263" i="1"/>
  <c r="U28262" i="1"/>
  <c r="U28261" i="1"/>
  <c r="U28260" i="1"/>
  <c r="U28259" i="1"/>
  <c r="U28258" i="1"/>
  <c r="U28257" i="1"/>
  <c r="U28256" i="1"/>
  <c r="U28255" i="1"/>
  <c r="U28254" i="1"/>
  <c r="U28253" i="1"/>
  <c r="U28252" i="1"/>
  <c r="U28251" i="1"/>
  <c r="U28250" i="1"/>
  <c r="U28249" i="1"/>
  <c r="U28248" i="1"/>
  <c r="U28247" i="1"/>
  <c r="U28246" i="1"/>
  <c r="U28245" i="1"/>
  <c r="U28244" i="1"/>
  <c r="U28243" i="1"/>
  <c r="U28242" i="1"/>
  <c r="U28241" i="1"/>
  <c r="U28240" i="1"/>
  <c r="U28239" i="1"/>
  <c r="U28238" i="1"/>
  <c r="U28237" i="1"/>
  <c r="U28236" i="1"/>
  <c r="U28235" i="1"/>
  <c r="U28234" i="1"/>
  <c r="U28233" i="1"/>
  <c r="U28232" i="1"/>
  <c r="U28231" i="1"/>
  <c r="U28230" i="1"/>
  <c r="U28229" i="1"/>
  <c r="U28228" i="1"/>
  <c r="U28227" i="1"/>
  <c r="U28226" i="1"/>
  <c r="U28225" i="1"/>
  <c r="U28224" i="1"/>
  <c r="U28223" i="1"/>
  <c r="U28222" i="1"/>
  <c r="U28221" i="1"/>
  <c r="U28220" i="1"/>
  <c r="U28219" i="1"/>
  <c r="U28218" i="1"/>
  <c r="U28217" i="1"/>
  <c r="U28216" i="1"/>
  <c r="U28215" i="1"/>
  <c r="U28214" i="1"/>
  <c r="U28213" i="1"/>
  <c r="U28212" i="1"/>
  <c r="U28211" i="1"/>
  <c r="U28210" i="1"/>
  <c r="U28209" i="1"/>
  <c r="U28208" i="1"/>
  <c r="U28207" i="1"/>
  <c r="U28206" i="1"/>
  <c r="U28205" i="1"/>
  <c r="U28204" i="1"/>
  <c r="U28203" i="1"/>
  <c r="U28202" i="1"/>
  <c r="U28201" i="1"/>
  <c r="U28200" i="1"/>
  <c r="U28199" i="1"/>
  <c r="U28198" i="1"/>
  <c r="U28197" i="1"/>
  <c r="U28196" i="1"/>
  <c r="U28195" i="1"/>
  <c r="U28194" i="1"/>
  <c r="U28193" i="1"/>
  <c r="U28192" i="1"/>
  <c r="U28191" i="1"/>
  <c r="U28190" i="1"/>
  <c r="U28189" i="1"/>
  <c r="U28188" i="1"/>
  <c r="U28187" i="1"/>
  <c r="U28186" i="1"/>
  <c r="U28185" i="1"/>
  <c r="U28184" i="1"/>
  <c r="U28183" i="1"/>
  <c r="U28182" i="1"/>
  <c r="U28181" i="1"/>
  <c r="U28180" i="1"/>
  <c r="U28179" i="1"/>
  <c r="U28178" i="1"/>
  <c r="U28177" i="1"/>
  <c r="U28176" i="1"/>
  <c r="U28175" i="1"/>
  <c r="U28174" i="1"/>
  <c r="U28173" i="1"/>
  <c r="U28172" i="1"/>
  <c r="U28171" i="1"/>
  <c r="U28170" i="1"/>
  <c r="U28169" i="1"/>
  <c r="U28168" i="1"/>
  <c r="U28167" i="1"/>
  <c r="U28166" i="1"/>
  <c r="U28165" i="1"/>
  <c r="U28164" i="1"/>
  <c r="U28163" i="1"/>
  <c r="U28162" i="1"/>
  <c r="U28161" i="1"/>
  <c r="U28160" i="1"/>
  <c r="U28159" i="1"/>
  <c r="U28158" i="1"/>
  <c r="U28157" i="1"/>
  <c r="U28156" i="1"/>
  <c r="U28155" i="1"/>
  <c r="U28154" i="1"/>
  <c r="U28153" i="1"/>
  <c r="U28152" i="1"/>
  <c r="U28151" i="1"/>
  <c r="U28150" i="1"/>
  <c r="U28149" i="1"/>
  <c r="U28148" i="1"/>
  <c r="U28147" i="1"/>
  <c r="U28146" i="1"/>
  <c r="U28145" i="1"/>
  <c r="U28144" i="1"/>
  <c r="U28143" i="1"/>
  <c r="U28142" i="1"/>
  <c r="U28141" i="1"/>
  <c r="U28140" i="1"/>
  <c r="U28139" i="1"/>
  <c r="U28138" i="1"/>
  <c r="U28137" i="1"/>
  <c r="U28136" i="1"/>
  <c r="U28135" i="1"/>
  <c r="U28134" i="1"/>
  <c r="U28133" i="1"/>
  <c r="U28132" i="1"/>
  <c r="U28131" i="1"/>
  <c r="U28130" i="1"/>
  <c r="U28129" i="1"/>
  <c r="U28128" i="1"/>
  <c r="U28127" i="1"/>
  <c r="U28126" i="1"/>
  <c r="U28125" i="1"/>
  <c r="U28124" i="1"/>
  <c r="U28123" i="1"/>
  <c r="U28122" i="1"/>
  <c r="U28121" i="1"/>
  <c r="U28120" i="1"/>
  <c r="U28119" i="1"/>
  <c r="U28118" i="1"/>
  <c r="U28117" i="1"/>
  <c r="U28116" i="1"/>
  <c r="U28115" i="1"/>
  <c r="U28114" i="1"/>
  <c r="U28113" i="1"/>
  <c r="U28112" i="1"/>
  <c r="U28111" i="1"/>
  <c r="U28110" i="1"/>
  <c r="U28109" i="1"/>
  <c r="U28108" i="1"/>
  <c r="U28107" i="1"/>
  <c r="U28106" i="1"/>
  <c r="U28105" i="1"/>
  <c r="U28104" i="1"/>
  <c r="U28103" i="1"/>
  <c r="U28102" i="1"/>
  <c r="U28101" i="1"/>
  <c r="U28100" i="1"/>
  <c r="U28099" i="1"/>
  <c r="U28098" i="1"/>
  <c r="U28097" i="1"/>
  <c r="U28096" i="1"/>
  <c r="U28095" i="1"/>
  <c r="U28094" i="1"/>
  <c r="U28093" i="1"/>
  <c r="U28092" i="1"/>
  <c r="U28091" i="1"/>
  <c r="U28090" i="1"/>
  <c r="U28089" i="1"/>
  <c r="U28088" i="1"/>
  <c r="U28087" i="1"/>
  <c r="U28086" i="1"/>
  <c r="U28085" i="1"/>
  <c r="U28084" i="1"/>
  <c r="U28083" i="1"/>
  <c r="U28082" i="1"/>
  <c r="U28081" i="1"/>
  <c r="U28080" i="1"/>
  <c r="U28079" i="1"/>
  <c r="U28078" i="1"/>
  <c r="U28077" i="1"/>
  <c r="U28076" i="1"/>
  <c r="U28075" i="1"/>
  <c r="U28074" i="1"/>
  <c r="U28073" i="1"/>
  <c r="U28072" i="1"/>
  <c r="U28071" i="1"/>
  <c r="U28070" i="1"/>
  <c r="U28069" i="1"/>
  <c r="U28068" i="1"/>
  <c r="U28067" i="1"/>
  <c r="U28066" i="1"/>
  <c r="U28065" i="1"/>
  <c r="U28064" i="1"/>
  <c r="U28063" i="1"/>
  <c r="U28062" i="1"/>
  <c r="U28061" i="1"/>
  <c r="U28060" i="1"/>
  <c r="U28059" i="1"/>
  <c r="U28058" i="1"/>
  <c r="U28057" i="1"/>
  <c r="U28056" i="1"/>
  <c r="U28055" i="1"/>
  <c r="U28054" i="1"/>
  <c r="U28053" i="1"/>
  <c r="U28052" i="1"/>
  <c r="U28051" i="1"/>
  <c r="U28050" i="1"/>
  <c r="U28049" i="1"/>
  <c r="U28048" i="1"/>
  <c r="U28047" i="1"/>
  <c r="U28046" i="1"/>
  <c r="U28045" i="1"/>
  <c r="U28044" i="1"/>
  <c r="U28043" i="1"/>
  <c r="U28042" i="1"/>
  <c r="U28041" i="1"/>
  <c r="U28040" i="1"/>
  <c r="U28039" i="1"/>
  <c r="U28038" i="1"/>
  <c r="U28037" i="1"/>
  <c r="U28036" i="1"/>
  <c r="U28035" i="1"/>
  <c r="U28034" i="1"/>
  <c r="U28033" i="1"/>
  <c r="U28032" i="1"/>
  <c r="U28031" i="1"/>
  <c r="U28030" i="1"/>
  <c r="U28029" i="1"/>
  <c r="U28028" i="1"/>
  <c r="U28027" i="1"/>
  <c r="U28026" i="1"/>
  <c r="U28025" i="1"/>
  <c r="U28024" i="1"/>
  <c r="U28023" i="1"/>
  <c r="U28022" i="1"/>
  <c r="U28021" i="1"/>
  <c r="U28020" i="1"/>
  <c r="U28019" i="1"/>
  <c r="U28018" i="1"/>
  <c r="U28017" i="1"/>
  <c r="U28016" i="1"/>
  <c r="U28015" i="1"/>
  <c r="U28014" i="1"/>
  <c r="U28013" i="1"/>
  <c r="U28012" i="1"/>
  <c r="U28011" i="1"/>
  <c r="U28010" i="1"/>
  <c r="U28009" i="1"/>
  <c r="U28008" i="1"/>
  <c r="U28007" i="1"/>
  <c r="U28006" i="1"/>
  <c r="U28005" i="1"/>
  <c r="U28004" i="1"/>
  <c r="U28003" i="1"/>
  <c r="U28002" i="1"/>
  <c r="U28001" i="1"/>
  <c r="U28000" i="1"/>
  <c r="U27999" i="1"/>
  <c r="U27998" i="1"/>
  <c r="U27997" i="1"/>
  <c r="U27996" i="1"/>
  <c r="U27995" i="1"/>
  <c r="U27994" i="1"/>
  <c r="U27993" i="1"/>
  <c r="U27992" i="1"/>
  <c r="U27991" i="1"/>
  <c r="U27990" i="1"/>
  <c r="U27989" i="1"/>
  <c r="U27988" i="1"/>
  <c r="U27987" i="1"/>
  <c r="U27986" i="1"/>
  <c r="U27985" i="1"/>
  <c r="U27984" i="1"/>
  <c r="U27983" i="1"/>
  <c r="U27982" i="1"/>
  <c r="U27981" i="1"/>
  <c r="U27980" i="1"/>
  <c r="U27979" i="1"/>
  <c r="U27978" i="1"/>
  <c r="U27977" i="1"/>
  <c r="U27976" i="1"/>
  <c r="U27975" i="1"/>
  <c r="U27974" i="1"/>
  <c r="U27973" i="1"/>
  <c r="U27972" i="1"/>
  <c r="U27971" i="1"/>
  <c r="U27970" i="1"/>
  <c r="U27969" i="1"/>
  <c r="U27968" i="1"/>
  <c r="U27967" i="1"/>
  <c r="U27966" i="1"/>
  <c r="U27965" i="1"/>
  <c r="U27964" i="1"/>
  <c r="U27963" i="1"/>
  <c r="U27962" i="1"/>
  <c r="U27961" i="1"/>
  <c r="U27960" i="1"/>
  <c r="U27959" i="1"/>
  <c r="U27958" i="1"/>
  <c r="U27957" i="1"/>
  <c r="U27956" i="1"/>
  <c r="U27955" i="1"/>
  <c r="U27954" i="1"/>
  <c r="U27953" i="1"/>
  <c r="U27952" i="1"/>
  <c r="U27951" i="1"/>
  <c r="U27950" i="1"/>
  <c r="U27949" i="1"/>
  <c r="U27948" i="1"/>
  <c r="U27947" i="1"/>
  <c r="U27946" i="1"/>
  <c r="U27945" i="1"/>
  <c r="U27944" i="1"/>
  <c r="U27943" i="1"/>
  <c r="U27942" i="1"/>
  <c r="U27941" i="1"/>
  <c r="U27940" i="1"/>
  <c r="U27939" i="1"/>
  <c r="U27938" i="1"/>
  <c r="U27937" i="1"/>
  <c r="U27936" i="1"/>
  <c r="U27935" i="1"/>
  <c r="U27934" i="1"/>
  <c r="U27933" i="1"/>
  <c r="U27932" i="1"/>
  <c r="U27931" i="1"/>
  <c r="U27930" i="1"/>
  <c r="U27929" i="1"/>
  <c r="U27928" i="1"/>
  <c r="U27927" i="1"/>
  <c r="U27926" i="1"/>
  <c r="U27925" i="1"/>
  <c r="U27924" i="1"/>
  <c r="U27923" i="1"/>
  <c r="U27922" i="1"/>
  <c r="U27921" i="1"/>
  <c r="U27920" i="1"/>
  <c r="U27919" i="1"/>
  <c r="U27918" i="1"/>
  <c r="U27917" i="1"/>
  <c r="U27916" i="1"/>
  <c r="U27915" i="1"/>
  <c r="U27914" i="1"/>
  <c r="U27913" i="1"/>
  <c r="U27912" i="1"/>
  <c r="U27911" i="1"/>
  <c r="U27910" i="1"/>
  <c r="U27909" i="1"/>
  <c r="U27908" i="1"/>
  <c r="U27907" i="1"/>
  <c r="U27906" i="1"/>
  <c r="U27905" i="1"/>
  <c r="U27904" i="1"/>
  <c r="U27903" i="1"/>
  <c r="U27902" i="1"/>
  <c r="U27901" i="1"/>
  <c r="U27900" i="1"/>
  <c r="U27899" i="1"/>
  <c r="U27898" i="1"/>
  <c r="U27897" i="1"/>
  <c r="U27896" i="1"/>
  <c r="U27895" i="1"/>
  <c r="U27894" i="1"/>
  <c r="U27893" i="1"/>
  <c r="U27892" i="1"/>
  <c r="U27891" i="1"/>
  <c r="U27890" i="1"/>
  <c r="U27889" i="1"/>
  <c r="U27888" i="1"/>
  <c r="U27887" i="1"/>
  <c r="U27886" i="1"/>
  <c r="U27885" i="1"/>
  <c r="U27884" i="1"/>
  <c r="U27883" i="1"/>
  <c r="U27882" i="1"/>
  <c r="U27881" i="1"/>
  <c r="U27880" i="1"/>
  <c r="U27879" i="1"/>
  <c r="U27878" i="1"/>
  <c r="U27877" i="1"/>
  <c r="U27876" i="1"/>
  <c r="U27875" i="1"/>
  <c r="U27874" i="1"/>
  <c r="U27873" i="1"/>
  <c r="U27872" i="1"/>
  <c r="U27871" i="1"/>
  <c r="U27870" i="1"/>
  <c r="U27869" i="1"/>
  <c r="U27868" i="1"/>
  <c r="U27867" i="1"/>
  <c r="U27866" i="1"/>
  <c r="U27865" i="1"/>
  <c r="U27864" i="1"/>
  <c r="U27863" i="1"/>
  <c r="U27862" i="1"/>
  <c r="U27861" i="1"/>
  <c r="U27860" i="1"/>
  <c r="U27859" i="1"/>
  <c r="U27858" i="1"/>
  <c r="U27857" i="1"/>
  <c r="U27856" i="1"/>
  <c r="U27855" i="1"/>
  <c r="U27854" i="1"/>
  <c r="U27853" i="1"/>
  <c r="U27852" i="1"/>
  <c r="U27851" i="1"/>
  <c r="U27850" i="1"/>
  <c r="U27849" i="1"/>
  <c r="U27848" i="1"/>
  <c r="U27847" i="1"/>
  <c r="U27846" i="1"/>
  <c r="U27845" i="1"/>
  <c r="U27844" i="1"/>
  <c r="U27843" i="1"/>
  <c r="U27842" i="1"/>
  <c r="U27841" i="1"/>
  <c r="U27840" i="1"/>
  <c r="U27839" i="1"/>
  <c r="U27838" i="1"/>
  <c r="U27837" i="1"/>
  <c r="U27836" i="1"/>
  <c r="U27835" i="1"/>
  <c r="U27834" i="1"/>
  <c r="U27833" i="1"/>
  <c r="U27832" i="1"/>
  <c r="U27831" i="1"/>
  <c r="U27830" i="1"/>
  <c r="U27829" i="1"/>
  <c r="U27828" i="1"/>
  <c r="U27827" i="1"/>
  <c r="U27826" i="1"/>
  <c r="U27825" i="1"/>
  <c r="U27824" i="1"/>
  <c r="U27823" i="1"/>
  <c r="U27822" i="1"/>
  <c r="U27821" i="1"/>
  <c r="U27820" i="1"/>
  <c r="U27819" i="1"/>
  <c r="U27818" i="1"/>
  <c r="U27817" i="1"/>
  <c r="U27816" i="1"/>
  <c r="U27815" i="1"/>
  <c r="U27814" i="1"/>
  <c r="U27813" i="1"/>
  <c r="U27812" i="1"/>
  <c r="U27811" i="1"/>
  <c r="U27810" i="1"/>
  <c r="U27809" i="1"/>
  <c r="U27808" i="1"/>
  <c r="U27807" i="1"/>
  <c r="U27806" i="1"/>
  <c r="U27805" i="1"/>
  <c r="U27804" i="1"/>
  <c r="U27803" i="1"/>
  <c r="U27802" i="1"/>
  <c r="U27801" i="1"/>
  <c r="U27800" i="1"/>
  <c r="U27799" i="1"/>
  <c r="U27798" i="1"/>
  <c r="U27797" i="1"/>
  <c r="U27796" i="1"/>
  <c r="U27795" i="1"/>
  <c r="U27794" i="1"/>
  <c r="U27793" i="1"/>
  <c r="U27792" i="1"/>
  <c r="U27791" i="1"/>
  <c r="U27790" i="1"/>
  <c r="U27789" i="1"/>
  <c r="U27788" i="1"/>
  <c r="U27787" i="1"/>
  <c r="U27786" i="1"/>
  <c r="U27785" i="1"/>
  <c r="U27784" i="1"/>
  <c r="U27783" i="1"/>
  <c r="U27782" i="1"/>
  <c r="U27781" i="1"/>
  <c r="U27780" i="1"/>
  <c r="U27779" i="1"/>
  <c r="U27778" i="1"/>
  <c r="U27777" i="1"/>
  <c r="U27776" i="1"/>
  <c r="U27775" i="1"/>
  <c r="U27774" i="1"/>
  <c r="U27773" i="1"/>
  <c r="U27772" i="1"/>
  <c r="U27771" i="1"/>
  <c r="U27770" i="1"/>
  <c r="U27769" i="1"/>
  <c r="U27768" i="1"/>
  <c r="U27767" i="1"/>
  <c r="U27766" i="1"/>
  <c r="U27765" i="1"/>
  <c r="U27764" i="1"/>
  <c r="U27763" i="1"/>
  <c r="U27762" i="1"/>
  <c r="U27761" i="1"/>
  <c r="U27760" i="1"/>
  <c r="U27759" i="1"/>
  <c r="U27758" i="1"/>
  <c r="U27757" i="1"/>
  <c r="U27756" i="1"/>
  <c r="U27755" i="1"/>
  <c r="U27754" i="1"/>
  <c r="U27753" i="1"/>
  <c r="U27752" i="1"/>
  <c r="U27751" i="1"/>
  <c r="U27750" i="1"/>
  <c r="U27749" i="1"/>
  <c r="U27748" i="1"/>
  <c r="U27747" i="1"/>
  <c r="U27746" i="1"/>
  <c r="U27745" i="1"/>
  <c r="U27744" i="1"/>
  <c r="U27743" i="1"/>
  <c r="U27742" i="1"/>
  <c r="U27741" i="1"/>
  <c r="U27740" i="1"/>
  <c r="U27739" i="1"/>
  <c r="U27738" i="1"/>
  <c r="U27737" i="1"/>
  <c r="U27736" i="1"/>
  <c r="U27735" i="1"/>
  <c r="U27734" i="1"/>
  <c r="U27733" i="1"/>
  <c r="U27732" i="1"/>
  <c r="U27731" i="1"/>
  <c r="U27730" i="1"/>
  <c r="U27729" i="1"/>
  <c r="U27728" i="1"/>
  <c r="U27727" i="1"/>
  <c r="U27726" i="1"/>
  <c r="U27725" i="1"/>
  <c r="U27724" i="1"/>
  <c r="U27723" i="1"/>
  <c r="U27722" i="1"/>
  <c r="U27721" i="1"/>
  <c r="U27720" i="1"/>
  <c r="U27719" i="1"/>
  <c r="U27718" i="1"/>
  <c r="U27717" i="1"/>
  <c r="U27716" i="1"/>
  <c r="U27715" i="1"/>
  <c r="U27714" i="1"/>
  <c r="U27713" i="1"/>
  <c r="U27712" i="1"/>
  <c r="U27711" i="1"/>
  <c r="U27710" i="1"/>
  <c r="U27709" i="1"/>
  <c r="U27708" i="1"/>
  <c r="U27707" i="1"/>
  <c r="U27706" i="1"/>
  <c r="U27705" i="1"/>
  <c r="U27704" i="1"/>
  <c r="U27703" i="1"/>
  <c r="U27702" i="1"/>
  <c r="U27701" i="1"/>
  <c r="U27700" i="1"/>
  <c r="U27699" i="1"/>
  <c r="U27698" i="1"/>
  <c r="U27697" i="1"/>
  <c r="U27696" i="1"/>
  <c r="U27695" i="1"/>
  <c r="U27694" i="1"/>
  <c r="U27693" i="1"/>
  <c r="U27692" i="1"/>
  <c r="U27691" i="1"/>
  <c r="U27690" i="1"/>
  <c r="U27689" i="1"/>
  <c r="U27688" i="1"/>
  <c r="U27687" i="1"/>
  <c r="U27686" i="1"/>
  <c r="U27685" i="1"/>
  <c r="U27684" i="1"/>
  <c r="U27683" i="1"/>
  <c r="U27682" i="1"/>
  <c r="U27681" i="1"/>
  <c r="U27680" i="1"/>
  <c r="U27679" i="1"/>
  <c r="U27678" i="1"/>
  <c r="U27677" i="1"/>
  <c r="U27676" i="1"/>
  <c r="U27675" i="1"/>
  <c r="U27674" i="1"/>
  <c r="U27673" i="1"/>
  <c r="U27672" i="1"/>
  <c r="U27671" i="1"/>
  <c r="U27670" i="1"/>
  <c r="U27669" i="1"/>
  <c r="U27668" i="1"/>
  <c r="U27667" i="1"/>
  <c r="U27666" i="1"/>
  <c r="U27665" i="1"/>
  <c r="U27664" i="1"/>
  <c r="U27663" i="1"/>
  <c r="U27662" i="1"/>
  <c r="U27661" i="1"/>
  <c r="U27660" i="1"/>
  <c r="U27659" i="1"/>
  <c r="U27658" i="1"/>
  <c r="U27657" i="1"/>
  <c r="U27656" i="1"/>
  <c r="U27655" i="1"/>
  <c r="U27654" i="1"/>
  <c r="U27653" i="1"/>
  <c r="U27652" i="1"/>
  <c r="U27651" i="1"/>
  <c r="U27650" i="1"/>
  <c r="U27649" i="1"/>
  <c r="U27648" i="1"/>
  <c r="U27647" i="1"/>
  <c r="U27646" i="1"/>
  <c r="U27645" i="1"/>
  <c r="U27644" i="1"/>
  <c r="U27643" i="1"/>
  <c r="U27642" i="1"/>
  <c r="U27641" i="1"/>
  <c r="U27640" i="1"/>
  <c r="U27639" i="1"/>
  <c r="U27638" i="1"/>
  <c r="U27637" i="1"/>
  <c r="U27636" i="1"/>
  <c r="U27635" i="1"/>
  <c r="U27634" i="1"/>
  <c r="U27633" i="1"/>
  <c r="U27632" i="1"/>
  <c r="U27631" i="1"/>
  <c r="U27630" i="1"/>
  <c r="U27629" i="1"/>
  <c r="U27628" i="1"/>
  <c r="U27627" i="1"/>
  <c r="U27626" i="1"/>
  <c r="U27625" i="1"/>
  <c r="U27624" i="1"/>
  <c r="U27623" i="1"/>
  <c r="U27622" i="1"/>
  <c r="U27621" i="1"/>
  <c r="U27620" i="1"/>
  <c r="U27619" i="1"/>
  <c r="U27618" i="1"/>
  <c r="U27617" i="1"/>
  <c r="U27616" i="1"/>
  <c r="U27615" i="1"/>
  <c r="U27614" i="1"/>
  <c r="U27613" i="1"/>
  <c r="U27612" i="1"/>
  <c r="U27611" i="1"/>
  <c r="U27610" i="1"/>
  <c r="U27609" i="1"/>
  <c r="U27608" i="1"/>
  <c r="U27607" i="1"/>
  <c r="U27606" i="1"/>
  <c r="U27605" i="1"/>
  <c r="U27604" i="1"/>
  <c r="U27603" i="1"/>
  <c r="U27602" i="1"/>
  <c r="U27601" i="1"/>
  <c r="U27600" i="1"/>
  <c r="U27599" i="1"/>
  <c r="U27598" i="1"/>
  <c r="U27597" i="1"/>
  <c r="U27596" i="1"/>
  <c r="U27595" i="1"/>
  <c r="U27594" i="1"/>
  <c r="U27593" i="1"/>
  <c r="U27592" i="1"/>
  <c r="U27591" i="1"/>
  <c r="U27590" i="1"/>
  <c r="U27589" i="1"/>
  <c r="U27588" i="1"/>
  <c r="U27587" i="1"/>
  <c r="U27586" i="1"/>
  <c r="U27585" i="1"/>
  <c r="U27584" i="1"/>
  <c r="U27583" i="1"/>
  <c r="U27582" i="1"/>
  <c r="U27581" i="1"/>
  <c r="U27580" i="1"/>
  <c r="U27579" i="1"/>
  <c r="U27578" i="1"/>
  <c r="U27577" i="1"/>
  <c r="U27576" i="1"/>
  <c r="U27575" i="1"/>
  <c r="U27574" i="1"/>
  <c r="U27573" i="1"/>
  <c r="U27572" i="1"/>
  <c r="U27571" i="1"/>
  <c r="U27570" i="1"/>
  <c r="U27569" i="1"/>
  <c r="U27568" i="1"/>
  <c r="U27567" i="1"/>
  <c r="U27566" i="1"/>
  <c r="U27565" i="1"/>
  <c r="U27564" i="1"/>
  <c r="U27563" i="1"/>
  <c r="U27562" i="1"/>
  <c r="U27561" i="1"/>
  <c r="U27560" i="1"/>
  <c r="U27559" i="1"/>
  <c r="U27558" i="1"/>
  <c r="U27557" i="1"/>
  <c r="U27556" i="1"/>
  <c r="U27555" i="1"/>
  <c r="U27554" i="1"/>
  <c r="U27553" i="1"/>
  <c r="U27552" i="1"/>
  <c r="U27551" i="1"/>
  <c r="U27550" i="1"/>
  <c r="U27549" i="1"/>
  <c r="U27548" i="1"/>
  <c r="U27547" i="1"/>
  <c r="U27546" i="1"/>
  <c r="U27545" i="1"/>
  <c r="U27544" i="1"/>
  <c r="U27543" i="1"/>
  <c r="U27542" i="1"/>
  <c r="U27541" i="1"/>
  <c r="U27540" i="1"/>
  <c r="U27539" i="1"/>
  <c r="U27538" i="1"/>
  <c r="U27537" i="1"/>
  <c r="U27536" i="1"/>
  <c r="U27535" i="1"/>
  <c r="U27534" i="1"/>
  <c r="U27533" i="1"/>
  <c r="U27532" i="1"/>
  <c r="U27531" i="1"/>
  <c r="U27530" i="1"/>
  <c r="U27529" i="1"/>
  <c r="U27528" i="1"/>
  <c r="U27527" i="1"/>
  <c r="U27526" i="1"/>
  <c r="U27525" i="1"/>
  <c r="U27524" i="1"/>
  <c r="U27523" i="1"/>
  <c r="U27522" i="1"/>
  <c r="U27521" i="1"/>
  <c r="U27520" i="1"/>
  <c r="U27519" i="1"/>
  <c r="U27518" i="1"/>
  <c r="U27517" i="1"/>
  <c r="U27516" i="1"/>
  <c r="U27515" i="1"/>
  <c r="U27514" i="1"/>
  <c r="U27513" i="1"/>
  <c r="U27512" i="1"/>
  <c r="U27511" i="1"/>
  <c r="U27510" i="1"/>
  <c r="U27509" i="1"/>
  <c r="U27508" i="1"/>
  <c r="U27507" i="1"/>
  <c r="U27506" i="1"/>
  <c r="U27505" i="1"/>
  <c r="U27504" i="1"/>
  <c r="U27503" i="1"/>
  <c r="U27502" i="1"/>
  <c r="U27501" i="1"/>
  <c r="U27500" i="1"/>
  <c r="U27499" i="1"/>
  <c r="U27498" i="1"/>
  <c r="U27497" i="1"/>
  <c r="U27496" i="1"/>
  <c r="U27495" i="1"/>
  <c r="U27494" i="1"/>
  <c r="U27493" i="1"/>
  <c r="U27492" i="1"/>
  <c r="U27491" i="1"/>
  <c r="U27490" i="1"/>
  <c r="U27489" i="1"/>
  <c r="U27488" i="1"/>
  <c r="U27487" i="1"/>
  <c r="U27486" i="1"/>
  <c r="U27485" i="1"/>
  <c r="U27484" i="1"/>
  <c r="U27483" i="1"/>
  <c r="U27482" i="1"/>
  <c r="U27481" i="1"/>
  <c r="U27480" i="1"/>
  <c r="U27479" i="1"/>
  <c r="U27478" i="1"/>
  <c r="U27477" i="1"/>
  <c r="U27476" i="1"/>
  <c r="U27475" i="1"/>
  <c r="U27474" i="1"/>
  <c r="U27473" i="1"/>
  <c r="U27472" i="1"/>
  <c r="U27471" i="1"/>
  <c r="U27470" i="1"/>
  <c r="U27469" i="1"/>
  <c r="U27468" i="1"/>
  <c r="U27467" i="1"/>
  <c r="U27466" i="1"/>
  <c r="U27465" i="1"/>
  <c r="U27464" i="1"/>
  <c r="U27463" i="1"/>
  <c r="U27462" i="1"/>
  <c r="U27461" i="1"/>
  <c r="U27460" i="1"/>
  <c r="U27459" i="1"/>
  <c r="U27458" i="1"/>
  <c r="U27457" i="1"/>
  <c r="U27456" i="1"/>
  <c r="U27455" i="1"/>
  <c r="U27454" i="1"/>
  <c r="U27453" i="1"/>
  <c r="U27452" i="1"/>
  <c r="U27451" i="1"/>
  <c r="U27450" i="1"/>
  <c r="U27449" i="1"/>
  <c r="U27448" i="1"/>
  <c r="U27447" i="1"/>
  <c r="U27446" i="1"/>
  <c r="U27445" i="1"/>
  <c r="U27444" i="1"/>
  <c r="U27443" i="1"/>
  <c r="U27442" i="1"/>
  <c r="U27441" i="1"/>
  <c r="U27440" i="1"/>
  <c r="U27439" i="1"/>
  <c r="U27438" i="1"/>
  <c r="U27437" i="1"/>
  <c r="U27436" i="1"/>
  <c r="U27435" i="1"/>
  <c r="U27434" i="1"/>
  <c r="U27433" i="1"/>
  <c r="U27432" i="1"/>
  <c r="U27431" i="1"/>
  <c r="U27430" i="1"/>
  <c r="U27429" i="1"/>
  <c r="U27428" i="1"/>
  <c r="U27427" i="1"/>
  <c r="U27426" i="1"/>
  <c r="U27425" i="1"/>
  <c r="U27424" i="1"/>
  <c r="U27423" i="1"/>
  <c r="U27422" i="1"/>
  <c r="U27421" i="1"/>
  <c r="U27420" i="1"/>
  <c r="U27419" i="1"/>
  <c r="U27418" i="1"/>
  <c r="U27417" i="1"/>
  <c r="U27416" i="1"/>
  <c r="U27415" i="1"/>
  <c r="U27414" i="1"/>
  <c r="U27413" i="1"/>
  <c r="U27412" i="1"/>
  <c r="U27411" i="1"/>
  <c r="U27410" i="1"/>
  <c r="U27409" i="1"/>
  <c r="U27408" i="1"/>
  <c r="U27407" i="1"/>
  <c r="U27406" i="1"/>
  <c r="U27405" i="1"/>
  <c r="U27404" i="1"/>
  <c r="U27403" i="1"/>
  <c r="U27402" i="1"/>
  <c r="U27401" i="1"/>
  <c r="U27400" i="1"/>
  <c r="U27399" i="1"/>
  <c r="U27398" i="1"/>
  <c r="U27397" i="1"/>
  <c r="U27396" i="1"/>
  <c r="U27395" i="1"/>
  <c r="U27394" i="1"/>
  <c r="U27393" i="1"/>
  <c r="U27392" i="1"/>
  <c r="U27391" i="1"/>
  <c r="U27390" i="1"/>
  <c r="U27389" i="1"/>
  <c r="U27388" i="1"/>
  <c r="U27387" i="1"/>
  <c r="U27386" i="1"/>
  <c r="U27385" i="1"/>
  <c r="U27384" i="1"/>
  <c r="U27383" i="1"/>
  <c r="U27382" i="1"/>
  <c r="U27381" i="1"/>
  <c r="U27380" i="1"/>
  <c r="U27379" i="1"/>
  <c r="U27378" i="1"/>
  <c r="U27377" i="1"/>
  <c r="U27376" i="1"/>
  <c r="U27375" i="1"/>
  <c r="U27374" i="1"/>
  <c r="U27373" i="1"/>
  <c r="U27372" i="1"/>
  <c r="U27371" i="1"/>
  <c r="U27370" i="1"/>
  <c r="U27369" i="1"/>
  <c r="U27368" i="1"/>
  <c r="U27367" i="1"/>
  <c r="U27366" i="1"/>
  <c r="U27365" i="1"/>
  <c r="U27364" i="1"/>
  <c r="U27363" i="1"/>
  <c r="U27362" i="1"/>
  <c r="U27361" i="1"/>
  <c r="U27360" i="1"/>
  <c r="U27359" i="1"/>
  <c r="U27358" i="1"/>
  <c r="U27357" i="1"/>
  <c r="U27356" i="1"/>
  <c r="U27355" i="1"/>
  <c r="U27354" i="1"/>
  <c r="U27353" i="1"/>
  <c r="U27352" i="1"/>
  <c r="U27351" i="1"/>
  <c r="U27350" i="1"/>
  <c r="U27349" i="1"/>
  <c r="U27348" i="1"/>
  <c r="U27347" i="1"/>
  <c r="U27346" i="1"/>
  <c r="U27345" i="1"/>
  <c r="U27344" i="1"/>
  <c r="U27343" i="1"/>
  <c r="U27342" i="1"/>
  <c r="U27341" i="1"/>
  <c r="U27340" i="1"/>
  <c r="U27339" i="1"/>
  <c r="U27338" i="1"/>
  <c r="U27337" i="1"/>
  <c r="U27336" i="1"/>
  <c r="U27335" i="1"/>
  <c r="U27334" i="1"/>
  <c r="U27333" i="1"/>
  <c r="U27332" i="1"/>
  <c r="U27331" i="1"/>
  <c r="U27330" i="1"/>
  <c r="U27329" i="1"/>
  <c r="U27328" i="1"/>
  <c r="U27327" i="1"/>
  <c r="U27326" i="1"/>
  <c r="U27325" i="1"/>
  <c r="U27324" i="1"/>
  <c r="U27323" i="1"/>
  <c r="U27322" i="1"/>
  <c r="U27321" i="1"/>
  <c r="U27320" i="1"/>
  <c r="U27319" i="1"/>
  <c r="U27318" i="1"/>
  <c r="U27317" i="1"/>
  <c r="U27316" i="1"/>
  <c r="U27315" i="1"/>
  <c r="U27314" i="1"/>
  <c r="U27313" i="1"/>
  <c r="U27312" i="1"/>
  <c r="U27311" i="1"/>
  <c r="U27310" i="1"/>
  <c r="U27309" i="1"/>
  <c r="U27308" i="1"/>
  <c r="U27307" i="1"/>
  <c r="U27306" i="1"/>
  <c r="U27305" i="1"/>
  <c r="U27304" i="1"/>
  <c r="U27303" i="1"/>
  <c r="U27302" i="1"/>
  <c r="U27301" i="1"/>
  <c r="U27300" i="1"/>
  <c r="U27299" i="1"/>
  <c r="U27298" i="1"/>
  <c r="U27297" i="1"/>
  <c r="U27296" i="1"/>
  <c r="U27295" i="1"/>
  <c r="U27294" i="1"/>
  <c r="U27293" i="1"/>
  <c r="U27292" i="1"/>
  <c r="U27291" i="1"/>
  <c r="U27290" i="1"/>
  <c r="U27289" i="1"/>
  <c r="U27288" i="1"/>
  <c r="U27287" i="1"/>
  <c r="U27286" i="1"/>
  <c r="U27285" i="1"/>
  <c r="U27284" i="1"/>
  <c r="U27283" i="1"/>
  <c r="U27282" i="1"/>
  <c r="U27281" i="1"/>
  <c r="U27280" i="1"/>
  <c r="U27279" i="1"/>
  <c r="U27278" i="1"/>
  <c r="U27277" i="1"/>
  <c r="U27276" i="1"/>
  <c r="U27275" i="1"/>
  <c r="U27274" i="1"/>
  <c r="U27273" i="1"/>
  <c r="U27272" i="1"/>
  <c r="U27271" i="1"/>
  <c r="U27270" i="1"/>
  <c r="U27269" i="1"/>
  <c r="U27268" i="1"/>
  <c r="U27267" i="1"/>
  <c r="U27266" i="1"/>
  <c r="U27265" i="1"/>
  <c r="U27264" i="1"/>
  <c r="U27263" i="1"/>
  <c r="U27262" i="1"/>
  <c r="U27261" i="1"/>
  <c r="U27260" i="1"/>
  <c r="U27259" i="1"/>
  <c r="U27258" i="1"/>
  <c r="U27257" i="1"/>
  <c r="U27256" i="1"/>
  <c r="U27255" i="1"/>
  <c r="U27254" i="1"/>
  <c r="U27253" i="1"/>
  <c r="U27252" i="1"/>
  <c r="U27251" i="1"/>
  <c r="U27250" i="1"/>
  <c r="U27249" i="1"/>
  <c r="U27248" i="1"/>
  <c r="U27247" i="1"/>
  <c r="U27246" i="1"/>
  <c r="U27245" i="1"/>
  <c r="U27244" i="1"/>
  <c r="U27243" i="1"/>
  <c r="U27242" i="1"/>
  <c r="U27241" i="1"/>
  <c r="U27240" i="1"/>
  <c r="U27239" i="1"/>
  <c r="U27238" i="1"/>
  <c r="U27237" i="1"/>
  <c r="U27236" i="1"/>
  <c r="U27235" i="1"/>
  <c r="U27234" i="1"/>
  <c r="U27233" i="1"/>
  <c r="U27232" i="1"/>
  <c r="U27231" i="1"/>
  <c r="U27230" i="1"/>
  <c r="U27229" i="1"/>
  <c r="U27228" i="1"/>
  <c r="U27227" i="1"/>
  <c r="U27226" i="1"/>
  <c r="U27225" i="1"/>
  <c r="U27224" i="1"/>
  <c r="U27223" i="1"/>
  <c r="U27222" i="1"/>
  <c r="U27221" i="1"/>
  <c r="U27220" i="1"/>
  <c r="U27219" i="1"/>
  <c r="U27218" i="1"/>
  <c r="U27217" i="1"/>
  <c r="U27216" i="1"/>
  <c r="U27215" i="1"/>
  <c r="U27214" i="1"/>
  <c r="U27213" i="1"/>
  <c r="U27212" i="1"/>
  <c r="U27211" i="1"/>
  <c r="U27210" i="1"/>
  <c r="U27209" i="1"/>
  <c r="U27208" i="1"/>
  <c r="U27207" i="1"/>
  <c r="U27206" i="1"/>
  <c r="U27205" i="1"/>
  <c r="U27204" i="1"/>
  <c r="U27203" i="1"/>
  <c r="U27202" i="1"/>
  <c r="U27201" i="1"/>
  <c r="U27200" i="1"/>
  <c r="U27199" i="1"/>
  <c r="U27198" i="1"/>
  <c r="U27197" i="1"/>
  <c r="U27196" i="1"/>
  <c r="U27195" i="1"/>
  <c r="U27194" i="1"/>
  <c r="U27193" i="1"/>
  <c r="U27192" i="1"/>
  <c r="U27191" i="1"/>
  <c r="U27190" i="1"/>
  <c r="U27189" i="1"/>
  <c r="U27188" i="1"/>
  <c r="U27187" i="1"/>
  <c r="U27186" i="1"/>
  <c r="U27185" i="1"/>
  <c r="U27184" i="1"/>
  <c r="U27183" i="1"/>
  <c r="U27182" i="1"/>
  <c r="U27181" i="1"/>
  <c r="U27180" i="1"/>
  <c r="U27179" i="1"/>
  <c r="U27178" i="1"/>
  <c r="U27177" i="1"/>
  <c r="U27176" i="1"/>
  <c r="U27175" i="1"/>
  <c r="U27174" i="1"/>
  <c r="U27173" i="1"/>
  <c r="U27172" i="1"/>
  <c r="U27171" i="1"/>
  <c r="U27170" i="1"/>
  <c r="U27169" i="1"/>
  <c r="U27168" i="1"/>
  <c r="U27167" i="1"/>
  <c r="U27166" i="1"/>
  <c r="U27165" i="1"/>
  <c r="U27164" i="1"/>
  <c r="U27163" i="1"/>
  <c r="U27162" i="1"/>
  <c r="U27161" i="1"/>
  <c r="U27160" i="1"/>
  <c r="U27159" i="1"/>
  <c r="U27158" i="1"/>
  <c r="U27157" i="1"/>
  <c r="U27156" i="1"/>
  <c r="U27155" i="1"/>
  <c r="U27154" i="1"/>
  <c r="U27153" i="1"/>
  <c r="U27152" i="1"/>
  <c r="U27151" i="1"/>
  <c r="U27150" i="1"/>
  <c r="U27149" i="1"/>
  <c r="U27148" i="1"/>
  <c r="U27147" i="1"/>
  <c r="U27146" i="1"/>
  <c r="U27145" i="1"/>
  <c r="U27144" i="1"/>
  <c r="U27143" i="1"/>
  <c r="U27142" i="1"/>
  <c r="U27141" i="1"/>
  <c r="U27140" i="1"/>
  <c r="U27139" i="1"/>
  <c r="U27138" i="1"/>
  <c r="U27137" i="1"/>
  <c r="U27136" i="1"/>
  <c r="U27135" i="1"/>
  <c r="U27134" i="1"/>
  <c r="U27133" i="1"/>
  <c r="U27132" i="1"/>
  <c r="U27131" i="1"/>
  <c r="U27130" i="1"/>
  <c r="U27129" i="1"/>
  <c r="U27128" i="1"/>
  <c r="U27127" i="1"/>
  <c r="U27126" i="1"/>
  <c r="U27125" i="1"/>
  <c r="U27124" i="1"/>
  <c r="U27123" i="1"/>
  <c r="U27122" i="1"/>
  <c r="U27121" i="1"/>
  <c r="U27120" i="1"/>
  <c r="U27119" i="1"/>
  <c r="U27118" i="1"/>
  <c r="U27117" i="1"/>
  <c r="U27116" i="1"/>
  <c r="U27115" i="1"/>
  <c r="U27114" i="1"/>
  <c r="U27113" i="1"/>
  <c r="U27112" i="1"/>
  <c r="U27111" i="1"/>
  <c r="U27110" i="1"/>
  <c r="U27109" i="1"/>
  <c r="U27108" i="1"/>
  <c r="U27107" i="1"/>
  <c r="U27106" i="1"/>
  <c r="U27105" i="1"/>
  <c r="U27104" i="1"/>
  <c r="U27103" i="1"/>
  <c r="U27102" i="1"/>
  <c r="U27101" i="1"/>
  <c r="U27100" i="1"/>
  <c r="U27099" i="1"/>
  <c r="U27098" i="1"/>
  <c r="U27097" i="1"/>
  <c r="U27096" i="1"/>
  <c r="U27095" i="1"/>
  <c r="U27094" i="1"/>
  <c r="U27093" i="1"/>
  <c r="U27092" i="1"/>
  <c r="U27091" i="1"/>
  <c r="U27090" i="1"/>
  <c r="U27089" i="1"/>
  <c r="U27088" i="1"/>
  <c r="U27087" i="1"/>
  <c r="U27086" i="1"/>
  <c r="U27085" i="1"/>
  <c r="U27084" i="1"/>
  <c r="U27083" i="1"/>
  <c r="U27082" i="1"/>
  <c r="U27081" i="1"/>
  <c r="U27080" i="1"/>
  <c r="U27079" i="1"/>
  <c r="U27078" i="1"/>
  <c r="U27077" i="1"/>
  <c r="U27076" i="1"/>
  <c r="U27075" i="1"/>
  <c r="U27074" i="1"/>
  <c r="U27073" i="1"/>
  <c r="U27072" i="1"/>
  <c r="U27071" i="1"/>
  <c r="U27070" i="1"/>
  <c r="U27069" i="1"/>
  <c r="U27068" i="1"/>
  <c r="U27067" i="1"/>
  <c r="U27066" i="1"/>
  <c r="U27065" i="1"/>
  <c r="U27064" i="1"/>
  <c r="U27063" i="1"/>
  <c r="U27062" i="1"/>
  <c r="U27061" i="1"/>
  <c r="U27060" i="1"/>
  <c r="U27059" i="1"/>
  <c r="U27058" i="1"/>
  <c r="U27057" i="1"/>
  <c r="U27056" i="1"/>
  <c r="U27055" i="1"/>
  <c r="U27054" i="1"/>
  <c r="U27053" i="1"/>
  <c r="U27052" i="1"/>
  <c r="U27051" i="1"/>
  <c r="U27050" i="1"/>
  <c r="U27049" i="1"/>
  <c r="U27048" i="1"/>
  <c r="U27047" i="1"/>
  <c r="U27046" i="1"/>
  <c r="U27045" i="1"/>
  <c r="U27044" i="1"/>
  <c r="U27043" i="1"/>
  <c r="U27042" i="1"/>
  <c r="U27041" i="1"/>
  <c r="U27040" i="1"/>
  <c r="U27039" i="1"/>
  <c r="U27038" i="1"/>
  <c r="U27037" i="1"/>
  <c r="U27036" i="1"/>
  <c r="U27035" i="1"/>
  <c r="U27034" i="1"/>
  <c r="U27033" i="1"/>
  <c r="U27032" i="1"/>
  <c r="U27031" i="1"/>
  <c r="U27030" i="1"/>
  <c r="U27029" i="1"/>
  <c r="U27028" i="1"/>
  <c r="U27027" i="1"/>
  <c r="U27026" i="1"/>
  <c r="U27025" i="1"/>
  <c r="U27024" i="1"/>
  <c r="U27023" i="1"/>
  <c r="U27022" i="1"/>
  <c r="U27021" i="1"/>
  <c r="U27020" i="1"/>
  <c r="U27019" i="1"/>
  <c r="U27018" i="1"/>
  <c r="U27017" i="1"/>
  <c r="U27016" i="1"/>
  <c r="U27015" i="1"/>
  <c r="U27014" i="1"/>
  <c r="U27013" i="1"/>
  <c r="U27012" i="1"/>
  <c r="U27011" i="1"/>
  <c r="U27010" i="1"/>
  <c r="U27009" i="1"/>
  <c r="U27008" i="1"/>
  <c r="U27007" i="1"/>
  <c r="U27006" i="1"/>
  <c r="U27005" i="1"/>
  <c r="U27004" i="1"/>
  <c r="U27003" i="1"/>
  <c r="U27002" i="1"/>
  <c r="U27001" i="1"/>
  <c r="U27000" i="1"/>
  <c r="U26999" i="1"/>
  <c r="U26998" i="1"/>
  <c r="U26997" i="1"/>
  <c r="U26996" i="1"/>
  <c r="U26995" i="1"/>
  <c r="U26994" i="1"/>
  <c r="U26993" i="1"/>
  <c r="U26992" i="1"/>
  <c r="U26991" i="1"/>
  <c r="U26990" i="1"/>
  <c r="U26989" i="1"/>
  <c r="U26988" i="1"/>
  <c r="U26987" i="1"/>
  <c r="U26986" i="1"/>
  <c r="U26985" i="1"/>
  <c r="U26984" i="1"/>
  <c r="U26983" i="1"/>
  <c r="U26982" i="1"/>
  <c r="U26981" i="1"/>
  <c r="U26980" i="1"/>
  <c r="U26979" i="1"/>
  <c r="U26978" i="1"/>
  <c r="U26977" i="1"/>
  <c r="U26976" i="1"/>
  <c r="U26975" i="1"/>
  <c r="U26974" i="1"/>
  <c r="U26973" i="1"/>
  <c r="U26972" i="1"/>
  <c r="U26971" i="1"/>
  <c r="U26970" i="1"/>
  <c r="U26969" i="1"/>
  <c r="U26968" i="1"/>
  <c r="U26967" i="1"/>
  <c r="U26966" i="1"/>
  <c r="U26965" i="1"/>
  <c r="U26964" i="1"/>
  <c r="U26963" i="1"/>
  <c r="U26962" i="1"/>
  <c r="U26961" i="1"/>
  <c r="U26960" i="1"/>
  <c r="U26959" i="1"/>
  <c r="U26958" i="1"/>
  <c r="U26957" i="1"/>
  <c r="U26956" i="1"/>
  <c r="U26955" i="1"/>
  <c r="U26954" i="1"/>
  <c r="U26953" i="1"/>
  <c r="U26952" i="1"/>
  <c r="U26951" i="1"/>
  <c r="U26950" i="1"/>
  <c r="U26949" i="1"/>
  <c r="U26948" i="1"/>
  <c r="U26947" i="1"/>
  <c r="U26946" i="1"/>
  <c r="U26945" i="1"/>
  <c r="U26944" i="1"/>
  <c r="U26943" i="1"/>
  <c r="U26942" i="1"/>
  <c r="U26941" i="1"/>
  <c r="U26940" i="1"/>
  <c r="U26939" i="1"/>
  <c r="U26938" i="1"/>
  <c r="U26937" i="1"/>
  <c r="U26936" i="1"/>
  <c r="U26935" i="1"/>
  <c r="U26934" i="1"/>
  <c r="U26933" i="1"/>
  <c r="U26932" i="1"/>
  <c r="U26931" i="1"/>
  <c r="U26930" i="1"/>
  <c r="U26929" i="1"/>
  <c r="U26928" i="1"/>
  <c r="U26927" i="1"/>
  <c r="U26926" i="1"/>
  <c r="U26925" i="1"/>
  <c r="U26924" i="1"/>
  <c r="U26923" i="1"/>
  <c r="U26922" i="1"/>
  <c r="U26921" i="1"/>
  <c r="U26920" i="1"/>
  <c r="U26919" i="1"/>
  <c r="U26918" i="1"/>
  <c r="U26917" i="1"/>
  <c r="U26916" i="1"/>
  <c r="U26915" i="1"/>
  <c r="U26914" i="1"/>
  <c r="U26913" i="1"/>
  <c r="U26912" i="1"/>
  <c r="U26911" i="1"/>
  <c r="U26910" i="1"/>
  <c r="U26909" i="1"/>
  <c r="U26908" i="1"/>
  <c r="U26907" i="1"/>
  <c r="U26906" i="1"/>
  <c r="U26905" i="1"/>
  <c r="U26904" i="1"/>
  <c r="U26903" i="1"/>
  <c r="U26902" i="1"/>
  <c r="U26901" i="1"/>
  <c r="U26900" i="1"/>
  <c r="U26899" i="1"/>
  <c r="U26898" i="1"/>
  <c r="U26897" i="1"/>
  <c r="U26896" i="1"/>
  <c r="U26895" i="1"/>
  <c r="U26894" i="1"/>
  <c r="U26893" i="1"/>
  <c r="U26892" i="1"/>
  <c r="U26891" i="1"/>
  <c r="U26890" i="1"/>
  <c r="U26889" i="1"/>
  <c r="U26888" i="1"/>
  <c r="U26887" i="1"/>
  <c r="U26886" i="1"/>
  <c r="U26885" i="1"/>
  <c r="U26884" i="1"/>
  <c r="U26883" i="1"/>
  <c r="U26882" i="1"/>
  <c r="U26881" i="1"/>
  <c r="U26880" i="1"/>
  <c r="U26879" i="1"/>
  <c r="U26878" i="1"/>
  <c r="U26877" i="1"/>
  <c r="U26876" i="1"/>
  <c r="U26875" i="1"/>
  <c r="U26874" i="1"/>
  <c r="U26873" i="1"/>
  <c r="U26872" i="1"/>
  <c r="U26871" i="1"/>
  <c r="U26870" i="1"/>
  <c r="U26869" i="1"/>
  <c r="U26868" i="1"/>
  <c r="U26867" i="1"/>
  <c r="U26866" i="1"/>
  <c r="U26865" i="1"/>
  <c r="U26864" i="1"/>
  <c r="U26863" i="1"/>
  <c r="U26862" i="1"/>
  <c r="U26861" i="1"/>
  <c r="U26860" i="1"/>
  <c r="U26859" i="1"/>
  <c r="U26858" i="1"/>
  <c r="U26857" i="1"/>
  <c r="U26856" i="1"/>
  <c r="U26855" i="1"/>
  <c r="U26854" i="1"/>
  <c r="U26853" i="1"/>
  <c r="U26852" i="1"/>
  <c r="U26851" i="1"/>
  <c r="U26850" i="1"/>
  <c r="U26849" i="1"/>
  <c r="U26848" i="1"/>
  <c r="U26847" i="1"/>
  <c r="U26846" i="1"/>
  <c r="U26845" i="1"/>
  <c r="U26844" i="1"/>
  <c r="U26843" i="1"/>
  <c r="U26842" i="1"/>
  <c r="U26841" i="1"/>
  <c r="U26840" i="1"/>
  <c r="U26839" i="1"/>
  <c r="U26838" i="1"/>
  <c r="U26837" i="1"/>
  <c r="U26836" i="1"/>
  <c r="U26835" i="1"/>
  <c r="U26834" i="1"/>
  <c r="U26833" i="1"/>
  <c r="U26832" i="1"/>
  <c r="U26831" i="1"/>
  <c r="U26830" i="1"/>
  <c r="U26829" i="1"/>
  <c r="U26828" i="1"/>
  <c r="U26827" i="1"/>
  <c r="U26826" i="1"/>
  <c r="U26825" i="1"/>
  <c r="U26824" i="1"/>
  <c r="U26823" i="1"/>
  <c r="U26822" i="1"/>
  <c r="U26821" i="1"/>
  <c r="U26820" i="1"/>
  <c r="U26819" i="1"/>
  <c r="U26818" i="1"/>
  <c r="U26817" i="1"/>
  <c r="U26816" i="1"/>
  <c r="U26815" i="1"/>
  <c r="U26814" i="1"/>
  <c r="U26813" i="1"/>
  <c r="U26812" i="1"/>
  <c r="U26811" i="1"/>
  <c r="U26810" i="1"/>
  <c r="U26809" i="1"/>
  <c r="U26808" i="1"/>
  <c r="U26807" i="1"/>
  <c r="U26806" i="1"/>
  <c r="U26805" i="1"/>
  <c r="U26804" i="1"/>
  <c r="U26803" i="1"/>
  <c r="U26802" i="1"/>
  <c r="U26801" i="1"/>
  <c r="U26800" i="1"/>
  <c r="U26799" i="1"/>
  <c r="U26798" i="1"/>
  <c r="U26797" i="1"/>
  <c r="U26796" i="1"/>
  <c r="U26795" i="1"/>
  <c r="U26794" i="1"/>
  <c r="U26793" i="1"/>
  <c r="U26792" i="1"/>
  <c r="U26791" i="1"/>
  <c r="U26790" i="1"/>
  <c r="U26789" i="1"/>
  <c r="U26788" i="1"/>
  <c r="U26787" i="1"/>
  <c r="U26786" i="1"/>
  <c r="U26785" i="1"/>
  <c r="U26784" i="1"/>
  <c r="U26783" i="1"/>
  <c r="U26782" i="1"/>
  <c r="U26781" i="1"/>
  <c r="U26780" i="1"/>
  <c r="U26779" i="1"/>
  <c r="U26778" i="1"/>
  <c r="U26777" i="1"/>
  <c r="U26776" i="1"/>
  <c r="U26775" i="1"/>
  <c r="U26774" i="1"/>
  <c r="U26773" i="1"/>
  <c r="U26772" i="1"/>
  <c r="U26771" i="1"/>
  <c r="U26770" i="1"/>
  <c r="U26769" i="1"/>
  <c r="U26768" i="1"/>
  <c r="U26767" i="1"/>
  <c r="U26766" i="1"/>
  <c r="U26765" i="1"/>
  <c r="U26764" i="1"/>
  <c r="U26763" i="1"/>
  <c r="U26762" i="1"/>
  <c r="U26761" i="1"/>
  <c r="U26760" i="1"/>
  <c r="U26759" i="1"/>
  <c r="U26758" i="1"/>
  <c r="U26757" i="1"/>
  <c r="U26756" i="1"/>
  <c r="U26755" i="1"/>
  <c r="U26754" i="1"/>
  <c r="U26753" i="1"/>
  <c r="U26752" i="1"/>
  <c r="U26751" i="1"/>
  <c r="U26750" i="1"/>
  <c r="U26749" i="1"/>
  <c r="U26748" i="1"/>
  <c r="U26747" i="1"/>
  <c r="U26746" i="1"/>
  <c r="U26745" i="1"/>
  <c r="U26744" i="1"/>
  <c r="U26743" i="1"/>
  <c r="U26742" i="1"/>
  <c r="U26741" i="1"/>
  <c r="U26740" i="1"/>
  <c r="U26739" i="1"/>
  <c r="U26738" i="1"/>
  <c r="U26737" i="1"/>
  <c r="U26736" i="1"/>
  <c r="U26735" i="1"/>
  <c r="U26734" i="1"/>
  <c r="U26733" i="1"/>
  <c r="U26732" i="1"/>
  <c r="U26731" i="1"/>
  <c r="U26730" i="1"/>
  <c r="U26729" i="1"/>
  <c r="U26728" i="1"/>
  <c r="U26727" i="1"/>
  <c r="U26726" i="1"/>
  <c r="U26725" i="1"/>
  <c r="U26724" i="1"/>
  <c r="U26723" i="1"/>
  <c r="U26722" i="1"/>
  <c r="U26721" i="1"/>
  <c r="U26720" i="1"/>
  <c r="U26719" i="1"/>
  <c r="U26718" i="1"/>
  <c r="U26717" i="1"/>
  <c r="U26716" i="1"/>
  <c r="U26715" i="1"/>
  <c r="U26714" i="1"/>
  <c r="U26713" i="1"/>
  <c r="U26712" i="1"/>
  <c r="U26711" i="1"/>
  <c r="U26710" i="1"/>
  <c r="U26709" i="1"/>
  <c r="U26708" i="1"/>
  <c r="U26707" i="1"/>
  <c r="U26706" i="1"/>
  <c r="U26705" i="1"/>
  <c r="U26704" i="1"/>
  <c r="U26703" i="1"/>
  <c r="U26702" i="1"/>
  <c r="U26701" i="1"/>
  <c r="U26700" i="1"/>
  <c r="U26699" i="1"/>
  <c r="U26698" i="1"/>
  <c r="U26697" i="1"/>
  <c r="U26696" i="1"/>
  <c r="U26695" i="1"/>
  <c r="U26694" i="1"/>
  <c r="U26693" i="1"/>
  <c r="U26692" i="1"/>
  <c r="U26691" i="1"/>
  <c r="U26690" i="1"/>
  <c r="U26689" i="1"/>
  <c r="U26688" i="1"/>
  <c r="U26687" i="1"/>
  <c r="U26686" i="1"/>
  <c r="U26685" i="1"/>
  <c r="U26684" i="1"/>
  <c r="U26683" i="1"/>
  <c r="U26682" i="1"/>
  <c r="U26681" i="1"/>
  <c r="U26680" i="1"/>
  <c r="U26679" i="1"/>
  <c r="U26678" i="1"/>
  <c r="U26677" i="1"/>
  <c r="U26676" i="1"/>
  <c r="U26675" i="1"/>
  <c r="U26674" i="1"/>
  <c r="U26673" i="1"/>
  <c r="U26672" i="1"/>
  <c r="U26671" i="1"/>
  <c r="U26670" i="1"/>
  <c r="U26669" i="1"/>
  <c r="U26668" i="1"/>
  <c r="U26667" i="1"/>
  <c r="U26666" i="1"/>
  <c r="U26665" i="1"/>
  <c r="U26664" i="1"/>
  <c r="U26663" i="1"/>
  <c r="U26662" i="1"/>
  <c r="U26661" i="1"/>
  <c r="U26660" i="1"/>
  <c r="U26659" i="1"/>
  <c r="U26658" i="1"/>
  <c r="U26657" i="1"/>
  <c r="U26656" i="1"/>
  <c r="U26655" i="1"/>
  <c r="U26654" i="1"/>
  <c r="U26653" i="1"/>
  <c r="U26652" i="1"/>
  <c r="U26651" i="1"/>
  <c r="U26650" i="1"/>
  <c r="U26649" i="1"/>
  <c r="U26648" i="1"/>
  <c r="U26647" i="1"/>
  <c r="U26646" i="1"/>
  <c r="U26645" i="1"/>
  <c r="U26644" i="1"/>
  <c r="U26643" i="1"/>
  <c r="U26642" i="1"/>
  <c r="U26641" i="1"/>
  <c r="U26640" i="1"/>
  <c r="U26639" i="1"/>
  <c r="U26638" i="1"/>
  <c r="U26637" i="1"/>
  <c r="U26636" i="1"/>
  <c r="U26635" i="1"/>
  <c r="U26634" i="1"/>
  <c r="U26633" i="1"/>
  <c r="U26632" i="1"/>
  <c r="U26631" i="1"/>
  <c r="U26630" i="1"/>
  <c r="U26629" i="1"/>
  <c r="U26628" i="1"/>
  <c r="U26627" i="1"/>
  <c r="U26626" i="1"/>
  <c r="U26625" i="1"/>
  <c r="U26624" i="1"/>
  <c r="U26623" i="1"/>
  <c r="U26622" i="1"/>
  <c r="U26621" i="1"/>
  <c r="U26620" i="1"/>
  <c r="U26619" i="1"/>
  <c r="U26618" i="1"/>
  <c r="U26617" i="1"/>
  <c r="U26616" i="1"/>
  <c r="U26615" i="1"/>
  <c r="U26614" i="1"/>
  <c r="U26613" i="1"/>
  <c r="U26612" i="1"/>
  <c r="U26611" i="1"/>
  <c r="U26610" i="1"/>
  <c r="U26609" i="1"/>
  <c r="U26608" i="1"/>
  <c r="U26607" i="1"/>
  <c r="U26606" i="1"/>
  <c r="U26605" i="1"/>
  <c r="U26604" i="1"/>
  <c r="U26603" i="1"/>
  <c r="U26602" i="1"/>
  <c r="U26601" i="1"/>
  <c r="U26600" i="1"/>
  <c r="U26599" i="1"/>
  <c r="U26598" i="1"/>
  <c r="U26597" i="1"/>
  <c r="U26596" i="1"/>
  <c r="U26595" i="1"/>
  <c r="U26594" i="1"/>
  <c r="U26593" i="1"/>
  <c r="U26592" i="1"/>
  <c r="U26591" i="1"/>
  <c r="U26590" i="1"/>
  <c r="U26589" i="1"/>
  <c r="U26588" i="1"/>
  <c r="U26587" i="1"/>
  <c r="U26586" i="1"/>
  <c r="U26585" i="1"/>
  <c r="U26584" i="1"/>
  <c r="U26583" i="1"/>
  <c r="U26582" i="1"/>
  <c r="U26581" i="1"/>
  <c r="U26580" i="1"/>
  <c r="U26579" i="1"/>
  <c r="U26578" i="1"/>
  <c r="U26577" i="1"/>
  <c r="U26576" i="1"/>
  <c r="U26575" i="1"/>
  <c r="U26574" i="1"/>
  <c r="U26573" i="1"/>
  <c r="U26572" i="1"/>
  <c r="U26571" i="1"/>
  <c r="U26570" i="1"/>
  <c r="U26569" i="1"/>
  <c r="U26568" i="1"/>
  <c r="U26567" i="1"/>
  <c r="U26566" i="1"/>
  <c r="U26565" i="1"/>
  <c r="U26564" i="1"/>
  <c r="U26563" i="1"/>
  <c r="U26562" i="1"/>
  <c r="U26561" i="1"/>
  <c r="U26560" i="1"/>
  <c r="U26559" i="1"/>
  <c r="U26558" i="1"/>
  <c r="U26557" i="1"/>
  <c r="U26556" i="1"/>
  <c r="U26555" i="1"/>
  <c r="U26554" i="1"/>
  <c r="U26553" i="1"/>
  <c r="U26552" i="1"/>
  <c r="U26551" i="1"/>
  <c r="U26550" i="1"/>
  <c r="U26549" i="1"/>
  <c r="U26548" i="1"/>
  <c r="U26547" i="1"/>
  <c r="U26546" i="1"/>
  <c r="U26545" i="1"/>
  <c r="U26544" i="1"/>
  <c r="U26543" i="1"/>
  <c r="U26542" i="1"/>
  <c r="U26541" i="1"/>
  <c r="U26540" i="1"/>
  <c r="U26539" i="1"/>
  <c r="U26538" i="1"/>
  <c r="U26537" i="1"/>
  <c r="U26536" i="1"/>
  <c r="U26535" i="1"/>
  <c r="U26534" i="1"/>
  <c r="U26533" i="1"/>
  <c r="U26532" i="1"/>
  <c r="U26531" i="1"/>
  <c r="U26530" i="1"/>
  <c r="U26529" i="1"/>
  <c r="U26528" i="1"/>
  <c r="U26527" i="1"/>
  <c r="U26526" i="1"/>
  <c r="U26525" i="1"/>
  <c r="U26524" i="1"/>
  <c r="U26523" i="1"/>
  <c r="U26522" i="1"/>
  <c r="U26521" i="1"/>
  <c r="U26520" i="1"/>
  <c r="U26519" i="1"/>
  <c r="U26518" i="1"/>
  <c r="U26517" i="1"/>
  <c r="U26516" i="1"/>
  <c r="U26515" i="1"/>
  <c r="U26514" i="1"/>
  <c r="U26513" i="1"/>
  <c r="U26512" i="1"/>
  <c r="U26511" i="1"/>
  <c r="U26510" i="1"/>
  <c r="U26509" i="1"/>
  <c r="U26508" i="1"/>
  <c r="U26507" i="1"/>
  <c r="U26506" i="1"/>
  <c r="U26505" i="1"/>
  <c r="U26504" i="1"/>
  <c r="U26503" i="1"/>
  <c r="U26502" i="1"/>
  <c r="U26501" i="1"/>
  <c r="U26500" i="1"/>
  <c r="U26499" i="1"/>
  <c r="U26498" i="1"/>
  <c r="U26497" i="1"/>
  <c r="U26496" i="1"/>
  <c r="U26495" i="1"/>
  <c r="U26494" i="1"/>
  <c r="U26493" i="1"/>
  <c r="U26492" i="1"/>
  <c r="U26491" i="1"/>
  <c r="U26490" i="1"/>
  <c r="U26489" i="1"/>
  <c r="U26488" i="1"/>
  <c r="U26487" i="1"/>
  <c r="U26486" i="1"/>
  <c r="U26485" i="1"/>
  <c r="U26484" i="1"/>
  <c r="U26483" i="1"/>
  <c r="U26482" i="1"/>
  <c r="U26481" i="1"/>
  <c r="U26480" i="1"/>
  <c r="U26479" i="1"/>
  <c r="U26478" i="1"/>
  <c r="U26477" i="1"/>
  <c r="U26476" i="1"/>
  <c r="U26475" i="1"/>
  <c r="U26474" i="1"/>
  <c r="U26473" i="1"/>
  <c r="U26472" i="1"/>
  <c r="U26471" i="1"/>
  <c r="U26470" i="1"/>
  <c r="U26469" i="1"/>
  <c r="U26468" i="1"/>
  <c r="U26467" i="1"/>
  <c r="U26466" i="1"/>
  <c r="U26465" i="1"/>
  <c r="U26464" i="1"/>
  <c r="U26463" i="1"/>
  <c r="U26462" i="1"/>
  <c r="U26461" i="1"/>
  <c r="U26460" i="1"/>
  <c r="U26459" i="1"/>
  <c r="U26458" i="1"/>
  <c r="U26457" i="1"/>
  <c r="U26456" i="1"/>
  <c r="U26455" i="1"/>
  <c r="U26454" i="1"/>
  <c r="U26453" i="1"/>
  <c r="U26452" i="1"/>
  <c r="U26451" i="1"/>
  <c r="U26450" i="1"/>
  <c r="U26449" i="1"/>
  <c r="U26448" i="1"/>
  <c r="U26447" i="1"/>
  <c r="U26446" i="1"/>
  <c r="U26445" i="1"/>
  <c r="U26444" i="1"/>
  <c r="U26443" i="1"/>
  <c r="U26442" i="1"/>
  <c r="U26441" i="1"/>
  <c r="U26440" i="1"/>
  <c r="U26439" i="1"/>
  <c r="U26438" i="1"/>
  <c r="U26437" i="1"/>
  <c r="U26436" i="1"/>
  <c r="U26435" i="1"/>
  <c r="U26434" i="1"/>
  <c r="U26433" i="1"/>
  <c r="U26432" i="1"/>
  <c r="U26431" i="1"/>
  <c r="U26430" i="1"/>
  <c r="U26429" i="1"/>
  <c r="U26428" i="1"/>
  <c r="U26427" i="1"/>
  <c r="U26426" i="1"/>
  <c r="U26425" i="1"/>
  <c r="U26424" i="1"/>
  <c r="U26423" i="1"/>
  <c r="U26422" i="1"/>
  <c r="U26421" i="1"/>
  <c r="U26420" i="1"/>
  <c r="U26419" i="1"/>
  <c r="U26418" i="1"/>
  <c r="U26417" i="1"/>
  <c r="U26416" i="1"/>
  <c r="U26415" i="1"/>
  <c r="U26414" i="1"/>
  <c r="U26413" i="1"/>
  <c r="U26412" i="1"/>
  <c r="U26411" i="1"/>
  <c r="U26410" i="1"/>
  <c r="U26409" i="1"/>
  <c r="U26408" i="1"/>
  <c r="U26407" i="1"/>
  <c r="U26406" i="1"/>
  <c r="U26405" i="1"/>
  <c r="U26404" i="1"/>
  <c r="U26403" i="1"/>
  <c r="U26402" i="1"/>
  <c r="U26401" i="1"/>
  <c r="U26400" i="1"/>
  <c r="U26399" i="1"/>
  <c r="U26398" i="1"/>
  <c r="U26397" i="1"/>
  <c r="U26396" i="1"/>
  <c r="U26395" i="1"/>
  <c r="U26394" i="1"/>
  <c r="U26393" i="1"/>
  <c r="U26392" i="1"/>
  <c r="U26391" i="1"/>
  <c r="U26390" i="1"/>
  <c r="U26389" i="1"/>
  <c r="U26388" i="1"/>
  <c r="U26387" i="1"/>
  <c r="U26386" i="1"/>
  <c r="U26385" i="1"/>
  <c r="U26384" i="1"/>
  <c r="U26383" i="1"/>
  <c r="U26382" i="1"/>
  <c r="U26381" i="1"/>
  <c r="U26380" i="1"/>
  <c r="U26379" i="1"/>
  <c r="U26378" i="1"/>
  <c r="U26377" i="1"/>
  <c r="U26376" i="1"/>
  <c r="U26375" i="1"/>
  <c r="U26374" i="1"/>
  <c r="U26373" i="1"/>
  <c r="U26372" i="1"/>
  <c r="U26371" i="1"/>
  <c r="U26370" i="1"/>
  <c r="U26369" i="1"/>
  <c r="U26368" i="1"/>
  <c r="U26367" i="1"/>
  <c r="U26366" i="1"/>
  <c r="U26365" i="1"/>
  <c r="U26364" i="1"/>
  <c r="U26363" i="1"/>
  <c r="U26362" i="1"/>
  <c r="U26361" i="1"/>
  <c r="U26360" i="1"/>
  <c r="U26359" i="1"/>
  <c r="U26358" i="1"/>
  <c r="U26357" i="1"/>
  <c r="U26356" i="1"/>
  <c r="U26355" i="1"/>
  <c r="U26354" i="1"/>
  <c r="U26353" i="1"/>
  <c r="U26352" i="1"/>
  <c r="U26351" i="1"/>
  <c r="U26350" i="1"/>
  <c r="U26349" i="1"/>
  <c r="U26348" i="1"/>
  <c r="U26347" i="1"/>
  <c r="U26346" i="1"/>
  <c r="U26345" i="1"/>
  <c r="U26344" i="1"/>
  <c r="U26343" i="1"/>
  <c r="U26342" i="1"/>
  <c r="U26341" i="1"/>
  <c r="U26340" i="1"/>
  <c r="U26339" i="1"/>
  <c r="U26338" i="1"/>
  <c r="U26337" i="1"/>
  <c r="U26336" i="1"/>
  <c r="U26335" i="1"/>
  <c r="U26334" i="1"/>
  <c r="U26333" i="1"/>
  <c r="U26332" i="1"/>
  <c r="U26331" i="1"/>
  <c r="U26330" i="1"/>
  <c r="U26329" i="1"/>
  <c r="U26328" i="1"/>
  <c r="U26327" i="1"/>
  <c r="U26326" i="1"/>
  <c r="U26325" i="1"/>
  <c r="U26324" i="1"/>
  <c r="U26323" i="1"/>
  <c r="U26322" i="1"/>
  <c r="U26321" i="1"/>
  <c r="U26320" i="1"/>
  <c r="U26319" i="1"/>
  <c r="U26318" i="1"/>
  <c r="U26317" i="1"/>
  <c r="U26316" i="1"/>
  <c r="U26315" i="1"/>
  <c r="U26314" i="1"/>
  <c r="U26313" i="1"/>
  <c r="U26312" i="1"/>
  <c r="U26311" i="1"/>
  <c r="U26310" i="1"/>
  <c r="U26309" i="1"/>
  <c r="U26308" i="1"/>
  <c r="U26307" i="1"/>
  <c r="U26306" i="1"/>
  <c r="U26305" i="1"/>
  <c r="U26304" i="1"/>
  <c r="U26303" i="1"/>
  <c r="U26302" i="1"/>
  <c r="U26301" i="1"/>
  <c r="U26300" i="1"/>
  <c r="U26299" i="1"/>
  <c r="U26298" i="1"/>
  <c r="U26297" i="1"/>
  <c r="U26296" i="1"/>
  <c r="U26295" i="1"/>
  <c r="U26294" i="1"/>
  <c r="U26293" i="1"/>
  <c r="U26292" i="1"/>
  <c r="U26291" i="1"/>
  <c r="U26290" i="1"/>
  <c r="U26289" i="1"/>
  <c r="U26288" i="1"/>
  <c r="U26287" i="1"/>
  <c r="U26286" i="1"/>
  <c r="U26285" i="1"/>
  <c r="U26284" i="1"/>
  <c r="U26283" i="1"/>
  <c r="U26282" i="1"/>
  <c r="U26281" i="1"/>
  <c r="U26280" i="1"/>
  <c r="U26279" i="1"/>
  <c r="U26278" i="1"/>
  <c r="U26277" i="1"/>
  <c r="U26276" i="1"/>
  <c r="U26275" i="1"/>
  <c r="U26274" i="1"/>
  <c r="U26273" i="1"/>
  <c r="U26272" i="1"/>
  <c r="U26271" i="1"/>
  <c r="U26270" i="1"/>
  <c r="U26269" i="1"/>
  <c r="U26268" i="1"/>
  <c r="U26267" i="1"/>
  <c r="U26266" i="1"/>
  <c r="U26265" i="1"/>
  <c r="U26264" i="1"/>
  <c r="U26263" i="1"/>
  <c r="U26262" i="1"/>
  <c r="U26261" i="1"/>
  <c r="U26260" i="1"/>
  <c r="U26259" i="1"/>
  <c r="U26258" i="1"/>
  <c r="U26257" i="1"/>
  <c r="U26256" i="1"/>
  <c r="U26255" i="1"/>
  <c r="U26254" i="1"/>
  <c r="U26253" i="1"/>
  <c r="U26252" i="1"/>
  <c r="U26251" i="1"/>
  <c r="U26250" i="1"/>
  <c r="U26249" i="1"/>
  <c r="U26248" i="1"/>
  <c r="U26247" i="1"/>
  <c r="U26246" i="1"/>
  <c r="U26245" i="1"/>
  <c r="U26244" i="1"/>
  <c r="U26243" i="1"/>
  <c r="U26242" i="1"/>
  <c r="U26241" i="1"/>
  <c r="U26240" i="1"/>
  <c r="U26239" i="1"/>
  <c r="U26238" i="1"/>
  <c r="U26237" i="1"/>
  <c r="U26236" i="1"/>
  <c r="U26235" i="1"/>
  <c r="U26234" i="1"/>
  <c r="U26233" i="1"/>
  <c r="U26232" i="1"/>
  <c r="U26231" i="1"/>
  <c r="U26230" i="1"/>
  <c r="U26229" i="1"/>
  <c r="U26228" i="1"/>
  <c r="U26227" i="1"/>
  <c r="U26226" i="1"/>
  <c r="U26225" i="1"/>
  <c r="U26224" i="1"/>
  <c r="U26223" i="1"/>
  <c r="U26222" i="1"/>
  <c r="U26221" i="1"/>
  <c r="U26220" i="1"/>
  <c r="U26219" i="1"/>
  <c r="U26218" i="1"/>
  <c r="U26217" i="1"/>
  <c r="U26216" i="1"/>
  <c r="U26215" i="1"/>
  <c r="U26214" i="1"/>
  <c r="U26213" i="1"/>
  <c r="U26212" i="1"/>
  <c r="U26211" i="1"/>
  <c r="U26210" i="1"/>
  <c r="U26209" i="1"/>
  <c r="U26208" i="1"/>
  <c r="U26207" i="1"/>
  <c r="U26206" i="1"/>
  <c r="U26205" i="1"/>
  <c r="U26204" i="1"/>
  <c r="U26203" i="1"/>
  <c r="U26202" i="1"/>
  <c r="U26201" i="1"/>
  <c r="U26200" i="1"/>
  <c r="U26199" i="1"/>
  <c r="U26198" i="1"/>
  <c r="U26197" i="1"/>
  <c r="U26196" i="1"/>
  <c r="U26195" i="1"/>
  <c r="U26194" i="1"/>
  <c r="U26193" i="1"/>
  <c r="U26192" i="1"/>
  <c r="U26191" i="1"/>
  <c r="U26190" i="1"/>
  <c r="U26189" i="1"/>
  <c r="U26188" i="1"/>
  <c r="U26187" i="1"/>
  <c r="U26186" i="1"/>
  <c r="U26185" i="1"/>
  <c r="U26184" i="1"/>
  <c r="U26183" i="1"/>
  <c r="U26182" i="1"/>
  <c r="U26181" i="1"/>
  <c r="U26180" i="1"/>
  <c r="U26179" i="1"/>
  <c r="U26178" i="1"/>
  <c r="U26177" i="1"/>
  <c r="U26176" i="1"/>
  <c r="U26175" i="1"/>
  <c r="U26174" i="1"/>
  <c r="U26173" i="1"/>
  <c r="U26172" i="1"/>
  <c r="U26171" i="1"/>
  <c r="U26170" i="1"/>
  <c r="U26169" i="1"/>
  <c r="U26168" i="1"/>
  <c r="U26167" i="1"/>
  <c r="U26166" i="1"/>
  <c r="U26165" i="1"/>
  <c r="U26164" i="1"/>
  <c r="U26163" i="1"/>
  <c r="U26162" i="1"/>
  <c r="U26161" i="1"/>
  <c r="U26160" i="1"/>
  <c r="U26159" i="1"/>
  <c r="U26158" i="1"/>
  <c r="U26157" i="1"/>
  <c r="U26156" i="1"/>
  <c r="U26155" i="1"/>
  <c r="U26154" i="1"/>
  <c r="U26153" i="1"/>
  <c r="U26152" i="1"/>
  <c r="U26151" i="1"/>
  <c r="U26150" i="1"/>
  <c r="U26149" i="1"/>
  <c r="U26148" i="1"/>
  <c r="U26147" i="1"/>
  <c r="U26146" i="1"/>
  <c r="U26145" i="1"/>
  <c r="U26144" i="1"/>
  <c r="U26143" i="1"/>
  <c r="U26142" i="1"/>
  <c r="U26141" i="1"/>
  <c r="U26140" i="1"/>
  <c r="U26139" i="1"/>
  <c r="U26138" i="1"/>
  <c r="U26137" i="1"/>
  <c r="U26136" i="1"/>
  <c r="U26135" i="1"/>
  <c r="U26134" i="1"/>
  <c r="U26133" i="1"/>
  <c r="U26132" i="1"/>
  <c r="U26131" i="1"/>
  <c r="U26130" i="1"/>
  <c r="U26129" i="1"/>
  <c r="U26128" i="1"/>
  <c r="U26127" i="1"/>
  <c r="U26126" i="1"/>
  <c r="U26125" i="1"/>
  <c r="U26124" i="1"/>
  <c r="U26123" i="1"/>
  <c r="U26122" i="1"/>
  <c r="U26121" i="1"/>
  <c r="U26120" i="1"/>
  <c r="U26119" i="1"/>
  <c r="U26118" i="1"/>
  <c r="U26117" i="1"/>
  <c r="U26116" i="1"/>
  <c r="U26115" i="1"/>
  <c r="U26114" i="1"/>
  <c r="U26113" i="1"/>
  <c r="U26112" i="1"/>
  <c r="U26111" i="1"/>
  <c r="U26110" i="1"/>
  <c r="U26109" i="1"/>
  <c r="U26108" i="1"/>
  <c r="U26107" i="1"/>
  <c r="U26106" i="1"/>
  <c r="U26105" i="1"/>
  <c r="U26104" i="1"/>
  <c r="U26103" i="1"/>
  <c r="U26102" i="1"/>
  <c r="U26101" i="1"/>
  <c r="U26100" i="1"/>
  <c r="U26099" i="1"/>
  <c r="U26098" i="1"/>
  <c r="U26097" i="1"/>
  <c r="U26096" i="1"/>
  <c r="U26095" i="1"/>
  <c r="U26094" i="1"/>
  <c r="U26093" i="1"/>
  <c r="U26092" i="1"/>
  <c r="U26091" i="1"/>
  <c r="U26090" i="1"/>
  <c r="U26089" i="1"/>
  <c r="U26088" i="1"/>
  <c r="U26087" i="1"/>
  <c r="U26086" i="1"/>
  <c r="U26085" i="1"/>
  <c r="U26084" i="1"/>
  <c r="U26083" i="1"/>
  <c r="U26082" i="1"/>
  <c r="U26081" i="1"/>
  <c r="U26080" i="1"/>
  <c r="U26079" i="1"/>
  <c r="U26078" i="1"/>
  <c r="U26077" i="1"/>
  <c r="U26076" i="1"/>
  <c r="U26075" i="1"/>
  <c r="U26074" i="1"/>
  <c r="U26073" i="1"/>
  <c r="U26072" i="1"/>
  <c r="U26071" i="1"/>
  <c r="U26070" i="1"/>
  <c r="U26069" i="1"/>
  <c r="U26068" i="1"/>
  <c r="U26067" i="1"/>
  <c r="U26066" i="1"/>
  <c r="U26065" i="1"/>
  <c r="U26064" i="1"/>
  <c r="U26063" i="1"/>
  <c r="U26062" i="1"/>
  <c r="U26061" i="1"/>
  <c r="U26060" i="1"/>
  <c r="U26059" i="1"/>
  <c r="U26058" i="1"/>
  <c r="U26057" i="1"/>
  <c r="U26056" i="1"/>
  <c r="U26055" i="1"/>
  <c r="U26054" i="1"/>
  <c r="U26053" i="1"/>
  <c r="U26052" i="1"/>
  <c r="U26051" i="1"/>
  <c r="U26050" i="1"/>
  <c r="U26049" i="1"/>
  <c r="U26048" i="1"/>
  <c r="U26047" i="1"/>
  <c r="U26046" i="1"/>
  <c r="U26045" i="1"/>
  <c r="U26044" i="1"/>
  <c r="U26043" i="1"/>
  <c r="U26042" i="1"/>
  <c r="U26041" i="1"/>
  <c r="U26040" i="1"/>
  <c r="U26039" i="1"/>
  <c r="U26038" i="1"/>
  <c r="U26037" i="1"/>
  <c r="U26036" i="1"/>
  <c r="U26035" i="1"/>
  <c r="U26034" i="1"/>
  <c r="U26033" i="1"/>
  <c r="U26032" i="1"/>
  <c r="U26031" i="1"/>
  <c r="U26030" i="1"/>
  <c r="U26029" i="1"/>
  <c r="U26028" i="1"/>
  <c r="U26027" i="1"/>
  <c r="U26026" i="1"/>
  <c r="U26025" i="1"/>
  <c r="U26024" i="1"/>
  <c r="U26023" i="1"/>
  <c r="U26022" i="1"/>
  <c r="U26021" i="1"/>
  <c r="U26020" i="1"/>
  <c r="U26019" i="1"/>
  <c r="U26018" i="1"/>
  <c r="U26017" i="1"/>
  <c r="U26016" i="1"/>
  <c r="U26015" i="1"/>
  <c r="U26014" i="1"/>
  <c r="U26013" i="1"/>
  <c r="U26012" i="1"/>
  <c r="U26011" i="1"/>
  <c r="U26010" i="1"/>
  <c r="U26009" i="1"/>
  <c r="U26008" i="1"/>
  <c r="U26007" i="1"/>
  <c r="U26006" i="1"/>
  <c r="U26005" i="1"/>
  <c r="U26004" i="1"/>
  <c r="U26003" i="1"/>
  <c r="U26002" i="1"/>
  <c r="U26001" i="1"/>
  <c r="U26000" i="1"/>
  <c r="U25999" i="1"/>
  <c r="U25998" i="1"/>
  <c r="U25997" i="1"/>
  <c r="U25996" i="1"/>
  <c r="U25995" i="1"/>
  <c r="U25994" i="1"/>
  <c r="U25993" i="1"/>
  <c r="U25992" i="1"/>
  <c r="U25991" i="1"/>
  <c r="U25990" i="1"/>
  <c r="U25989" i="1"/>
  <c r="U25988" i="1"/>
  <c r="U25987" i="1"/>
  <c r="U25986" i="1"/>
  <c r="U25985" i="1"/>
  <c r="U25984" i="1"/>
  <c r="U25983" i="1"/>
  <c r="U25982" i="1"/>
  <c r="U25981" i="1"/>
  <c r="U25980" i="1"/>
  <c r="U25979" i="1"/>
  <c r="U25978" i="1"/>
  <c r="U25977" i="1"/>
  <c r="U25976" i="1"/>
  <c r="U25975" i="1"/>
  <c r="U25974" i="1"/>
  <c r="U25973" i="1"/>
  <c r="U25972" i="1"/>
  <c r="U25971" i="1"/>
  <c r="U25970" i="1"/>
  <c r="U25969" i="1"/>
  <c r="U25968" i="1"/>
  <c r="U25967" i="1"/>
  <c r="U25966" i="1"/>
  <c r="U25965" i="1"/>
  <c r="U25964" i="1"/>
  <c r="U25963" i="1"/>
  <c r="U25962" i="1"/>
  <c r="U25961" i="1"/>
  <c r="U25960" i="1"/>
  <c r="U25959" i="1"/>
  <c r="U25958" i="1"/>
  <c r="U25957" i="1"/>
  <c r="U25956" i="1"/>
  <c r="U25955" i="1"/>
  <c r="U25954" i="1"/>
  <c r="U25953" i="1"/>
  <c r="U25952" i="1"/>
  <c r="U25951" i="1"/>
  <c r="U25950" i="1"/>
  <c r="U25949" i="1"/>
  <c r="U25948" i="1"/>
  <c r="U25947" i="1"/>
  <c r="U25946" i="1"/>
  <c r="U25945" i="1"/>
  <c r="U25944" i="1"/>
  <c r="U25943" i="1"/>
  <c r="U25942" i="1"/>
  <c r="U25941" i="1"/>
  <c r="U25940" i="1"/>
  <c r="U25939" i="1"/>
  <c r="U25938" i="1"/>
  <c r="U25937" i="1"/>
  <c r="U25936" i="1"/>
  <c r="U25935" i="1"/>
  <c r="U25934" i="1"/>
  <c r="U25933" i="1"/>
  <c r="U25932" i="1"/>
  <c r="U25931" i="1"/>
  <c r="U25930" i="1"/>
  <c r="U25929" i="1"/>
  <c r="U25928" i="1"/>
  <c r="U25927" i="1"/>
  <c r="U25926" i="1"/>
  <c r="U25925" i="1"/>
  <c r="U25924" i="1"/>
  <c r="U25923" i="1"/>
  <c r="U25922" i="1"/>
  <c r="U25921" i="1"/>
  <c r="U25920" i="1"/>
  <c r="U25919" i="1"/>
  <c r="U25918" i="1"/>
  <c r="U25917" i="1"/>
  <c r="U25916" i="1"/>
  <c r="U25915" i="1"/>
  <c r="U25914" i="1"/>
  <c r="U25913" i="1"/>
  <c r="U25912" i="1"/>
  <c r="U25911" i="1"/>
  <c r="U25910" i="1"/>
  <c r="U25909" i="1"/>
  <c r="U25908" i="1"/>
  <c r="U25907" i="1"/>
  <c r="U25906" i="1"/>
  <c r="U25905" i="1"/>
  <c r="U25904" i="1"/>
  <c r="U25903" i="1"/>
  <c r="U25902" i="1"/>
  <c r="U25901" i="1"/>
  <c r="U25900" i="1"/>
  <c r="U25899" i="1"/>
  <c r="U25898" i="1"/>
  <c r="U25897" i="1"/>
  <c r="U25896" i="1"/>
  <c r="U25895" i="1"/>
  <c r="U25894" i="1"/>
  <c r="U25893" i="1"/>
  <c r="U25892" i="1"/>
  <c r="U25891" i="1"/>
  <c r="U25890" i="1"/>
  <c r="U25889" i="1"/>
  <c r="U25888" i="1"/>
  <c r="U25887" i="1"/>
  <c r="U25886" i="1"/>
  <c r="U25885" i="1"/>
  <c r="U25884" i="1"/>
  <c r="U25883" i="1"/>
  <c r="U25882" i="1"/>
  <c r="U25881" i="1"/>
  <c r="U25880" i="1"/>
  <c r="U25879" i="1"/>
  <c r="U25878" i="1"/>
  <c r="U25877" i="1"/>
  <c r="U25876" i="1"/>
  <c r="U25875" i="1"/>
  <c r="U25874" i="1"/>
  <c r="U25873" i="1"/>
  <c r="U25872" i="1"/>
  <c r="U25871" i="1"/>
  <c r="U25870" i="1"/>
  <c r="U25869" i="1"/>
  <c r="U25868" i="1"/>
  <c r="U25867" i="1"/>
  <c r="U25866" i="1"/>
  <c r="U25865" i="1"/>
  <c r="U25864" i="1"/>
  <c r="U25863" i="1"/>
  <c r="U25862" i="1"/>
  <c r="U25861" i="1"/>
  <c r="U25860" i="1"/>
  <c r="U25859" i="1"/>
  <c r="U25858" i="1"/>
  <c r="U25857" i="1"/>
  <c r="U25856" i="1"/>
  <c r="U25855" i="1"/>
  <c r="U25854" i="1"/>
  <c r="U25853" i="1"/>
  <c r="U25852" i="1"/>
  <c r="U25851" i="1"/>
  <c r="U25850" i="1"/>
  <c r="U25849" i="1"/>
  <c r="U25848" i="1"/>
  <c r="U25847" i="1"/>
  <c r="U25846" i="1"/>
  <c r="U25845" i="1"/>
  <c r="U25844" i="1"/>
  <c r="U25843" i="1"/>
  <c r="U25842" i="1"/>
  <c r="U25841" i="1"/>
  <c r="U25840" i="1"/>
  <c r="U25839" i="1"/>
  <c r="U25838" i="1"/>
  <c r="U25837" i="1"/>
  <c r="U25836" i="1"/>
  <c r="U25835" i="1"/>
  <c r="U25834" i="1"/>
  <c r="U25833" i="1"/>
  <c r="U25832" i="1"/>
  <c r="U25831" i="1"/>
  <c r="U25830" i="1"/>
  <c r="U25829" i="1"/>
  <c r="U25828" i="1"/>
  <c r="U25827" i="1"/>
  <c r="U25826" i="1"/>
  <c r="U25825" i="1"/>
  <c r="U25824" i="1"/>
  <c r="U25823" i="1"/>
  <c r="U25822" i="1"/>
  <c r="U25821" i="1"/>
  <c r="U25820" i="1"/>
  <c r="U25819" i="1"/>
  <c r="U25818" i="1"/>
  <c r="U25817" i="1"/>
  <c r="U25816" i="1"/>
  <c r="U25815" i="1"/>
  <c r="U25814" i="1"/>
  <c r="U25813" i="1"/>
  <c r="U25812" i="1"/>
  <c r="U25811" i="1"/>
  <c r="U25810" i="1"/>
  <c r="U25809" i="1"/>
  <c r="U25808" i="1"/>
  <c r="U25807" i="1"/>
  <c r="U25806" i="1"/>
  <c r="U25805" i="1"/>
  <c r="U25804" i="1"/>
  <c r="U25803" i="1"/>
  <c r="U25802" i="1"/>
  <c r="U25801" i="1"/>
  <c r="U25800" i="1"/>
  <c r="U25799" i="1"/>
  <c r="U25798" i="1"/>
  <c r="U25797" i="1"/>
  <c r="U25796" i="1"/>
  <c r="U25795" i="1"/>
  <c r="U25794" i="1"/>
  <c r="U25793" i="1"/>
  <c r="U25792" i="1"/>
  <c r="U25791" i="1"/>
  <c r="U25790" i="1"/>
  <c r="U25789" i="1"/>
  <c r="U25788" i="1"/>
  <c r="U25787" i="1"/>
  <c r="U25786" i="1"/>
  <c r="U25785" i="1"/>
  <c r="U25784" i="1"/>
  <c r="U25783" i="1"/>
  <c r="U25782" i="1"/>
  <c r="U25781" i="1"/>
  <c r="U25780" i="1"/>
  <c r="U25779" i="1"/>
  <c r="U25778" i="1"/>
  <c r="U25777" i="1"/>
  <c r="U25776" i="1"/>
  <c r="U25775" i="1"/>
  <c r="U25774" i="1"/>
  <c r="U25773" i="1"/>
  <c r="U25772" i="1"/>
  <c r="U25771" i="1"/>
  <c r="U25770" i="1"/>
  <c r="U25769" i="1"/>
  <c r="U25768" i="1"/>
  <c r="U25767" i="1"/>
  <c r="U25766" i="1"/>
  <c r="U25765" i="1"/>
  <c r="U25764" i="1"/>
  <c r="U25763" i="1"/>
  <c r="U25762" i="1"/>
  <c r="U25761" i="1"/>
  <c r="U25760" i="1"/>
  <c r="U25759" i="1"/>
  <c r="U25758" i="1"/>
  <c r="U25757" i="1"/>
  <c r="U25756" i="1"/>
  <c r="U25755" i="1"/>
  <c r="U25754" i="1"/>
  <c r="U25753" i="1"/>
  <c r="U25752" i="1"/>
  <c r="U25751" i="1"/>
  <c r="U25750" i="1"/>
  <c r="U25749" i="1"/>
  <c r="U25748" i="1"/>
  <c r="U25747" i="1"/>
  <c r="U25746" i="1"/>
  <c r="U25745" i="1"/>
  <c r="U25744" i="1"/>
  <c r="U25743" i="1"/>
  <c r="U25742" i="1"/>
  <c r="U25741" i="1"/>
  <c r="U25740" i="1"/>
  <c r="U25739" i="1"/>
  <c r="U25738" i="1"/>
  <c r="U25737" i="1"/>
  <c r="U25736" i="1"/>
  <c r="U25735" i="1"/>
  <c r="U25734" i="1"/>
  <c r="U25733" i="1"/>
  <c r="U25732" i="1"/>
  <c r="U25731" i="1"/>
  <c r="U25730" i="1"/>
  <c r="U25729" i="1"/>
  <c r="U25728" i="1"/>
  <c r="U25727" i="1"/>
  <c r="U25726" i="1"/>
  <c r="U25725" i="1"/>
  <c r="U25724" i="1"/>
  <c r="U25723" i="1"/>
  <c r="U25722" i="1"/>
  <c r="U25721" i="1"/>
  <c r="U25720" i="1"/>
  <c r="U25719" i="1"/>
  <c r="U25718" i="1"/>
  <c r="U25717" i="1"/>
  <c r="U25716" i="1"/>
  <c r="U25715" i="1"/>
  <c r="U25714" i="1"/>
  <c r="U25713" i="1"/>
  <c r="U25712" i="1"/>
  <c r="U25711" i="1"/>
  <c r="U25710" i="1"/>
  <c r="U25709" i="1"/>
  <c r="U25708" i="1"/>
  <c r="U25707" i="1"/>
  <c r="U25706" i="1"/>
  <c r="U25705" i="1"/>
  <c r="U25704" i="1"/>
  <c r="U25703" i="1"/>
  <c r="U25702" i="1"/>
  <c r="U25701" i="1"/>
  <c r="U25700" i="1"/>
  <c r="U25699" i="1"/>
  <c r="U25698" i="1"/>
  <c r="U25697" i="1"/>
  <c r="U25696" i="1"/>
  <c r="U25695" i="1"/>
  <c r="U25694" i="1"/>
  <c r="U25693" i="1"/>
  <c r="U25692" i="1"/>
  <c r="U25691" i="1"/>
  <c r="U25690" i="1"/>
  <c r="U25689" i="1"/>
  <c r="U25688" i="1"/>
  <c r="U25687" i="1"/>
  <c r="U25686" i="1"/>
  <c r="U25685" i="1"/>
  <c r="U25684" i="1"/>
  <c r="U25683" i="1"/>
  <c r="U25682" i="1"/>
  <c r="U25681" i="1"/>
  <c r="U25680" i="1"/>
  <c r="U25679" i="1"/>
  <c r="U25678" i="1"/>
  <c r="U25677" i="1"/>
  <c r="U25676" i="1"/>
  <c r="U25675" i="1"/>
  <c r="U25674" i="1"/>
  <c r="U25673" i="1"/>
  <c r="U25672" i="1"/>
  <c r="U25671" i="1"/>
  <c r="U25670" i="1"/>
  <c r="U25669" i="1"/>
  <c r="U25668" i="1"/>
  <c r="U25667" i="1"/>
  <c r="U25666" i="1"/>
  <c r="U25665" i="1"/>
  <c r="U25664" i="1"/>
  <c r="U25663" i="1"/>
  <c r="U25662" i="1"/>
  <c r="U25661" i="1"/>
  <c r="U25660" i="1"/>
  <c r="U25659" i="1"/>
  <c r="U25658" i="1"/>
  <c r="U25657" i="1"/>
  <c r="U25656" i="1"/>
  <c r="U25655" i="1"/>
  <c r="U25654" i="1"/>
  <c r="U25653" i="1"/>
  <c r="U25652" i="1"/>
  <c r="U25651" i="1"/>
  <c r="U25650" i="1"/>
  <c r="U25649" i="1"/>
  <c r="U25648" i="1"/>
  <c r="U25647" i="1"/>
  <c r="U25646" i="1"/>
  <c r="U25645" i="1"/>
  <c r="U25644" i="1"/>
  <c r="U25643" i="1"/>
  <c r="U25642" i="1"/>
  <c r="U25641" i="1"/>
  <c r="U25640" i="1"/>
  <c r="U25639" i="1"/>
  <c r="U25638" i="1"/>
  <c r="U25637" i="1"/>
  <c r="U25636" i="1"/>
  <c r="U25635" i="1"/>
  <c r="U25634" i="1"/>
  <c r="U25633" i="1"/>
  <c r="U25632" i="1"/>
  <c r="U25631" i="1"/>
  <c r="U25630" i="1"/>
  <c r="U25629" i="1"/>
  <c r="U25628" i="1"/>
  <c r="U25627" i="1"/>
  <c r="U25626" i="1"/>
  <c r="U25625" i="1"/>
  <c r="U25624" i="1"/>
  <c r="U25623" i="1"/>
  <c r="U25622" i="1"/>
  <c r="U25621" i="1"/>
  <c r="U25620" i="1"/>
  <c r="U25619" i="1"/>
  <c r="U25618" i="1"/>
  <c r="U25617" i="1"/>
  <c r="U25616" i="1"/>
  <c r="U25615" i="1"/>
  <c r="U25614" i="1"/>
  <c r="U25613" i="1"/>
  <c r="U25612" i="1"/>
  <c r="U25611" i="1"/>
  <c r="U25610" i="1"/>
  <c r="U25609" i="1"/>
  <c r="U25608" i="1"/>
  <c r="U25607" i="1"/>
  <c r="U25606" i="1"/>
  <c r="U25605" i="1"/>
  <c r="U25604" i="1"/>
  <c r="U25603" i="1"/>
  <c r="U25602" i="1"/>
  <c r="U25601" i="1"/>
  <c r="U25600" i="1"/>
  <c r="U25599" i="1"/>
  <c r="U25598" i="1"/>
  <c r="U25597" i="1"/>
  <c r="U25596" i="1"/>
  <c r="U25595" i="1"/>
  <c r="U25594" i="1"/>
  <c r="U25593" i="1"/>
  <c r="U25592" i="1"/>
  <c r="U25591" i="1"/>
  <c r="U25590" i="1"/>
  <c r="U25589" i="1"/>
  <c r="U25588" i="1"/>
  <c r="U25587" i="1"/>
  <c r="U25586" i="1"/>
  <c r="U25585" i="1"/>
  <c r="U25584" i="1"/>
  <c r="U25583" i="1"/>
  <c r="U25582" i="1"/>
  <c r="U25581" i="1"/>
  <c r="U25580" i="1"/>
  <c r="U25579" i="1"/>
  <c r="U25578" i="1"/>
  <c r="U25577" i="1"/>
  <c r="U25576" i="1"/>
  <c r="U25575" i="1"/>
  <c r="U25574" i="1"/>
  <c r="U25573" i="1"/>
  <c r="U25572" i="1"/>
  <c r="U25571" i="1"/>
  <c r="U25570" i="1"/>
  <c r="U25569" i="1"/>
  <c r="U25568" i="1"/>
  <c r="U25567" i="1"/>
  <c r="U25566" i="1"/>
  <c r="U25565" i="1"/>
  <c r="U25564" i="1"/>
  <c r="U25563" i="1"/>
  <c r="U25562" i="1"/>
  <c r="U25561" i="1"/>
  <c r="U25560" i="1"/>
  <c r="U25559" i="1"/>
  <c r="U25558" i="1"/>
  <c r="U25557" i="1"/>
  <c r="U25556" i="1"/>
  <c r="U25555" i="1"/>
  <c r="U25554" i="1"/>
  <c r="U25553" i="1"/>
  <c r="U25552" i="1"/>
  <c r="U25551" i="1"/>
  <c r="U25550" i="1"/>
  <c r="U25549" i="1"/>
  <c r="U25548" i="1"/>
  <c r="U25547" i="1"/>
  <c r="U25546" i="1"/>
  <c r="U25545" i="1"/>
  <c r="U25544" i="1"/>
  <c r="U25543" i="1"/>
  <c r="U25542" i="1"/>
  <c r="U25541" i="1"/>
  <c r="U25540" i="1"/>
  <c r="U25539" i="1"/>
  <c r="U25538" i="1"/>
  <c r="U25537" i="1"/>
  <c r="U25536" i="1"/>
  <c r="U25535" i="1"/>
  <c r="U25534" i="1"/>
  <c r="U25533" i="1"/>
  <c r="U25532" i="1"/>
  <c r="U25531" i="1"/>
  <c r="U25530" i="1"/>
  <c r="U25529" i="1"/>
  <c r="U25528" i="1"/>
  <c r="U25527" i="1"/>
  <c r="U25526" i="1"/>
  <c r="U25525" i="1"/>
  <c r="U25524" i="1"/>
  <c r="U25523" i="1"/>
  <c r="U25522" i="1"/>
  <c r="U25521" i="1"/>
  <c r="U25520" i="1"/>
  <c r="U25519" i="1"/>
  <c r="U25518" i="1"/>
  <c r="U25517" i="1"/>
  <c r="U25516" i="1"/>
  <c r="U25515" i="1"/>
  <c r="U25514" i="1"/>
  <c r="U25513" i="1"/>
  <c r="U25512" i="1"/>
  <c r="U25511" i="1"/>
  <c r="U25510" i="1"/>
  <c r="U25509" i="1"/>
  <c r="U25508" i="1"/>
  <c r="U25507" i="1"/>
  <c r="U25506" i="1"/>
  <c r="U25505" i="1"/>
  <c r="U25504" i="1"/>
  <c r="U25503" i="1"/>
  <c r="U25502" i="1"/>
  <c r="U25501" i="1"/>
  <c r="U25500" i="1"/>
  <c r="U25499" i="1"/>
  <c r="U25498" i="1"/>
  <c r="U25497" i="1"/>
  <c r="U25496" i="1"/>
  <c r="U25495" i="1"/>
  <c r="U25494" i="1"/>
  <c r="U25493" i="1"/>
  <c r="U25492" i="1"/>
  <c r="U25491" i="1"/>
  <c r="U25490" i="1"/>
  <c r="U25489" i="1"/>
  <c r="U25488" i="1"/>
  <c r="U25487" i="1"/>
  <c r="U25486" i="1"/>
  <c r="U25485" i="1"/>
  <c r="U25484" i="1"/>
  <c r="U25483" i="1"/>
  <c r="U25482" i="1"/>
  <c r="U25481" i="1"/>
  <c r="U25480" i="1"/>
  <c r="U25479" i="1"/>
  <c r="U25478" i="1"/>
  <c r="U25477" i="1"/>
  <c r="U25476" i="1"/>
  <c r="U25475" i="1"/>
  <c r="U25474" i="1"/>
  <c r="U25473" i="1"/>
  <c r="U25472" i="1"/>
  <c r="U25471" i="1"/>
  <c r="U25470" i="1"/>
  <c r="U25469" i="1"/>
  <c r="U25468" i="1"/>
  <c r="U25467" i="1"/>
  <c r="U25466" i="1"/>
  <c r="U25465" i="1"/>
  <c r="U25464" i="1"/>
  <c r="U25463" i="1"/>
  <c r="U25462" i="1"/>
  <c r="U25461" i="1"/>
  <c r="U25460" i="1"/>
  <c r="U25459" i="1"/>
  <c r="U25458" i="1"/>
  <c r="U25457" i="1"/>
  <c r="U25456" i="1"/>
  <c r="U25455" i="1"/>
  <c r="U25454" i="1"/>
  <c r="U25453" i="1"/>
  <c r="U25452" i="1"/>
  <c r="U25451" i="1"/>
  <c r="U25450" i="1"/>
  <c r="U25449" i="1"/>
  <c r="U25448" i="1"/>
  <c r="U25447" i="1"/>
  <c r="U25446" i="1"/>
  <c r="U25445" i="1"/>
  <c r="U25444" i="1"/>
  <c r="U25443" i="1"/>
  <c r="U25442" i="1"/>
  <c r="U25441" i="1"/>
  <c r="U25440" i="1"/>
  <c r="U25439" i="1"/>
  <c r="U25438" i="1"/>
  <c r="U25437" i="1"/>
  <c r="U25436" i="1"/>
  <c r="U25435" i="1"/>
  <c r="U25434" i="1"/>
  <c r="U25433" i="1"/>
  <c r="U25432" i="1"/>
  <c r="U25431" i="1"/>
  <c r="U25430" i="1"/>
  <c r="U25429" i="1"/>
  <c r="U25428" i="1"/>
  <c r="U25427" i="1"/>
  <c r="U25426" i="1"/>
  <c r="U25425" i="1"/>
  <c r="U25424" i="1"/>
  <c r="U25423" i="1"/>
  <c r="U25422" i="1"/>
  <c r="U25421" i="1"/>
  <c r="U25420" i="1"/>
  <c r="U25419" i="1"/>
  <c r="U25418" i="1"/>
  <c r="U25417" i="1"/>
  <c r="U25416" i="1"/>
  <c r="U25415" i="1"/>
  <c r="U25414" i="1"/>
  <c r="U25413" i="1"/>
  <c r="U25412" i="1"/>
  <c r="U25411" i="1"/>
  <c r="U25410" i="1"/>
  <c r="U25409" i="1"/>
  <c r="U25408" i="1"/>
  <c r="U25407" i="1"/>
  <c r="U25406" i="1"/>
  <c r="U25405" i="1"/>
  <c r="U25404" i="1"/>
  <c r="U25403" i="1"/>
  <c r="U25402" i="1"/>
  <c r="U25401" i="1"/>
  <c r="U25400" i="1"/>
  <c r="U25399" i="1"/>
  <c r="U25398" i="1"/>
  <c r="U25397" i="1"/>
  <c r="U25396" i="1"/>
  <c r="U25395" i="1"/>
  <c r="U25394" i="1"/>
  <c r="U25393" i="1"/>
  <c r="U25392" i="1"/>
  <c r="U25391" i="1"/>
  <c r="U25390" i="1"/>
  <c r="U25389" i="1"/>
  <c r="U25388" i="1"/>
  <c r="U25387" i="1"/>
  <c r="U25386" i="1"/>
  <c r="U25385" i="1"/>
  <c r="U25384" i="1"/>
  <c r="U25383" i="1"/>
  <c r="U25382" i="1"/>
  <c r="U25381" i="1"/>
  <c r="U25380" i="1"/>
  <c r="U25379" i="1"/>
  <c r="U25378" i="1"/>
  <c r="U25377" i="1"/>
  <c r="U25376" i="1"/>
  <c r="U25375" i="1"/>
  <c r="U25374" i="1"/>
  <c r="U25373" i="1"/>
  <c r="U25372" i="1"/>
  <c r="U25371" i="1"/>
  <c r="U25370" i="1"/>
  <c r="U25369" i="1"/>
  <c r="U25368" i="1"/>
  <c r="U25367" i="1"/>
  <c r="U25366" i="1"/>
  <c r="U25365" i="1"/>
  <c r="U25364" i="1"/>
  <c r="U25363" i="1"/>
  <c r="U25362" i="1"/>
  <c r="U25361" i="1"/>
  <c r="U25360" i="1"/>
  <c r="U25359" i="1"/>
  <c r="U25358" i="1"/>
  <c r="U25357" i="1"/>
  <c r="U25356" i="1"/>
  <c r="U25355" i="1"/>
  <c r="U25354" i="1"/>
  <c r="U25353" i="1"/>
  <c r="U25352" i="1"/>
  <c r="U25351" i="1"/>
  <c r="U25350" i="1"/>
  <c r="U25349" i="1"/>
  <c r="U25348" i="1"/>
  <c r="U25347" i="1"/>
  <c r="U25346" i="1"/>
  <c r="U25345" i="1"/>
  <c r="U25344" i="1"/>
  <c r="U25343" i="1"/>
  <c r="U25342" i="1"/>
  <c r="U25341" i="1"/>
  <c r="U25340" i="1"/>
  <c r="U25339" i="1"/>
  <c r="U25338" i="1"/>
  <c r="U25337" i="1"/>
  <c r="U25336" i="1"/>
  <c r="U25335" i="1"/>
  <c r="U25334" i="1"/>
  <c r="U25333" i="1"/>
  <c r="U25332" i="1"/>
  <c r="U25331" i="1"/>
  <c r="U25330" i="1"/>
  <c r="U25329" i="1"/>
  <c r="U25328" i="1"/>
  <c r="U25327" i="1"/>
  <c r="U25326" i="1"/>
  <c r="U25325" i="1"/>
  <c r="U25324" i="1"/>
  <c r="U25323" i="1"/>
  <c r="U25322" i="1"/>
  <c r="U25321" i="1"/>
  <c r="U25320" i="1"/>
  <c r="U25319" i="1"/>
  <c r="U25318" i="1"/>
  <c r="U25317" i="1"/>
  <c r="U25316" i="1"/>
  <c r="U25315" i="1"/>
  <c r="U25314" i="1"/>
  <c r="U25313" i="1"/>
  <c r="U25312" i="1"/>
  <c r="U25311" i="1"/>
  <c r="U25310" i="1"/>
  <c r="U25309" i="1"/>
  <c r="U25308" i="1"/>
  <c r="U25307" i="1"/>
  <c r="U25306" i="1"/>
  <c r="U25305" i="1"/>
  <c r="U25304" i="1"/>
  <c r="U25303" i="1"/>
  <c r="U25302" i="1"/>
  <c r="U25301" i="1"/>
  <c r="U25300" i="1"/>
  <c r="U25299" i="1"/>
  <c r="U25298" i="1"/>
  <c r="U25297" i="1"/>
  <c r="U25296" i="1"/>
  <c r="U25295" i="1"/>
  <c r="U25294" i="1"/>
  <c r="U25293" i="1"/>
  <c r="U25292" i="1"/>
  <c r="U25291" i="1"/>
  <c r="U25290" i="1"/>
  <c r="U25289" i="1"/>
  <c r="U25288" i="1"/>
  <c r="U25287" i="1"/>
  <c r="U25286" i="1"/>
  <c r="U25285" i="1"/>
  <c r="U25284" i="1"/>
  <c r="U25283" i="1"/>
  <c r="U25282" i="1"/>
  <c r="U25281" i="1"/>
  <c r="U25280" i="1"/>
  <c r="U25279" i="1"/>
  <c r="U25278" i="1"/>
  <c r="U25277" i="1"/>
  <c r="U25276" i="1"/>
  <c r="U25275" i="1"/>
  <c r="U25274" i="1"/>
  <c r="U25273" i="1"/>
  <c r="U25272" i="1"/>
  <c r="U25271" i="1"/>
  <c r="U25270" i="1"/>
  <c r="U25269" i="1"/>
  <c r="U25268" i="1"/>
  <c r="U25267" i="1"/>
  <c r="U25266" i="1"/>
  <c r="U25265" i="1"/>
  <c r="U25264" i="1"/>
  <c r="U25263" i="1"/>
  <c r="U25262" i="1"/>
  <c r="U25261" i="1"/>
  <c r="U25260" i="1"/>
  <c r="U25259" i="1"/>
  <c r="U25258" i="1"/>
  <c r="U25257" i="1"/>
  <c r="U25256" i="1"/>
  <c r="U25255" i="1"/>
  <c r="U25254" i="1"/>
  <c r="U25253" i="1"/>
  <c r="U25252" i="1"/>
  <c r="U25251" i="1"/>
  <c r="U25250" i="1"/>
  <c r="U25249" i="1"/>
  <c r="U25248" i="1"/>
  <c r="U25247" i="1"/>
  <c r="U25246" i="1"/>
  <c r="U25245" i="1"/>
  <c r="U25244" i="1"/>
  <c r="U25243" i="1"/>
  <c r="U25242" i="1"/>
  <c r="U25241" i="1"/>
  <c r="U25240" i="1"/>
  <c r="U25239" i="1"/>
  <c r="U25238" i="1"/>
  <c r="U25237" i="1"/>
  <c r="U25236" i="1"/>
  <c r="U25235" i="1"/>
  <c r="U25234" i="1"/>
  <c r="U25233" i="1"/>
  <c r="U25232" i="1"/>
  <c r="U25231" i="1"/>
  <c r="U25230" i="1"/>
  <c r="U25229" i="1"/>
  <c r="U25228" i="1"/>
  <c r="U25227" i="1"/>
  <c r="U25226" i="1"/>
  <c r="U25225" i="1"/>
  <c r="U25224" i="1"/>
  <c r="U25223" i="1"/>
  <c r="U25222" i="1"/>
  <c r="U25221" i="1"/>
  <c r="U25220" i="1"/>
  <c r="U25219" i="1"/>
  <c r="U25218" i="1"/>
  <c r="U25217" i="1"/>
  <c r="U25216" i="1"/>
  <c r="U25215" i="1"/>
  <c r="U25214" i="1"/>
  <c r="U25213" i="1"/>
  <c r="U25212" i="1"/>
  <c r="U25211" i="1"/>
  <c r="U25210" i="1"/>
  <c r="U25209" i="1"/>
  <c r="U25208" i="1"/>
  <c r="U25207" i="1"/>
  <c r="U25206" i="1"/>
  <c r="U25205" i="1"/>
  <c r="U25204" i="1"/>
  <c r="U25203" i="1"/>
  <c r="U25202" i="1"/>
  <c r="U25201" i="1"/>
  <c r="U25200" i="1"/>
  <c r="U25199" i="1"/>
  <c r="U25198" i="1"/>
  <c r="U25197" i="1"/>
  <c r="U25196" i="1"/>
  <c r="U25195" i="1"/>
  <c r="U25194" i="1"/>
  <c r="U25193" i="1"/>
  <c r="U25192" i="1"/>
  <c r="U25191" i="1"/>
  <c r="U25190" i="1"/>
  <c r="U25189" i="1"/>
  <c r="U25188" i="1"/>
  <c r="U25187" i="1"/>
  <c r="U25186" i="1"/>
  <c r="U25185" i="1"/>
  <c r="U25184" i="1"/>
  <c r="U25183" i="1"/>
  <c r="U25182" i="1"/>
  <c r="U25181" i="1"/>
  <c r="U25180" i="1"/>
  <c r="U25179" i="1"/>
  <c r="U25178" i="1"/>
  <c r="U25177" i="1"/>
  <c r="U25176" i="1"/>
  <c r="U25175" i="1"/>
  <c r="U25174" i="1"/>
  <c r="U25173" i="1"/>
  <c r="U25172" i="1"/>
  <c r="U25171" i="1"/>
  <c r="U25170" i="1"/>
  <c r="U25169" i="1"/>
  <c r="U25168" i="1"/>
  <c r="U25167" i="1"/>
  <c r="U25166" i="1"/>
  <c r="U25165" i="1"/>
  <c r="U25164" i="1"/>
  <c r="U25163" i="1"/>
  <c r="U25162" i="1"/>
  <c r="U25161" i="1"/>
  <c r="U25160" i="1"/>
  <c r="U25159" i="1"/>
  <c r="U25158" i="1"/>
  <c r="U25157" i="1"/>
  <c r="U25156" i="1"/>
  <c r="U25155" i="1"/>
  <c r="U25154" i="1"/>
  <c r="U25153" i="1"/>
  <c r="U25152" i="1"/>
  <c r="U25151" i="1"/>
  <c r="U25150" i="1"/>
  <c r="U25149" i="1"/>
  <c r="U25148" i="1"/>
  <c r="U25147" i="1"/>
  <c r="U25146" i="1"/>
  <c r="U25145" i="1"/>
  <c r="U25144" i="1"/>
  <c r="U25143" i="1"/>
  <c r="U25142" i="1"/>
  <c r="U25141" i="1"/>
  <c r="U25140" i="1"/>
  <c r="U25139" i="1"/>
  <c r="U25138" i="1"/>
  <c r="U25137" i="1"/>
  <c r="U25136" i="1"/>
  <c r="U25135" i="1"/>
  <c r="U25134" i="1"/>
  <c r="U25133" i="1"/>
  <c r="U25132" i="1"/>
  <c r="U25131" i="1"/>
  <c r="U25130" i="1"/>
  <c r="U25129" i="1"/>
  <c r="U25128" i="1"/>
  <c r="U25127" i="1"/>
  <c r="U25126" i="1"/>
  <c r="U25125" i="1"/>
  <c r="U25124" i="1"/>
  <c r="U25123" i="1"/>
  <c r="U25122" i="1"/>
  <c r="U25121" i="1"/>
  <c r="U25120" i="1"/>
  <c r="U25119" i="1"/>
  <c r="U25118" i="1"/>
  <c r="U25117" i="1"/>
  <c r="U25116" i="1"/>
  <c r="U25115" i="1"/>
  <c r="U25114" i="1"/>
  <c r="U25113" i="1"/>
  <c r="U25112" i="1"/>
  <c r="U25111" i="1"/>
  <c r="U25110" i="1"/>
  <c r="U25109" i="1"/>
  <c r="U25108" i="1"/>
  <c r="U25107" i="1"/>
  <c r="U25106" i="1"/>
  <c r="U25105" i="1"/>
  <c r="U25104" i="1"/>
  <c r="U25103" i="1"/>
  <c r="U25102" i="1"/>
  <c r="U25101" i="1"/>
  <c r="U25100" i="1"/>
  <c r="U25099" i="1"/>
  <c r="U25098" i="1"/>
  <c r="U25097" i="1"/>
  <c r="U25096" i="1"/>
  <c r="U25095" i="1"/>
  <c r="U25094" i="1"/>
  <c r="U25093" i="1"/>
  <c r="U25092" i="1"/>
  <c r="U25091" i="1"/>
  <c r="U25090" i="1"/>
  <c r="U25089" i="1"/>
  <c r="U25088" i="1"/>
  <c r="U25087" i="1"/>
  <c r="U25086" i="1"/>
  <c r="U25085" i="1"/>
  <c r="U25084" i="1"/>
  <c r="U25083" i="1"/>
  <c r="U25082" i="1"/>
  <c r="U25081" i="1"/>
  <c r="U25080" i="1"/>
  <c r="U25079" i="1"/>
  <c r="U25078" i="1"/>
  <c r="U25077" i="1"/>
  <c r="U25076" i="1"/>
  <c r="U25075" i="1"/>
  <c r="U25074" i="1"/>
  <c r="U25073" i="1"/>
  <c r="U25072" i="1"/>
  <c r="U25071" i="1"/>
  <c r="U25070" i="1"/>
  <c r="U25069" i="1"/>
  <c r="U25068" i="1"/>
  <c r="U25067" i="1"/>
  <c r="U25066" i="1"/>
  <c r="U25065" i="1"/>
  <c r="U25064" i="1"/>
  <c r="U25063" i="1"/>
  <c r="U25062" i="1"/>
  <c r="U25061" i="1"/>
  <c r="U25060" i="1"/>
  <c r="U25059" i="1"/>
  <c r="U25058" i="1"/>
  <c r="U25057" i="1"/>
  <c r="U25056" i="1"/>
  <c r="U25055" i="1"/>
  <c r="U25054" i="1"/>
  <c r="U25053" i="1"/>
  <c r="U25052" i="1"/>
  <c r="U25051" i="1"/>
  <c r="U25050" i="1"/>
  <c r="U25049" i="1"/>
  <c r="U25048" i="1"/>
  <c r="U25047" i="1"/>
  <c r="U25046" i="1"/>
  <c r="U25045" i="1"/>
  <c r="U25044" i="1"/>
  <c r="U25043" i="1"/>
  <c r="U25042" i="1"/>
  <c r="U25041" i="1"/>
  <c r="U25040" i="1"/>
  <c r="U25039" i="1"/>
  <c r="U25038" i="1"/>
  <c r="U25037" i="1"/>
  <c r="U25036" i="1"/>
  <c r="U25035" i="1"/>
  <c r="U25034" i="1"/>
  <c r="U25033" i="1"/>
  <c r="U25032" i="1"/>
  <c r="U25031" i="1"/>
  <c r="U25030" i="1"/>
  <c r="U25029" i="1"/>
  <c r="U25028" i="1"/>
  <c r="U25027" i="1"/>
  <c r="U25026" i="1"/>
  <c r="U25025" i="1"/>
  <c r="U25024" i="1"/>
  <c r="U25023" i="1"/>
  <c r="U25022" i="1"/>
  <c r="U25021" i="1"/>
  <c r="U25020" i="1"/>
  <c r="U25019" i="1"/>
  <c r="U25018" i="1"/>
  <c r="U25017" i="1"/>
  <c r="U25016" i="1"/>
  <c r="U25015" i="1"/>
  <c r="U25014" i="1"/>
  <c r="U25013" i="1"/>
  <c r="U25012" i="1"/>
  <c r="U25011" i="1"/>
  <c r="U25010" i="1"/>
  <c r="U25009" i="1"/>
  <c r="U25008" i="1"/>
  <c r="U25007" i="1"/>
  <c r="U25006" i="1"/>
  <c r="U25005" i="1"/>
  <c r="U25004" i="1"/>
  <c r="U25003" i="1"/>
  <c r="U25002" i="1"/>
  <c r="U25001" i="1"/>
  <c r="U25000" i="1"/>
  <c r="U24999" i="1"/>
  <c r="U24998" i="1"/>
  <c r="U24997" i="1"/>
  <c r="U24996" i="1"/>
  <c r="U24995" i="1"/>
  <c r="U24994" i="1"/>
  <c r="U24993" i="1"/>
  <c r="U24992" i="1"/>
  <c r="U24991" i="1"/>
  <c r="U24990" i="1"/>
  <c r="U24989" i="1"/>
  <c r="U24988" i="1"/>
  <c r="U24987" i="1"/>
  <c r="U24986" i="1"/>
  <c r="U24985" i="1"/>
  <c r="U24984" i="1"/>
  <c r="U24983" i="1"/>
  <c r="U24982" i="1"/>
  <c r="U24981" i="1"/>
  <c r="U24980" i="1"/>
  <c r="U24979" i="1"/>
  <c r="U24978" i="1"/>
  <c r="U24977" i="1"/>
  <c r="U24976" i="1"/>
  <c r="U24975" i="1"/>
  <c r="U24974" i="1"/>
  <c r="U24973" i="1"/>
  <c r="U24972" i="1"/>
  <c r="U24971" i="1"/>
  <c r="U24970" i="1"/>
  <c r="U24969" i="1"/>
  <c r="U24968" i="1"/>
  <c r="U24967" i="1"/>
  <c r="U24966" i="1"/>
  <c r="U24965" i="1"/>
  <c r="U24964" i="1"/>
  <c r="U24963" i="1"/>
  <c r="U24962" i="1"/>
  <c r="U24961" i="1"/>
  <c r="U24960" i="1"/>
  <c r="U24959" i="1"/>
  <c r="U24958" i="1"/>
  <c r="U24957" i="1"/>
  <c r="U24956" i="1"/>
  <c r="U24955" i="1"/>
  <c r="U24954" i="1"/>
  <c r="U24953" i="1"/>
  <c r="U24952" i="1"/>
  <c r="U24951" i="1"/>
  <c r="U24950" i="1"/>
  <c r="U24949" i="1"/>
  <c r="U24948" i="1"/>
  <c r="U24947" i="1"/>
  <c r="U24946" i="1"/>
  <c r="U24945" i="1"/>
  <c r="U24944" i="1"/>
  <c r="U24943" i="1"/>
  <c r="U24942" i="1"/>
  <c r="U24941" i="1"/>
  <c r="U24940" i="1"/>
  <c r="U24939" i="1"/>
  <c r="U24938" i="1"/>
  <c r="U24937" i="1"/>
  <c r="U24936" i="1"/>
  <c r="U24935" i="1"/>
  <c r="U24934" i="1"/>
  <c r="U24933" i="1"/>
  <c r="U24932" i="1"/>
  <c r="U24931" i="1"/>
  <c r="U24930" i="1"/>
  <c r="U24929" i="1"/>
  <c r="U24928" i="1"/>
  <c r="U24927" i="1"/>
  <c r="U24926" i="1"/>
  <c r="U24925" i="1"/>
  <c r="U24924" i="1"/>
  <c r="U24923" i="1"/>
  <c r="U24922" i="1"/>
  <c r="U24921" i="1"/>
  <c r="U24920" i="1"/>
  <c r="U24919" i="1"/>
  <c r="U24918" i="1"/>
  <c r="U24917" i="1"/>
  <c r="U24916" i="1"/>
  <c r="U24915" i="1"/>
  <c r="U24914" i="1"/>
  <c r="U24913" i="1"/>
  <c r="U24912" i="1"/>
  <c r="U24911" i="1"/>
  <c r="U24910" i="1"/>
  <c r="U24909" i="1"/>
  <c r="U24908" i="1"/>
  <c r="U24907" i="1"/>
  <c r="U24906" i="1"/>
  <c r="U24905" i="1"/>
  <c r="U24904" i="1"/>
  <c r="U24903" i="1"/>
  <c r="U24902" i="1"/>
  <c r="U24901" i="1"/>
  <c r="U24900" i="1"/>
  <c r="U24899" i="1"/>
  <c r="U24898" i="1"/>
  <c r="U24897" i="1"/>
  <c r="U24896" i="1"/>
  <c r="U24895" i="1"/>
  <c r="U24894" i="1"/>
  <c r="U24893" i="1"/>
  <c r="U24892" i="1"/>
  <c r="U24891" i="1"/>
  <c r="U24890" i="1"/>
  <c r="U24889" i="1"/>
  <c r="U24888" i="1"/>
  <c r="U24887" i="1"/>
  <c r="U24886" i="1"/>
  <c r="U24885" i="1"/>
  <c r="U24884" i="1"/>
  <c r="U24883" i="1"/>
  <c r="U24882" i="1"/>
  <c r="U24881" i="1"/>
  <c r="U24880" i="1"/>
  <c r="U24879" i="1"/>
  <c r="U24878" i="1"/>
  <c r="U24877" i="1"/>
  <c r="U24876" i="1"/>
  <c r="U24875" i="1"/>
  <c r="U24874" i="1"/>
  <c r="U24873" i="1"/>
  <c r="U24872" i="1"/>
  <c r="U24871" i="1"/>
  <c r="U24870" i="1"/>
  <c r="U24869" i="1"/>
  <c r="U24868" i="1"/>
  <c r="U24867" i="1"/>
  <c r="U24866" i="1"/>
  <c r="U24865" i="1"/>
  <c r="U24864" i="1"/>
  <c r="U24863" i="1"/>
  <c r="U24862" i="1"/>
  <c r="U24861" i="1"/>
  <c r="U24860" i="1"/>
  <c r="U24859" i="1"/>
  <c r="U24858" i="1"/>
  <c r="U24857" i="1"/>
  <c r="U24856" i="1"/>
  <c r="U24855" i="1"/>
  <c r="U24854" i="1"/>
  <c r="U24853" i="1"/>
  <c r="U24852" i="1"/>
  <c r="U24851" i="1"/>
  <c r="U24850" i="1"/>
  <c r="U24849" i="1"/>
  <c r="U24848" i="1"/>
  <c r="U24847" i="1"/>
  <c r="U24846" i="1"/>
  <c r="U24845" i="1"/>
  <c r="U24844" i="1"/>
  <c r="U24843" i="1"/>
  <c r="U24842" i="1"/>
  <c r="U24841" i="1"/>
  <c r="U24840" i="1"/>
  <c r="U24839" i="1"/>
  <c r="U24838" i="1"/>
  <c r="U24837" i="1"/>
  <c r="U24836" i="1"/>
  <c r="U24835" i="1"/>
  <c r="U24834" i="1"/>
  <c r="U24833" i="1"/>
  <c r="U24832" i="1"/>
  <c r="U24831" i="1"/>
  <c r="U24830" i="1"/>
  <c r="U24829" i="1"/>
  <c r="U24828" i="1"/>
  <c r="U24827" i="1"/>
  <c r="U24826" i="1"/>
  <c r="U24825" i="1"/>
  <c r="U24824" i="1"/>
  <c r="U24823" i="1"/>
  <c r="U24822" i="1"/>
  <c r="U24821" i="1"/>
  <c r="U24820" i="1"/>
  <c r="U24819" i="1"/>
  <c r="U24818" i="1"/>
  <c r="U24817" i="1"/>
  <c r="U24816" i="1"/>
  <c r="U24815" i="1"/>
  <c r="U24814" i="1"/>
  <c r="U24813" i="1"/>
  <c r="U24812" i="1"/>
  <c r="U24811" i="1"/>
  <c r="U24810" i="1"/>
  <c r="U24809" i="1"/>
  <c r="U24808" i="1"/>
  <c r="U24807" i="1"/>
  <c r="U24806" i="1"/>
  <c r="U24805" i="1"/>
  <c r="U24804" i="1"/>
  <c r="U24803" i="1"/>
  <c r="U24802" i="1"/>
  <c r="U24801" i="1"/>
  <c r="U24800" i="1"/>
  <c r="U24799" i="1"/>
  <c r="U24798" i="1"/>
  <c r="U24797" i="1"/>
  <c r="U24796" i="1"/>
  <c r="U24795" i="1"/>
  <c r="U24794" i="1"/>
  <c r="U24793" i="1"/>
  <c r="U24792" i="1"/>
  <c r="U24791" i="1"/>
  <c r="U24790" i="1"/>
  <c r="U24789" i="1"/>
  <c r="U24788" i="1"/>
  <c r="U24787" i="1"/>
  <c r="U24786" i="1"/>
  <c r="U24785" i="1"/>
  <c r="U24784" i="1"/>
  <c r="U24783" i="1"/>
  <c r="U24782" i="1"/>
  <c r="U24781" i="1"/>
  <c r="U24780" i="1"/>
  <c r="U24779" i="1"/>
  <c r="U24778" i="1"/>
  <c r="U24777" i="1"/>
  <c r="U24776" i="1"/>
  <c r="U24775" i="1"/>
  <c r="U24774" i="1"/>
  <c r="U24773" i="1"/>
  <c r="U24772" i="1"/>
  <c r="U24771" i="1"/>
  <c r="U24770" i="1"/>
  <c r="U24769" i="1"/>
  <c r="U24768" i="1"/>
  <c r="U24767" i="1"/>
  <c r="U24766" i="1"/>
  <c r="U24765" i="1"/>
  <c r="U24764" i="1"/>
  <c r="U24763" i="1"/>
  <c r="U24762" i="1"/>
  <c r="U24761" i="1"/>
  <c r="U24760" i="1"/>
  <c r="U24759" i="1"/>
  <c r="U24758" i="1"/>
  <c r="U24757" i="1"/>
  <c r="U24756" i="1"/>
  <c r="U24755" i="1"/>
  <c r="U24754" i="1"/>
  <c r="U24753" i="1"/>
  <c r="U24752" i="1"/>
  <c r="U24751" i="1"/>
  <c r="U24750" i="1"/>
  <c r="U24749" i="1"/>
  <c r="U24748" i="1"/>
  <c r="U24747" i="1"/>
  <c r="U24746" i="1"/>
  <c r="U24745" i="1"/>
  <c r="U24744" i="1"/>
  <c r="U24743" i="1"/>
  <c r="U24742" i="1"/>
  <c r="U24741" i="1"/>
  <c r="U24740" i="1"/>
  <c r="U24739" i="1"/>
  <c r="U24738" i="1"/>
  <c r="U24737" i="1"/>
  <c r="U24736" i="1"/>
  <c r="U24735" i="1"/>
  <c r="U24734" i="1"/>
  <c r="U24733" i="1"/>
  <c r="U24732" i="1"/>
  <c r="U24731" i="1"/>
  <c r="U24730" i="1"/>
  <c r="U24729" i="1"/>
  <c r="U24728" i="1"/>
  <c r="U24727" i="1"/>
  <c r="U24726" i="1"/>
  <c r="U24725" i="1"/>
  <c r="U24724" i="1"/>
  <c r="U24723" i="1"/>
  <c r="U24722" i="1"/>
  <c r="U24721" i="1"/>
  <c r="U24720" i="1"/>
  <c r="U24719" i="1"/>
  <c r="U24718" i="1"/>
  <c r="U24717" i="1"/>
  <c r="U24716" i="1"/>
  <c r="U24715" i="1"/>
  <c r="U24714" i="1"/>
  <c r="U24713" i="1"/>
  <c r="U24712" i="1"/>
  <c r="U24711" i="1"/>
  <c r="U24710" i="1"/>
  <c r="U24709" i="1"/>
  <c r="U24708" i="1"/>
  <c r="U24707" i="1"/>
  <c r="U24706" i="1"/>
  <c r="U24705" i="1"/>
  <c r="U24704" i="1"/>
  <c r="U24703" i="1"/>
  <c r="U24702" i="1"/>
  <c r="U24701" i="1"/>
  <c r="U24700" i="1"/>
  <c r="U24699" i="1"/>
  <c r="U24698" i="1"/>
  <c r="U24697" i="1"/>
  <c r="U24696" i="1"/>
  <c r="U24695" i="1"/>
  <c r="U24694" i="1"/>
  <c r="U24693" i="1"/>
  <c r="U24692" i="1"/>
  <c r="U24691" i="1"/>
  <c r="U24690" i="1"/>
  <c r="U24689" i="1"/>
  <c r="U24688" i="1"/>
  <c r="U24687" i="1"/>
  <c r="U24686" i="1"/>
  <c r="U24685" i="1"/>
  <c r="U24684" i="1"/>
  <c r="U24683" i="1"/>
  <c r="U24682" i="1"/>
  <c r="U24681" i="1"/>
  <c r="U24680" i="1"/>
  <c r="U24679" i="1"/>
  <c r="U24678" i="1"/>
  <c r="U24677" i="1"/>
  <c r="U24676" i="1"/>
  <c r="U24675" i="1"/>
  <c r="U24674" i="1"/>
  <c r="U24673" i="1"/>
  <c r="U24672" i="1"/>
  <c r="U24671" i="1"/>
  <c r="U24670" i="1"/>
  <c r="U24669" i="1"/>
  <c r="U24668" i="1"/>
  <c r="U24667" i="1"/>
  <c r="U24666" i="1"/>
  <c r="U24665" i="1"/>
  <c r="U24664" i="1"/>
  <c r="U24663" i="1"/>
  <c r="U24662" i="1"/>
  <c r="U24661" i="1"/>
  <c r="U24660" i="1"/>
  <c r="U24659" i="1"/>
  <c r="U24658" i="1"/>
  <c r="U24657" i="1"/>
  <c r="U24656" i="1"/>
  <c r="U24655" i="1"/>
  <c r="U24654" i="1"/>
  <c r="U24653" i="1"/>
  <c r="U24652" i="1"/>
  <c r="U24651" i="1"/>
  <c r="U24650" i="1"/>
  <c r="U24649" i="1"/>
  <c r="U24648" i="1"/>
  <c r="U24647" i="1"/>
  <c r="U24646" i="1"/>
  <c r="U24645" i="1"/>
  <c r="U24644" i="1"/>
  <c r="U24643" i="1"/>
  <c r="U24642" i="1"/>
  <c r="U24641" i="1"/>
  <c r="U24640" i="1"/>
  <c r="U24639" i="1"/>
  <c r="U24638" i="1"/>
  <c r="U24637" i="1"/>
  <c r="U24636" i="1"/>
  <c r="U24635" i="1"/>
  <c r="U24634" i="1"/>
  <c r="U24633" i="1"/>
  <c r="U24632" i="1"/>
  <c r="U24631" i="1"/>
  <c r="U24630" i="1"/>
  <c r="U24629" i="1"/>
  <c r="U24628" i="1"/>
  <c r="U24627" i="1"/>
  <c r="U24626" i="1"/>
  <c r="U24625" i="1"/>
  <c r="U24624" i="1"/>
  <c r="U24623" i="1"/>
  <c r="U24622" i="1"/>
  <c r="U24621" i="1"/>
  <c r="U24620" i="1"/>
  <c r="U24619" i="1"/>
  <c r="U24618" i="1"/>
  <c r="U24617" i="1"/>
  <c r="U24616" i="1"/>
  <c r="U24615" i="1"/>
  <c r="U24614" i="1"/>
  <c r="U24613" i="1"/>
  <c r="U24612" i="1"/>
  <c r="U24611" i="1"/>
  <c r="U24610" i="1"/>
  <c r="U24609" i="1"/>
  <c r="U24608" i="1"/>
  <c r="U24607" i="1"/>
  <c r="U24606" i="1"/>
  <c r="U24605" i="1"/>
  <c r="U24604" i="1"/>
  <c r="U24603" i="1"/>
  <c r="U24602" i="1"/>
  <c r="U24601" i="1"/>
  <c r="U24600" i="1"/>
  <c r="U24599" i="1"/>
  <c r="U24598" i="1"/>
  <c r="U24597" i="1"/>
  <c r="U24596" i="1"/>
  <c r="U24595" i="1"/>
  <c r="U24594" i="1"/>
  <c r="U24593" i="1"/>
  <c r="U24592" i="1"/>
  <c r="U24591" i="1"/>
  <c r="U24590" i="1"/>
  <c r="U24589" i="1"/>
  <c r="U24588" i="1"/>
  <c r="U24587" i="1"/>
  <c r="U24586" i="1"/>
  <c r="U24585" i="1"/>
  <c r="U24584" i="1"/>
  <c r="U24583" i="1"/>
  <c r="U24582" i="1"/>
  <c r="U24581" i="1"/>
  <c r="U24580" i="1"/>
  <c r="U24579" i="1"/>
  <c r="U24578" i="1"/>
  <c r="U24577" i="1"/>
  <c r="U24576" i="1"/>
  <c r="U24575" i="1"/>
  <c r="U24574" i="1"/>
  <c r="U24573" i="1"/>
  <c r="U24572" i="1"/>
  <c r="U24571" i="1"/>
  <c r="U24570" i="1"/>
  <c r="U24569" i="1"/>
  <c r="U24568" i="1"/>
  <c r="U24567" i="1"/>
  <c r="U24566" i="1"/>
  <c r="U24565" i="1"/>
  <c r="U24564" i="1"/>
  <c r="U24563" i="1"/>
  <c r="U24562" i="1"/>
  <c r="U24561" i="1"/>
  <c r="U24560" i="1"/>
  <c r="U24559" i="1"/>
  <c r="U24558" i="1"/>
  <c r="U24557" i="1"/>
  <c r="U24556" i="1"/>
  <c r="U24555" i="1"/>
  <c r="U24554" i="1"/>
  <c r="U24553" i="1"/>
  <c r="U24552" i="1"/>
  <c r="U24551" i="1"/>
  <c r="U24550" i="1"/>
  <c r="U24549" i="1"/>
  <c r="U24548" i="1"/>
  <c r="U24547" i="1"/>
  <c r="U24546" i="1"/>
  <c r="U24545" i="1"/>
  <c r="U24544" i="1"/>
  <c r="U24543" i="1"/>
  <c r="U24542" i="1"/>
  <c r="U24541" i="1"/>
  <c r="U24540" i="1"/>
  <c r="U24539" i="1"/>
  <c r="U24538" i="1"/>
  <c r="U24537" i="1"/>
  <c r="U24536" i="1"/>
  <c r="U24535" i="1"/>
  <c r="U24534" i="1"/>
  <c r="U24533" i="1"/>
  <c r="U24532" i="1"/>
  <c r="U24531" i="1"/>
  <c r="U24530" i="1"/>
  <c r="U24529" i="1"/>
  <c r="U24528" i="1"/>
  <c r="U24527" i="1"/>
  <c r="U24526" i="1"/>
  <c r="U24525" i="1"/>
  <c r="U24524" i="1"/>
  <c r="U24523" i="1"/>
  <c r="U24522" i="1"/>
  <c r="U24521" i="1"/>
  <c r="U24520" i="1"/>
  <c r="U24519" i="1"/>
  <c r="U24518" i="1"/>
  <c r="U24517" i="1"/>
  <c r="U24516" i="1"/>
  <c r="U24515" i="1"/>
  <c r="U24514" i="1"/>
  <c r="U24513" i="1"/>
  <c r="U24512" i="1"/>
  <c r="U24511" i="1"/>
  <c r="U24510" i="1"/>
  <c r="U24509" i="1"/>
  <c r="U24508" i="1"/>
  <c r="U24507" i="1"/>
  <c r="U24506" i="1"/>
  <c r="U24505" i="1"/>
  <c r="U24504" i="1"/>
  <c r="U24503" i="1"/>
  <c r="U24502" i="1"/>
  <c r="U24501" i="1"/>
  <c r="U24500" i="1"/>
  <c r="U24499" i="1"/>
  <c r="U24498" i="1"/>
  <c r="U24497" i="1"/>
  <c r="U24496" i="1"/>
  <c r="U24495" i="1"/>
  <c r="U24494" i="1"/>
  <c r="U24493" i="1"/>
  <c r="U24492" i="1"/>
  <c r="U24491" i="1"/>
  <c r="U24490" i="1"/>
  <c r="U24489" i="1"/>
  <c r="U24488" i="1"/>
  <c r="U24487" i="1"/>
  <c r="U24486" i="1"/>
  <c r="U24485" i="1"/>
  <c r="U24484" i="1"/>
  <c r="U24483" i="1"/>
  <c r="U24482" i="1"/>
  <c r="U24481" i="1"/>
  <c r="U24480" i="1"/>
  <c r="U24479" i="1"/>
  <c r="U24478" i="1"/>
  <c r="U24477" i="1"/>
  <c r="U24476" i="1"/>
  <c r="U24475" i="1"/>
  <c r="U24474" i="1"/>
  <c r="U24473" i="1"/>
  <c r="U24472" i="1"/>
  <c r="U24471" i="1"/>
  <c r="U24470" i="1"/>
  <c r="U24469" i="1"/>
  <c r="U24468" i="1"/>
  <c r="U24467" i="1"/>
  <c r="U24466" i="1"/>
  <c r="U24465" i="1"/>
  <c r="U24464" i="1"/>
  <c r="U24463" i="1"/>
  <c r="U24462" i="1"/>
  <c r="U24461" i="1"/>
  <c r="U24460" i="1"/>
  <c r="U24459" i="1"/>
  <c r="U24458" i="1"/>
  <c r="U24457" i="1"/>
  <c r="U24456" i="1"/>
  <c r="U24455" i="1"/>
  <c r="U24454" i="1"/>
  <c r="U24453" i="1"/>
  <c r="U24452" i="1"/>
  <c r="U24451" i="1"/>
  <c r="U24450" i="1"/>
  <c r="U24449" i="1"/>
  <c r="U24448" i="1"/>
  <c r="U24447" i="1"/>
  <c r="U24446" i="1"/>
  <c r="U24445" i="1"/>
  <c r="U24444" i="1"/>
  <c r="U24443" i="1"/>
  <c r="U24442" i="1"/>
  <c r="U24441" i="1"/>
  <c r="U24440" i="1"/>
  <c r="U24439" i="1"/>
  <c r="U24438" i="1"/>
  <c r="U24437" i="1"/>
  <c r="U24436" i="1"/>
  <c r="U24435" i="1"/>
  <c r="U24434" i="1"/>
  <c r="U24433" i="1"/>
  <c r="U24432" i="1"/>
  <c r="U24431" i="1"/>
  <c r="U24430" i="1"/>
  <c r="U24429" i="1"/>
  <c r="U24428" i="1"/>
  <c r="U24427" i="1"/>
  <c r="U24426" i="1"/>
  <c r="U24425" i="1"/>
  <c r="U24424" i="1"/>
  <c r="U24423" i="1"/>
  <c r="U24422" i="1"/>
  <c r="U24421" i="1"/>
  <c r="U24420" i="1"/>
  <c r="U24419" i="1"/>
  <c r="U24418" i="1"/>
  <c r="U24417" i="1"/>
  <c r="U24416" i="1"/>
  <c r="U24415" i="1"/>
  <c r="U24414" i="1"/>
  <c r="U24413" i="1"/>
  <c r="U24412" i="1"/>
  <c r="U24411" i="1"/>
  <c r="U24410" i="1"/>
  <c r="U24409" i="1"/>
  <c r="U24408" i="1"/>
  <c r="U24407" i="1"/>
  <c r="U24406" i="1"/>
  <c r="U24405" i="1"/>
  <c r="U24404" i="1"/>
  <c r="U24403" i="1"/>
  <c r="U24402" i="1"/>
  <c r="U24401" i="1"/>
  <c r="U24400" i="1"/>
  <c r="U24399" i="1"/>
  <c r="U24398" i="1"/>
  <c r="U24397" i="1"/>
  <c r="U24396" i="1"/>
  <c r="U24395" i="1"/>
  <c r="U24394" i="1"/>
  <c r="U24393" i="1"/>
  <c r="U24392" i="1"/>
  <c r="U24391" i="1"/>
  <c r="U24390" i="1"/>
  <c r="U24389" i="1"/>
  <c r="U24388" i="1"/>
  <c r="U24387" i="1"/>
  <c r="U24386" i="1"/>
  <c r="U24385" i="1"/>
  <c r="U24384" i="1"/>
  <c r="U24383" i="1"/>
  <c r="U24382" i="1"/>
  <c r="U24381" i="1"/>
  <c r="U24380" i="1"/>
  <c r="U24379" i="1"/>
  <c r="U24378" i="1"/>
  <c r="U24377" i="1"/>
  <c r="U24376" i="1"/>
  <c r="U24375" i="1"/>
  <c r="U24374" i="1"/>
  <c r="U24373" i="1"/>
  <c r="U24372" i="1"/>
  <c r="U24371" i="1"/>
  <c r="U24370" i="1"/>
  <c r="U24369" i="1"/>
  <c r="U24368" i="1"/>
  <c r="U24367" i="1"/>
  <c r="U24366" i="1"/>
  <c r="U24365" i="1"/>
  <c r="U24364" i="1"/>
  <c r="U24363" i="1"/>
  <c r="U24362" i="1"/>
  <c r="U24361" i="1"/>
  <c r="U24360" i="1"/>
  <c r="U24359" i="1"/>
  <c r="U24358" i="1"/>
  <c r="U24357" i="1"/>
  <c r="U24356" i="1"/>
  <c r="U24355" i="1"/>
  <c r="U24354" i="1"/>
  <c r="U24353" i="1"/>
  <c r="U24352" i="1"/>
  <c r="U24351" i="1"/>
  <c r="U24350" i="1"/>
  <c r="U24349" i="1"/>
  <c r="U24348" i="1"/>
  <c r="U24347" i="1"/>
  <c r="U24346" i="1"/>
  <c r="U24345" i="1"/>
  <c r="U24344" i="1"/>
  <c r="U24343" i="1"/>
  <c r="U24342" i="1"/>
  <c r="U24341" i="1"/>
  <c r="U24340" i="1"/>
  <c r="U24339" i="1"/>
  <c r="U24338" i="1"/>
  <c r="U24337" i="1"/>
  <c r="U24336" i="1"/>
  <c r="U24335" i="1"/>
  <c r="U24334" i="1"/>
  <c r="U24333" i="1"/>
  <c r="U24332" i="1"/>
  <c r="U24331" i="1"/>
  <c r="U24330" i="1"/>
  <c r="U24329" i="1"/>
  <c r="U24328" i="1"/>
  <c r="U24327" i="1"/>
  <c r="U24326" i="1"/>
  <c r="U24325" i="1"/>
  <c r="U24324" i="1"/>
  <c r="U24323" i="1"/>
  <c r="U24322" i="1"/>
  <c r="U24321" i="1"/>
  <c r="U24320" i="1"/>
  <c r="U24319" i="1"/>
  <c r="U24318" i="1"/>
  <c r="U24317" i="1"/>
  <c r="U24316" i="1"/>
  <c r="U24315" i="1"/>
  <c r="U24314" i="1"/>
  <c r="U24313" i="1"/>
  <c r="U24312" i="1"/>
  <c r="U24311" i="1"/>
  <c r="U24310" i="1"/>
  <c r="U24309" i="1"/>
  <c r="U24308" i="1"/>
  <c r="U24307" i="1"/>
  <c r="U24306" i="1"/>
  <c r="U24305" i="1"/>
  <c r="U24304" i="1"/>
  <c r="U24303" i="1"/>
  <c r="U24302" i="1"/>
  <c r="U24301" i="1"/>
  <c r="U24300" i="1"/>
  <c r="U24299" i="1"/>
  <c r="U24298" i="1"/>
  <c r="U24297" i="1"/>
  <c r="U24296" i="1"/>
  <c r="U24295" i="1"/>
  <c r="U24294" i="1"/>
  <c r="U24293" i="1"/>
  <c r="U24292" i="1"/>
  <c r="U24291" i="1"/>
  <c r="U24290" i="1"/>
  <c r="U24289" i="1"/>
  <c r="U24288" i="1"/>
  <c r="U24287" i="1"/>
  <c r="U24286" i="1"/>
  <c r="U24285" i="1"/>
  <c r="U24284" i="1"/>
  <c r="U24283" i="1"/>
  <c r="U24282" i="1"/>
  <c r="U24281" i="1"/>
  <c r="U24280" i="1"/>
  <c r="U24279" i="1"/>
  <c r="U24278" i="1"/>
  <c r="U24277" i="1"/>
  <c r="U24276" i="1"/>
  <c r="U24275" i="1"/>
  <c r="U24274" i="1"/>
  <c r="U24273" i="1"/>
  <c r="U24272" i="1"/>
  <c r="U24271" i="1"/>
  <c r="U24270" i="1"/>
  <c r="U24269" i="1"/>
  <c r="U24268" i="1"/>
  <c r="U24267" i="1"/>
  <c r="U24266" i="1"/>
  <c r="U24265" i="1"/>
  <c r="U24264" i="1"/>
  <c r="U24263" i="1"/>
  <c r="U24262" i="1"/>
  <c r="U24261" i="1"/>
  <c r="U24260" i="1"/>
  <c r="U24259" i="1"/>
  <c r="U24258" i="1"/>
  <c r="U24257" i="1"/>
  <c r="U24256" i="1"/>
  <c r="U24255" i="1"/>
  <c r="U24254" i="1"/>
  <c r="U24253" i="1"/>
  <c r="U24252" i="1"/>
  <c r="U24251" i="1"/>
  <c r="U24250" i="1"/>
  <c r="U24249" i="1"/>
  <c r="U24248" i="1"/>
  <c r="U24247" i="1"/>
  <c r="U24246" i="1"/>
  <c r="U24245" i="1"/>
  <c r="U24244" i="1"/>
  <c r="U24243" i="1"/>
  <c r="U24242" i="1"/>
  <c r="U24241" i="1"/>
  <c r="U24240" i="1"/>
  <c r="U24239" i="1"/>
  <c r="U24238" i="1"/>
  <c r="U24237" i="1"/>
  <c r="U24236" i="1"/>
  <c r="U24235" i="1"/>
  <c r="U24234" i="1"/>
  <c r="U24233" i="1"/>
  <c r="U24232" i="1"/>
  <c r="U24231" i="1"/>
  <c r="U24230" i="1"/>
  <c r="U24229" i="1"/>
  <c r="U24228" i="1"/>
  <c r="U24227" i="1"/>
  <c r="U24226" i="1"/>
  <c r="U24225" i="1"/>
  <c r="U24224" i="1"/>
  <c r="U24223" i="1"/>
  <c r="U24222" i="1"/>
  <c r="U24221" i="1"/>
  <c r="U24220" i="1"/>
  <c r="U24219" i="1"/>
  <c r="U24218" i="1"/>
  <c r="U24217" i="1"/>
  <c r="U24216" i="1"/>
  <c r="U24215" i="1"/>
  <c r="U24214" i="1"/>
  <c r="U24213" i="1"/>
  <c r="U24212" i="1"/>
  <c r="U24211" i="1"/>
  <c r="U24210" i="1"/>
  <c r="U24209" i="1"/>
  <c r="U24208" i="1"/>
  <c r="U24207" i="1"/>
  <c r="U24206" i="1"/>
  <c r="U24205" i="1"/>
  <c r="U24204" i="1"/>
  <c r="U24203" i="1"/>
  <c r="U24202" i="1"/>
  <c r="U24201" i="1"/>
  <c r="U24200" i="1"/>
  <c r="U24199" i="1"/>
  <c r="U24198" i="1"/>
  <c r="U24197" i="1"/>
  <c r="U24196" i="1"/>
  <c r="U24195" i="1"/>
  <c r="U24194" i="1"/>
  <c r="U24193" i="1"/>
  <c r="U24192" i="1"/>
  <c r="U24191" i="1"/>
  <c r="U24190" i="1"/>
  <c r="U24189" i="1"/>
  <c r="U24188" i="1"/>
  <c r="U24187" i="1"/>
  <c r="U24186" i="1"/>
  <c r="U24185" i="1"/>
  <c r="U24184" i="1"/>
  <c r="U24183" i="1"/>
  <c r="U24182" i="1"/>
  <c r="U24181" i="1"/>
  <c r="U24180" i="1"/>
  <c r="U24179" i="1"/>
  <c r="U24178" i="1"/>
  <c r="U24177" i="1"/>
  <c r="U24176" i="1"/>
  <c r="U24175" i="1"/>
  <c r="U24174" i="1"/>
  <c r="U24173" i="1"/>
  <c r="U24172" i="1"/>
  <c r="U24171" i="1"/>
  <c r="U24170" i="1"/>
  <c r="U24169" i="1"/>
  <c r="U24168" i="1"/>
  <c r="U24167" i="1"/>
  <c r="U24166" i="1"/>
  <c r="U24165" i="1"/>
  <c r="U24164" i="1"/>
  <c r="U24163" i="1"/>
  <c r="U24162" i="1"/>
  <c r="U24161" i="1"/>
  <c r="U24160" i="1"/>
  <c r="U24159" i="1"/>
  <c r="U24158" i="1"/>
  <c r="U24157" i="1"/>
  <c r="U24156" i="1"/>
  <c r="U24155" i="1"/>
  <c r="U24154" i="1"/>
  <c r="U24153" i="1"/>
  <c r="U24152" i="1"/>
  <c r="U24151" i="1"/>
  <c r="U24150" i="1"/>
  <c r="U24149" i="1"/>
  <c r="U24148" i="1"/>
  <c r="U24147" i="1"/>
  <c r="U24146" i="1"/>
  <c r="U24145" i="1"/>
  <c r="U24144" i="1"/>
  <c r="U24143" i="1"/>
  <c r="U24142" i="1"/>
  <c r="U24141" i="1"/>
  <c r="U24140" i="1"/>
  <c r="U24139" i="1"/>
  <c r="U24138" i="1"/>
  <c r="U24137" i="1"/>
  <c r="U24136" i="1"/>
  <c r="U24135" i="1"/>
  <c r="U24134" i="1"/>
  <c r="U24133" i="1"/>
  <c r="U24132" i="1"/>
  <c r="U24131" i="1"/>
  <c r="U24130" i="1"/>
  <c r="U24129" i="1"/>
  <c r="U24128" i="1"/>
  <c r="U24127" i="1"/>
  <c r="U24126" i="1"/>
  <c r="U24125" i="1"/>
  <c r="U24124" i="1"/>
  <c r="U24123" i="1"/>
  <c r="U24122" i="1"/>
  <c r="U24121" i="1"/>
  <c r="U24120" i="1"/>
  <c r="U24119" i="1"/>
  <c r="U24118" i="1"/>
  <c r="U24117" i="1"/>
  <c r="U24116" i="1"/>
  <c r="U24115" i="1"/>
  <c r="U24114" i="1"/>
  <c r="U24113" i="1"/>
  <c r="U24112" i="1"/>
  <c r="U24111" i="1"/>
  <c r="U24110" i="1"/>
  <c r="U24109" i="1"/>
  <c r="U24108" i="1"/>
  <c r="U24107" i="1"/>
  <c r="U24106" i="1"/>
  <c r="U24105" i="1"/>
  <c r="U24104" i="1"/>
  <c r="U24103" i="1"/>
  <c r="U24102" i="1"/>
  <c r="U24101" i="1"/>
  <c r="U24100" i="1"/>
  <c r="U24099" i="1"/>
  <c r="U24098" i="1"/>
  <c r="U24097" i="1"/>
  <c r="U24096" i="1"/>
  <c r="U24095" i="1"/>
  <c r="U24094" i="1"/>
  <c r="U24093" i="1"/>
  <c r="U24092" i="1"/>
  <c r="U24091" i="1"/>
  <c r="U24090" i="1"/>
  <c r="U24089" i="1"/>
  <c r="U24088" i="1"/>
  <c r="U24087" i="1"/>
  <c r="U24086" i="1"/>
  <c r="U24085" i="1"/>
  <c r="U24084" i="1"/>
  <c r="U24083" i="1"/>
  <c r="U24082" i="1"/>
  <c r="U24081" i="1"/>
  <c r="U24080" i="1"/>
  <c r="U24079" i="1"/>
  <c r="U24078" i="1"/>
  <c r="U24077" i="1"/>
  <c r="U24076" i="1"/>
  <c r="U24075" i="1"/>
  <c r="U24074" i="1"/>
  <c r="U24073" i="1"/>
  <c r="U24072" i="1"/>
  <c r="U24071" i="1"/>
  <c r="U24070" i="1"/>
  <c r="U24069" i="1"/>
  <c r="U24068" i="1"/>
  <c r="U24067" i="1"/>
  <c r="U24066" i="1"/>
  <c r="U24065" i="1"/>
  <c r="U24064" i="1"/>
  <c r="U24063" i="1"/>
  <c r="U24062" i="1"/>
  <c r="U24061" i="1"/>
  <c r="U24060" i="1"/>
  <c r="U24059" i="1"/>
  <c r="U24058" i="1"/>
  <c r="U24057" i="1"/>
  <c r="U24056" i="1"/>
  <c r="U24055" i="1"/>
  <c r="U24054" i="1"/>
  <c r="U24053" i="1"/>
  <c r="U24052" i="1"/>
  <c r="U24051" i="1"/>
  <c r="U24050" i="1"/>
  <c r="U24049" i="1"/>
  <c r="U24048" i="1"/>
  <c r="U24047" i="1"/>
  <c r="U24046" i="1"/>
  <c r="U24045" i="1"/>
  <c r="U24044" i="1"/>
  <c r="U24043" i="1"/>
  <c r="U24042" i="1"/>
  <c r="U24041" i="1"/>
  <c r="U24040" i="1"/>
  <c r="U24039" i="1"/>
  <c r="U24038" i="1"/>
  <c r="U24037" i="1"/>
  <c r="U24036" i="1"/>
  <c r="U24035" i="1"/>
  <c r="U24034" i="1"/>
  <c r="U24033" i="1"/>
  <c r="U24032" i="1"/>
  <c r="U24031" i="1"/>
  <c r="U24030" i="1"/>
  <c r="U24029" i="1"/>
  <c r="U24028" i="1"/>
  <c r="U24027" i="1"/>
  <c r="U24026" i="1"/>
  <c r="U24025" i="1"/>
  <c r="U24024" i="1"/>
  <c r="U24023" i="1"/>
  <c r="U24022" i="1"/>
  <c r="U24021" i="1"/>
  <c r="U24020" i="1"/>
  <c r="U24019" i="1"/>
  <c r="U24018" i="1"/>
  <c r="U24017" i="1"/>
  <c r="U24016" i="1"/>
  <c r="U24015" i="1"/>
  <c r="U24014" i="1"/>
  <c r="U24013" i="1"/>
  <c r="U24012" i="1"/>
  <c r="U24011" i="1"/>
  <c r="U24010" i="1"/>
  <c r="U24009" i="1"/>
  <c r="U24008" i="1"/>
  <c r="U24007" i="1"/>
  <c r="U24006" i="1"/>
  <c r="U24005" i="1"/>
  <c r="U24004" i="1"/>
  <c r="U24003" i="1"/>
  <c r="U24002" i="1"/>
  <c r="U24001" i="1"/>
  <c r="U24000" i="1"/>
  <c r="U23999" i="1"/>
  <c r="U23998" i="1"/>
  <c r="U23997" i="1"/>
  <c r="U23996" i="1"/>
  <c r="U23995" i="1"/>
  <c r="U23994" i="1"/>
  <c r="U23993" i="1"/>
  <c r="U23992" i="1"/>
  <c r="U23991" i="1"/>
  <c r="U23990" i="1"/>
  <c r="U23989" i="1"/>
  <c r="U23988" i="1"/>
  <c r="U23987" i="1"/>
  <c r="U23986" i="1"/>
  <c r="U23985" i="1"/>
  <c r="U23984" i="1"/>
  <c r="U23983" i="1"/>
  <c r="U23982" i="1"/>
  <c r="U23981" i="1"/>
  <c r="U23980" i="1"/>
  <c r="U23979" i="1"/>
  <c r="U23978" i="1"/>
  <c r="U23977" i="1"/>
  <c r="U23976" i="1"/>
  <c r="U23975" i="1"/>
  <c r="U23974" i="1"/>
  <c r="U23973" i="1"/>
  <c r="U23972" i="1"/>
  <c r="U23971" i="1"/>
  <c r="U23970" i="1"/>
  <c r="U23969" i="1"/>
  <c r="U23968" i="1"/>
  <c r="U23967" i="1"/>
  <c r="U23966" i="1"/>
  <c r="U23965" i="1"/>
  <c r="U23964" i="1"/>
  <c r="U23963" i="1"/>
  <c r="U23962" i="1"/>
  <c r="U23961" i="1"/>
  <c r="U23960" i="1"/>
  <c r="U23959" i="1"/>
  <c r="U23958" i="1"/>
  <c r="U23957" i="1"/>
  <c r="U23956" i="1"/>
  <c r="U23955" i="1"/>
  <c r="U23954" i="1"/>
  <c r="U23953" i="1"/>
  <c r="U23952" i="1"/>
  <c r="U23951" i="1"/>
  <c r="U23950" i="1"/>
  <c r="U23949" i="1"/>
  <c r="U23948" i="1"/>
  <c r="U23947" i="1"/>
  <c r="U23946" i="1"/>
  <c r="U23945" i="1"/>
  <c r="U23944" i="1"/>
  <c r="U23943" i="1"/>
  <c r="U23942" i="1"/>
  <c r="U23941" i="1"/>
  <c r="U23940" i="1"/>
  <c r="U23939" i="1"/>
  <c r="U23938" i="1"/>
  <c r="U23937" i="1"/>
  <c r="U23936" i="1"/>
  <c r="U23935" i="1"/>
  <c r="U23934" i="1"/>
  <c r="U23933" i="1"/>
  <c r="U23932" i="1"/>
  <c r="U23931" i="1"/>
  <c r="U23930" i="1"/>
  <c r="U23929" i="1"/>
  <c r="U23928" i="1"/>
  <c r="U23927" i="1"/>
  <c r="U23926" i="1"/>
  <c r="U23925" i="1"/>
  <c r="U23924" i="1"/>
  <c r="U23923" i="1"/>
  <c r="U23922" i="1"/>
  <c r="U23921" i="1"/>
  <c r="U23920" i="1"/>
  <c r="U23919" i="1"/>
  <c r="U23918" i="1"/>
  <c r="U23917" i="1"/>
  <c r="U23916" i="1"/>
  <c r="U23915" i="1"/>
  <c r="U23914" i="1"/>
  <c r="U23913" i="1"/>
  <c r="U23912" i="1"/>
  <c r="U23911" i="1"/>
  <c r="U23910" i="1"/>
  <c r="U23909" i="1"/>
  <c r="U23908" i="1"/>
  <c r="U23907" i="1"/>
  <c r="U23906" i="1"/>
  <c r="U23905" i="1"/>
  <c r="U23904" i="1"/>
  <c r="U23903" i="1"/>
  <c r="U23902" i="1"/>
  <c r="U23901" i="1"/>
  <c r="U23900" i="1"/>
  <c r="U23899" i="1"/>
  <c r="U23898" i="1"/>
  <c r="U23897" i="1"/>
  <c r="U23896" i="1"/>
  <c r="U23895" i="1"/>
  <c r="U23894" i="1"/>
  <c r="U23893" i="1"/>
  <c r="U23892" i="1"/>
  <c r="U23891" i="1"/>
  <c r="U23890" i="1"/>
  <c r="U23889" i="1"/>
  <c r="U23888" i="1"/>
  <c r="U23887" i="1"/>
  <c r="U23886" i="1"/>
  <c r="U23885" i="1"/>
  <c r="U23884" i="1"/>
  <c r="U23883" i="1"/>
  <c r="U23882" i="1"/>
  <c r="U23881" i="1"/>
  <c r="U23880" i="1"/>
  <c r="U23879" i="1"/>
  <c r="U23878" i="1"/>
  <c r="U23877" i="1"/>
  <c r="U23876" i="1"/>
  <c r="U23875" i="1"/>
  <c r="U23874" i="1"/>
  <c r="U23873" i="1"/>
  <c r="U23872" i="1"/>
  <c r="U23871" i="1"/>
  <c r="U23870" i="1"/>
  <c r="U23869" i="1"/>
  <c r="U23868" i="1"/>
  <c r="U23867" i="1"/>
  <c r="U23866" i="1"/>
  <c r="U23865" i="1"/>
  <c r="U23864" i="1"/>
  <c r="U23863" i="1"/>
  <c r="U23862" i="1"/>
  <c r="U23861" i="1"/>
  <c r="U23860" i="1"/>
  <c r="U23859" i="1"/>
  <c r="U23858" i="1"/>
  <c r="U23857" i="1"/>
  <c r="U23856" i="1"/>
  <c r="U23855" i="1"/>
  <c r="U23854" i="1"/>
  <c r="U23853" i="1"/>
  <c r="U23852" i="1"/>
  <c r="U23851" i="1"/>
  <c r="U23850" i="1"/>
  <c r="U23849" i="1"/>
  <c r="U23848" i="1"/>
  <c r="U23847" i="1"/>
  <c r="U23846" i="1"/>
  <c r="U23845" i="1"/>
  <c r="U23844" i="1"/>
  <c r="U23843" i="1"/>
  <c r="U23842" i="1"/>
  <c r="U23841" i="1"/>
  <c r="U23840" i="1"/>
  <c r="U23839" i="1"/>
  <c r="U23838" i="1"/>
  <c r="U23837" i="1"/>
  <c r="U23836" i="1"/>
  <c r="U23835" i="1"/>
  <c r="U23834" i="1"/>
  <c r="U23833" i="1"/>
  <c r="U23832" i="1"/>
  <c r="U23831" i="1"/>
  <c r="U23830" i="1"/>
  <c r="U23829" i="1"/>
  <c r="U23828" i="1"/>
  <c r="U23827" i="1"/>
  <c r="U23826" i="1"/>
  <c r="U23825" i="1"/>
  <c r="U23824" i="1"/>
  <c r="U23823" i="1"/>
  <c r="U23822" i="1"/>
  <c r="U23821" i="1"/>
  <c r="U23820" i="1"/>
  <c r="U23819" i="1"/>
  <c r="U23818" i="1"/>
  <c r="U23817" i="1"/>
  <c r="U23816" i="1"/>
  <c r="U23815" i="1"/>
  <c r="U23814" i="1"/>
  <c r="U23813" i="1"/>
  <c r="U23812" i="1"/>
  <c r="U23811" i="1"/>
  <c r="U23810" i="1"/>
  <c r="U23809" i="1"/>
  <c r="U23808" i="1"/>
  <c r="U23807" i="1"/>
  <c r="U23806" i="1"/>
  <c r="U23805" i="1"/>
  <c r="U23804" i="1"/>
  <c r="U23803" i="1"/>
  <c r="U23802" i="1"/>
  <c r="U23801" i="1"/>
  <c r="U23800" i="1"/>
  <c r="U23799" i="1"/>
  <c r="U23798" i="1"/>
  <c r="U23797" i="1"/>
  <c r="U23796" i="1"/>
  <c r="U23795" i="1"/>
  <c r="U23794" i="1"/>
  <c r="U23793" i="1"/>
  <c r="U23792" i="1"/>
  <c r="U23791" i="1"/>
  <c r="U23790" i="1"/>
  <c r="U23789" i="1"/>
  <c r="U23788" i="1"/>
  <c r="U23787" i="1"/>
  <c r="U23786" i="1"/>
  <c r="U23785" i="1"/>
  <c r="U23784" i="1"/>
  <c r="U23783" i="1"/>
  <c r="U23782" i="1"/>
  <c r="U23781" i="1"/>
  <c r="U23780" i="1"/>
  <c r="U23779" i="1"/>
  <c r="U23778" i="1"/>
  <c r="U23777" i="1"/>
  <c r="U23776" i="1"/>
  <c r="U23775" i="1"/>
  <c r="U23774" i="1"/>
  <c r="U23773" i="1"/>
  <c r="U23772" i="1"/>
  <c r="U23771" i="1"/>
  <c r="U23770" i="1"/>
  <c r="U23769" i="1"/>
  <c r="U23768" i="1"/>
  <c r="U23767" i="1"/>
  <c r="U23766" i="1"/>
  <c r="U23765" i="1"/>
  <c r="U23764" i="1"/>
  <c r="U23763" i="1"/>
  <c r="U23762" i="1"/>
  <c r="U23761" i="1"/>
  <c r="U23760" i="1"/>
  <c r="U23759" i="1"/>
  <c r="U23758" i="1"/>
  <c r="U23757" i="1"/>
  <c r="U23756" i="1"/>
  <c r="U23755" i="1"/>
  <c r="U23754" i="1"/>
  <c r="U23753" i="1"/>
  <c r="U23752" i="1"/>
  <c r="U23751" i="1"/>
  <c r="U23750" i="1"/>
  <c r="U23749" i="1"/>
  <c r="U23748" i="1"/>
  <c r="U23747" i="1"/>
  <c r="U23746" i="1"/>
  <c r="U23745" i="1"/>
  <c r="U23744" i="1"/>
  <c r="U23743" i="1"/>
  <c r="U23742" i="1"/>
  <c r="U23741" i="1"/>
  <c r="U23740" i="1"/>
  <c r="U23739" i="1"/>
  <c r="U23738" i="1"/>
  <c r="U23737" i="1"/>
  <c r="U23736" i="1"/>
  <c r="U23735" i="1"/>
  <c r="U23734" i="1"/>
  <c r="U23733" i="1"/>
  <c r="U23732" i="1"/>
  <c r="U23731" i="1"/>
  <c r="U23730" i="1"/>
  <c r="U23729" i="1"/>
  <c r="U23728" i="1"/>
  <c r="U23727" i="1"/>
  <c r="U23726" i="1"/>
  <c r="U23725" i="1"/>
  <c r="U23724" i="1"/>
  <c r="U23723" i="1"/>
  <c r="U23722" i="1"/>
  <c r="U23721" i="1"/>
  <c r="U23720" i="1"/>
  <c r="U23719" i="1"/>
  <c r="U23718" i="1"/>
  <c r="U23717" i="1"/>
  <c r="U23716" i="1"/>
  <c r="U23715" i="1"/>
  <c r="U23714" i="1"/>
  <c r="U23713" i="1"/>
  <c r="U23712" i="1"/>
  <c r="U23711" i="1"/>
  <c r="U23710" i="1"/>
  <c r="U23709" i="1"/>
  <c r="U23708" i="1"/>
  <c r="U23707" i="1"/>
  <c r="U23706" i="1"/>
  <c r="U23705" i="1"/>
  <c r="U23704" i="1"/>
  <c r="U23703" i="1"/>
  <c r="U23702" i="1"/>
  <c r="U23701" i="1"/>
  <c r="U23700" i="1"/>
  <c r="U23699" i="1"/>
  <c r="U23698" i="1"/>
  <c r="U23697" i="1"/>
  <c r="U23696" i="1"/>
  <c r="U23695" i="1"/>
  <c r="U23694" i="1"/>
  <c r="U23693" i="1"/>
  <c r="U23692" i="1"/>
  <c r="U23691" i="1"/>
  <c r="U23690" i="1"/>
  <c r="U23689" i="1"/>
  <c r="U23688" i="1"/>
  <c r="U23687" i="1"/>
  <c r="U23686" i="1"/>
  <c r="U23685" i="1"/>
  <c r="U23684" i="1"/>
  <c r="U23683" i="1"/>
  <c r="U23682" i="1"/>
  <c r="U23681" i="1"/>
  <c r="U23680" i="1"/>
  <c r="U23679" i="1"/>
  <c r="U23678" i="1"/>
  <c r="U23677" i="1"/>
  <c r="U23676" i="1"/>
  <c r="U23675" i="1"/>
  <c r="U23674" i="1"/>
  <c r="U23673" i="1"/>
  <c r="U23672" i="1"/>
  <c r="U23671" i="1"/>
  <c r="U23670" i="1"/>
  <c r="U23669" i="1"/>
  <c r="U23668" i="1"/>
  <c r="U23667" i="1"/>
  <c r="U23666" i="1"/>
  <c r="U23665" i="1"/>
  <c r="U23664" i="1"/>
  <c r="U23663" i="1"/>
  <c r="U23662" i="1"/>
  <c r="U23661" i="1"/>
  <c r="U23660" i="1"/>
  <c r="U23659" i="1"/>
  <c r="U23658" i="1"/>
  <c r="U23657" i="1"/>
  <c r="U23656" i="1"/>
  <c r="U23655" i="1"/>
  <c r="U23654" i="1"/>
  <c r="U23653" i="1"/>
  <c r="U23652" i="1"/>
  <c r="U23651" i="1"/>
  <c r="U23650" i="1"/>
  <c r="U23649" i="1"/>
  <c r="U23648" i="1"/>
  <c r="U23647" i="1"/>
  <c r="U23646" i="1"/>
  <c r="U23645" i="1"/>
  <c r="U23644" i="1"/>
  <c r="U23643" i="1"/>
  <c r="U23642" i="1"/>
  <c r="U23641" i="1"/>
  <c r="U23640" i="1"/>
  <c r="U23639" i="1"/>
  <c r="U23638" i="1"/>
  <c r="U23637" i="1"/>
  <c r="U23636" i="1"/>
  <c r="U23635" i="1"/>
  <c r="U23634" i="1"/>
  <c r="U23633" i="1"/>
  <c r="U23632" i="1"/>
  <c r="U23631" i="1"/>
  <c r="U23630" i="1"/>
  <c r="U23629" i="1"/>
  <c r="U23628" i="1"/>
  <c r="U23627" i="1"/>
  <c r="U23626" i="1"/>
  <c r="U23625" i="1"/>
  <c r="U23624" i="1"/>
  <c r="U23623" i="1"/>
  <c r="U23622" i="1"/>
  <c r="U23621" i="1"/>
  <c r="U23620" i="1"/>
  <c r="U23619" i="1"/>
  <c r="U23618" i="1"/>
  <c r="U23617" i="1"/>
  <c r="U23616" i="1"/>
  <c r="U23615" i="1"/>
  <c r="U23614" i="1"/>
  <c r="U23613" i="1"/>
  <c r="U23612" i="1"/>
  <c r="U23611" i="1"/>
  <c r="U23610" i="1"/>
  <c r="U23609" i="1"/>
  <c r="U23608" i="1"/>
  <c r="U23607" i="1"/>
  <c r="U23606" i="1"/>
  <c r="U23605" i="1"/>
  <c r="U23604" i="1"/>
  <c r="U23603" i="1"/>
  <c r="U23602" i="1"/>
  <c r="U23601" i="1"/>
  <c r="U23600" i="1"/>
  <c r="U23599" i="1"/>
  <c r="U23598" i="1"/>
  <c r="U23597" i="1"/>
  <c r="U23596" i="1"/>
  <c r="U23595" i="1"/>
  <c r="U23594" i="1"/>
  <c r="U23593" i="1"/>
  <c r="U23592" i="1"/>
  <c r="U23591" i="1"/>
  <c r="U23590" i="1"/>
  <c r="U23589" i="1"/>
  <c r="U23588" i="1"/>
  <c r="U23587" i="1"/>
  <c r="U23586" i="1"/>
  <c r="U23585" i="1"/>
  <c r="U23584" i="1"/>
  <c r="U23583" i="1"/>
  <c r="U23582" i="1"/>
  <c r="U23581" i="1"/>
  <c r="U23580" i="1"/>
  <c r="U23579" i="1"/>
  <c r="U23578" i="1"/>
  <c r="U23577" i="1"/>
  <c r="U23576" i="1"/>
  <c r="U23575" i="1"/>
  <c r="U23574" i="1"/>
  <c r="U23573" i="1"/>
  <c r="U23572" i="1"/>
  <c r="U23571" i="1"/>
  <c r="U23570" i="1"/>
  <c r="U23569" i="1"/>
  <c r="U23568" i="1"/>
  <c r="U23567" i="1"/>
  <c r="U23566" i="1"/>
  <c r="U23565" i="1"/>
  <c r="U23564" i="1"/>
  <c r="U23563" i="1"/>
  <c r="U23562" i="1"/>
  <c r="U23561" i="1"/>
  <c r="U23560" i="1"/>
  <c r="U23559" i="1"/>
  <c r="U23558" i="1"/>
  <c r="U23557" i="1"/>
  <c r="U23556" i="1"/>
  <c r="U23555" i="1"/>
  <c r="U23554" i="1"/>
  <c r="U23553" i="1"/>
  <c r="U23552" i="1"/>
  <c r="U23551" i="1"/>
  <c r="U23550" i="1"/>
  <c r="U23549" i="1"/>
  <c r="U23548" i="1"/>
  <c r="U23547" i="1"/>
  <c r="U23546" i="1"/>
  <c r="U23545" i="1"/>
  <c r="U23544" i="1"/>
  <c r="U23543" i="1"/>
  <c r="U23542" i="1"/>
  <c r="U23541" i="1"/>
  <c r="U23540" i="1"/>
  <c r="U23539" i="1"/>
  <c r="U23538" i="1"/>
  <c r="U23537" i="1"/>
  <c r="U23536" i="1"/>
  <c r="U23535" i="1"/>
  <c r="U23534" i="1"/>
  <c r="U23533" i="1"/>
  <c r="U23532" i="1"/>
  <c r="U23531" i="1"/>
  <c r="U23530" i="1"/>
  <c r="U23529" i="1"/>
  <c r="U23528" i="1"/>
  <c r="U23527" i="1"/>
  <c r="U23526" i="1"/>
  <c r="U23525" i="1"/>
  <c r="U23524" i="1"/>
  <c r="U23523" i="1"/>
  <c r="U23522" i="1"/>
  <c r="U23521" i="1"/>
  <c r="U23520" i="1"/>
  <c r="U23519" i="1"/>
  <c r="U23518" i="1"/>
  <c r="U23517" i="1"/>
  <c r="U23516" i="1"/>
  <c r="U23515" i="1"/>
  <c r="U23514" i="1"/>
  <c r="U23513" i="1"/>
  <c r="U23512" i="1"/>
  <c r="U23511" i="1"/>
  <c r="U23510" i="1"/>
  <c r="U23509" i="1"/>
  <c r="U23508" i="1"/>
  <c r="U23507" i="1"/>
  <c r="U23506" i="1"/>
  <c r="U23505" i="1"/>
  <c r="U23504" i="1"/>
  <c r="U23503" i="1"/>
  <c r="U23502" i="1"/>
  <c r="U23501" i="1"/>
  <c r="U23500" i="1"/>
  <c r="U23499" i="1"/>
  <c r="U23498" i="1"/>
  <c r="U23497" i="1"/>
  <c r="U23496" i="1"/>
  <c r="U23495" i="1"/>
  <c r="U23494" i="1"/>
  <c r="U23493" i="1"/>
  <c r="U23492" i="1"/>
  <c r="U23491" i="1"/>
  <c r="U23490" i="1"/>
  <c r="U23489" i="1"/>
  <c r="U23488" i="1"/>
  <c r="U23487" i="1"/>
  <c r="U23486" i="1"/>
  <c r="U23485" i="1"/>
  <c r="U23484" i="1"/>
  <c r="U23483" i="1"/>
  <c r="U23482" i="1"/>
  <c r="U23481" i="1"/>
  <c r="U23480" i="1"/>
  <c r="U23479" i="1"/>
  <c r="U23478" i="1"/>
  <c r="U23477" i="1"/>
  <c r="U23476" i="1"/>
  <c r="U23475" i="1"/>
  <c r="U23474" i="1"/>
  <c r="U23473" i="1"/>
  <c r="U23472" i="1"/>
  <c r="U23471" i="1"/>
  <c r="U23470" i="1"/>
  <c r="U23469" i="1"/>
  <c r="U23468" i="1"/>
  <c r="U23467" i="1"/>
  <c r="U23466" i="1"/>
  <c r="U23465" i="1"/>
  <c r="U23464" i="1"/>
  <c r="U23463" i="1"/>
  <c r="U23462" i="1"/>
  <c r="U23461" i="1"/>
  <c r="U23460" i="1"/>
  <c r="U23459" i="1"/>
  <c r="U23458" i="1"/>
  <c r="U23457" i="1"/>
  <c r="U23456" i="1"/>
  <c r="U23455" i="1"/>
  <c r="U23454" i="1"/>
  <c r="U23453" i="1"/>
  <c r="U23452" i="1"/>
  <c r="U23451" i="1"/>
  <c r="U23450" i="1"/>
  <c r="U23449" i="1"/>
  <c r="U23448" i="1"/>
  <c r="U23447" i="1"/>
  <c r="U23446" i="1"/>
  <c r="U23445" i="1"/>
  <c r="U23444" i="1"/>
  <c r="U23443" i="1"/>
  <c r="U23442" i="1"/>
  <c r="U23441" i="1"/>
  <c r="U23440" i="1"/>
  <c r="U23439" i="1"/>
  <c r="U23438" i="1"/>
  <c r="U23437" i="1"/>
  <c r="U23436" i="1"/>
  <c r="U23435" i="1"/>
  <c r="U23434" i="1"/>
  <c r="U23433" i="1"/>
  <c r="U23432" i="1"/>
  <c r="U23431" i="1"/>
  <c r="U23430" i="1"/>
  <c r="U23429" i="1"/>
  <c r="U23428" i="1"/>
  <c r="U23427" i="1"/>
  <c r="U23426" i="1"/>
  <c r="U23425" i="1"/>
  <c r="U23424" i="1"/>
  <c r="U23423" i="1"/>
  <c r="U23422" i="1"/>
  <c r="U23421" i="1"/>
  <c r="U23420" i="1"/>
  <c r="U23419" i="1"/>
  <c r="U23418" i="1"/>
  <c r="U23417" i="1"/>
  <c r="U23416" i="1"/>
  <c r="U23415" i="1"/>
  <c r="U23414" i="1"/>
  <c r="U23413" i="1"/>
  <c r="U23412" i="1"/>
  <c r="U23411" i="1"/>
  <c r="U23410" i="1"/>
  <c r="U23409" i="1"/>
  <c r="U23408" i="1"/>
  <c r="U23407" i="1"/>
  <c r="U23406" i="1"/>
  <c r="U23405" i="1"/>
  <c r="U23404" i="1"/>
  <c r="U23403" i="1"/>
  <c r="U23402" i="1"/>
  <c r="U23401" i="1"/>
  <c r="U23400" i="1"/>
  <c r="U23399" i="1"/>
  <c r="U23398" i="1"/>
  <c r="U23397" i="1"/>
  <c r="U23396" i="1"/>
  <c r="U23395" i="1"/>
  <c r="U23394" i="1"/>
  <c r="U23393" i="1"/>
  <c r="U23392" i="1"/>
  <c r="U23391" i="1"/>
  <c r="U23390" i="1"/>
  <c r="U23389" i="1"/>
  <c r="U23388" i="1"/>
  <c r="U23387" i="1"/>
  <c r="U23386" i="1"/>
  <c r="U23385" i="1"/>
  <c r="U23384" i="1"/>
  <c r="U23383" i="1"/>
  <c r="U23382" i="1"/>
  <c r="U23381" i="1"/>
  <c r="U23380" i="1"/>
  <c r="U23379" i="1"/>
  <c r="U23378" i="1"/>
  <c r="U23377" i="1"/>
  <c r="U23376" i="1"/>
  <c r="U23375" i="1"/>
  <c r="U23374" i="1"/>
  <c r="U23373" i="1"/>
  <c r="U23372" i="1"/>
  <c r="U23371" i="1"/>
  <c r="U23370" i="1"/>
  <c r="U23369" i="1"/>
  <c r="U23368" i="1"/>
  <c r="U23367" i="1"/>
  <c r="U23366" i="1"/>
  <c r="U23365" i="1"/>
  <c r="U23364" i="1"/>
  <c r="U23363" i="1"/>
  <c r="U23362" i="1"/>
  <c r="U23361" i="1"/>
  <c r="U23360" i="1"/>
  <c r="U23359" i="1"/>
  <c r="U23358" i="1"/>
  <c r="U23357" i="1"/>
  <c r="U23356" i="1"/>
  <c r="U23355" i="1"/>
  <c r="U23354" i="1"/>
  <c r="U23353" i="1"/>
  <c r="U23352" i="1"/>
  <c r="U23351" i="1"/>
  <c r="U23350" i="1"/>
  <c r="U23349" i="1"/>
  <c r="U23348" i="1"/>
  <c r="U23347" i="1"/>
  <c r="U23346" i="1"/>
  <c r="U23345" i="1"/>
  <c r="U23344" i="1"/>
  <c r="U23343" i="1"/>
  <c r="U23342" i="1"/>
  <c r="U23341" i="1"/>
  <c r="U23340" i="1"/>
  <c r="U23339" i="1"/>
  <c r="U23338" i="1"/>
  <c r="U23337" i="1"/>
  <c r="U23336" i="1"/>
  <c r="U23335" i="1"/>
  <c r="U23334" i="1"/>
  <c r="U23333" i="1"/>
  <c r="U23332" i="1"/>
  <c r="U23331" i="1"/>
  <c r="U23330" i="1"/>
  <c r="U23329" i="1"/>
  <c r="U23328" i="1"/>
  <c r="U23327" i="1"/>
  <c r="U23326" i="1"/>
  <c r="U23325" i="1"/>
  <c r="U23324" i="1"/>
  <c r="U23323" i="1"/>
  <c r="U23322" i="1"/>
  <c r="U23321" i="1"/>
  <c r="U23320" i="1"/>
  <c r="U23319" i="1"/>
  <c r="U23318" i="1"/>
  <c r="U23317" i="1"/>
  <c r="U23316" i="1"/>
  <c r="U23315" i="1"/>
  <c r="U23314" i="1"/>
  <c r="U23313" i="1"/>
  <c r="U23312" i="1"/>
  <c r="U23311" i="1"/>
  <c r="U23310" i="1"/>
  <c r="U23309" i="1"/>
  <c r="U23308" i="1"/>
  <c r="U23307" i="1"/>
  <c r="U23306" i="1"/>
  <c r="U23305" i="1"/>
  <c r="U23304" i="1"/>
  <c r="U23303" i="1"/>
  <c r="U23302" i="1"/>
  <c r="U23301" i="1"/>
  <c r="U23300" i="1"/>
  <c r="U23299" i="1"/>
  <c r="U23298" i="1"/>
  <c r="U23297" i="1"/>
  <c r="U23296" i="1"/>
  <c r="U23295" i="1"/>
  <c r="U23294" i="1"/>
  <c r="U23293" i="1"/>
  <c r="U23292" i="1"/>
  <c r="U23291" i="1"/>
  <c r="U23290" i="1"/>
  <c r="U23289" i="1"/>
  <c r="U23288" i="1"/>
  <c r="U23287" i="1"/>
  <c r="U23286" i="1"/>
  <c r="U23285" i="1"/>
  <c r="U23284" i="1"/>
  <c r="U23283" i="1"/>
  <c r="U23282" i="1"/>
  <c r="U23281" i="1"/>
  <c r="U23280" i="1"/>
  <c r="U23279" i="1"/>
  <c r="U23278" i="1"/>
  <c r="U23277" i="1"/>
  <c r="U23276" i="1"/>
  <c r="U23275" i="1"/>
  <c r="U23274" i="1"/>
  <c r="U23273" i="1"/>
  <c r="U23272" i="1"/>
  <c r="U23271" i="1"/>
  <c r="U23270" i="1"/>
  <c r="U23269" i="1"/>
  <c r="U23268" i="1"/>
  <c r="U23267" i="1"/>
  <c r="U23266" i="1"/>
  <c r="U23265" i="1"/>
  <c r="U23264" i="1"/>
  <c r="U23263" i="1"/>
  <c r="U23262" i="1"/>
  <c r="U23261" i="1"/>
  <c r="U23260" i="1"/>
  <c r="U23259" i="1"/>
  <c r="U23258" i="1"/>
  <c r="U23257" i="1"/>
  <c r="U23256" i="1"/>
  <c r="U23255" i="1"/>
  <c r="U23254" i="1"/>
  <c r="U23253" i="1"/>
  <c r="U23252" i="1"/>
  <c r="U23251" i="1"/>
  <c r="U23250" i="1"/>
  <c r="U23249" i="1"/>
  <c r="U23248" i="1"/>
  <c r="U23247" i="1"/>
  <c r="U23246" i="1"/>
  <c r="U23245" i="1"/>
  <c r="U23244" i="1"/>
  <c r="U23243" i="1"/>
  <c r="U23242" i="1"/>
  <c r="U23241" i="1"/>
  <c r="U23240" i="1"/>
  <c r="U23239" i="1"/>
  <c r="U23238" i="1"/>
  <c r="U23237" i="1"/>
  <c r="U23236" i="1"/>
  <c r="U23235" i="1"/>
  <c r="U23234" i="1"/>
  <c r="U23233" i="1"/>
  <c r="U23232" i="1"/>
  <c r="U23231" i="1"/>
  <c r="U23230" i="1"/>
  <c r="U23229" i="1"/>
  <c r="U23228" i="1"/>
  <c r="U23227" i="1"/>
  <c r="U23226" i="1"/>
  <c r="U23225" i="1"/>
  <c r="U23224" i="1"/>
  <c r="U23223" i="1"/>
  <c r="U23222" i="1"/>
  <c r="U23221" i="1"/>
  <c r="U23220" i="1"/>
  <c r="U23219" i="1"/>
  <c r="U23218" i="1"/>
  <c r="U23217" i="1"/>
  <c r="U23216" i="1"/>
  <c r="U23215" i="1"/>
  <c r="U23214" i="1"/>
  <c r="U23213" i="1"/>
  <c r="U23212" i="1"/>
  <c r="U23211" i="1"/>
  <c r="U23210" i="1"/>
  <c r="U23209" i="1"/>
  <c r="U23208" i="1"/>
  <c r="U23207" i="1"/>
  <c r="U23206" i="1"/>
  <c r="U23205" i="1"/>
  <c r="U23204" i="1"/>
  <c r="U23203" i="1"/>
  <c r="U23202" i="1"/>
  <c r="U23201" i="1"/>
  <c r="U23200" i="1"/>
  <c r="U23199" i="1"/>
  <c r="U23198" i="1"/>
  <c r="U23197" i="1"/>
  <c r="U23196" i="1"/>
  <c r="U23195" i="1"/>
  <c r="U23194" i="1"/>
  <c r="U23193" i="1"/>
  <c r="U23192" i="1"/>
  <c r="U23191" i="1"/>
  <c r="U23190" i="1"/>
  <c r="U23189" i="1"/>
  <c r="U23188" i="1"/>
  <c r="U23187" i="1"/>
  <c r="U23186" i="1"/>
  <c r="U23185" i="1"/>
  <c r="U23184" i="1"/>
  <c r="U23183" i="1"/>
  <c r="U23182" i="1"/>
  <c r="U23181" i="1"/>
  <c r="U23180" i="1"/>
  <c r="U23179" i="1"/>
  <c r="U23178" i="1"/>
  <c r="U23177" i="1"/>
  <c r="U23176" i="1"/>
  <c r="U23175" i="1"/>
  <c r="U23174" i="1"/>
  <c r="U23173" i="1"/>
  <c r="U23172" i="1"/>
  <c r="U23171" i="1"/>
  <c r="U23170" i="1"/>
  <c r="U23169" i="1"/>
  <c r="U23168" i="1"/>
  <c r="U23167" i="1"/>
  <c r="U23166" i="1"/>
  <c r="U23165" i="1"/>
  <c r="U23164" i="1"/>
  <c r="U23163" i="1"/>
  <c r="U23162" i="1"/>
  <c r="U23161" i="1"/>
  <c r="U23160" i="1"/>
  <c r="U23159" i="1"/>
  <c r="U23158" i="1"/>
  <c r="U23157" i="1"/>
  <c r="U23156" i="1"/>
  <c r="U23155" i="1"/>
  <c r="U23154" i="1"/>
  <c r="U23153" i="1"/>
  <c r="U23152" i="1"/>
  <c r="U23151" i="1"/>
  <c r="U23150" i="1"/>
  <c r="U23149" i="1"/>
  <c r="U23148" i="1"/>
  <c r="U23147" i="1"/>
  <c r="U23146" i="1"/>
  <c r="U23145" i="1"/>
  <c r="U23144" i="1"/>
  <c r="U23143" i="1"/>
  <c r="U23142" i="1"/>
  <c r="U23141" i="1"/>
  <c r="U23140" i="1"/>
  <c r="U23139" i="1"/>
  <c r="U23138" i="1"/>
  <c r="U23137" i="1"/>
  <c r="U23136" i="1"/>
  <c r="U23135" i="1"/>
  <c r="U23134" i="1"/>
  <c r="U23133" i="1"/>
  <c r="U23132" i="1"/>
  <c r="U23131" i="1"/>
  <c r="U23130" i="1"/>
  <c r="U23129" i="1"/>
  <c r="U23128" i="1"/>
  <c r="U23127" i="1"/>
  <c r="U23126" i="1"/>
  <c r="U23125" i="1"/>
  <c r="U23124" i="1"/>
  <c r="U23123" i="1"/>
  <c r="U23122" i="1"/>
  <c r="U23121" i="1"/>
  <c r="U23120" i="1"/>
  <c r="U23119" i="1"/>
  <c r="U23118" i="1"/>
  <c r="U23117" i="1"/>
  <c r="U23116" i="1"/>
  <c r="U23115" i="1"/>
  <c r="U23114" i="1"/>
  <c r="U23113" i="1"/>
  <c r="U23112" i="1"/>
  <c r="U23111" i="1"/>
  <c r="U23110" i="1"/>
  <c r="U23109" i="1"/>
  <c r="U23108" i="1"/>
  <c r="U23107" i="1"/>
  <c r="U23106" i="1"/>
  <c r="U23105" i="1"/>
  <c r="U23104" i="1"/>
  <c r="U23103" i="1"/>
  <c r="U23102" i="1"/>
  <c r="U23101" i="1"/>
  <c r="U23100" i="1"/>
  <c r="U23099" i="1"/>
  <c r="U23098" i="1"/>
  <c r="U23097" i="1"/>
  <c r="U23096" i="1"/>
  <c r="U23095" i="1"/>
  <c r="U23094" i="1"/>
  <c r="U23093" i="1"/>
  <c r="U23092" i="1"/>
  <c r="U23091" i="1"/>
  <c r="U23090" i="1"/>
  <c r="U23089" i="1"/>
  <c r="U23088" i="1"/>
  <c r="U23087" i="1"/>
  <c r="U23086" i="1"/>
  <c r="U23085" i="1"/>
  <c r="U23084" i="1"/>
  <c r="U23083" i="1"/>
  <c r="U23082" i="1"/>
  <c r="U23081" i="1"/>
  <c r="U23080" i="1"/>
  <c r="U23079" i="1"/>
  <c r="U23078" i="1"/>
  <c r="U23077" i="1"/>
  <c r="U23076" i="1"/>
  <c r="U23075" i="1"/>
  <c r="U23074" i="1"/>
  <c r="U23073" i="1"/>
  <c r="U23072" i="1"/>
  <c r="U23071" i="1"/>
  <c r="U23070" i="1"/>
  <c r="U23069" i="1"/>
  <c r="U23068" i="1"/>
  <c r="U23067" i="1"/>
  <c r="U23066" i="1"/>
  <c r="U23065" i="1"/>
  <c r="U23064" i="1"/>
  <c r="U23063" i="1"/>
  <c r="U23062" i="1"/>
  <c r="U23061" i="1"/>
  <c r="U23060" i="1"/>
  <c r="U23059" i="1"/>
  <c r="U23058" i="1"/>
  <c r="U23057" i="1"/>
  <c r="U23056" i="1"/>
  <c r="U23055" i="1"/>
  <c r="U23054" i="1"/>
  <c r="U23053" i="1"/>
  <c r="U23052" i="1"/>
  <c r="U23051" i="1"/>
  <c r="U23050" i="1"/>
  <c r="U23049" i="1"/>
  <c r="U23048" i="1"/>
  <c r="U23047" i="1"/>
  <c r="U23046" i="1"/>
  <c r="U23045" i="1"/>
  <c r="U23044" i="1"/>
  <c r="U23043" i="1"/>
  <c r="U23042" i="1"/>
  <c r="U23041" i="1"/>
  <c r="U23040" i="1"/>
  <c r="U23039" i="1"/>
  <c r="U23038" i="1"/>
  <c r="U23037" i="1"/>
  <c r="U23036" i="1"/>
  <c r="U23035" i="1"/>
  <c r="U23034" i="1"/>
  <c r="U23033" i="1"/>
  <c r="U23032" i="1"/>
  <c r="U23031" i="1"/>
  <c r="U23030" i="1"/>
  <c r="U23029" i="1"/>
  <c r="U23028" i="1"/>
  <c r="U23027" i="1"/>
  <c r="U23026" i="1"/>
  <c r="U23025" i="1"/>
  <c r="U23024" i="1"/>
  <c r="U23023" i="1"/>
  <c r="U23022" i="1"/>
  <c r="U23021" i="1"/>
  <c r="U23020" i="1"/>
  <c r="U23019" i="1"/>
  <c r="U23018" i="1"/>
  <c r="U23017" i="1"/>
  <c r="U23016" i="1"/>
  <c r="U23015" i="1"/>
  <c r="U23014" i="1"/>
  <c r="U23013" i="1"/>
  <c r="U23012" i="1"/>
  <c r="U23011" i="1"/>
  <c r="U23010" i="1"/>
  <c r="U23009" i="1"/>
  <c r="U23008" i="1"/>
  <c r="U23007" i="1"/>
  <c r="U23006" i="1"/>
  <c r="U23005" i="1"/>
  <c r="U23004" i="1"/>
  <c r="U23003" i="1"/>
  <c r="U23002" i="1"/>
  <c r="U23001" i="1"/>
  <c r="U23000" i="1"/>
  <c r="U22999" i="1"/>
  <c r="U22998" i="1"/>
  <c r="U22997" i="1"/>
  <c r="U22996" i="1"/>
  <c r="U22995" i="1"/>
  <c r="U22994" i="1"/>
  <c r="U22993" i="1"/>
  <c r="U22992" i="1"/>
  <c r="U22991" i="1"/>
  <c r="U22990" i="1"/>
  <c r="U22989" i="1"/>
  <c r="U22988" i="1"/>
  <c r="U22987" i="1"/>
  <c r="U22986" i="1"/>
  <c r="U22985" i="1"/>
  <c r="U22984" i="1"/>
  <c r="U22983" i="1"/>
  <c r="U22982" i="1"/>
  <c r="U22981" i="1"/>
  <c r="U22980" i="1"/>
  <c r="U22979" i="1"/>
  <c r="U22978" i="1"/>
  <c r="U22977" i="1"/>
  <c r="U22976" i="1"/>
  <c r="U22975" i="1"/>
  <c r="U22974" i="1"/>
  <c r="U22973" i="1"/>
  <c r="U22972" i="1"/>
  <c r="U22971" i="1"/>
  <c r="U22970" i="1"/>
  <c r="U22969" i="1"/>
  <c r="U22968" i="1"/>
  <c r="U22967" i="1"/>
  <c r="U22966" i="1"/>
  <c r="U22965" i="1"/>
  <c r="U22964" i="1"/>
  <c r="U22963" i="1"/>
  <c r="U22962" i="1"/>
  <c r="U22961" i="1"/>
  <c r="U22960" i="1"/>
  <c r="U22959" i="1"/>
  <c r="U22958" i="1"/>
  <c r="U22957" i="1"/>
  <c r="U22956" i="1"/>
  <c r="U22955" i="1"/>
  <c r="U22954" i="1"/>
  <c r="U22953" i="1"/>
  <c r="U22952" i="1"/>
  <c r="U22951" i="1"/>
  <c r="U22950" i="1"/>
  <c r="U22949" i="1"/>
  <c r="U22948" i="1"/>
  <c r="U22947" i="1"/>
  <c r="U22946" i="1"/>
  <c r="U22945" i="1"/>
  <c r="U22944" i="1"/>
  <c r="U22943" i="1"/>
  <c r="U22942" i="1"/>
  <c r="U22941" i="1"/>
  <c r="U22940" i="1"/>
  <c r="U22939" i="1"/>
  <c r="U22938" i="1"/>
  <c r="U22937" i="1"/>
  <c r="U22936" i="1"/>
  <c r="U22935" i="1"/>
  <c r="U22934" i="1"/>
  <c r="U22933" i="1"/>
  <c r="U22932" i="1"/>
  <c r="U22931" i="1"/>
  <c r="U22930" i="1"/>
  <c r="U22929" i="1"/>
  <c r="U22928" i="1"/>
  <c r="U22927" i="1"/>
  <c r="U22926" i="1"/>
  <c r="U22925" i="1"/>
  <c r="U22924" i="1"/>
  <c r="U22923" i="1"/>
  <c r="U22922" i="1"/>
  <c r="U22921" i="1"/>
  <c r="U22920" i="1"/>
  <c r="U22919" i="1"/>
  <c r="U22918" i="1"/>
  <c r="U22917" i="1"/>
  <c r="U22916" i="1"/>
  <c r="U22915" i="1"/>
  <c r="U22914" i="1"/>
  <c r="U22913" i="1"/>
  <c r="U22912" i="1"/>
  <c r="U22911" i="1"/>
  <c r="U22910" i="1"/>
  <c r="U22909" i="1"/>
  <c r="U22908" i="1"/>
  <c r="U22907" i="1"/>
  <c r="U22906" i="1"/>
  <c r="U22905" i="1"/>
  <c r="U22904" i="1"/>
  <c r="U22903" i="1"/>
  <c r="U22902" i="1"/>
  <c r="U22901" i="1"/>
  <c r="U22900" i="1"/>
  <c r="U22899" i="1"/>
  <c r="U22898" i="1"/>
  <c r="U22897" i="1"/>
  <c r="U22896" i="1"/>
  <c r="U22895" i="1"/>
  <c r="U22894" i="1"/>
  <c r="U22893" i="1"/>
  <c r="U22892" i="1"/>
  <c r="U22891" i="1"/>
  <c r="U22890" i="1"/>
  <c r="U22889" i="1"/>
  <c r="U22888" i="1"/>
  <c r="U22887" i="1"/>
  <c r="U22886" i="1"/>
  <c r="U22885" i="1"/>
  <c r="U22884" i="1"/>
  <c r="U22883" i="1"/>
  <c r="U22882" i="1"/>
  <c r="U22881" i="1"/>
  <c r="U22880" i="1"/>
  <c r="U22879" i="1"/>
  <c r="U22878" i="1"/>
  <c r="U22877" i="1"/>
  <c r="U22876" i="1"/>
  <c r="U22875" i="1"/>
  <c r="U22874" i="1"/>
  <c r="U22873" i="1"/>
  <c r="U22872" i="1"/>
  <c r="U22871" i="1"/>
  <c r="U22870" i="1"/>
  <c r="U22869" i="1"/>
  <c r="U22868" i="1"/>
  <c r="U22867" i="1"/>
  <c r="U22866" i="1"/>
  <c r="U22865" i="1"/>
  <c r="U22864" i="1"/>
  <c r="U22863" i="1"/>
  <c r="U22862" i="1"/>
  <c r="U22861" i="1"/>
  <c r="U22860" i="1"/>
  <c r="U22859" i="1"/>
  <c r="U22858" i="1"/>
  <c r="U22857" i="1"/>
  <c r="U22856" i="1"/>
  <c r="U22855" i="1"/>
  <c r="U22854" i="1"/>
  <c r="U22853" i="1"/>
  <c r="U22852" i="1"/>
  <c r="U22851" i="1"/>
  <c r="U22850" i="1"/>
  <c r="U22849" i="1"/>
  <c r="U22848" i="1"/>
  <c r="U22847" i="1"/>
  <c r="U22846" i="1"/>
  <c r="U22845" i="1"/>
  <c r="U22844" i="1"/>
  <c r="U22843" i="1"/>
  <c r="U22842" i="1"/>
  <c r="U22841" i="1"/>
  <c r="U22840" i="1"/>
  <c r="U22839" i="1"/>
  <c r="U22838" i="1"/>
  <c r="U22837" i="1"/>
  <c r="U22836" i="1"/>
  <c r="U22835" i="1"/>
  <c r="U22834" i="1"/>
  <c r="U22833" i="1"/>
  <c r="U22832" i="1"/>
  <c r="U22831" i="1"/>
  <c r="U22830" i="1"/>
  <c r="U22829" i="1"/>
  <c r="U22828" i="1"/>
  <c r="U22827" i="1"/>
  <c r="U22826" i="1"/>
  <c r="U22825" i="1"/>
  <c r="U22824" i="1"/>
  <c r="U22823" i="1"/>
  <c r="U22822" i="1"/>
  <c r="U22821" i="1"/>
  <c r="U22820" i="1"/>
  <c r="U22819" i="1"/>
  <c r="U22818" i="1"/>
  <c r="U22817" i="1"/>
  <c r="U22816" i="1"/>
  <c r="U22815" i="1"/>
  <c r="U22814" i="1"/>
  <c r="U22813" i="1"/>
  <c r="U22812" i="1"/>
  <c r="U22811" i="1"/>
  <c r="U22810" i="1"/>
  <c r="U22809" i="1"/>
  <c r="U22808" i="1"/>
  <c r="U22807" i="1"/>
  <c r="U22806" i="1"/>
  <c r="U22805" i="1"/>
  <c r="U22804" i="1"/>
  <c r="U22803" i="1"/>
  <c r="U22802" i="1"/>
  <c r="U22801" i="1"/>
  <c r="U22800" i="1"/>
  <c r="U22799" i="1"/>
  <c r="U22798" i="1"/>
  <c r="U22797" i="1"/>
  <c r="U22796" i="1"/>
  <c r="U22795" i="1"/>
  <c r="U22794" i="1"/>
  <c r="U22793" i="1"/>
  <c r="U22792" i="1"/>
  <c r="U22791" i="1"/>
  <c r="U22790" i="1"/>
  <c r="U22789" i="1"/>
  <c r="U22788" i="1"/>
  <c r="U22787" i="1"/>
  <c r="U22786" i="1"/>
  <c r="U22785" i="1"/>
  <c r="U22784" i="1"/>
  <c r="U22783" i="1"/>
  <c r="U22782" i="1"/>
  <c r="U22781" i="1"/>
  <c r="U22780" i="1"/>
  <c r="U22779" i="1"/>
  <c r="U22778" i="1"/>
  <c r="U22777" i="1"/>
  <c r="U22776" i="1"/>
  <c r="U22775" i="1"/>
  <c r="U22774" i="1"/>
  <c r="U22773" i="1"/>
  <c r="U22772" i="1"/>
  <c r="U22771" i="1"/>
  <c r="U22770" i="1"/>
  <c r="U22769" i="1"/>
  <c r="U22768" i="1"/>
  <c r="U22767" i="1"/>
  <c r="U22766" i="1"/>
  <c r="U22765" i="1"/>
  <c r="U22764" i="1"/>
  <c r="U22763" i="1"/>
  <c r="U22762" i="1"/>
  <c r="U22761" i="1"/>
  <c r="U22760" i="1"/>
  <c r="U22759" i="1"/>
  <c r="U22758" i="1"/>
  <c r="U22757" i="1"/>
  <c r="U22756" i="1"/>
  <c r="U22755" i="1"/>
  <c r="U22754" i="1"/>
  <c r="U22753" i="1"/>
  <c r="U22752" i="1"/>
  <c r="U22751" i="1"/>
  <c r="U22750" i="1"/>
  <c r="U22749" i="1"/>
  <c r="U22748" i="1"/>
  <c r="U22747" i="1"/>
  <c r="U22746" i="1"/>
  <c r="U22745" i="1"/>
  <c r="U22744" i="1"/>
  <c r="U22743" i="1"/>
  <c r="U22742" i="1"/>
  <c r="U22741" i="1"/>
  <c r="U22740" i="1"/>
  <c r="U22739" i="1"/>
  <c r="U22738" i="1"/>
  <c r="U22737" i="1"/>
  <c r="U22736" i="1"/>
  <c r="U22735" i="1"/>
  <c r="U22734" i="1"/>
  <c r="U22733" i="1"/>
  <c r="U22732" i="1"/>
  <c r="U22731" i="1"/>
  <c r="U22730" i="1"/>
  <c r="U22729" i="1"/>
  <c r="U22728" i="1"/>
  <c r="U22727" i="1"/>
  <c r="U22726" i="1"/>
  <c r="U22725" i="1"/>
  <c r="U22724" i="1"/>
  <c r="U22723" i="1"/>
  <c r="U22722" i="1"/>
  <c r="U22721" i="1"/>
  <c r="U22720" i="1"/>
  <c r="U22719" i="1"/>
  <c r="U22718" i="1"/>
  <c r="U22717" i="1"/>
  <c r="U22716" i="1"/>
  <c r="U22715" i="1"/>
  <c r="U22714" i="1"/>
  <c r="U22713" i="1"/>
  <c r="U22712" i="1"/>
  <c r="U22711" i="1"/>
  <c r="U22710" i="1"/>
  <c r="U22709" i="1"/>
  <c r="U22708" i="1"/>
  <c r="U22707" i="1"/>
  <c r="U22706" i="1"/>
  <c r="U22705" i="1"/>
  <c r="U22704" i="1"/>
  <c r="U22703" i="1"/>
  <c r="U22702" i="1"/>
  <c r="U22701" i="1"/>
  <c r="U22700" i="1"/>
  <c r="U22699" i="1"/>
  <c r="U22698" i="1"/>
  <c r="U22697" i="1"/>
  <c r="U22696" i="1"/>
  <c r="U22695" i="1"/>
  <c r="U22694" i="1"/>
  <c r="U22693" i="1"/>
  <c r="U22692" i="1"/>
  <c r="U22691" i="1"/>
  <c r="U22690" i="1"/>
  <c r="U22689" i="1"/>
  <c r="U22688" i="1"/>
  <c r="U22687" i="1"/>
  <c r="U22686" i="1"/>
  <c r="U22685" i="1"/>
  <c r="U22684" i="1"/>
  <c r="U22683" i="1"/>
  <c r="U22682" i="1"/>
  <c r="U22681" i="1"/>
  <c r="U22680" i="1"/>
  <c r="U22679" i="1"/>
  <c r="U22678" i="1"/>
  <c r="U22677" i="1"/>
  <c r="U22676" i="1"/>
  <c r="U22675" i="1"/>
  <c r="U22674" i="1"/>
  <c r="U22673" i="1"/>
  <c r="U22672" i="1"/>
  <c r="U22671" i="1"/>
  <c r="U22670" i="1"/>
  <c r="U22669" i="1"/>
  <c r="U22668" i="1"/>
  <c r="U22667" i="1"/>
  <c r="U22666" i="1"/>
  <c r="U22665" i="1"/>
  <c r="U22664" i="1"/>
  <c r="U22663" i="1"/>
  <c r="U22662" i="1"/>
  <c r="U22661" i="1"/>
  <c r="U22660" i="1"/>
  <c r="U22659" i="1"/>
  <c r="U22658" i="1"/>
  <c r="U22657" i="1"/>
  <c r="U22656" i="1"/>
  <c r="U22655" i="1"/>
  <c r="U22654" i="1"/>
  <c r="U22653" i="1"/>
  <c r="U22652" i="1"/>
  <c r="U22651" i="1"/>
  <c r="U22650" i="1"/>
  <c r="U22649" i="1"/>
  <c r="U22648" i="1"/>
  <c r="U22647" i="1"/>
  <c r="U22646" i="1"/>
  <c r="U22645" i="1"/>
  <c r="U22644" i="1"/>
  <c r="U22643" i="1"/>
  <c r="U22642" i="1"/>
  <c r="U22641" i="1"/>
  <c r="U22640" i="1"/>
  <c r="U22639" i="1"/>
  <c r="U22638" i="1"/>
  <c r="U22637" i="1"/>
  <c r="U22636" i="1"/>
  <c r="U22635" i="1"/>
  <c r="U22634" i="1"/>
  <c r="U22633" i="1"/>
  <c r="U22632" i="1"/>
  <c r="U22631" i="1"/>
  <c r="U22630" i="1"/>
  <c r="U22629" i="1"/>
  <c r="U22628" i="1"/>
  <c r="U22627" i="1"/>
  <c r="U22626" i="1"/>
  <c r="U22625" i="1"/>
  <c r="U22624" i="1"/>
  <c r="U22623" i="1"/>
  <c r="U22622" i="1"/>
  <c r="U22621" i="1"/>
  <c r="U22620" i="1"/>
  <c r="U22619" i="1"/>
  <c r="U22618" i="1"/>
  <c r="U22617" i="1"/>
  <c r="U22616" i="1"/>
  <c r="U22615" i="1"/>
  <c r="U22614" i="1"/>
  <c r="U22613" i="1"/>
  <c r="U22612" i="1"/>
  <c r="U22611" i="1"/>
  <c r="U22610" i="1"/>
  <c r="U22609" i="1"/>
  <c r="U22608" i="1"/>
  <c r="U22607" i="1"/>
  <c r="U22606" i="1"/>
  <c r="U22605" i="1"/>
  <c r="U22604" i="1"/>
  <c r="U22603" i="1"/>
  <c r="U22602" i="1"/>
  <c r="U22601" i="1"/>
  <c r="U22600" i="1"/>
  <c r="U22599" i="1"/>
  <c r="U22598" i="1"/>
  <c r="U22597" i="1"/>
  <c r="U22596" i="1"/>
  <c r="U22595" i="1"/>
  <c r="U22594" i="1"/>
  <c r="U22593" i="1"/>
  <c r="U22592" i="1"/>
  <c r="U22591" i="1"/>
  <c r="U22590" i="1"/>
  <c r="U22589" i="1"/>
  <c r="U22588" i="1"/>
  <c r="U22587" i="1"/>
  <c r="U22586" i="1"/>
  <c r="U22585" i="1"/>
  <c r="U22584" i="1"/>
  <c r="U22583" i="1"/>
  <c r="U22582" i="1"/>
  <c r="U22581" i="1"/>
  <c r="U22580" i="1"/>
  <c r="U22579" i="1"/>
  <c r="U22578" i="1"/>
  <c r="U22577" i="1"/>
  <c r="U22576" i="1"/>
  <c r="U22575" i="1"/>
  <c r="U22574" i="1"/>
  <c r="U22573" i="1"/>
  <c r="U22572" i="1"/>
  <c r="U22571" i="1"/>
  <c r="U22570" i="1"/>
  <c r="U22569" i="1"/>
  <c r="U22568" i="1"/>
  <c r="U22567" i="1"/>
  <c r="U22566" i="1"/>
  <c r="U22565" i="1"/>
  <c r="U22564" i="1"/>
  <c r="U22563" i="1"/>
  <c r="U22562" i="1"/>
  <c r="U22561" i="1"/>
  <c r="U22560" i="1"/>
  <c r="U22559" i="1"/>
  <c r="U22558" i="1"/>
  <c r="U22557" i="1"/>
  <c r="U22556" i="1"/>
  <c r="U22555" i="1"/>
  <c r="U22554" i="1"/>
  <c r="U22553" i="1"/>
  <c r="U22552" i="1"/>
  <c r="U22551" i="1"/>
  <c r="U22550" i="1"/>
  <c r="U22549" i="1"/>
  <c r="U22548" i="1"/>
  <c r="U22547" i="1"/>
  <c r="U22546" i="1"/>
  <c r="U22545" i="1"/>
  <c r="U22544" i="1"/>
  <c r="U22543" i="1"/>
  <c r="U22542" i="1"/>
  <c r="U22541" i="1"/>
  <c r="U22540" i="1"/>
  <c r="U22539" i="1"/>
  <c r="U22538" i="1"/>
  <c r="U22537" i="1"/>
  <c r="U22536" i="1"/>
  <c r="U22535" i="1"/>
  <c r="U22534" i="1"/>
  <c r="U22533" i="1"/>
  <c r="U22532" i="1"/>
  <c r="U22531" i="1"/>
  <c r="U22530" i="1"/>
  <c r="U22529" i="1"/>
  <c r="U22528" i="1"/>
  <c r="U22527" i="1"/>
  <c r="U22526" i="1"/>
  <c r="U22525" i="1"/>
  <c r="U22524" i="1"/>
  <c r="U22523" i="1"/>
  <c r="U22522" i="1"/>
  <c r="U22521" i="1"/>
  <c r="U22520" i="1"/>
  <c r="U22519" i="1"/>
  <c r="U22518" i="1"/>
  <c r="U22517" i="1"/>
  <c r="U22516" i="1"/>
  <c r="U22515" i="1"/>
  <c r="U22514" i="1"/>
  <c r="U22513" i="1"/>
  <c r="U22512" i="1"/>
  <c r="U22511" i="1"/>
  <c r="U22510" i="1"/>
  <c r="U22509" i="1"/>
  <c r="U22508" i="1"/>
  <c r="U22507" i="1"/>
  <c r="U22506" i="1"/>
  <c r="U22505" i="1"/>
  <c r="U22504" i="1"/>
  <c r="U22503" i="1"/>
  <c r="U22502" i="1"/>
  <c r="U22501" i="1"/>
  <c r="U22500" i="1"/>
  <c r="U22499" i="1"/>
  <c r="U22498" i="1"/>
  <c r="U22497" i="1"/>
  <c r="U22496" i="1"/>
  <c r="U22495" i="1"/>
  <c r="U22494" i="1"/>
  <c r="U22493" i="1"/>
  <c r="U22492" i="1"/>
  <c r="U22491" i="1"/>
  <c r="U22490" i="1"/>
  <c r="U22489" i="1"/>
  <c r="U22488" i="1"/>
  <c r="U22487" i="1"/>
  <c r="U22486" i="1"/>
  <c r="U22485" i="1"/>
  <c r="U22484" i="1"/>
  <c r="U22483" i="1"/>
  <c r="U22482" i="1"/>
  <c r="U22481" i="1"/>
  <c r="U22480" i="1"/>
  <c r="U22479" i="1"/>
  <c r="U22478" i="1"/>
  <c r="U22477" i="1"/>
  <c r="U22476" i="1"/>
  <c r="U22475" i="1"/>
  <c r="U22474" i="1"/>
  <c r="U22473" i="1"/>
  <c r="U22472" i="1"/>
  <c r="U22471" i="1"/>
  <c r="U22470" i="1"/>
  <c r="U22469" i="1"/>
  <c r="U22468" i="1"/>
  <c r="U22467" i="1"/>
  <c r="U22466" i="1"/>
  <c r="U22465" i="1"/>
  <c r="U22464" i="1"/>
  <c r="U22463" i="1"/>
  <c r="U22462" i="1"/>
  <c r="U22461" i="1"/>
  <c r="U22460" i="1"/>
  <c r="U22459" i="1"/>
  <c r="U22458" i="1"/>
  <c r="U22457" i="1"/>
  <c r="U22456" i="1"/>
  <c r="U22455" i="1"/>
  <c r="U22454" i="1"/>
  <c r="U22453" i="1"/>
  <c r="U22452" i="1"/>
  <c r="U22451" i="1"/>
  <c r="U22450" i="1"/>
  <c r="U22449" i="1"/>
  <c r="U22448" i="1"/>
  <c r="U22447" i="1"/>
  <c r="U22446" i="1"/>
  <c r="U22445" i="1"/>
  <c r="U22444" i="1"/>
  <c r="U22443" i="1"/>
  <c r="U22442" i="1"/>
  <c r="U22441" i="1"/>
  <c r="U22440" i="1"/>
  <c r="U22439" i="1"/>
  <c r="U22438" i="1"/>
  <c r="U22437" i="1"/>
  <c r="U22436" i="1"/>
  <c r="U22435" i="1"/>
  <c r="U22434" i="1"/>
  <c r="U22433" i="1"/>
  <c r="U22432" i="1"/>
  <c r="U22431" i="1"/>
  <c r="U22430" i="1"/>
  <c r="U22429" i="1"/>
  <c r="U22428" i="1"/>
  <c r="U22427" i="1"/>
  <c r="U22426" i="1"/>
  <c r="U22425" i="1"/>
  <c r="U22424" i="1"/>
  <c r="U22423" i="1"/>
  <c r="U22422" i="1"/>
  <c r="U22421" i="1"/>
  <c r="U22420" i="1"/>
  <c r="U22419" i="1"/>
  <c r="U22418" i="1"/>
  <c r="U22417" i="1"/>
  <c r="U22416" i="1"/>
  <c r="U22415" i="1"/>
  <c r="U22414" i="1"/>
  <c r="U22413" i="1"/>
  <c r="U22412" i="1"/>
  <c r="U22411" i="1"/>
  <c r="U22410" i="1"/>
  <c r="U22409" i="1"/>
  <c r="U22408" i="1"/>
  <c r="U22407" i="1"/>
  <c r="U22406" i="1"/>
  <c r="U22405" i="1"/>
  <c r="U22404" i="1"/>
  <c r="U22403" i="1"/>
  <c r="U22402" i="1"/>
  <c r="U22401" i="1"/>
  <c r="U22400" i="1"/>
  <c r="U22399" i="1"/>
  <c r="U22398" i="1"/>
  <c r="U22397" i="1"/>
  <c r="U22396" i="1"/>
  <c r="U22395" i="1"/>
  <c r="U22394" i="1"/>
  <c r="U22393" i="1"/>
  <c r="U22392" i="1"/>
  <c r="U22391" i="1"/>
  <c r="U22390" i="1"/>
  <c r="U22389" i="1"/>
  <c r="U22388" i="1"/>
  <c r="U22387" i="1"/>
  <c r="U22386" i="1"/>
  <c r="U22385" i="1"/>
  <c r="U22384" i="1"/>
  <c r="U22383" i="1"/>
  <c r="U22382" i="1"/>
  <c r="U22381" i="1"/>
  <c r="U22380" i="1"/>
  <c r="U22379" i="1"/>
  <c r="U22378" i="1"/>
  <c r="U22377" i="1"/>
  <c r="U22376" i="1"/>
  <c r="U22375" i="1"/>
  <c r="U22374" i="1"/>
  <c r="U22373" i="1"/>
  <c r="U22372" i="1"/>
  <c r="U22371" i="1"/>
  <c r="U22370" i="1"/>
  <c r="U22369" i="1"/>
  <c r="U22368" i="1"/>
  <c r="U22367" i="1"/>
  <c r="U22366" i="1"/>
  <c r="U22365" i="1"/>
  <c r="U22364" i="1"/>
  <c r="U22363" i="1"/>
  <c r="U22362" i="1"/>
  <c r="U22361" i="1"/>
  <c r="U22360" i="1"/>
  <c r="U22359" i="1"/>
  <c r="U22358" i="1"/>
  <c r="U22357" i="1"/>
  <c r="U22356" i="1"/>
  <c r="U22355" i="1"/>
  <c r="U22354" i="1"/>
  <c r="U22353" i="1"/>
  <c r="U22352" i="1"/>
  <c r="U22351" i="1"/>
  <c r="U22350" i="1"/>
  <c r="U22349" i="1"/>
  <c r="U22348" i="1"/>
  <c r="U22347" i="1"/>
  <c r="U22346" i="1"/>
  <c r="U22345" i="1"/>
  <c r="U22344" i="1"/>
  <c r="U22343" i="1"/>
  <c r="U22342" i="1"/>
  <c r="U22341" i="1"/>
  <c r="U22340" i="1"/>
  <c r="U22339" i="1"/>
  <c r="U22338" i="1"/>
  <c r="U22337" i="1"/>
  <c r="U22336" i="1"/>
  <c r="U22335" i="1"/>
  <c r="U22334" i="1"/>
  <c r="U22333" i="1"/>
  <c r="U22332" i="1"/>
  <c r="U22331" i="1"/>
  <c r="U22330" i="1"/>
  <c r="U22329" i="1"/>
  <c r="U22328" i="1"/>
  <c r="U22327" i="1"/>
  <c r="U22326" i="1"/>
  <c r="U22325" i="1"/>
  <c r="U22324" i="1"/>
  <c r="U22323" i="1"/>
  <c r="U22322" i="1"/>
  <c r="U22321" i="1"/>
  <c r="U22320" i="1"/>
  <c r="U22319" i="1"/>
  <c r="U22318" i="1"/>
  <c r="U22317" i="1"/>
  <c r="U22316" i="1"/>
  <c r="U22315" i="1"/>
  <c r="U22314" i="1"/>
  <c r="U22313" i="1"/>
  <c r="U22312" i="1"/>
  <c r="U22311" i="1"/>
  <c r="U22310" i="1"/>
  <c r="U22309" i="1"/>
  <c r="U22308" i="1"/>
  <c r="U22307" i="1"/>
  <c r="U22306" i="1"/>
  <c r="U22305" i="1"/>
  <c r="U22304" i="1"/>
  <c r="U22303" i="1"/>
  <c r="U22302" i="1"/>
  <c r="U22301" i="1"/>
  <c r="U22300" i="1"/>
  <c r="U22299" i="1"/>
  <c r="U22298" i="1"/>
  <c r="U22297" i="1"/>
  <c r="U22296" i="1"/>
  <c r="U22295" i="1"/>
  <c r="U22294" i="1"/>
  <c r="U22293" i="1"/>
  <c r="U22292" i="1"/>
  <c r="U22291" i="1"/>
  <c r="U22290" i="1"/>
  <c r="U22289" i="1"/>
  <c r="U22288" i="1"/>
  <c r="U22287" i="1"/>
  <c r="U22286" i="1"/>
  <c r="U22285" i="1"/>
  <c r="U22284" i="1"/>
  <c r="U22283" i="1"/>
  <c r="U22282" i="1"/>
  <c r="U22281" i="1"/>
  <c r="U22280" i="1"/>
  <c r="U22279" i="1"/>
  <c r="U22278" i="1"/>
  <c r="U22277" i="1"/>
  <c r="U22276" i="1"/>
  <c r="U22275" i="1"/>
  <c r="U22274" i="1"/>
  <c r="U22273" i="1"/>
  <c r="U22272" i="1"/>
  <c r="U22271" i="1"/>
  <c r="U22270" i="1"/>
  <c r="U22269" i="1"/>
  <c r="U22268" i="1"/>
  <c r="U22267" i="1"/>
  <c r="U22266" i="1"/>
  <c r="U22265" i="1"/>
  <c r="U22264" i="1"/>
  <c r="U22263" i="1"/>
  <c r="U22262" i="1"/>
  <c r="U22261" i="1"/>
  <c r="U22260" i="1"/>
  <c r="U22259" i="1"/>
  <c r="U22258" i="1"/>
  <c r="U22257" i="1"/>
  <c r="U22256" i="1"/>
  <c r="U22255" i="1"/>
  <c r="U22254" i="1"/>
  <c r="U22253" i="1"/>
  <c r="U22252" i="1"/>
  <c r="U22251" i="1"/>
  <c r="U22250" i="1"/>
  <c r="U22249" i="1"/>
  <c r="U22248" i="1"/>
  <c r="U22247" i="1"/>
  <c r="U22246" i="1"/>
  <c r="U22245" i="1"/>
  <c r="U22244" i="1"/>
  <c r="U22243" i="1"/>
  <c r="U22242" i="1"/>
  <c r="U22241" i="1"/>
  <c r="U22240" i="1"/>
  <c r="U22239" i="1"/>
  <c r="U22238" i="1"/>
  <c r="U22237" i="1"/>
  <c r="U22236" i="1"/>
  <c r="U22235" i="1"/>
  <c r="U22234" i="1"/>
  <c r="U22233" i="1"/>
  <c r="U22232" i="1"/>
  <c r="U22231" i="1"/>
  <c r="U22230" i="1"/>
  <c r="U22229" i="1"/>
  <c r="U22228" i="1"/>
  <c r="U22227" i="1"/>
  <c r="U22226" i="1"/>
  <c r="U22225" i="1"/>
  <c r="U22224" i="1"/>
  <c r="U22223" i="1"/>
  <c r="U22222" i="1"/>
  <c r="U22221" i="1"/>
  <c r="U22220" i="1"/>
  <c r="U22219" i="1"/>
  <c r="U22218" i="1"/>
  <c r="U22217" i="1"/>
  <c r="U22216" i="1"/>
  <c r="U22215" i="1"/>
  <c r="U22214" i="1"/>
  <c r="U22213" i="1"/>
  <c r="U22212" i="1"/>
  <c r="U22211" i="1"/>
  <c r="U22210" i="1"/>
  <c r="U22209" i="1"/>
  <c r="U22208" i="1"/>
  <c r="U22207" i="1"/>
  <c r="U22206" i="1"/>
  <c r="U22205" i="1"/>
  <c r="U22204" i="1"/>
  <c r="U22203" i="1"/>
  <c r="U22202" i="1"/>
  <c r="U22201" i="1"/>
  <c r="U22200" i="1"/>
  <c r="U22199" i="1"/>
  <c r="U22198" i="1"/>
  <c r="U22197" i="1"/>
  <c r="U22196" i="1"/>
  <c r="U22195" i="1"/>
  <c r="U22194" i="1"/>
  <c r="U22193" i="1"/>
  <c r="U22192" i="1"/>
  <c r="U22191" i="1"/>
  <c r="U22190" i="1"/>
  <c r="U22189" i="1"/>
  <c r="U22188" i="1"/>
  <c r="U22187" i="1"/>
  <c r="U22186" i="1"/>
  <c r="U22185" i="1"/>
  <c r="U22184" i="1"/>
  <c r="U22183" i="1"/>
  <c r="U22182" i="1"/>
  <c r="U22181" i="1"/>
  <c r="U22180" i="1"/>
  <c r="U22179" i="1"/>
  <c r="U22178" i="1"/>
  <c r="U22177" i="1"/>
  <c r="U22176" i="1"/>
  <c r="U22175" i="1"/>
  <c r="U22174" i="1"/>
  <c r="U22173" i="1"/>
  <c r="U22172" i="1"/>
  <c r="U22171" i="1"/>
  <c r="U22170" i="1"/>
  <c r="U22169" i="1"/>
  <c r="U22168" i="1"/>
  <c r="U22167" i="1"/>
  <c r="U22166" i="1"/>
  <c r="U22165" i="1"/>
  <c r="U22164" i="1"/>
  <c r="U22163" i="1"/>
  <c r="U22162" i="1"/>
  <c r="U22161" i="1"/>
  <c r="U22160" i="1"/>
  <c r="U22159" i="1"/>
  <c r="U22158" i="1"/>
  <c r="U22157" i="1"/>
  <c r="U22156" i="1"/>
  <c r="U22155" i="1"/>
  <c r="U22154" i="1"/>
  <c r="U22153" i="1"/>
  <c r="U22152" i="1"/>
  <c r="U22151" i="1"/>
  <c r="U22150" i="1"/>
  <c r="U22149" i="1"/>
  <c r="U22148" i="1"/>
  <c r="U22147" i="1"/>
  <c r="U22146" i="1"/>
  <c r="U22145" i="1"/>
  <c r="U22144" i="1"/>
  <c r="U22143" i="1"/>
  <c r="U22142" i="1"/>
  <c r="U22141" i="1"/>
  <c r="U22140" i="1"/>
  <c r="U22139" i="1"/>
  <c r="U22138" i="1"/>
  <c r="U22137" i="1"/>
  <c r="U22136" i="1"/>
  <c r="U22135" i="1"/>
  <c r="U22134" i="1"/>
  <c r="U22133" i="1"/>
  <c r="U22132" i="1"/>
  <c r="U22131" i="1"/>
  <c r="U22130" i="1"/>
  <c r="U22129" i="1"/>
  <c r="U22128" i="1"/>
  <c r="U22127" i="1"/>
  <c r="U22126" i="1"/>
  <c r="U22125" i="1"/>
  <c r="U22124" i="1"/>
  <c r="U22123" i="1"/>
  <c r="U22122" i="1"/>
  <c r="U22121" i="1"/>
  <c r="U22120" i="1"/>
  <c r="U22119" i="1"/>
  <c r="U22118" i="1"/>
  <c r="U22117" i="1"/>
  <c r="U22116" i="1"/>
  <c r="U22115" i="1"/>
  <c r="U22114" i="1"/>
  <c r="U22113" i="1"/>
  <c r="U22112" i="1"/>
  <c r="U22111" i="1"/>
  <c r="U22110" i="1"/>
  <c r="U22109" i="1"/>
  <c r="U22108" i="1"/>
  <c r="U22107" i="1"/>
  <c r="U22106" i="1"/>
  <c r="U22105" i="1"/>
  <c r="U22104" i="1"/>
  <c r="U22103" i="1"/>
  <c r="U22102" i="1"/>
  <c r="U22101" i="1"/>
  <c r="U22100" i="1"/>
  <c r="U22099" i="1"/>
  <c r="U22098" i="1"/>
  <c r="U22097" i="1"/>
  <c r="U22096" i="1"/>
  <c r="U22095" i="1"/>
  <c r="U22094" i="1"/>
  <c r="U22093" i="1"/>
  <c r="U22092" i="1"/>
  <c r="U22091" i="1"/>
  <c r="U22090" i="1"/>
  <c r="U22089" i="1"/>
  <c r="U22088" i="1"/>
  <c r="U22087" i="1"/>
  <c r="U22086" i="1"/>
  <c r="U22085" i="1"/>
  <c r="U22084" i="1"/>
  <c r="U22083" i="1"/>
  <c r="U22082" i="1"/>
  <c r="U22081" i="1"/>
  <c r="U22080" i="1"/>
  <c r="U22079" i="1"/>
  <c r="U22078" i="1"/>
  <c r="U22077" i="1"/>
  <c r="U22076" i="1"/>
  <c r="U22075" i="1"/>
  <c r="U22074" i="1"/>
  <c r="U22073" i="1"/>
  <c r="U22072" i="1"/>
  <c r="U22071" i="1"/>
  <c r="U22070" i="1"/>
  <c r="U22069" i="1"/>
  <c r="U22068" i="1"/>
  <c r="U22067" i="1"/>
  <c r="U22066" i="1"/>
  <c r="U22065" i="1"/>
  <c r="U22064" i="1"/>
  <c r="U22063" i="1"/>
  <c r="U22062" i="1"/>
  <c r="U22061" i="1"/>
  <c r="U22060" i="1"/>
  <c r="U22059" i="1"/>
  <c r="U22058" i="1"/>
  <c r="U22057" i="1"/>
  <c r="U22056" i="1"/>
  <c r="U22055" i="1"/>
  <c r="U22054" i="1"/>
  <c r="U22053" i="1"/>
  <c r="U22052" i="1"/>
  <c r="U22051" i="1"/>
  <c r="U22050" i="1"/>
  <c r="U22049" i="1"/>
  <c r="U22048" i="1"/>
  <c r="U22047" i="1"/>
  <c r="U22046" i="1"/>
  <c r="U22045" i="1"/>
  <c r="U22044" i="1"/>
  <c r="U22043" i="1"/>
  <c r="U22042" i="1"/>
  <c r="U22041" i="1"/>
  <c r="U22040" i="1"/>
  <c r="U22039" i="1"/>
  <c r="U22038" i="1"/>
  <c r="U22037" i="1"/>
  <c r="U22036" i="1"/>
  <c r="U22035" i="1"/>
  <c r="U22034" i="1"/>
  <c r="U22033" i="1"/>
  <c r="U22032" i="1"/>
  <c r="U22031" i="1"/>
  <c r="U22030" i="1"/>
  <c r="U22029" i="1"/>
  <c r="U22028" i="1"/>
  <c r="U22027" i="1"/>
  <c r="U22026" i="1"/>
  <c r="U22025" i="1"/>
  <c r="U22024" i="1"/>
  <c r="U22023" i="1"/>
  <c r="U22022" i="1"/>
  <c r="U22021" i="1"/>
  <c r="U22020" i="1"/>
  <c r="U22019" i="1"/>
  <c r="U22018" i="1"/>
  <c r="U22017" i="1"/>
  <c r="U22016" i="1"/>
  <c r="U22015" i="1"/>
  <c r="U22014" i="1"/>
  <c r="U22013" i="1"/>
  <c r="U22012" i="1"/>
  <c r="U22011" i="1"/>
  <c r="U22010" i="1"/>
  <c r="U22009" i="1"/>
  <c r="U22008" i="1"/>
  <c r="U22007" i="1"/>
  <c r="U22006" i="1"/>
  <c r="U22005" i="1"/>
  <c r="U22004" i="1"/>
  <c r="U22003" i="1"/>
  <c r="U22002" i="1"/>
  <c r="U22001" i="1"/>
  <c r="U22000" i="1"/>
  <c r="U21999" i="1"/>
  <c r="U21998" i="1"/>
  <c r="U21997" i="1"/>
  <c r="U21996" i="1"/>
  <c r="U21995" i="1"/>
  <c r="U21994" i="1"/>
  <c r="U21993" i="1"/>
  <c r="U21992" i="1"/>
  <c r="U21991" i="1"/>
  <c r="U21990" i="1"/>
  <c r="U21989" i="1"/>
  <c r="U21988" i="1"/>
  <c r="U21987" i="1"/>
  <c r="U21986" i="1"/>
  <c r="U21985" i="1"/>
  <c r="U21984" i="1"/>
  <c r="U21983" i="1"/>
  <c r="U21982" i="1"/>
  <c r="U21981" i="1"/>
  <c r="U21980" i="1"/>
  <c r="U21979" i="1"/>
  <c r="U21978" i="1"/>
  <c r="U21977" i="1"/>
  <c r="U21976" i="1"/>
  <c r="U21975" i="1"/>
  <c r="U21974" i="1"/>
  <c r="U21973" i="1"/>
  <c r="U21972" i="1"/>
  <c r="U21971" i="1"/>
  <c r="U21970" i="1"/>
  <c r="U21969" i="1"/>
  <c r="U21968" i="1"/>
  <c r="U21967" i="1"/>
  <c r="U21966" i="1"/>
  <c r="U21965" i="1"/>
  <c r="U21964" i="1"/>
  <c r="U21963" i="1"/>
  <c r="U21962" i="1"/>
  <c r="U21961" i="1"/>
  <c r="U21960" i="1"/>
  <c r="U21959" i="1"/>
  <c r="U21958" i="1"/>
  <c r="U21957" i="1"/>
  <c r="U21956" i="1"/>
  <c r="U21955" i="1"/>
  <c r="U21954" i="1"/>
  <c r="U21953" i="1"/>
  <c r="U21952" i="1"/>
  <c r="U21951" i="1"/>
  <c r="U21950" i="1"/>
  <c r="U21949" i="1"/>
  <c r="U21948" i="1"/>
  <c r="U21947" i="1"/>
  <c r="U21946" i="1"/>
  <c r="U21945" i="1"/>
  <c r="U21944" i="1"/>
  <c r="U21943" i="1"/>
  <c r="U21942" i="1"/>
  <c r="U21941" i="1"/>
  <c r="U21940" i="1"/>
  <c r="U21939" i="1"/>
  <c r="U21938" i="1"/>
  <c r="U21937" i="1"/>
  <c r="U21936" i="1"/>
  <c r="U21935" i="1"/>
  <c r="U21934" i="1"/>
  <c r="U21933" i="1"/>
  <c r="U21932" i="1"/>
  <c r="U21931" i="1"/>
  <c r="U21930" i="1"/>
  <c r="U21929" i="1"/>
  <c r="U21928" i="1"/>
  <c r="U21927" i="1"/>
  <c r="U21926" i="1"/>
  <c r="U21925" i="1"/>
  <c r="U21924" i="1"/>
  <c r="U21923" i="1"/>
  <c r="U21922" i="1"/>
  <c r="U21921" i="1"/>
  <c r="U21920" i="1"/>
  <c r="U21919" i="1"/>
  <c r="U21918" i="1"/>
  <c r="U21917" i="1"/>
  <c r="U21916" i="1"/>
  <c r="U21915" i="1"/>
  <c r="U21914" i="1"/>
  <c r="U21913" i="1"/>
  <c r="U21912" i="1"/>
  <c r="U21911" i="1"/>
  <c r="U21910" i="1"/>
  <c r="U21909" i="1"/>
  <c r="U21908" i="1"/>
  <c r="U21907" i="1"/>
  <c r="U21906" i="1"/>
  <c r="U21905" i="1"/>
  <c r="U21904" i="1"/>
  <c r="U21903" i="1"/>
  <c r="U21902" i="1"/>
  <c r="U21901" i="1"/>
  <c r="U21900" i="1"/>
  <c r="U21899" i="1"/>
  <c r="U21898" i="1"/>
  <c r="U21897" i="1"/>
  <c r="U21896" i="1"/>
  <c r="U21895" i="1"/>
  <c r="U21894" i="1"/>
  <c r="U21893" i="1"/>
  <c r="U21892" i="1"/>
  <c r="U21891" i="1"/>
  <c r="U21890" i="1"/>
  <c r="U21889" i="1"/>
  <c r="U21888" i="1"/>
  <c r="U21887" i="1"/>
  <c r="U21886" i="1"/>
  <c r="U21885" i="1"/>
  <c r="U21884" i="1"/>
  <c r="U21883" i="1"/>
  <c r="U21882" i="1"/>
  <c r="U21881" i="1"/>
  <c r="U21880" i="1"/>
  <c r="U21879" i="1"/>
  <c r="U21878" i="1"/>
  <c r="U21877" i="1"/>
  <c r="U21876" i="1"/>
  <c r="U21875" i="1"/>
  <c r="U21874" i="1"/>
  <c r="U21873" i="1"/>
  <c r="U21872" i="1"/>
  <c r="U21871" i="1"/>
  <c r="U21870" i="1"/>
  <c r="U21869" i="1"/>
  <c r="U21868" i="1"/>
  <c r="U21867" i="1"/>
  <c r="U21866" i="1"/>
  <c r="U21865" i="1"/>
  <c r="U21864" i="1"/>
  <c r="U21863" i="1"/>
  <c r="U21862" i="1"/>
  <c r="U21861" i="1"/>
  <c r="U21860" i="1"/>
  <c r="U21859" i="1"/>
  <c r="U21858" i="1"/>
  <c r="U21857" i="1"/>
  <c r="U21856" i="1"/>
  <c r="U21855" i="1"/>
  <c r="U21854" i="1"/>
  <c r="U21853" i="1"/>
  <c r="U21852" i="1"/>
  <c r="U21851" i="1"/>
  <c r="U21850" i="1"/>
  <c r="U21849" i="1"/>
  <c r="U21848" i="1"/>
  <c r="U21847" i="1"/>
  <c r="U21846" i="1"/>
  <c r="U21845" i="1"/>
  <c r="U21844" i="1"/>
  <c r="U21843" i="1"/>
  <c r="U21842" i="1"/>
  <c r="U21841" i="1"/>
  <c r="U21840" i="1"/>
  <c r="U21839" i="1"/>
  <c r="U21838" i="1"/>
  <c r="U21837" i="1"/>
  <c r="U21836" i="1"/>
  <c r="U21835" i="1"/>
  <c r="U21834" i="1"/>
  <c r="U21833" i="1"/>
  <c r="U21832" i="1"/>
  <c r="U21831" i="1"/>
  <c r="U21830" i="1"/>
  <c r="U21829" i="1"/>
  <c r="U21828" i="1"/>
  <c r="U21827" i="1"/>
  <c r="U21826" i="1"/>
  <c r="U21825" i="1"/>
  <c r="U21824" i="1"/>
  <c r="U21823" i="1"/>
  <c r="U21822" i="1"/>
  <c r="U21821" i="1"/>
  <c r="U21820" i="1"/>
  <c r="U21819" i="1"/>
  <c r="U21818" i="1"/>
  <c r="U21817" i="1"/>
  <c r="U21816" i="1"/>
  <c r="U21815" i="1"/>
  <c r="U21814" i="1"/>
  <c r="U21813" i="1"/>
  <c r="U21812" i="1"/>
  <c r="U21811" i="1"/>
  <c r="U21810" i="1"/>
  <c r="U21809" i="1"/>
  <c r="U21808" i="1"/>
  <c r="U21807" i="1"/>
  <c r="U21806" i="1"/>
  <c r="U21805" i="1"/>
  <c r="U21804" i="1"/>
  <c r="U21803" i="1"/>
  <c r="U21802" i="1"/>
  <c r="U21801" i="1"/>
  <c r="U21800" i="1"/>
  <c r="U21799" i="1"/>
  <c r="U21798" i="1"/>
  <c r="U21797" i="1"/>
  <c r="U21796" i="1"/>
  <c r="U21795" i="1"/>
  <c r="U21794" i="1"/>
  <c r="U21793" i="1"/>
  <c r="U21792" i="1"/>
  <c r="U21791" i="1"/>
  <c r="U21790" i="1"/>
  <c r="U21789" i="1"/>
  <c r="U21788" i="1"/>
  <c r="U21787" i="1"/>
  <c r="U21786" i="1"/>
  <c r="U21785" i="1"/>
  <c r="U21784" i="1"/>
  <c r="U21783" i="1"/>
  <c r="U21782" i="1"/>
  <c r="U21781" i="1"/>
  <c r="U21780" i="1"/>
  <c r="U21779" i="1"/>
  <c r="U21778" i="1"/>
  <c r="U21777" i="1"/>
  <c r="U21776" i="1"/>
  <c r="U21775" i="1"/>
  <c r="U21774" i="1"/>
  <c r="U21773" i="1"/>
  <c r="U21772" i="1"/>
  <c r="U21771" i="1"/>
  <c r="U21770" i="1"/>
  <c r="U21769" i="1"/>
  <c r="U21768" i="1"/>
  <c r="U21767" i="1"/>
  <c r="U21766" i="1"/>
  <c r="U21765" i="1"/>
  <c r="U21764" i="1"/>
  <c r="U21763" i="1"/>
  <c r="U21762" i="1"/>
  <c r="U21761" i="1"/>
  <c r="U21760" i="1"/>
  <c r="U21759" i="1"/>
  <c r="U21758" i="1"/>
  <c r="U21757" i="1"/>
  <c r="U21756" i="1"/>
  <c r="U21755" i="1"/>
  <c r="U21754" i="1"/>
  <c r="U21753" i="1"/>
  <c r="U21752" i="1"/>
  <c r="U21751" i="1"/>
  <c r="U21750" i="1"/>
  <c r="U21749" i="1"/>
  <c r="U21748" i="1"/>
  <c r="U21747" i="1"/>
  <c r="U21746" i="1"/>
  <c r="U21745" i="1"/>
  <c r="U21744" i="1"/>
  <c r="U21743" i="1"/>
  <c r="U21742" i="1"/>
  <c r="U21741" i="1"/>
  <c r="U21740" i="1"/>
  <c r="U21739" i="1"/>
  <c r="U21738" i="1"/>
  <c r="U21737" i="1"/>
  <c r="U21736" i="1"/>
  <c r="U21735" i="1"/>
  <c r="U21734" i="1"/>
  <c r="U21733" i="1"/>
  <c r="U21732" i="1"/>
  <c r="U21731" i="1"/>
  <c r="U21730" i="1"/>
  <c r="U21729" i="1"/>
  <c r="U21728" i="1"/>
  <c r="U21727" i="1"/>
  <c r="U21726" i="1"/>
  <c r="U21725" i="1"/>
  <c r="U21724" i="1"/>
  <c r="U21723" i="1"/>
  <c r="U21722" i="1"/>
  <c r="U21721" i="1"/>
  <c r="U21720" i="1"/>
  <c r="U21719" i="1"/>
  <c r="U21718" i="1"/>
  <c r="U21717" i="1"/>
  <c r="U21716" i="1"/>
  <c r="U21715" i="1"/>
  <c r="U21714" i="1"/>
  <c r="U21713" i="1"/>
  <c r="U21712" i="1"/>
  <c r="U21711" i="1"/>
  <c r="U21710" i="1"/>
  <c r="U21709" i="1"/>
  <c r="U21708" i="1"/>
  <c r="U21707" i="1"/>
  <c r="U21706" i="1"/>
  <c r="U21705" i="1"/>
  <c r="U21704" i="1"/>
  <c r="U21703" i="1"/>
  <c r="U21702" i="1"/>
  <c r="U21701" i="1"/>
  <c r="U21700" i="1"/>
  <c r="U21699" i="1"/>
  <c r="U21698" i="1"/>
  <c r="U21697" i="1"/>
  <c r="U21696" i="1"/>
  <c r="U21695" i="1"/>
  <c r="U21694" i="1"/>
  <c r="U21693" i="1"/>
  <c r="U21692" i="1"/>
  <c r="U21691" i="1"/>
  <c r="U21690" i="1"/>
  <c r="U21689" i="1"/>
  <c r="U21688" i="1"/>
  <c r="U21687" i="1"/>
  <c r="U21686" i="1"/>
  <c r="U21685" i="1"/>
  <c r="U21684" i="1"/>
  <c r="U21683" i="1"/>
  <c r="U21682" i="1"/>
  <c r="U21681" i="1"/>
  <c r="U21680" i="1"/>
  <c r="U21679" i="1"/>
  <c r="U21678" i="1"/>
  <c r="U21677" i="1"/>
  <c r="U21676" i="1"/>
  <c r="U21675" i="1"/>
  <c r="U21674" i="1"/>
  <c r="U21673" i="1"/>
  <c r="U21672" i="1"/>
  <c r="U21671" i="1"/>
  <c r="U21670" i="1"/>
  <c r="U21669" i="1"/>
  <c r="U21668" i="1"/>
  <c r="U21667" i="1"/>
  <c r="U21666" i="1"/>
  <c r="U21665" i="1"/>
  <c r="U21664" i="1"/>
  <c r="U21663" i="1"/>
  <c r="U21662" i="1"/>
  <c r="U21661" i="1"/>
  <c r="U21660" i="1"/>
  <c r="U21659" i="1"/>
  <c r="U21658" i="1"/>
  <c r="U21657" i="1"/>
  <c r="U21656" i="1"/>
  <c r="U21655" i="1"/>
  <c r="U21654" i="1"/>
  <c r="U21653" i="1"/>
  <c r="U21652" i="1"/>
  <c r="U21651" i="1"/>
  <c r="U21650" i="1"/>
  <c r="U21649" i="1"/>
  <c r="U21648" i="1"/>
  <c r="U21647" i="1"/>
  <c r="U21646" i="1"/>
  <c r="U21645" i="1"/>
  <c r="U21644" i="1"/>
  <c r="U21643" i="1"/>
  <c r="U21642" i="1"/>
  <c r="U21641" i="1"/>
  <c r="U21640" i="1"/>
  <c r="U21639" i="1"/>
  <c r="U21638" i="1"/>
  <c r="U21637" i="1"/>
  <c r="U21636" i="1"/>
  <c r="U21635" i="1"/>
  <c r="U21634" i="1"/>
  <c r="U21633" i="1"/>
  <c r="U21632" i="1"/>
  <c r="U21631" i="1"/>
  <c r="U21630" i="1"/>
  <c r="U21629" i="1"/>
  <c r="U21628" i="1"/>
  <c r="U21627" i="1"/>
  <c r="U21626" i="1"/>
  <c r="U21625" i="1"/>
  <c r="U21624" i="1"/>
  <c r="U21623" i="1"/>
  <c r="U21622" i="1"/>
  <c r="U21621" i="1"/>
  <c r="U21620" i="1"/>
  <c r="U21619" i="1"/>
  <c r="U21618" i="1"/>
  <c r="U21617" i="1"/>
  <c r="U21616" i="1"/>
  <c r="U21615" i="1"/>
  <c r="U21614" i="1"/>
  <c r="U21613" i="1"/>
  <c r="U21612" i="1"/>
  <c r="U21611" i="1"/>
  <c r="U21610" i="1"/>
  <c r="U21609" i="1"/>
  <c r="U21608" i="1"/>
  <c r="U21607" i="1"/>
  <c r="U21606" i="1"/>
  <c r="U21605" i="1"/>
  <c r="U21604" i="1"/>
  <c r="U21603" i="1"/>
  <c r="U21602" i="1"/>
  <c r="U21601" i="1"/>
  <c r="U21600" i="1"/>
  <c r="U21599" i="1"/>
  <c r="U21598" i="1"/>
  <c r="U21597" i="1"/>
  <c r="U21596" i="1"/>
  <c r="U21595" i="1"/>
  <c r="U21594" i="1"/>
  <c r="U21593" i="1"/>
  <c r="U21592" i="1"/>
  <c r="U21591" i="1"/>
  <c r="U21590" i="1"/>
  <c r="U21589" i="1"/>
  <c r="U21588" i="1"/>
  <c r="U21587" i="1"/>
  <c r="U21586" i="1"/>
  <c r="U21585" i="1"/>
  <c r="U21584" i="1"/>
  <c r="U21583" i="1"/>
  <c r="U21582" i="1"/>
  <c r="U21581" i="1"/>
  <c r="U21580" i="1"/>
  <c r="U21579" i="1"/>
  <c r="U21578" i="1"/>
  <c r="U21577" i="1"/>
  <c r="U21576" i="1"/>
  <c r="U21575" i="1"/>
  <c r="U21574" i="1"/>
  <c r="U21573" i="1"/>
  <c r="U21572" i="1"/>
  <c r="U21571" i="1"/>
  <c r="U21570" i="1"/>
  <c r="U21569" i="1"/>
  <c r="U21568" i="1"/>
  <c r="U21567" i="1"/>
  <c r="U21566" i="1"/>
  <c r="U21565" i="1"/>
  <c r="U21564" i="1"/>
  <c r="U21563" i="1"/>
  <c r="U21562" i="1"/>
  <c r="U21561" i="1"/>
  <c r="U21560" i="1"/>
  <c r="U21559" i="1"/>
  <c r="U21558" i="1"/>
  <c r="U21557" i="1"/>
  <c r="U21556" i="1"/>
  <c r="U21555" i="1"/>
  <c r="U21554" i="1"/>
  <c r="U21553" i="1"/>
  <c r="U21552" i="1"/>
  <c r="U21551" i="1"/>
  <c r="U21550" i="1"/>
  <c r="U21549" i="1"/>
  <c r="U21548" i="1"/>
  <c r="U21547" i="1"/>
  <c r="U21546" i="1"/>
  <c r="U21545" i="1"/>
  <c r="U21544" i="1"/>
  <c r="U21543" i="1"/>
  <c r="U21542" i="1"/>
  <c r="U21541" i="1"/>
  <c r="U21540" i="1"/>
  <c r="U21539" i="1"/>
  <c r="U21538" i="1"/>
  <c r="U21537" i="1"/>
  <c r="U21536" i="1"/>
  <c r="U21535" i="1"/>
  <c r="U21534" i="1"/>
  <c r="U21533" i="1"/>
  <c r="U21532" i="1"/>
  <c r="U21531" i="1"/>
  <c r="U21530" i="1"/>
  <c r="U21529" i="1"/>
  <c r="U21528" i="1"/>
  <c r="U21527" i="1"/>
  <c r="U21526" i="1"/>
  <c r="U21525" i="1"/>
  <c r="U21524" i="1"/>
  <c r="U21523" i="1"/>
  <c r="U21522" i="1"/>
  <c r="U21521" i="1"/>
  <c r="U21520" i="1"/>
  <c r="U21519" i="1"/>
  <c r="U21518" i="1"/>
  <c r="U21517" i="1"/>
  <c r="U21516" i="1"/>
  <c r="U21515" i="1"/>
  <c r="U21514" i="1"/>
  <c r="U21513" i="1"/>
  <c r="U21512" i="1"/>
  <c r="U21511" i="1"/>
  <c r="U21510" i="1"/>
  <c r="U21509" i="1"/>
  <c r="U21508" i="1"/>
  <c r="U21507" i="1"/>
  <c r="U21506" i="1"/>
  <c r="U21505" i="1"/>
  <c r="U21504" i="1"/>
  <c r="U21503" i="1"/>
  <c r="U21502" i="1"/>
  <c r="U21501" i="1"/>
  <c r="U21500" i="1"/>
  <c r="U21499" i="1"/>
  <c r="U21498" i="1"/>
  <c r="U21497" i="1"/>
  <c r="U21496" i="1"/>
  <c r="U21495" i="1"/>
  <c r="U21494" i="1"/>
  <c r="U21493" i="1"/>
  <c r="U21492" i="1"/>
  <c r="U21491" i="1"/>
  <c r="U21490" i="1"/>
  <c r="U21489" i="1"/>
  <c r="U21488" i="1"/>
  <c r="U21487" i="1"/>
  <c r="U21486" i="1"/>
  <c r="U21485" i="1"/>
  <c r="U21484" i="1"/>
  <c r="U21483" i="1"/>
  <c r="U21482" i="1"/>
  <c r="U21481" i="1"/>
  <c r="U21480" i="1"/>
  <c r="U21479" i="1"/>
  <c r="U21478" i="1"/>
  <c r="U21477" i="1"/>
  <c r="U21476" i="1"/>
  <c r="U21475" i="1"/>
  <c r="U21474" i="1"/>
  <c r="U21473" i="1"/>
  <c r="U21472" i="1"/>
  <c r="U21471" i="1"/>
  <c r="U21470" i="1"/>
  <c r="U21469" i="1"/>
  <c r="U21468" i="1"/>
  <c r="U21467" i="1"/>
  <c r="U21466" i="1"/>
  <c r="U21465" i="1"/>
  <c r="U21464" i="1"/>
  <c r="U21463" i="1"/>
  <c r="U21462" i="1"/>
  <c r="U21461" i="1"/>
  <c r="U21460" i="1"/>
  <c r="U21459" i="1"/>
  <c r="U21458" i="1"/>
  <c r="U21457" i="1"/>
  <c r="U21456" i="1"/>
  <c r="U21455" i="1"/>
  <c r="U21454" i="1"/>
  <c r="U21453" i="1"/>
  <c r="U21452" i="1"/>
  <c r="U21451" i="1"/>
  <c r="U21450" i="1"/>
  <c r="U21449" i="1"/>
  <c r="U21448" i="1"/>
  <c r="U21447" i="1"/>
  <c r="U21446" i="1"/>
  <c r="U21445" i="1"/>
  <c r="U21444" i="1"/>
  <c r="U21443" i="1"/>
  <c r="U21442" i="1"/>
  <c r="U21441" i="1"/>
  <c r="U21440" i="1"/>
  <c r="U21439" i="1"/>
  <c r="U21438" i="1"/>
  <c r="U21437" i="1"/>
  <c r="U21436" i="1"/>
  <c r="U21435" i="1"/>
  <c r="U21434" i="1"/>
  <c r="U21433" i="1"/>
  <c r="U21432" i="1"/>
  <c r="U21431" i="1"/>
  <c r="U21430" i="1"/>
  <c r="U21429" i="1"/>
  <c r="U21428" i="1"/>
  <c r="U21427" i="1"/>
  <c r="U21426" i="1"/>
  <c r="U21425" i="1"/>
  <c r="U21424" i="1"/>
  <c r="U21423" i="1"/>
  <c r="U21422" i="1"/>
  <c r="U21421" i="1"/>
  <c r="U21420" i="1"/>
  <c r="U21419" i="1"/>
  <c r="U21418" i="1"/>
  <c r="U21417" i="1"/>
  <c r="U21416" i="1"/>
  <c r="U21415" i="1"/>
  <c r="U21414" i="1"/>
  <c r="U21413" i="1"/>
  <c r="U21412" i="1"/>
  <c r="U21411" i="1"/>
  <c r="U21410" i="1"/>
  <c r="U21409" i="1"/>
  <c r="U21408" i="1"/>
  <c r="U21407" i="1"/>
  <c r="U21406" i="1"/>
  <c r="U21405" i="1"/>
  <c r="U21404" i="1"/>
  <c r="U21403" i="1"/>
  <c r="U21402" i="1"/>
  <c r="U21401" i="1"/>
  <c r="U21400" i="1"/>
  <c r="U21399" i="1"/>
  <c r="U21398" i="1"/>
  <c r="U21397" i="1"/>
  <c r="U21396" i="1"/>
  <c r="U21395" i="1"/>
  <c r="U21394" i="1"/>
  <c r="U21393" i="1"/>
  <c r="U21392" i="1"/>
  <c r="U21391" i="1"/>
  <c r="U21390" i="1"/>
  <c r="U21389" i="1"/>
  <c r="U21388" i="1"/>
  <c r="U21387" i="1"/>
  <c r="U21386" i="1"/>
  <c r="U21385" i="1"/>
  <c r="U21384" i="1"/>
  <c r="U21383" i="1"/>
  <c r="U21382" i="1"/>
  <c r="U21381" i="1"/>
  <c r="U21380" i="1"/>
  <c r="U21379" i="1"/>
  <c r="U21378" i="1"/>
  <c r="U21377" i="1"/>
  <c r="U21376" i="1"/>
  <c r="U21375" i="1"/>
  <c r="U21374" i="1"/>
  <c r="U21373" i="1"/>
  <c r="U21372" i="1"/>
  <c r="U21371" i="1"/>
  <c r="U21370" i="1"/>
  <c r="U21369" i="1"/>
  <c r="U21368" i="1"/>
  <c r="U21367" i="1"/>
  <c r="U21366" i="1"/>
  <c r="U21365" i="1"/>
  <c r="U21364" i="1"/>
  <c r="U21363" i="1"/>
  <c r="U21362" i="1"/>
  <c r="U21361" i="1"/>
  <c r="U21360" i="1"/>
  <c r="U21359" i="1"/>
  <c r="U21358" i="1"/>
  <c r="U21357" i="1"/>
  <c r="U21356" i="1"/>
  <c r="U21355" i="1"/>
  <c r="U21354" i="1"/>
  <c r="U21353" i="1"/>
  <c r="U21352" i="1"/>
  <c r="U21351" i="1"/>
  <c r="U21350" i="1"/>
  <c r="U21349" i="1"/>
  <c r="U21348" i="1"/>
  <c r="U21347" i="1"/>
  <c r="U21346" i="1"/>
  <c r="U21345" i="1"/>
  <c r="U21344" i="1"/>
  <c r="U21343" i="1"/>
  <c r="U21342" i="1"/>
  <c r="U21341" i="1"/>
  <c r="U21340" i="1"/>
  <c r="U21339" i="1"/>
  <c r="U21338" i="1"/>
  <c r="U21337" i="1"/>
  <c r="U21336" i="1"/>
  <c r="U21335" i="1"/>
  <c r="U21334" i="1"/>
  <c r="U21333" i="1"/>
  <c r="U21332" i="1"/>
  <c r="U21331" i="1"/>
  <c r="U21330" i="1"/>
  <c r="U21329" i="1"/>
  <c r="U21328" i="1"/>
  <c r="U21327" i="1"/>
  <c r="U21326" i="1"/>
  <c r="U21325" i="1"/>
  <c r="U21324" i="1"/>
  <c r="U21323" i="1"/>
  <c r="U21322" i="1"/>
  <c r="U21321" i="1"/>
  <c r="U21320" i="1"/>
  <c r="U21319" i="1"/>
  <c r="U21318" i="1"/>
  <c r="U21317" i="1"/>
  <c r="U21316" i="1"/>
  <c r="U21315" i="1"/>
  <c r="U21314" i="1"/>
  <c r="U21313" i="1"/>
  <c r="U21312" i="1"/>
  <c r="U21311" i="1"/>
  <c r="U21310" i="1"/>
  <c r="U21309" i="1"/>
  <c r="U21308" i="1"/>
  <c r="U21307" i="1"/>
  <c r="U21306" i="1"/>
  <c r="U21305" i="1"/>
  <c r="U21304" i="1"/>
  <c r="U21303" i="1"/>
  <c r="U21302" i="1"/>
  <c r="U21301" i="1"/>
  <c r="U21300" i="1"/>
  <c r="U21299" i="1"/>
  <c r="U21298" i="1"/>
  <c r="U21297" i="1"/>
  <c r="U21296" i="1"/>
  <c r="U21295" i="1"/>
  <c r="U21294" i="1"/>
  <c r="U21293" i="1"/>
  <c r="U21292" i="1"/>
  <c r="U21291" i="1"/>
  <c r="U21290" i="1"/>
  <c r="U21289" i="1"/>
  <c r="U21288" i="1"/>
  <c r="U21287" i="1"/>
  <c r="U21286" i="1"/>
  <c r="U21285" i="1"/>
  <c r="U21284" i="1"/>
  <c r="U21283" i="1"/>
  <c r="U21282" i="1"/>
  <c r="U21281" i="1"/>
  <c r="U21280" i="1"/>
  <c r="U21279" i="1"/>
  <c r="U21278" i="1"/>
  <c r="U21277" i="1"/>
  <c r="U21276" i="1"/>
  <c r="U21275" i="1"/>
  <c r="U21274" i="1"/>
  <c r="U21273" i="1"/>
  <c r="U21272" i="1"/>
  <c r="U21271" i="1"/>
  <c r="U21270" i="1"/>
  <c r="U21269" i="1"/>
  <c r="U21268" i="1"/>
  <c r="U21267" i="1"/>
  <c r="U21266" i="1"/>
  <c r="U21265" i="1"/>
  <c r="U21264" i="1"/>
  <c r="U21263" i="1"/>
  <c r="U21262" i="1"/>
  <c r="U21261" i="1"/>
  <c r="U21260" i="1"/>
  <c r="U21259" i="1"/>
  <c r="U21258" i="1"/>
  <c r="U21257" i="1"/>
  <c r="U21256" i="1"/>
  <c r="U21255" i="1"/>
  <c r="U21254" i="1"/>
  <c r="U21253" i="1"/>
  <c r="U21252" i="1"/>
  <c r="U21251" i="1"/>
  <c r="U21250" i="1"/>
  <c r="U21249" i="1"/>
  <c r="U21248" i="1"/>
  <c r="U21247" i="1"/>
  <c r="U21246" i="1"/>
  <c r="U21245" i="1"/>
  <c r="U21244" i="1"/>
  <c r="U21243" i="1"/>
  <c r="U21242" i="1"/>
  <c r="U21241" i="1"/>
  <c r="U21240" i="1"/>
  <c r="U21239" i="1"/>
  <c r="U21238" i="1"/>
  <c r="U21237" i="1"/>
  <c r="U21236" i="1"/>
  <c r="U21235" i="1"/>
  <c r="U21234" i="1"/>
  <c r="U21233" i="1"/>
  <c r="U21232" i="1"/>
  <c r="U21231" i="1"/>
  <c r="U21230" i="1"/>
  <c r="U21229" i="1"/>
  <c r="U21228" i="1"/>
  <c r="U21227" i="1"/>
  <c r="U21226" i="1"/>
  <c r="U21225" i="1"/>
  <c r="U21224" i="1"/>
  <c r="U21223" i="1"/>
  <c r="U21222" i="1"/>
  <c r="U21221" i="1"/>
  <c r="U21220" i="1"/>
  <c r="U21219" i="1"/>
  <c r="U21218" i="1"/>
  <c r="U21217" i="1"/>
  <c r="U21216" i="1"/>
  <c r="U21215" i="1"/>
  <c r="U21214" i="1"/>
  <c r="U21213" i="1"/>
  <c r="U21212" i="1"/>
  <c r="U21211" i="1"/>
  <c r="U21210" i="1"/>
  <c r="U21209" i="1"/>
  <c r="U21208" i="1"/>
  <c r="U21207" i="1"/>
  <c r="U21206" i="1"/>
  <c r="U21205" i="1"/>
  <c r="U21204" i="1"/>
  <c r="U21203" i="1"/>
  <c r="U21202" i="1"/>
  <c r="U21201" i="1"/>
  <c r="U21200" i="1"/>
  <c r="U21199" i="1"/>
  <c r="U21198" i="1"/>
  <c r="U21197" i="1"/>
  <c r="U21196" i="1"/>
  <c r="U21195" i="1"/>
  <c r="U21194" i="1"/>
  <c r="U21193" i="1"/>
  <c r="U21192" i="1"/>
  <c r="U21191" i="1"/>
  <c r="U21190" i="1"/>
  <c r="U21189" i="1"/>
  <c r="U21188" i="1"/>
  <c r="U21187" i="1"/>
  <c r="U21186" i="1"/>
  <c r="U21185" i="1"/>
  <c r="U21184" i="1"/>
  <c r="U21183" i="1"/>
  <c r="U21182" i="1"/>
  <c r="U21181" i="1"/>
  <c r="U21180" i="1"/>
  <c r="U21179" i="1"/>
  <c r="U21178" i="1"/>
  <c r="U21177" i="1"/>
  <c r="U21176" i="1"/>
  <c r="U21175" i="1"/>
  <c r="U21174" i="1"/>
  <c r="U21173" i="1"/>
  <c r="U21172" i="1"/>
  <c r="U21171" i="1"/>
  <c r="U21170" i="1"/>
  <c r="U21169" i="1"/>
  <c r="U21168" i="1"/>
  <c r="U21167" i="1"/>
  <c r="U21166" i="1"/>
  <c r="U21165" i="1"/>
  <c r="U21164" i="1"/>
  <c r="U21163" i="1"/>
  <c r="U21162" i="1"/>
  <c r="U21161" i="1"/>
  <c r="U21160" i="1"/>
  <c r="U21159" i="1"/>
  <c r="U21158" i="1"/>
  <c r="U21157" i="1"/>
  <c r="U21156" i="1"/>
  <c r="U21155" i="1"/>
  <c r="U21154" i="1"/>
  <c r="U21153" i="1"/>
  <c r="U21152" i="1"/>
  <c r="U21151" i="1"/>
  <c r="U21150" i="1"/>
  <c r="U21149" i="1"/>
  <c r="U21148" i="1"/>
  <c r="U21147" i="1"/>
  <c r="U21146" i="1"/>
  <c r="U21145" i="1"/>
  <c r="U21144" i="1"/>
  <c r="U21143" i="1"/>
  <c r="U21142" i="1"/>
  <c r="U21141" i="1"/>
  <c r="U21140" i="1"/>
  <c r="U21139" i="1"/>
  <c r="U21138" i="1"/>
  <c r="U21137" i="1"/>
  <c r="U21136" i="1"/>
  <c r="U21135" i="1"/>
  <c r="U21134" i="1"/>
  <c r="U21133" i="1"/>
  <c r="U21132" i="1"/>
  <c r="U21131" i="1"/>
  <c r="U21130" i="1"/>
  <c r="U21129" i="1"/>
  <c r="U21128" i="1"/>
  <c r="U21127" i="1"/>
  <c r="U21126" i="1"/>
  <c r="U21125" i="1"/>
  <c r="U21124" i="1"/>
  <c r="U21123" i="1"/>
  <c r="U21122" i="1"/>
  <c r="U21121" i="1"/>
  <c r="U21120" i="1"/>
  <c r="U21119" i="1"/>
  <c r="U21118" i="1"/>
  <c r="U21117" i="1"/>
  <c r="U21116" i="1"/>
  <c r="U21115" i="1"/>
  <c r="U21114" i="1"/>
  <c r="U21113" i="1"/>
  <c r="U21112" i="1"/>
  <c r="U21111" i="1"/>
  <c r="U21110" i="1"/>
  <c r="U21109" i="1"/>
  <c r="U21108" i="1"/>
  <c r="U21107" i="1"/>
  <c r="U21106" i="1"/>
  <c r="U21105" i="1"/>
  <c r="U21104" i="1"/>
  <c r="U21103" i="1"/>
  <c r="U21102" i="1"/>
  <c r="U21101" i="1"/>
  <c r="U21100" i="1"/>
  <c r="U21099" i="1"/>
  <c r="U21098" i="1"/>
  <c r="U21097" i="1"/>
  <c r="U21096" i="1"/>
  <c r="U21095" i="1"/>
  <c r="U21094" i="1"/>
  <c r="U21093" i="1"/>
  <c r="U21092" i="1"/>
  <c r="U21091" i="1"/>
  <c r="U21090" i="1"/>
  <c r="U21089" i="1"/>
  <c r="U21088" i="1"/>
  <c r="U21087" i="1"/>
  <c r="U21086" i="1"/>
  <c r="U21085" i="1"/>
  <c r="U21084" i="1"/>
  <c r="U21083" i="1"/>
  <c r="U21082" i="1"/>
  <c r="U21081" i="1"/>
  <c r="U21080" i="1"/>
  <c r="U21079" i="1"/>
  <c r="U21078" i="1"/>
  <c r="U21077" i="1"/>
  <c r="U21076" i="1"/>
  <c r="U21075" i="1"/>
  <c r="U21074" i="1"/>
  <c r="U21073" i="1"/>
  <c r="U21072" i="1"/>
  <c r="U21071" i="1"/>
  <c r="U21070" i="1"/>
  <c r="U21069" i="1"/>
  <c r="U21068" i="1"/>
  <c r="U21067" i="1"/>
  <c r="U21066" i="1"/>
  <c r="U21065" i="1"/>
  <c r="U21064" i="1"/>
  <c r="U21063" i="1"/>
  <c r="U21062" i="1"/>
  <c r="U21061" i="1"/>
  <c r="U21060" i="1"/>
  <c r="U21059" i="1"/>
  <c r="U21058" i="1"/>
  <c r="U21057" i="1"/>
  <c r="U21056" i="1"/>
  <c r="U21055" i="1"/>
  <c r="U21054" i="1"/>
  <c r="U21053" i="1"/>
  <c r="U21052" i="1"/>
  <c r="U21051" i="1"/>
  <c r="U21050" i="1"/>
  <c r="U21049" i="1"/>
  <c r="U21048" i="1"/>
  <c r="U21047" i="1"/>
  <c r="U21046" i="1"/>
  <c r="U21045" i="1"/>
  <c r="U21044" i="1"/>
  <c r="U21043" i="1"/>
  <c r="U21042" i="1"/>
  <c r="U21041" i="1"/>
  <c r="U21040" i="1"/>
  <c r="U21039" i="1"/>
  <c r="U21038" i="1"/>
  <c r="U21037" i="1"/>
  <c r="U21036" i="1"/>
  <c r="U21035" i="1"/>
  <c r="U21034" i="1"/>
  <c r="U21033" i="1"/>
  <c r="U21032" i="1"/>
  <c r="U21031" i="1"/>
  <c r="U21030" i="1"/>
  <c r="U21029" i="1"/>
  <c r="U21028" i="1"/>
  <c r="U21027" i="1"/>
  <c r="U21026" i="1"/>
  <c r="U21025" i="1"/>
  <c r="U21024" i="1"/>
  <c r="U21023" i="1"/>
  <c r="U21022" i="1"/>
  <c r="U21021" i="1"/>
  <c r="U21020" i="1"/>
  <c r="U21019" i="1"/>
  <c r="U21018" i="1"/>
  <c r="U21017" i="1"/>
  <c r="U21016" i="1"/>
  <c r="U21015" i="1"/>
  <c r="U21014" i="1"/>
  <c r="U21013" i="1"/>
  <c r="U21012" i="1"/>
  <c r="U21011" i="1"/>
  <c r="U21010" i="1"/>
  <c r="U21009" i="1"/>
  <c r="U21008" i="1"/>
  <c r="U21007" i="1"/>
  <c r="U21006" i="1"/>
  <c r="U21005" i="1"/>
  <c r="U21004" i="1"/>
  <c r="U21003" i="1"/>
  <c r="U21002" i="1"/>
  <c r="U21001" i="1"/>
  <c r="U21000" i="1"/>
  <c r="U20999" i="1"/>
  <c r="U20998" i="1"/>
  <c r="U20997" i="1"/>
  <c r="U20996" i="1"/>
  <c r="U20995" i="1"/>
  <c r="U20994" i="1"/>
  <c r="U20993" i="1"/>
  <c r="U20992" i="1"/>
  <c r="U20991" i="1"/>
  <c r="U20990" i="1"/>
  <c r="U20989" i="1"/>
  <c r="U20988" i="1"/>
  <c r="U20987" i="1"/>
  <c r="U20986" i="1"/>
  <c r="U20985" i="1"/>
  <c r="U20984" i="1"/>
  <c r="U20983" i="1"/>
  <c r="U20982" i="1"/>
  <c r="U20981" i="1"/>
  <c r="U20980" i="1"/>
  <c r="U20979" i="1"/>
  <c r="U20978" i="1"/>
  <c r="U20977" i="1"/>
  <c r="U20976" i="1"/>
  <c r="U20975" i="1"/>
  <c r="U20974" i="1"/>
  <c r="U20973" i="1"/>
  <c r="U20972" i="1"/>
  <c r="U20971" i="1"/>
  <c r="U20970" i="1"/>
  <c r="U20969" i="1"/>
  <c r="U20968" i="1"/>
  <c r="U20967" i="1"/>
  <c r="U20966" i="1"/>
  <c r="U20965" i="1"/>
  <c r="U20964" i="1"/>
  <c r="U20963" i="1"/>
  <c r="U20962" i="1"/>
  <c r="U20961" i="1"/>
  <c r="U20960" i="1"/>
  <c r="U20959" i="1"/>
  <c r="U20958" i="1"/>
  <c r="U20957" i="1"/>
  <c r="U20956" i="1"/>
  <c r="U20955" i="1"/>
  <c r="U20954" i="1"/>
  <c r="U20953" i="1"/>
  <c r="U20952" i="1"/>
  <c r="U20951" i="1"/>
  <c r="U20950" i="1"/>
  <c r="U20949" i="1"/>
  <c r="U20948" i="1"/>
  <c r="U20947" i="1"/>
  <c r="U20946" i="1"/>
  <c r="U20945" i="1"/>
  <c r="U20944" i="1"/>
  <c r="U20943" i="1"/>
  <c r="U20942" i="1"/>
  <c r="U20941" i="1"/>
  <c r="U20940" i="1"/>
  <c r="U20939" i="1"/>
  <c r="U20938" i="1"/>
  <c r="U20937" i="1"/>
  <c r="U20936" i="1"/>
  <c r="U20935" i="1"/>
  <c r="U20934" i="1"/>
  <c r="U20933" i="1"/>
  <c r="U20932" i="1"/>
  <c r="U20931" i="1"/>
  <c r="U20930" i="1"/>
  <c r="U20929" i="1"/>
  <c r="U20928" i="1"/>
  <c r="U20927" i="1"/>
  <c r="U20926" i="1"/>
  <c r="U20925" i="1"/>
  <c r="U20924" i="1"/>
  <c r="U20923" i="1"/>
  <c r="U20922" i="1"/>
  <c r="U20921" i="1"/>
  <c r="U20920" i="1"/>
  <c r="U20919" i="1"/>
  <c r="U20918" i="1"/>
  <c r="U20917" i="1"/>
  <c r="U20916" i="1"/>
  <c r="U20915" i="1"/>
  <c r="U20914" i="1"/>
  <c r="U20913" i="1"/>
  <c r="U20912" i="1"/>
  <c r="U20911" i="1"/>
  <c r="U20910" i="1"/>
  <c r="U20909" i="1"/>
  <c r="U20908" i="1"/>
  <c r="U20907" i="1"/>
  <c r="U20906" i="1"/>
  <c r="U20905" i="1"/>
  <c r="U20904" i="1"/>
  <c r="U20903" i="1"/>
  <c r="U20902" i="1"/>
  <c r="U20901" i="1"/>
  <c r="U20900" i="1"/>
  <c r="U20899" i="1"/>
  <c r="U20898" i="1"/>
  <c r="U20897" i="1"/>
  <c r="U20896" i="1"/>
  <c r="U20895" i="1"/>
  <c r="U20894" i="1"/>
  <c r="U20893" i="1"/>
  <c r="U20892" i="1"/>
  <c r="U20891" i="1"/>
  <c r="U20890" i="1"/>
  <c r="U20889" i="1"/>
  <c r="U20888" i="1"/>
  <c r="U20887" i="1"/>
  <c r="U20886" i="1"/>
  <c r="U20885" i="1"/>
  <c r="U20884" i="1"/>
  <c r="U20883" i="1"/>
  <c r="U20882" i="1"/>
  <c r="U20881" i="1"/>
  <c r="U20880" i="1"/>
  <c r="U20879" i="1"/>
  <c r="U20878" i="1"/>
  <c r="U20877" i="1"/>
  <c r="U20876" i="1"/>
  <c r="U20875" i="1"/>
  <c r="U20874" i="1"/>
  <c r="U20873" i="1"/>
  <c r="U20872" i="1"/>
  <c r="U20871" i="1"/>
  <c r="U20870" i="1"/>
  <c r="U20869" i="1"/>
  <c r="U20868" i="1"/>
  <c r="U20867" i="1"/>
  <c r="U20866" i="1"/>
  <c r="U20865" i="1"/>
  <c r="U20864" i="1"/>
  <c r="U20863" i="1"/>
  <c r="U20862" i="1"/>
  <c r="U20861" i="1"/>
  <c r="U20860" i="1"/>
  <c r="U20859" i="1"/>
  <c r="U20858" i="1"/>
  <c r="U20857" i="1"/>
  <c r="U20856" i="1"/>
  <c r="U20855" i="1"/>
  <c r="U20854" i="1"/>
  <c r="U20853" i="1"/>
  <c r="U20852" i="1"/>
  <c r="U20851" i="1"/>
  <c r="U20850" i="1"/>
  <c r="U20849" i="1"/>
  <c r="U20848" i="1"/>
  <c r="U20847" i="1"/>
  <c r="U20846" i="1"/>
  <c r="U20845" i="1"/>
  <c r="U20844" i="1"/>
  <c r="U20843" i="1"/>
  <c r="U20842" i="1"/>
  <c r="U20841" i="1"/>
  <c r="U20840" i="1"/>
  <c r="U20839" i="1"/>
  <c r="U20838" i="1"/>
  <c r="U20837" i="1"/>
  <c r="U20836" i="1"/>
  <c r="U20835" i="1"/>
  <c r="U20834" i="1"/>
  <c r="U20833" i="1"/>
  <c r="U20832" i="1"/>
  <c r="U20831" i="1"/>
  <c r="U20830" i="1"/>
  <c r="U20829" i="1"/>
  <c r="U20828" i="1"/>
  <c r="U20827" i="1"/>
  <c r="U20826" i="1"/>
  <c r="U20825" i="1"/>
  <c r="U20824" i="1"/>
  <c r="U20823" i="1"/>
  <c r="U20822" i="1"/>
  <c r="U20821" i="1"/>
  <c r="U20820" i="1"/>
  <c r="U20819" i="1"/>
  <c r="U20818" i="1"/>
  <c r="U20817" i="1"/>
  <c r="U20816" i="1"/>
  <c r="U20815" i="1"/>
  <c r="U20814" i="1"/>
  <c r="U20813" i="1"/>
  <c r="U20812" i="1"/>
  <c r="U20811" i="1"/>
  <c r="U20810" i="1"/>
  <c r="U20809" i="1"/>
  <c r="U20808" i="1"/>
  <c r="U20807" i="1"/>
  <c r="U20806" i="1"/>
  <c r="U20805" i="1"/>
  <c r="U20804" i="1"/>
  <c r="U20803" i="1"/>
  <c r="U20802" i="1"/>
  <c r="U20801" i="1"/>
  <c r="U20800" i="1"/>
  <c r="U20799" i="1"/>
  <c r="U20798" i="1"/>
  <c r="U20797" i="1"/>
  <c r="U20796" i="1"/>
  <c r="U20795" i="1"/>
  <c r="U20794" i="1"/>
  <c r="U20793" i="1"/>
  <c r="U20792" i="1"/>
  <c r="U20791" i="1"/>
  <c r="U20790" i="1"/>
  <c r="U20789" i="1"/>
  <c r="U20788" i="1"/>
  <c r="U20787" i="1"/>
  <c r="U20786" i="1"/>
  <c r="U20785" i="1"/>
  <c r="U20784" i="1"/>
  <c r="U20783" i="1"/>
  <c r="U20782" i="1"/>
  <c r="U20781" i="1"/>
  <c r="U20780" i="1"/>
  <c r="U20779" i="1"/>
  <c r="U20778" i="1"/>
  <c r="U20777" i="1"/>
  <c r="U20776" i="1"/>
  <c r="U20775" i="1"/>
  <c r="U20774" i="1"/>
  <c r="U20773" i="1"/>
  <c r="U20772" i="1"/>
  <c r="U20771" i="1"/>
  <c r="U20770" i="1"/>
  <c r="U20769" i="1"/>
  <c r="U20768" i="1"/>
  <c r="U20767" i="1"/>
  <c r="U20766" i="1"/>
  <c r="U20765" i="1"/>
  <c r="U20764" i="1"/>
  <c r="U20763" i="1"/>
  <c r="U20762" i="1"/>
  <c r="U20761" i="1"/>
  <c r="U20760" i="1"/>
  <c r="U20759" i="1"/>
  <c r="U20758" i="1"/>
  <c r="U20757" i="1"/>
  <c r="U20756" i="1"/>
  <c r="U20755" i="1"/>
  <c r="U20754" i="1"/>
  <c r="U20753" i="1"/>
  <c r="U20752" i="1"/>
  <c r="U20751" i="1"/>
  <c r="U20750" i="1"/>
  <c r="U20749" i="1"/>
  <c r="U20748" i="1"/>
  <c r="U20747" i="1"/>
  <c r="U20746" i="1"/>
  <c r="U20745" i="1"/>
  <c r="U20744" i="1"/>
  <c r="U20743" i="1"/>
  <c r="U20742" i="1"/>
  <c r="U20741" i="1"/>
  <c r="U20740" i="1"/>
  <c r="U20739" i="1"/>
  <c r="U20738" i="1"/>
  <c r="U20737" i="1"/>
  <c r="U20736" i="1"/>
  <c r="U20735" i="1"/>
  <c r="U20734" i="1"/>
  <c r="U20733" i="1"/>
  <c r="U20732" i="1"/>
  <c r="U20731" i="1"/>
  <c r="U20730" i="1"/>
  <c r="U20729" i="1"/>
  <c r="U20728" i="1"/>
  <c r="U20727" i="1"/>
  <c r="U20726" i="1"/>
  <c r="U20725" i="1"/>
  <c r="U20724" i="1"/>
  <c r="U20723" i="1"/>
  <c r="U20722" i="1"/>
  <c r="U20721" i="1"/>
  <c r="U20720" i="1"/>
  <c r="U20719" i="1"/>
  <c r="U20718" i="1"/>
  <c r="U20717" i="1"/>
  <c r="U20716" i="1"/>
  <c r="U20715" i="1"/>
  <c r="U20714" i="1"/>
  <c r="U20713" i="1"/>
  <c r="U20712" i="1"/>
  <c r="U20711" i="1"/>
  <c r="U20710" i="1"/>
  <c r="U20709" i="1"/>
  <c r="U20708" i="1"/>
  <c r="U20707" i="1"/>
  <c r="U20706" i="1"/>
  <c r="U20705" i="1"/>
  <c r="U20704" i="1"/>
  <c r="U20703" i="1"/>
  <c r="U20702" i="1"/>
  <c r="U20701" i="1"/>
  <c r="U20700" i="1"/>
  <c r="U20699" i="1"/>
  <c r="U20698" i="1"/>
  <c r="U20697" i="1"/>
  <c r="U20696" i="1"/>
  <c r="U20695" i="1"/>
  <c r="U20694" i="1"/>
  <c r="U20693" i="1"/>
  <c r="U20692" i="1"/>
  <c r="U20691" i="1"/>
  <c r="U20690" i="1"/>
  <c r="U20689" i="1"/>
  <c r="U20688" i="1"/>
  <c r="U20687" i="1"/>
  <c r="U20686" i="1"/>
  <c r="U20685" i="1"/>
  <c r="U20684" i="1"/>
  <c r="U20683" i="1"/>
  <c r="U20682" i="1"/>
  <c r="U20681" i="1"/>
  <c r="U20680" i="1"/>
  <c r="U20679" i="1"/>
  <c r="U20678" i="1"/>
  <c r="U20677" i="1"/>
  <c r="U20676" i="1"/>
  <c r="U20675" i="1"/>
  <c r="U20674" i="1"/>
  <c r="U20673" i="1"/>
  <c r="U20672" i="1"/>
  <c r="U20671" i="1"/>
  <c r="U20670" i="1"/>
  <c r="U20669" i="1"/>
  <c r="U20668" i="1"/>
  <c r="U20667" i="1"/>
  <c r="U20666" i="1"/>
  <c r="U20665" i="1"/>
  <c r="U20664" i="1"/>
  <c r="U20663" i="1"/>
  <c r="U20662" i="1"/>
  <c r="U20661" i="1"/>
  <c r="U20660" i="1"/>
  <c r="U20659" i="1"/>
  <c r="U20658" i="1"/>
  <c r="U20657" i="1"/>
  <c r="U20656" i="1"/>
  <c r="U20655" i="1"/>
  <c r="U20654" i="1"/>
  <c r="U20653" i="1"/>
  <c r="U20652" i="1"/>
  <c r="U20651" i="1"/>
  <c r="U20650" i="1"/>
  <c r="U20649" i="1"/>
  <c r="U20648" i="1"/>
  <c r="U20647" i="1"/>
  <c r="U20646" i="1"/>
  <c r="U20645" i="1"/>
  <c r="U20644" i="1"/>
  <c r="U20643" i="1"/>
  <c r="U20642" i="1"/>
  <c r="U20641" i="1"/>
  <c r="U20640" i="1"/>
  <c r="U20639" i="1"/>
  <c r="U20638" i="1"/>
  <c r="U20637" i="1"/>
  <c r="U20636" i="1"/>
  <c r="U20635" i="1"/>
  <c r="U20634" i="1"/>
  <c r="U20633" i="1"/>
  <c r="U20632" i="1"/>
  <c r="U20631" i="1"/>
  <c r="U20630" i="1"/>
  <c r="U20629" i="1"/>
  <c r="U20628" i="1"/>
  <c r="U20627" i="1"/>
  <c r="U20626" i="1"/>
  <c r="U20625" i="1"/>
  <c r="U20624" i="1"/>
  <c r="U20623" i="1"/>
  <c r="U20622" i="1"/>
  <c r="U20621" i="1"/>
  <c r="U20620" i="1"/>
  <c r="U20619" i="1"/>
  <c r="U20618" i="1"/>
  <c r="U20617" i="1"/>
  <c r="U20616" i="1"/>
  <c r="U20615" i="1"/>
  <c r="U20614" i="1"/>
  <c r="U20613" i="1"/>
  <c r="U20612" i="1"/>
  <c r="U20611" i="1"/>
  <c r="U20610" i="1"/>
  <c r="U20609" i="1"/>
  <c r="U20608" i="1"/>
  <c r="U20607" i="1"/>
  <c r="U20606" i="1"/>
  <c r="U20605" i="1"/>
  <c r="U20604" i="1"/>
  <c r="U20603" i="1"/>
  <c r="U20602" i="1"/>
  <c r="U20601" i="1"/>
  <c r="U20600" i="1"/>
  <c r="U20599" i="1"/>
  <c r="U20598" i="1"/>
  <c r="U20597" i="1"/>
  <c r="U20596" i="1"/>
  <c r="U20595" i="1"/>
  <c r="U20594" i="1"/>
  <c r="U20593" i="1"/>
  <c r="U20592" i="1"/>
  <c r="U20591" i="1"/>
  <c r="U20590" i="1"/>
  <c r="U20589" i="1"/>
  <c r="U20588" i="1"/>
  <c r="U20587" i="1"/>
  <c r="U20586" i="1"/>
  <c r="U20585" i="1"/>
  <c r="U20584" i="1"/>
  <c r="U20583" i="1"/>
  <c r="U20582" i="1"/>
  <c r="U20581" i="1"/>
  <c r="U20580" i="1"/>
  <c r="U20579" i="1"/>
  <c r="U20578" i="1"/>
  <c r="U20577" i="1"/>
  <c r="U20576" i="1"/>
  <c r="U20575" i="1"/>
  <c r="U20574" i="1"/>
  <c r="U20573" i="1"/>
  <c r="U20572" i="1"/>
  <c r="U20571" i="1"/>
  <c r="U20570" i="1"/>
  <c r="U20569" i="1"/>
  <c r="U20568" i="1"/>
  <c r="U20567" i="1"/>
  <c r="U20566" i="1"/>
  <c r="U20565" i="1"/>
  <c r="U20564" i="1"/>
  <c r="U20563" i="1"/>
  <c r="U20562" i="1"/>
  <c r="U20561" i="1"/>
  <c r="U20560" i="1"/>
  <c r="U20559" i="1"/>
  <c r="U20558" i="1"/>
  <c r="U20557" i="1"/>
  <c r="U20556" i="1"/>
  <c r="U20555" i="1"/>
  <c r="U20554" i="1"/>
  <c r="U20553" i="1"/>
  <c r="U20552" i="1"/>
  <c r="U20551" i="1"/>
  <c r="U20550" i="1"/>
  <c r="U20549" i="1"/>
  <c r="U20548" i="1"/>
  <c r="U20547" i="1"/>
  <c r="U20546" i="1"/>
  <c r="U20545" i="1"/>
  <c r="U20544" i="1"/>
  <c r="U20543" i="1"/>
  <c r="U20542" i="1"/>
  <c r="U20541" i="1"/>
  <c r="U20540" i="1"/>
  <c r="U20539" i="1"/>
  <c r="U20538" i="1"/>
  <c r="U20537" i="1"/>
  <c r="U20536" i="1"/>
  <c r="U20535" i="1"/>
  <c r="U20534" i="1"/>
  <c r="U20533" i="1"/>
  <c r="U20532" i="1"/>
  <c r="U20531" i="1"/>
  <c r="U20530" i="1"/>
  <c r="U20529" i="1"/>
  <c r="U20528" i="1"/>
  <c r="U20527" i="1"/>
  <c r="U20526" i="1"/>
  <c r="U20525" i="1"/>
  <c r="U20524" i="1"/>
  <c r="U20523" i="1"/>
  <c r="U20522" i="1"/>
  <c r="U20521" i="1"/>
  <c r="U20520" i="1"/>
  <c r="U20519" i="1"/>
  <c r="U20518" i="1"/>
  <c r="U20517" i="1"/>
  <c r="U20516" i="1"/>
  <c r="U20515" i="1"/>
  <c r="U20514" i="1"/>
  <c r="U20513" i="1"/>
  <c r="U20512" i="1"/>
  <c r="U20511" i="1"/>
  <c r="U20510" i="1"/>
  <c r="U20509" i="1"/>
  <c r="U20508" i="1"/>
  <c r="U20507" i="1"/>
  <c r="U20506" i="1"/>
  <c r="U20505" i="1"/>
  <c r="U20504" i="1"/>
  <c r="U20503" i="1"/>
  <c r="U20502" i="1"/>
  <c r="U20501" i="1"/>
  <c r="U20500" i="1"/>
  <c r="U20499" i="1"/>
  <c r="U20498" i="1"/>
  <c r="U20497" i="1"/>
  <c r="U20496" i="1"/>
  <c r="U20495" i="1"/>
  <c r="U20494" i="1"/>
  <c r="U20493" i="1"/>
  <c r="U20492" i="1"/>
  <c r="U20491" i="1"/>
  <c r="U20490" i="1"/>
  <c r="U20489" i="1"/>
  <c r="U20488" i="1"/>
  <c r="U20487" i="1"/>
  <c r="U20486" i="1"/>
  <c r="U20485" i="1"/>
  <c r="U20484" i="1"/>
  <c r="U20483" i="1"/>
  <c r="U20482" i="1"/>
  <c r="U20481" i="1"/>
  <c r="U20480" i="1"/>
  <c r="U20479" i="1"/>
  <c r="U20478" i="1"/>
  <c r="U20477" i="1"/>
  <c r="U20476" i="1"/>
  <c r="U20475" i="1"/>
  <c r="U20474" i="1"/>
  <c r="U20473" i="1"/>
  <c r="U20472" i="1"/>
  <c r="U20471" i="1"/>
  <c r="U20470" i="1"/>
  <c r="U20469" i="1"/>
  <c r="U20468" i="1"/>
  <c r="U20467" i="1"/>
  <c r="U20466" i="1"/>
  <c r="U20465" i="1"/>
  <c r="U20464" i="1"/>
  <c r="U20463" i="1"/>
  <c r="U20462" i="1"/>
  <c r="U20461" i="1"/>
  <c r="U20460" i="1"/>
  <c r="U20459" i="1"/>
  <c r="U20458" i="1"/>
  <c r="U20457" i="1"/>
  <c r="U20456" i="1"/>
  <c r="U20455" i="1"/>
  <c r="U20454" i="1"/>
  <c r="U20453" i="1"/>
  <c r="U20452" i="1"/>
  <c r="U20451" i="1"/>
  <c r="U20450" i="1"/>
  <c r="U20449" i="1"/>
  <c r="U20448" i="1"/>
  <c r="U20447" i="1"/>
  <c r="U20446" i="1"/>
  <c r="U20445" i="1"/>
  <c r="U20444" i="1"/>
  <c r="U20443" i="1"/>
  <c r="U20442" i="1"/>
  <c r="U20441" i="1"/>
  <c r="U20440" i="1"/>
  <c r="U20439" i="1"/>
  <c r="U20438" i="1"/>
  <c r="U20437" i="1"/>
  <c r="U20436" i="1"/>
  <c r="U20435" i="1"/>
  <c r="U20434" i="1"/>
  <c r="U20433" i="1"/>
  <c r="U20432" i="1"/>
  <c r="U20431" i="1"/>
  <c r="U20430" i="1"/>
  <c r="U20429" i="1"/>
  <c r="U20428" i="1"/>
  <c r="U20427" i="1"/>
  <c r="U20426" i="1"/>
  <c r="U20425" i="1"/>
  <c r="U20424" i="1"/>
  <c r="U20423" i="1"/>
  <c r="U20422" i="1"/>
  <c r="U20421" i="1"/>
  <c r="U20420" i="1"/>
  <c r="U20419" i="1"/>
  <c r="U20418" i="1"/>
  <c r="U20417" i="1"/>
  <c r="U20416" i="1"/>
  <c r="U20415" i="1"/>
  <c r="U20414" i="1"/>
  <c r="U20413" i="1"/>
  <c r="U20412" i="1"/>
  <c r="U20411" i="1"/>
  <c r="U20410" i="1"/>
  <c r="U20409" i="1"/>
  <c r="U20408" i="1"/>
  <c r="U20407" i="1"/>
  <c r="U20406" i="1"/>
  <c r="U20405" i="1"/>
  <c r="U20404" i="1"/>
  <c r="U20403" i="1"/>
  <c r="U20402" i="1"/>
  <c r="U20401" i="1"/>
  <c r="U20400" i="1"/>
  <c r="U20399" i="1"/>
  <c r="U20398" i="1"/>
  <c r="U20397" i="1"/>
  <c r="U20396" i="1"/>
  <c r="U20395" i="1"/>
  <c r="U20394" i="1"/>
  <c r="U20393" i="1"/>
  <c r="U20392" i="1"/>
  <c r="U20391" i="1"/>
  <c r="U20390" i="1"/>
  <c r="U20389" i="1"/>
  <c r="U20388" i="1"/>
  <c r="U20387" i="1"/>
  <c r="U20386" i="1"/>
  <c r="U20385" i="1"/>
  <c r="U20384" i="1"/>
  <c r="U20383" i="1"/>
  <c r="U20382" i="1"/>
  <c r="U20381" i="1"/>
  <c r="U20380" i="1"/>
  <c r="U20379" i="1"/>
  <c r="U20378" i="1"/>
  <c r="U20377" i="1"/>
  <c r="U20376" i="1"/>
  <c r="U20375" i="1"/>
  <c r="U20374" i="1"/>
  <c r="U20373" i="1"/>
  <c r="U20372" i="1"/>
  <c r="U20371" i="1"/>
  <c r="U20370" i="1"/>
  <c r="U20369" i="1"/>
  <c r="U20368" i="1"/>
  <c r="U20367" i="1"/>
  <c r="U20366" i="1"/>
  <c r="U20365" i="1"/>
  <c r="U20364" i="1"/>
  <c r="U20363" i="1"/>
  <c r="U20362" i="1"/>
  <c r="U20361" i="1"/>
  <c r="U20360" i="1"/>
  <c r="U20359" i="1"/>
  <c r="U20358" i="1"/>
  <c r="U20357" i="1"/>
  <c r="U20356" i="1"/>
  <c r="U20355" i="1"/>
  <c r="U20354" i="1"/>
  <c r="U20353" i="1"/>
  <c r="U20352" i="1"/>
  <c r="U20351" i="1"/>
  <c r="U20350" i="1"/>
  <c r="U20349" i="1"/>
  <c r="U20348" i="1"/>
  <c r="U20347" i="1"/>
  <c r="U20346" i="1"/>
  <c r="U20345" i="1"/>
  <c r="U20344" i="1"/>
  <c r="U20343" i="1"/>
  <c r="U20342" i="1"/>
  <c r="U20341" i="1"/>
  <c r="U20340" i="1"/>
  <c r="U20339" i="1"/>
  <c r="U20338" i="1"/>
  <c r="U20337" i="1"/>
  <c r="U20336" i="1"/>
  <c r="U20335" i="1"/>
  <c r="U20334" i="1"/>
  <c r="U20333" i="1"/>
  <c r="U20332" i="1"/>
  <c r="U20331" i="1"/>
  <c r="U20330" i="1"/>
  <c r="U20329" i="1"/>
  <c r="U20328" i="1"/>
  <c r="U20327" i="1"/>
  <c r="U20326" i="1"/>
  <c r="U20325" i="1"/>
  <c r="U20324" i="1"/>
  <c r="U20323" i="1"/>
  <c r="U20322" i="1"/>
  <c r="U20321" i="1"/>
  <c r="U20320" i="1"/>
  <c r="U20319" i="1"/>
  <c r="U20318" i="1"/>
  <c r="U20317" i="1"/>
  <c r="U20316" i="1"/>
  <c r="U20315" i="1"/>
  <c r="U20314" i="1"/>
  <c r="U20313" i="1"/>
  <c r="U20312" i="1"/>
  <c r="U20311" i="1"/>
  <c r="U20310" i="1"/>
  <c r="U20309" i="1"/>
  <c r="U20308" i="1"/>
  <c r="U20307" i="1"/>
  <c r="U20306" i="1"/>
  <c r="U20305" i="1"/>
  <c r="U20304" i="1"/>
  <c r="U20303" i="1"/>
  <c r="U20302" i="1"/>
  <c r="U20301" i="1"/>
  <c r="U20300" i="1"/>
  <c r="U20299" i="1"/>
  <c r="U20298" i="1"/>
  <c r="U20297" i="1"/>
  <c r="U20296" i="1"/>
  <c r="U20295" i="1"/>
  <c r="U20294" i="1"/>
  <c r="U20293" i="1"/>
  <c r="U20292" i="1"/>
  <c r="U20291" i="1"/>
  <c r="U20290" i="1"/>
  <c r="U20289" i="1"/>
  <c r="U20288" i="1"/>
  <c r="U20287" i="1"/>
  <c r="U20286" i="1"/>
  <c r="U20285" i="1"/>
  <c r="U20284" i="1"/>
  <c r="U20283" i="1"/>
  <c r="U20282" i="1"/>
  <c r="U20281" i="1"/>
  <c r="U20280" i="1"/>
  <c r="U20279" i="1"/>
  <c r="U20278" i="1"/>
  <c r="U20277" i="1"/>
  <c r="U20276" i="1"/>
  <c r="U20275" i="1"/>
  <c r="U20274" i="1"/>
  <c r="U20273" i="1"/>
  <c r="U20272" i="1"/>
  <c r="U20271" i="1"/>
  <c r="U20270" i="1"/>
  <c r="U20269" i="1"/>
  <c r="U20268" i="1"/>
  <c r="U20267" i="1"/>
  <c r="U20266" i="1"/>
  <c r="U20265" i="1"/>
  <c r="U20264" i="1"/>
  <c r="U20263" i="1"/>
  <c r="U20262" i="1"/>
  <c r="U20261" i="1"/>
  <c r="U20260" i="1"/>
  <c r="U20259" i="1"/>
  <c r="U20258" i="1"/>
  <c r="U20257" i="1"/>
  <c r="U20256" i="1"/>
  <c r="U20255" i="1"/>
  <c r="U20254" i="1"/>
  <c r="U20253" i="1"/>
  <c r="U20252" i="1"/>
  <c r="U20251" i="1"/>
  <c r="U20250" i="1"/>
  <c r="U20249" i="1"/>
  <c r="U20248" i="1"/>
  <c r="U20247" i="1"/>
  <c r="U20246" i="1"/>
  <c r="U20245" i="1"/>
  <c r="U20244" i="1"/>
  <c r="U20243" i="1"/>
  <c r="U20242" i="1"/>
  <c r="U20241" i="1"/>
  <c r="U20240" i="1"/>
  <c r="U20239" i="1"/>
  <c r="U20238" i="1"/>
  <c r="U20237" i="1"/>
  <c r="U20236" i="1"/>
  <c r="U20235" i="1"/>
  <c r="U20234" i="1"/>
  <c r="U20233" i="1"/>
  <c r="U20232" i="1"/>
  <c r="U20231" i="1"/>
  <c r="U20230" i="1"/>
  <c r="U20229" i="1"/>
  <c r="U20228" i="1"/>
  <c r="U20227" i="1"/>
  <c r="U20226" i="1"/>
  <c r="U20225" i="1"/>
  <c r="U20224" i="1"/>
  <c r="U20223" i="1"/>
  <c r="U20222" i="1"/>
  <c r="U20221" i="1"/>
  <c r="U20220" i="1"/>
  <c r="U20219" i="1"/>
  <c r="U20218" i="1"/>
  <c r="U20217" i="1"/>
  <c r="U20216" i="1"/>
  <c r="U20215" i="1"/>
  <c r="U20214" i="1"/>
  <c r="U20213" i="1"/>
  <c r="U20212" i="1"/>
  <c r="U20211" i="1"/>
  <c r="U20210" i="1"/>
  <c r="U20209" i="1"/>
  <c r="U20208" i="1"/>
  <c r="U20207" i="1"/>
  <c r="U20206" i="1"/>
  <c r="U20205" i="1"/>
  <c r="U20204" i="1"/>
  <c r="U20203" i="1"/>
  <c r="U20202" i="1"/>
  <c r="U20201" i="1"/>
  <c r="U20200" i="1"/>
  <c r="U20199" i="1"/>
  <c r="U20198" i="1"/>
  <c r="U20197" i="1"/>
  <c r="U20196" i="1"/>
  <c r="U20195" i="1"/>
  <c r="U20194" i="1"/>
  <c r="U20193" i="1"/>
  <c r="U20192" i="1"/>
  <c r="U20191" i="1"/>
  <c r="U20190" i="1"/>
  <c r="U20189" i="1"/>
  <c r="U20188" i="1"/>
  <c r="U20187" i="1"/>
  <c r="U20186" i="1"/>
  <c r="U20185" i="1"/>
  <c r="U20184" i="1"/>
  <c r="U20183" i="1"/>
  <c r="U20182" i="1"/>
  <c r="U20181" i="1"/>
  <c r="U20180" i="1"/>
  <c r="U20179" i="1"/>
  <c r="U20178" i="1"/>
  <c r="U20177" i="1"/>
  <c r="U20176" i="1"/>
  <c r="U20175" i="1"/>
  <c r="U20174" i="1"/>
  <c r="U20173" i="1"/>
  <c r="U20172" i="1"/>
  <c r="U20171" i="1"/>
  <c r="U20170" i="1"/>
  <c r="U20169" i="1"/>
  <c r="U20168" i="1"/>
  <c r="U20167" i="1"/>
  <c r="U20166" i="1"/>
  <c r="U20165" i="1"/>
  <c r="U20164" i="1"/>
  <c r="U20163" i="1"/>
  <c r="U20162" i="1"/>
  <c r="U20161" i="1"/>
  <c r="U20160" i="1"/>
  <c r="U20159" i="1"/>
  <c r="U20158" i="1"/>
  <c r="U20157" i="1"/>
  <c r="U20156" i="1"/>
  <c r="U20155" i="1"/>
  <c r="U20154" i="1"/>
  <c r="U20153" i="1"/>
  <c r="U20152" i="1"/>
  <c r="U20151" i="1"/>
  <c r="U20150" i="1"/>
  <c r="U20149" i="1"/>
  <c r="U20148" i="1"/>
  <c r="U20147" i="1"/>
  <c r="U20146" i="1"/>
  <c r="U20145" i="1"/>
  <c r="U20144" i="1"/>
  <c r="U20143" i="1"/>
  <c r="U20142" i="1"/>
  <c r="U20141" i="1"/>
  <c r="U20140" i="1"/>
  <c r="U20139" i="1"/>
  <c r="U20138" i="1"/>
  <c r="U20137" i="1"/>
  <c r="U20136" i="1"/>
  <c r="U20135" i="1"/>
  <c r="U20134" i="1"/>
  <c r="U20133" i="1"/>
  <c r="U20132" i="1"/>
  <c r="U20131" i="1"/>
  <c r="U20130" i="1"/>
  <c r="U20129" i="1"/>
  <c r="U20128" i="1"/>
  <c r="U20127" i="1"/>
  <c r="U20126" i="1"/>
  <c r="U20125" i="1"/>
  <c r="U20124" i="1"/>
  <c r="U20123" i="1"/>
  <c r="U20122" i="1"/>
  <c r="U20121" i="1"/>
  <c r="U20120" i="1"/>
  <c r="U20119" i="1"/>
  <c r="U20118" i="1"/>
  <c r="U20117" i="1"/>
  <c r="U20116" i="1"/>
  <c r="U20115" i="1"/>
  <c r="U20114" i="1"/>
  <c r="U20113" i="1"/>
  <c r="U20112" i="1"/>
  <c r="U20111" i="1"/>
  <c r="U20110" i="1"/>
  <c r="U20109" i="1"/>
  <c r="U20108" i="1"/>
  <c r="U20107" i="1"/>
  <c r="U20106" i="1"/>
  <c r="U20105" i="1"/>
  <c r="U20104" i="1"/>
  <c r="U20103" i="1"/>
  <c r="U20102" i="1"/>
  <c r="U20101" i="1"/>
  <c r="U20100" i="1"/>
  <c r="U20099" i="1"/>
  <c r="U20098" i="1"/>
  <c r="U20097" i="1"/>
  <c r="U20096" i="1"/>
  <c r="U20095" i="1"/>
  <c r="U20094" i="1"/>
  <c r="U20093" i="1"/>
  <c r="U20092" i="1"/>
  <c r="U20091" i="1"/>
  <c r="U20090" i="1"/>
  <c r="U20089" i="1"/>
  <c r="U20088" i="1"/>
  <c r="U20087" i="1"/>
  <c r="U20086" i="1"/>
  <c r="U20085" i="1"/>
  <c r="U20084" i="1"/>
  <c r="U20083" i="1"/>
  <c r="U20082" i="1"/>
  <c r="U20081" i="1"/>
  <c r="U20080" i="1"/>
  <c r="U20079" i="1"/>
  <c r="U20078" i="1"/>
  <c r="U20077" i="1"/>
  <c r="U20076" i="1"/>
  <c r="U20075" i="1"/>
  <c r="U20074" i="1"/>
  <c r="U20073" i="1"/>
  <c r="U20072" i="1"/>
  <c r="U20071" i="1"/>
  <c r="U20070" i="1"/>
  <c r="U20069" i="1"/>
  <c r="U20068" i="1"/>
  <c r="U20067" i="1"/>
  <c r="U20066" i="1"/>
  <c r="U20065" i="1"/>
  <c r="U20064" i="1"/>
  <c r="U20063" i="1"/>
  <c r="U20062" i="1"/>
  <c r="U20061" i="1"/>
  <c r="U20060" i="1"/>
  <c r="U20059" i="1"/>
  <c r="U20058" i="1"/>
  <c r="U20057" i="1"/>
  <c r="U20056" i="1"/>
  <c r="U20055" i="1"/>
  <c r="U20054" i="1"/>
  <c r="U20053" i="1"/>
  <c r="U20052" i="1"/>
  <c r="U20051" i="1"/>
  <c r="U20050" i="1"/>
  <c r="U20049" i="1"/>
  <c r="U20048" i="1"/>
  <c r="U20047" i="1"/>
  <c r="U20046" i="1"/>
  <c r="U20045" i="1"/>
  <c r="U20044" i="1"/>
  <c r="U20043" i="1"/>
  <c r="U20042" i="1"/>
  <c r="U20041" i="1"/>
  <c r="U20040" i="1"/>
  <c r="U20039" i="1"/>
  <c r="U20038" i="1"/>
  <c r="U20037" i="1"/>
  <c r="U20036" i="1"/>
  <c r="U20035" i="1"/>
  <c r="U20034" i="1"/>
  <c r="U20033" i="1"/>
  <c r="U20032" i="1"/>
  <c r="U20031" i="1"/>
  <c r="U20030" i="1"/>
  <c r="U20029" i="1"/>
  <c r="U20028" i="1"/>
  <c r="U20027" i="1"/>
  <c r="U20026" i="1"/>
  <c r="U20025" i="1"/>
  <c r="U20024" i="1"/>
  <c r="U20023" i="1"/>
  <c r="U20022" i="1"/>
  <c r="U20021" i="1"/>
  <c r="U20020" i="1"/>
  <c r="U20019" i="1"/>
  <c r="U20018" i="1"/>
  <c r="U20017" i="1"/>
  <c r="U20016" i="1"/>
  <c r="U20015" i="1"/>
  <c r="U20014" i="1"/>
  <c r="U20013" i="1"/>
  <c r="U20012" i="1"/>
  <c r="U20011" i="1"/>
  <c r="U20010" i="1"/>
  <c r="U20009" i="1"/>
  <c r="U20008" i="1"/>
  <c r="U20007" i="1"/>
  <c r="U20006" i="1"/>
  <c r="U20005" i="1"/>
  <c r="U20004" i="1"/>
  <c r="U20003" i="1"/>
  <c r="U20002" i="1"/>
  <c r="U20001" i="1"/>
  <c r="U20000" i="1"/>
  <c r="U19999" i="1"/>
  <c r="U19998" i="1"/>
  <c r="U19997" i="1"/>
  <c r="U19996" i="1"/>
  <c r="U19995" i="1"/>
  <c r="U19994" i="1"/>
  <c r="U19993" i="1"/>
  <c r="U19992" i="1"/>
  <c r="U19991" i="1"/>
  <c r="U19990" i="1"/>
  <c r="U19989" i="1"/>
  <c r="U19988" i="1"/>
  <c r="U19987" i="1"/>
  <c r="U19986" i="1"/>
  <c r="U19985" i="1"/>
  <c r="U19984" i="1"/>
  <c r="U19983" i="1"/>
  <c r="U19982" i="1"/>
  <c r="U19981" i="1"/>
  <c r="U19980" i="1"/>
  <c r="U19979" i="1"/>
  <c r="U19978" i="1"/>
  <c r="U19977" i="1"/>
  <c r="U19976" i="1"/>
  <c r="U19975" i="1"/>
  <c r="U19974" i="1"/>
  <c r="U19973" i="1"/>
  <c r="U19972" i="1"/>
  <c r="U19971" i="1"/>
  <c r="U19970" i="1"/>
  <c r="U19969" i="1"/>
  <c r="U19968" i="1"/>
  <c r="U19967" i="1"/>
  <c r="U19966" i="1"/>
  <c r="U19965" i="1"/>
  <c r="U19964" i="1"/>
  <c r="U19963" i="1"/>
  <c r="U19962" i="1"/>
  <c r="U19961" i="1"/>
  <c r="U19960" i="1"/>
  <c r="U19959" i="1"/>
  <c r="U19958" i="1"/>
  <c r="U19957" i="1"/>
  <c r="U19956" i="1"/>
  <c r="U19955" i="1"/>
  <c r="U19954" i="1"/>
  <c r="U19953" i="1"/>
  <c r="U19952" i="1"/>
  <c r="U19951" i="1"/>
  <c r="U19950" i="1"/>
  <c r="U19949" i="1"/>
  <c r="U19948" i="1"/>
  <c r="U19947" i="1"/>
  <c r="U19946" i="1"/>
  <c r="U19945" i="1"/>
  <c r="U19944" i="1"/>
  <c r="U19943" i="1"/>
  <c r="U19942" i="1"/>
  <c r="U19941" i="1"/>
  <c r="U19940" i="1"/>
  <c r="U19939" i="1"/>
  <c r="U19938" i="1"/>
  <c r="U19937" i="1"/>
  <c r="U19936" i="1"/>
  <c r="U19935" i="1"/>
  <c r="U19934" i="1"/>
  <c r="U19933" i="1"/>
  <c r="U19932" i="1"/>
  <c r="U19931" i="1"/>
  <c r="U19930" i="1"/>
  <c r="U19929" i="1"/>
  <c r="U19928" i="1"/>
  <c r="U19927" i="1"/>
  <c r="U19926" i="1"/>
  <c r="U19925" i="1"/>
  <c r="U19924" i="1"/>
  <c r="U19923" i="1"/>
  <c r="U19922" i="1"/>
  <c r="U19921" i="1"/>
  <c r="U19920" i="1"/>
  <c r="U19919" i="1"/>
  <c r="U19918" i="1"/>
  <c r="U19917" i="1"/>
  <c r="U19916" i="1"/>
  <c r="U19915" i="1"/>
  <c r="U19914" i="1"/>
  <c r="U19913" i="1"/>
  <c r="U19912" i="1"/>
  <c r="U19911" i="1"/>
  <c r="U19910" i="1"/>
  <c r="U19909" i="1"/>
  <c r="U19908" i="1"/>
  <c r="U19907" i="1"/>
  <c r="U19906" i="1"/>
  <c r="U19905" i="1"/>
  <c r="U19904" i="1"/>
  <c r="U19903" i="1"/>
  <c r="U19902" i="1"/>
  <c r="U19901" i="1"/>
  <c r="U19900" i="1"/>
  <c r="U19899" i="1"/>
  <c r="U19898" i="1"/>
  <c r="U19897" i="1"/>
  <c r="U19896" i="1"/>
  <c r="U19895" i="1"/>
  <c r="U19894" i="1"/>
  <c r="U19893" i="1"/>
  <c r="U19892" i="1"/>
  <c r="U19891" i="1"/>
  <c r="U19890" i="1"/>
  <c r="U19889" i="1"/>
  <c r="U19888" i="1"/>
  <c r="U19887" i="1"/>
  <c r="U19886" i="1"/>
  <c r="U19885" i="1"/>
  <c r="U19884" i="1"/>
  <c r="U19883" i="1"/>
  <c r="U19882" i="1"/>
  <c r="U19881" i="1"/>
  <c r="U19880" i="1"/>
  <c r="U19879" i="1"/>
  <c r="U19878" i="1"/>
  <c r="U19877" i="1"/>
  <c r="U19876" i="1"/>
  <c r="U19875" i="1"/>
  <c r="U19874" i="1"/>
  <c r="U19873" i="1"/>
  <c r="U19872" i="1"/>
  <c r="U19871" i="1"/>
  <c r="U19870" i="1"/>
  <c r="U19869" i="1"/>
  <c r="U19868" i="1"/>
  <c r="U19867" i="1"/>
  <c r="U19866" i="1"/>
  <c r="U19865" i="1"/>
  <c r="U19864" i="1"/>
  <c r="U19863" i="1"/>
  <c r="U19862" i="1"/>
  <c r="U19861" i="1"/>
  <c r="U19860" i="1"/>
  <c r="U19859" i="1"/>
  <c r="U19858" i="1"/>
  <c r="U19857" i="1"/>
  <c r="U19856" i="1"/>
  <c r="U19855" i="1"/>
  <c r="U19854" i="1"/>
  <c r="U19853" i="1"/>
  <c r="U19852" i="1"/>
  <c r="U19851" i="1"/>
  <c r="U19850" i="1"/>
  <c r="U19849" i="1"/>
  <c r="U19848" i="1"/>
  <c r="U19847" i="1"/>
  <c r="U19846" i="1"/>
  <c r="U19845" i="1"/>
  <c r="U19844" i="1"/>
  <c r="U19843" i="1"/>
  <c r="U19842" i="1"/>
  <c r="U19841" i="1"/>
  <c r="U19840" i="1"/>
  <c r="U19839" i="1"/>
  <c r="U19838" i="1"/>
  <c r="U19837" i="1"/>
  <c r="U19836" i="1"/>
  <c r="U19835" i="1"/>
  <c r="U19834" i="1"/>
  <c r="U19833" i="1"/>
  <c r="U19832" i="1"/>
  <c r="U19831" i="1"/>
  <c r="U19830" i="1"/>
  <c r="U19829" i="1"/>
  <c r="U19828" i="1"/>
  <c r="U19827" i="1"/>
  <c r="U19826" i="1"/>
  <c r="U19825" i="1"/>
  <c r="U19824" i="1"/>
  <c r="U19823" i="1"/>
  <c r="U19822" i="1"/>
  <c r="U19821" i="1"/>
  <c r="U19820" i="1"/>
  <c r="U19819" i="1"/>
  <c r="U19818" i="1"/>
  <c r="U19817" i="1"/>
  <c r="U19816" i="1"/>
  <c r="U19815" i="1"/>
  <c r="U19814" i="1"/>
  <c r="U19813" i="1"/>
  <c r="U19812" i="1"/>
  <c r="U19811" i="1"/>
  <c r="U19810" i="1"/>
  <c r="U19809" i="1"/>
  <c r="U19808" i="1"/>
  <c r="U19807" i="1"/>
  <c r="U19806" i="1"/>
  <c r="U19805" i="1"/>
  <c r="U19804" i="1"/>
  <c r="U19803" i="1"/>
  <c r="U19802" i="1"/>
  <c r="U19801" i="1"/>
  <c r="U19800" i="1"/>
  <c r="U19799" i="1"/>
  <c r="U19798" i="1"/>
  <c r="U19797" i="1"/>
  <c r="U19796" i="1"/>
  <c r="U19795" i="1"/>
  <c r="U19794" i="1"/>
  <c r="U19793" i="1"/>
  <c r="U19792" i="1"/>
  <c r="U19791" i="1"/>
  <c r="U19790" i="1"/>
  <c r="U19789" i="1"/>
  <c r="U19788" i="1"/>
  <c r="U19787" i="1"/>
  <c r="U19786" i="1"/>
  <c r="U19785" i="1"/>
  <c r="U19784" i="1"/>
  <c r="U19783" i="1"/>
  <c r="U19782" i="1"/>
  <c r="U19781" i="1"/>
  <c r="U19780" i="1"/>
  <c r="U19779" i="1"/>
  <c r="U19778" i="1"/>
  <c r="U19777" i="1"/>
  <c r="U19776" i="1"/>
  <c r="U19775" i="1"/>
  <c r="U19774" i="1"/>
  <c r="U19773" i="1"/>
  <c r="U19772" i="1"/>
  <c r="U19771" i="1"/>
  <c r="U19770" i="1"/>
  <c r="U19769" i="1"/>
  <c r="U19768" i="1"/>
  <c r="U19767" i="1"/>
  <c r="U19766" i="1"/>
  <c r="U19765" i="1"/>
  <c r="U19764" i="1"/>
  <c r="U19763" i="1"/>
  <c r="U19762" i="1"/>
  <c r="U19761" i="1"/>
  <c r="U19760" i="1"/>
  <c r="U19759" i="1"/>
  <c r="U19758" i="1"/>
  <c r="U19757" i="1"/>
  <c r="U19756" i="1"/>
  <c r="U19755" i="1"/>
  <c r="U19754" i="1"/>
  <c r="U19753" i="1"/>
  <c r="U19752" i="1"/>
  <c r="U19751" i="1"/>
  <c r="U19750" i="1"/>
  <c r="U19749" i="1"/>
  <c r="U19748" i="1"/>
  <c r="U19747" i="1"/>
  <c r="U19746" i="1"/>
  <c r="U19745" i="1"/>
  <c r="U19744" i="1"/>
  <c r="U19743" i="1"/>
  <c r="U19742" i="1"/>
  <c r="U19741" i="1"/>
  <c r="U19740" i="1"/>
  <c r="U19739" i="1"/>
  <c r="U19738" i="1"/>
  <c r="U19737" i="1"/>
  <c r="U19736" i="1"/>
  <c r="U19735" i="1"/>
  <c r="U19734" i="1"/>
  <c r="U19733" i="1"/>
  <c r="U19732" i="1"/>
  <c r="U19731" i="1"/>
  <c r="U19730" i="1"/>
  <c r="U19729" i="1"/>
  <c r="U19728" i="1"/>
  <c r="U19727" i="1"/>
  <c r="U19726" i="1"/>
  <c r="U19725" i="1"/>
  <c r="U19724" i="1"/>
  <c r="U19723" i="1"/>
  <c r="U19722" i="1"/>
  <c r="U19721" i="1"/>
  <c r="U19720" i="1"/>
  <c r="U19719" i="1"/>
  <c r="U19718" i="1"/>
  <c r="U19717" i="1"/>
  <c r="U19716" i="1"/>
  <c r="U19715" i="1"/>
  <c r="U19714" i="1"/>
  <c r="U19713" i="1"/>
  <c r="U19712" i="1"/>
  <c r="U19711" i="1"/>
  <c r="U19710" i="1"/>
  <c r="U19709" i="1"/>
  <c r="U19708" i="1"/>
  <c r="U19707" i="1"/>
  <c r="U19706" i="1"/>
  <c r="U19705" i="1"/>
  <c r="U19704" i="1"/>
  <c r="U19703" i="1"/>
  <c r="U19702" i="1"/>
  <c r="U19701" i="1"/>
  <c r="U19700" i="1"/>
  <c r="U19699" i="1"/>
  <c r="U19698" i="1"/>
  <c r="U19697" i="1"/>
  <c r="U19696" i="1"/>
  <c r="U19695" i="1"/>
  <c r="U19694" i="1"/>
  <c r="U19693" i="1"/>
  <c r="U19692" i="1"/>
  <c r="U19691" i="1"/>
  <c r="U19690" i="1"/>
  <c r="U19689" i="1"/>
  <c r="U19688" i="1"/>
  <c r="U19687" i="1"/>
  <c r="U19686" i="1"/>
  <c r="U19685" i="1"/>
  <c r="U19684" i="1"/>
  <c r="U19683" i="1"/>
  <c r="U19682" i="1"/>
  <c r="U19681" i="1"/>
  <c r="U19680" i="1"/>
  <c r="U19679" i="1"/>
  <c r="U19678" i="1"/>
  <c r="U19677" i="1"/>
  <c r="U19676" i="1"/>
  <c r="U19675" i="1"/>
  <c r="U19674" i="1"/>
  <c r="U19673" i="1"/>
  <c r="U19672" i="1"/>
  <c r="U19671" i="1"/>
  <c r="U19670" i="1"/>
  <c r="U19669" i="1"/>
  <c r="U19668" i="1"/>
  <c r="U19667" i="1"/>
  <c r="U19666" i="1"/>
  <c r="U19665" i="1"/>
  <c r="U19664" i="1"/>
  <c r="U19663" i="1"/>
  <c r="U19662" i="1"/>
  <c r="U19661" i="1"/>
  <c r="U19660" i="1"/>
  <c r="U19659" i="1"/>
  <c r="U19658" i="1"/>
  <c r="U19657" i="1"/>
  <c r="U19656" i="1"/>
  <c r="U19655" i="1"/>
  <c r="U19654" i="1"/>
  <c r="U19653" i="1"/>
  <c r="U19652" i="1"/>
  <c r="U19651" i="1"/>
  <c r="U19650" i="1"/>
  <c r="U19649" i="1"/>
  <c r="U19648" i="1"/>
  <c r="U19647" i="1"/>
  <c r="U19646" i="1"/>
  <c r="U19645" i="1"/>
  <c r="U19644" i="1"/>
  <c r="U19643" i="1"/>
  <c r="U19642" i="1"/>
  <c r="U19641" i="1"/>
  <c r="U19640" i="1"/>
  <c r="U19639" i="1"/>
  <c r="U19638" i="1"/>
  <c r="U19637" i="1"/>
  <c r="U19636" i="1"/>
  <c r="U19635" i="1"/>
  <c r="U19634" i="1"/>
  <c r="U19633" i="1"/>
  <c r="U19632" i="1"/>
  <c r="U19631" i="1"/>
  <c r="U19630" i="1"/>
  <c r="U19629" i="1"/>
  <c r="U19628" i="1"/>
  <c r="U19627" i="1"/>
  <c r="U19626" i="1"/>
  <c r="U19625" i="1"/>
  <c r="U19624" i="1"/>
  <c r="U19623" i="1"/>
  <c r="U19622" i="1"/>
  <c r="U19621" i="1"/>
  <c r="U19620" i="1"/>
  <c r="U19619" i="1"/>
  <c r="U19618" i="1"/>
  <c r="U19617" i="1"/>
  <c r="U19616" i="1"/>
  <c r="U19615" i="1"/>
  <c r="U19614" i="1"/>
  <c r="U19613" i="1"/>
  <c r="U19612" i="1"/>
  <c r="U19611" i="1"/>
  <c r="U19610" i="1"/>
  <c r="U19609" i="1"/>
  <c r="U19608" i="1"/>
  <c r="U19607" i="1"/>
  <c r="U19606" i="1"/>
  <c r="U19605" i="1"/>
  <c r="U19604" i="1"/>
  <c r="U19603" i="1"/>
  <c r="U19602" i="1"/>
  <c r="U19601" i="1"/>
  <c r="U19600" i="1"/>
  <c r="U19599" i="1"/>
  <c r="U19598" i="1"/>
  <c r="U19597" i="1"/>
  <c r="U19596" i="1"/>
  <c r="U19595" i="1"/>
  <c r="U19594" i="1"/>
  <c r="U19593" i="1"/>
  <c r="U19592" i="1"/>
  <c r="U19591" i="1"/>
  <c r="U19590" i="1"/>
  <c r="U19589" i="1"/>
  <c r="U19588" i="1"/>
  <c r="U19587" i="1"/>
  <c r="U19586" i="1"/>
  <c r="U19585" i="1"/>
  <c r="U19584" i="1"/>
  <c r="U19583" i="1"/>
  <c r="U19582" i="1"/>
  <c r="U19581" i="1"/>
  <c r="U19580" i="1"/>
  <c r="U19579" i="1"/>
  <c r="U19578" i="1"/>
  <c r="U19577" i="1"/>
  <c r="U19576" i="1"/>
  <c r="U19575" i="1"/>
  <c r="U19574" i="1"/>
  <c r="U19573" i="1"/>
  <c r="U19572" i="1"/>
  <c r="U19571" i="1"/>
  <c r="U19570" i="1"/>
  <c r="U19569" i="1"/>
  <c r="U19568" i="1"/>
  <c r="U19567" i="1"/>
  <c r="U19566" i="1"/>
  <c r="U19565" i="1"/>
  <c r="U19564" i="1"/>
  <c r="U19563" i="1"/>
  <c r="U19562" i="1"/>
  <c r="U19561" i="1"/>
  <c r="U19560" i="1"/>
  <c r="U19559" i="1"/>
  <c r="U19558" i="1"/>
  <c r="U19557" i="1"/>
  <c r="U19556" i="1"/>
  <c r="U19555" i="1"/>
  <c r="U19554" i="1"/>
  <c r="U19553" i="1"/>
  <c r="U19552" i="1"/>
  <c r="U19551" i="1"/>
  <c r="U19550" i="1"/>
  <c r="U19549" i="1"/>
  <c r="U19548" i="1"/>
  <c r="U19547" i="1"/>
  <c r="U19546" i="1"/>
  <c r="U19545" i="1"/>
  <c r="U19544" i="1"/>
  <c r="U19543" i="1"/>
  <c r="U19542" i="1"/>
  <c r="U19541" i="1"/>
  <c r="U19540" i="1"/>
  <c r="U19539" i="1"/>
  <c r="U19538" i="1"/>
  <c r="U19537" i="1"/>
  <c r="U19536" i="1"/>
  <c r="U19535" i="1"/>
  <c r="U19534" i="1"/>
  <c r="U19533" i="1"/>
  <c r="U19532" i="1"/>
  <c r="U19531" i="1"/>
  <c r="U19530" i="1"/>
  <c r="U19529" i="1"/>
  <c r="U19528" i="1"/>
  <c r="U19527" i="1"/>
  <c r="U19526" i="1"/>
  <c r="U19525" i="1"/>
  <c r="U19524" i="1"/>
  <c r="U19523" i="1"/>
  <c r="U19522" i="1"/>
  <c r="U19521" i="1"/>
  <c r="U19520" i="1"/>
  <c r="U19519" i="1"/>
  <c r="U19518" i="1"/>
  <c r="U19517" i="1"/>
  <c r="U19516" i="1"/>
  <c r="U19515" i="1"/>
  <c r="U19514" i="1"/>
  <c r="U19513" i="1"/>
  <c r="U19512" i="1"/>
  <c r="U19511" i="1"/>
  <c r="U19510" i="1"/>
  <c r="U19509" i="1"/>
  <c r="U19508" i="1"/>
  <c r="U19507" i="1"/>
  <c r="U19506" i="1"/>
  <c r="U19505" i="1"/>
  <c r="U19504" i="1"/>
  <c r="U19503" i="1"/>
  <c r="U19502" i="1"/>
  <c r="U19501" i="1"/>
  <c r="U19500" i="1"/>
  <c r="U19499" i="1"/>
  <c r="U19498" i="1"/>
  <c r="U19497" i="1"/>
  <c r="U19496" i="1"/>
  <c r="U19495" i="1"/>
  <c r="U19494" i="1"/>
  <c r="U19493" i="1"/>
  <c r="U19492" i="1"/>
  <c r="U19491" i="1"/>
  <c r="U19490" i="1"/>
  <c r="U19489" i="1"/>
  <c r="U19488" i="1"/>
  <c r="U19487" i="1"/>
  <c r="U19486" i="1"/>
  <c r="U19485" i="1"/>
  <c r="U19484" i="1"/>
  <c r="U19483" i="1"/>
  <c r="U19482" i="1"/>
  <c r="U19481" i="1"/>
  <c r="U19480" i="1"/>
  <c r="U19479" i="1"/>
  <c r="U19478" i="1"/>
  <c r="U19477" i="1"/>
  <c r="U19476" i="1"/>
  <c r="U19475" i="1"/>
  <c r="U19474" i="1"/>
  <c r="U19473" i="1"/>
  <c r="U19472" i="1"/>
  <c r="U19471" i="1"/>
  <c r="U19470" i="1"/>
  <c r="U19469" i="1"/>
  <c r="U19468" i="1"/>
  <c r="U19467" i="1"/>
  <c r="U19466" i="1"/>
  <c r="U19465" i="1"/>
  <c r="U19464" i="1"/>
  <c r="U19463" i="1"/>
  <c r="U19462" i="1"/>
  <c r="U19461" i="1"/>
  <c r="U19460" i="1"/>
  <c r="U19459" i="1"/>
  <c r="U19458" i="1"/>
  <c r="U19457" i="1"/>
  <c r="U19456" i="1"/>
  <c r="U19455" i="1"/>
  <c r="U19454" i="1"/>
  <c r="U19453" i="1"/>
  <c r="U19452" i="1"/>
  <c r="U19451" i="1"/>
  <c r="U19450" i="1"/>
  <c r="U19449" i="1"/>
  <c r="U19448" i="1"/>
  <c r="U19447" i="1"/>
  <c r="U19446" i="1"/>
  <c r="U19445" i="1"/>
  <c r="U19444" i="1"/>
  <c r="U19443" i="1"/>
  <c r="U19442" i="1"/>
  <c r="U19441" i="1"/>
  <c r="U19440" i="1"/>
  <c r="U19439" i="1"/>
  <c r="U19438" i="1"/>
  <c r="U19437" i="1"/>
  <c r="U19436" i="1"/>
  <c r="U19435" i="1"/>
  <c r="U19434" i="1"/>
  <c r="U19433" i="1"/>
  <c r="U19432" i="1"/>
  <c r="U19431" i="1"/>
  <c r="U19430" i="1"/>
  <c r="U19429" i="1"/>
  <c r="U19428" i="1"/>
  <c r="U19427" i="1"/>
  <c r="U19426" i="1"/>
  <c r="U19425" i="1"/>
  <c r="U19424" i="1"/>
  <c r="U19423" i="1"/>
  <c r="U19422" i="1"/>
  <c r="U19421" i="1"/>
  <c r="U19420" i="1"/>
  <c r="U19419" i="1"/>
  <c r="U19418" i="1"/>
  <c r="U19417" i="1"/>
  <c r="U19416" i="1"/>
  <c r="U19415" i="1"/>
  <c r="U19414" i="1"/>
  <c r="U19413" i="1"/>
  <c r="U19412" i="1"/>
  <c r="U19411" i="1"/>
  <c r="U19410" i="1"/>
  <c r="U19409" i="1"/>
  <c r="U19408" i="1"/>
  <c r="U19407" i="1"/>
  <c r="U19406" i="1"/>
  <c r="U19405" i="1"/>
  <c r="U19404" i="1"/>
  <c r="U19403" i="1"/>
  <c r="U19402" i="1"/>
  <c r="U19401" i="1"/>
  <c r="U19400" i="1"/>
  <c r="U19399" i="1"/>
  <c r="U19398" i="1"/>
  <c r="U19397" i="1"/>
  <c r="U19396" i="1"/>
  <c r="U19395" i="1"/>
  <c r="U19394" i="1"/>
  <c r="U19393" i="1"/>
  <c r="U19392" i="1"/>
  <c r="U19391" i="1"/>
  <c r="U19390" i="1"/>
  <c r="U19389" i="1"/>
  <c r="U19388" i="1"/>
  <c r="U19387" i="1"/>
  <c r="U19386" i="1"/>
  <c r="U19385" i="1"/>
  <c r="U19384" i="1"/>
  <c r="U19383" i="1"/>
  <c r="U19382" i="1"/>
  <c r="U19381" i="1"/>
  <c r="U19380" i="1"/>
  <c r="U19379" i="1"/>
  <c r="U19378" i="1"/>
  <c r="U19377" i="1"/>
  <c r="U19376" i="1"/>
  <c r="U19375" i="1"/>
  <c r="U19374" i="1"/>
  <c r="U19373" i="1"/>
  <c r="U19372" i="1"/>
  <c r="U19371" i="1"/>
  <c r="U19370" i="1"/>
  <c r="U19369" i="1"/>
  <c r="U19368" i="1"/>
  <c r="U19367" i="1"/>
  <c r="U19366" i="1"/>
  <c r="U19365" i="1"/>
  <c r="U19364" i="1"/>
  <c r="U19363" i="1"/>
  <c r="U19362" i="1"/>
  <c r="U19361" i="1"/>
  <c r="U19360" i="1"/>
  <c r="U19359" i="1"/>
  <c r="U19358" i="1"/>
  <c r="U19357" i="1"/>
  <c r="U19356" i="1"/>
  <c r="U19355" i="1"/>
  <c r="U19354" i="1"/>
  <c r="U19353" i="1"/>
  <c r="U19352" i="1"/>
  <c r="U19351" i="1"/>
  <c r="U19350" i="1"/>
  <c r="U19349" i="1"/>
  <c r="U19348" i="1"/>
  <c r="U19347" i="1"/>
  <c r="U19346" i="1"/>
  <c r="U19345" i="1"/>
  <c r="U19344" i="1"/>
  <c r="U19343" i="1"/>
  <c r="U19342" i="1"/>
  <c r="U19341" i="1"/>
  <c r="U19340" i="1"/>
  <c r="U19339" i="1"/>
  <c r="U19338" i="1"/>
  <c r="U19337" i="1"/>
  <c r="U19336" i="1"/>
  <c r="U19335" i="1"/>
  <c r="U19334" i="1"/>
  <c r="U19333" i="1"/>
  <c r="U19332" i="1"/>
  <c r="U19331" i="1"/>
  <c r="U19330" i="1"/>
  <c r="U19329" i="1"/>
  <c r="U19328" i="1"/>
  <c r="U19327" i="1"/>
  <c r="U19326" i="1"/>
  <c r="U19325" i="1"/>
  <c r="U19324" i="1"/>
  <c r="U19323" i="1"/>
  <c r="U19322" i="1"/>
  <c r="U19321" i="1"/>
  <c r="U19320" i="1"/>
  <c r="U19319" i="1"/>
  <c r="U19318" i="1"/>
  <c r="U19317" i="1"/>
  <c r="U19316" i="1"/>
  <c r="U19315" i="1"/>
  <c r="U19314" i="1"/>
  <c r="U19313" i="1"/>
  <c r="U19312" i="1"/>
  <c r="U19311" i="1"/>
  <c r="U19310" i="1"/>
  <c r="U19309" i="1"/>
  <c r="U19308" i="1"/>
  <c r="U19307" i="1"/>
  <c r="U19306" i="1"/>
  <c r="U19305" i="1"/>
  <c r="U19304" i="1"/>
  <c r="U19303" i="1"/>
  <c r="U19302" i="1"/>
  <c r="U19301" i="1"/>
  <c r="U19300" i="1"/>
  <c r="U19299" i="1"/>
  <c r="U19298" i="1"/>
  <c r="U19297" i="1"/>
  <c r="U19296" i="1"/>
  <c r="U19295" i="1"/>
  <c r="U19294" i="1"/>
  <c r="U19293" i="1"/>
  <c r="U19292" i="1"/>
  <c r="U19291" i="1"/>
  <c r="U19290" i="1"/>
  <c r="U19289" i="1"/>
  <c r="U19288" i="1"/>
  <c r="U19287" i="1"/>
  <c r="U19286" i="1"/>
  <c r="U19285" i="1"/>
  <c r="U19284" i="1"/>
  <c r="U19283" i="1"/>
  <c r="U19282" i="1"/>
  <c r="U19281" i="1"/>
  <c r="U19280" i="1"/>
  <c r="U19279" i="1"/>
  <c r="U19278" i="1"/>
  <c r="U19277" i="1"/>
  <c r="U19276" i="1"/>
  <c r="U19275" i="1"/>
  <c r="U19274" i="1"/>
  <c r="U19273" i="1"/>
  <c r="U19272" i="1"/>
  <c r="U19271" i="1"/>
  <c r="U19270" i="1"/>
  <c r="U19269" i="1"/>
  <c r="U19268" i="1"/>
  <c r="U19267" i="1"/>
  <c r="U19266" i="1"/>
  <c r="U19265" i="1"/>
  <c r="U19264" i="1"/>
  <c r="U19263" i="1"/>
  <c r="U19262" i="1"/>
  <c r="U19261" i="1"/>
  <c r="U19260" i="1"/>
  <c r="U19259" i="1"/>
  <c r="U19258" i="1"/>
  <c r="U19257" i="1"/>
  <c r="U19256" i="1"/>
  <c r="U19255" i="1"/>
  <c r="U19254" i="1"/>
  <c r="U19253" i="1"/>
  <c r="U19252" i="1"/>
  <c r="U19251" i="1"/>
  <c r="U19250" i="1"/>
  <c r="U19249" i="1"/>
  <c r="U19248" i="1"/>
  <c r="U19247" i="1"/>
  <c r="U19246" i="1"/>
  <c r="U19245" i="1"/>
  <c r="U19244" i="1"/>
  <c r="U19243" i="1"/>
  <c r="U19242" i="1"/>
  <c r="U19241" i="1"/>
  <c r="U19240" i="1"/>
  <c r="U19239" i="1"/>
  <c r="U19238" i="1"/>
  <c r="U19237" i="1"/>
  <c r="U19236" i="1"/>
  <c r="U19235" i="1"/>
  <c r="U19234" i="1"/>
  <c r="U19233" i="1"/>
  <c r="U19232" i="1"/>
  <c r="U19231" i="1"/>
  <c r="U19230" i="1"/>
  <c r="U19229" i="1"/>
  <c r="U19228" i="1"/>
  <c r="U19227" i="1"/>
  <c r="U19226" i="1"/>
  <c r="U19225" i="1"/>
  <c r="U19224" i="1"/>
  <c r="U19223" i="1"/>
  <c r="U19222" i="1"/>
  <c r="U19221" i="1"/>
  <c r="U19220" i="1"/>
  <c r="U19219" i="1"/>
  <c r="U19218" i="1"/>
  <c r="U19217" i="1"/>
  <c r="U19216" i="1"/>
  <c r="U19215" i="1"/>
  <c r="U19214" i="1"/>
  <c r="U19213" i="1"/>
  <c r="U19212" i="1"/>
  <c r="U19211" i="1"/>
  <c r="U19210" i="1"/>
  <c r="U19209" i="1"/>
  <c r="U19208" i="1"/>
  <c r="U19207" i="1"/>
  <c r="U19206" i="1"/>
  <c r="U19205" i="1"/>
  <c r="U19204" i="1"/>
  <c r="U19203" i="1"/>
  <c r="U19202" i="1"/>
  <c r="U19201" i="1"/>
  <c r="U19200" i="1"/>
  <c r="U19199" i="1"/>
  <c r="U19198" i="1"/>
  <c r="U19197" i="1"/>
  <c r="U19196" i="1"/>
  <c r="U19195" i="1"/>
  <c r="U19194" i="1"/>
  <c r="U19193" i="1"/>
  <c r="U19192" i="1"/>
  <c r="U19191" i="1"/>
  <c r="U19190" i="1"/>
  <c r="U19189" i="1"/>
  <c r="U19188" i="1"/>
  <c r="U19187" i="1"/>
  <c r="U19186" i="1"/>
  <c r="U19185" i="1"/>
  <c r="U19184" i="1"/>
  <c r="U19183" i="1"/>
  <c r="U19182" i="1"/>
  <c r="U19181" i="1"/>
  <c r="U19180" i="1"/>
  <c r="U19179" i="1"/>
  <c r="U19178" i="1"/>
  <c r="U19177" i="1"/>
  <c r="U19176" i="1"/>
  <c r="U19175" i="1"/>
  <c r="U19174" i="1"/>
  <c r="U19173" i="1"/>
  <c r="U19172" i="1"/>
  <c r="U19171" i="1"/>
  <c r="U19170" i="1"/>
  <c r="U19169" i="1"/>
  <c r="U19168" i="1"/>
  <c r="U19167" i="1"/>
  <c r="U19166" i="1"/>
  <c r="U19165" i="1"/>
  <c r="U19164" i="1"/>
  <c r="U19163" i="1"/>
  <c r="U19162" i="1"/>
  <c r="U19161" i="1"/>
  <c r="U19160" i="1"/>
  <c r="U19159" i="1"/>
  <c r="U19158" i="1"/>
  <c r="U19157" i="1"/>
  <c r="U19156" i="1"/>
  <c r="U19155" i="1"/>
  <c r="U19154" i="1"/>
  <c r="U19153" i="1"/>
  <c r="U19152" i="1"/>
  <c r="U19151" i="1"/>
  <c r="U19150" i="1"/>
  <c r="U19149" i="1"/>
  <c r="U19148" i="1"/>
  <c r="U19147" i="1"/>
  <c r="U19146" i="1"/>
  <c r="U19145" i="1"/>
  <c r="U19144" i="1"/>
  <c r="U19143" i="1"/>
  <c r="U19142" i="1"/>
  <c r="U19141" i="1"/>
  <c r="U19140" i="1"/>
  <c r="U19139" i="1"/>
  <c r="U19138" i="1"/>
  <c r="U19137" i="1"/>
  <c r="U19136" i="1"/>
  <c r="U19135" i="1"/>
  <c r="U19134" i="1"/>
  <c r="U19133" i="1"/>
  <c r="U19132" i="1"/>
  <c r="U19131" i="1"/>
  <c r="U19130" i="1"/>
  <c r="U19129" i="1"/>
  <c r="U19128" i="1"/>
  <c r="U19127" i="1"/>
  <c r="U19126" i="1"/>
  <c r="U19125" i="1"/>
  <c r="U19124" i="1"/>
  <c r="U19123" i="1"/>
  <c r="U19122" i="1"/>
  <c r="U19121" i="1"/>
  <c r="U19120" i="1"/>
  <c r="U19119" i="1"/>
  <c r="U19118" i="1"/>
  <c r="U19117" i="1"/>
  <c r="U19116" i="1"/>
  <c r="U19115" i="1"/>
  <c r="U19114" i="1"/>
  <c r="U19113" i="1"/>
  <c r="U19112" i="1"/>
  <c r="U19111" i="1"/>
  <c r="U19110" i="1"/>
  <c r="U19109" i="1"/>
  <c r="U19108" i="1"/>
  <c r="U19107" i="1"/>
  <c r="U19106" i="1"/>
  <c r="U19105" i="1"/>
  <c r="U19104" i="1"/>
  <c r="U19103" i="1"/>
  <c r="U19102" i="1"/>
  <c r="U19101" i="1"/>
  <c r="U19100" i="1"/>
  <c r="U19099" i="1"/>
  <c r="U19098" i="1"/>
  <c r="U19097" i="1"/>
  <c r="U19096" i="1"/>
  <c r="U19095" i="1"/>
  <c r="U19094" i="1"/>
  <c r="U19093" i="1"/>
  <c r="U19092" i="1"/>
  <c r="U19091" i="1"/>
  <c r="U19090" i="1"/>
  <c r="U19089" i="1"/>
  <c r="U19088" i="1"/>
  <c r="U19087" i="1"/>
  <c r="U19086" i="1"/>
  <c r="U19085" i="1"/>
  <c r="U19084" i="1"/>
  <c r="U19083" i="1"/>
  <c r="U19082" i="1"/>
  <c r="U19081" i="1"/>
  <c r="U19080" i="1"/>
  <c r="U19079" i="1"/>
  <c r="U19078" i="1"/>
  <c r="U19077" i="1"/>
  <c r="U19076" i="1"/>
  <c r="U19075" i="1"/>
  <c r="U19074" i="1"/>
  <c r="U19073" i="1"/>
  <c r="U19072" i="1"/>
  <c r="U19071" i="1"/>
  <c r="U19070" i="1"/>
  <c r="U19069" i="1"/>
  <c r="U19068" i="1"/>
  <c r="U19067" i="1"/>
  <c r="U19066" i="1"/>
  <c r="U19065" i="1"/>
  <c r="U19064" i="1"/>
  <c r="U19063" i="1"/>
  <c r="U19062" i="1"/>
  <c r="U19061" i="1"/>
  <c r="U19060" i="1"/>
  <c r="U19059" i="1"/>
  <c r="U19058" i="1"/>
  <c r="U19057" i="1"/>
  <c r="U19056" i="1"/>
  <c r="U19055" i="1"/>
  <c r="U19054" i="1"/>
  <c r="U19053" i="1"/>
  <c r="U19052" i="1"/>
  <c r="U19051" i="1"/>
  <c r="U19050" i="1"/>
  <c r="U19049" i="1"/>
  <c r="U19048" i="1"/>
  <c r="U19047" i="1"/>
  <c r="U19046" i="1"/>
  <c r="U19045" i="1"/>
  <c r="U19044" i="1"/>
  <c r="U19043" i="1"/>
  <c r="U19042" i="1"/>
  <c r="U19041" i="1"/>
  <c r="U19040" i="1"/>
  <c r="U19039" i="1"/>
  <c r="U19038" i="1"/>
  <c r="U19037" i="1"/>
  <c r="U19036" i="1"/>
  <c r="U19035" i="1"/>
  <c r="U19034" i="1"/>
  <c r="U19033" i="1"/>
  <c r="U19032" i="1"/>
  <c r="U19031" i="1"/>
  <c r="U19030" i="1"/>
  <c r="U19029" i="1"/>
  <c r="U19028" i="1"/>
  <c r="U19027" i="1"/>
  <c r="U19026" i="1"/>
  <c r="U19025" i="1"/>
  <c r="U19024" i="1"/>
  <c r="U19023" i="1"/>
  <c r="U19022" i="1"/>
  <c r="U19021" i="1"/>
  <c r="U19020" i="1"/>
  <c r="U19019" i="1"/>
  <c r="U19018" i="1"/>
  <c r="U19017" i="1"/>
  <c r="U19016" i="1"/>
  <c r="U19015" i="1"/>
  <c r="U19014" i="1"/>
  <c r="U19013" i="1"/>
  <c r="U19012" i="1"/>
  <c r="U19011" i="1"/>
  <c r="U19010" i="1"/>
  <c r="U19009" i="1"/>
  <c r="U19008" i="1"/>
  <c r="U19007" i="1"/>
  <c r="U19006" i="1"/>
  <c r="U19005" i="1"/>
  <c r="U19004" i="1"/>
  <c r="U19003" i="1"/>
  <c r="U19002" i="1"/>
  <c r="U19001" i="1"/>
  <c r="U19000" i="1"/>
  <c r="U18999" i="1"/>
  <c r="U18998" i="1"/>
  <c r="U18997" i="1"/>
  <c r="U18996" i="1"/>
  <c r="U18995" i="1"/>
  <c r="U18994" i="1"/>
  <c r="U18993" i="1"/>
  <c r="U18992" i="1"/>
  <c r="U18991" i="1"/>
  <c r="U18990" i="1"/>
  <c r="U18989" i="1"/>
  <c r="U18988" i="1"/>
  <c r="U18987" i="1"/>
  <c r="U18986" i="1"/>
  <c r="U18985" i="1"/>
  <c r="U18984" i="1"/>
  <c r="U18983" i="1"/>
  <c r="U18982" i="1"/>
  <c r="U18981" i="1"/>
  <c r="U18980" i="1"/>
  <c r="U18979" i="1"/>
  <c r="U18978" i="1"/>
  <c r="U18977" i="1"/>
  <c r="U18976" i="1"/>
  <c r="U18975" i="1"/>
  <c r="U18974" i="1"/>
  <c r="U18973" i="1"/>
  <c r="U18972" i="1"/>
  <c r="U18971" i="1"/>
  <c r="U18970" i="1"/>
  <c r="U18969" i="1"/>
  <c r="U18968" i="1"/>
  <c r="U18967" i="1"/>
  <c r="U18966" i="1"/>
  <c r="U18965" i="1"/>
  <c r="U18964" i="1"/>
  <c r="U18963" i="1"/>
  <c r="U18962" i="1"/>
  <c r="U18961" i="1"/>
  <c r="U18960" i="1"/>
  <c r="U18959" i="1"/>
  <c r="U18958" i="1"/>
  <c r="U18957" i="1"/>
  <c r="U18956" i="1"/>
  <c r="U18955" i="1"/>
  <c r="U18954" i="1"/>
  <c r="U18953" i="1"/>
  <c r="U18952" i="1"/>
  <c r="U18951" i="1"/>
  <c r="U18950" i="1"/>
  <c r="U18949" i="1"/>
  <c r="U18948" i="1"/>
  <c r="U18947" i="1"/>
  <c r="U18946" i="1"/>
  <c r="U18945" i="1"/>
  <c r="U18944" i="1"/>
  <c r="U18943" i="1"/>
  <c r="U18942" i="1"/>
  <c r="U18941" i="1"/>
  <c r="U18940" i="1"/>
  <c r="U18939" i="1"/>
  <c r="U18938" i="1"/>
  <c r="U18937" i="1"/>
  <c r="U18936" i="1"/>
  <c r="U18935" i="1"/>
  <c r="U18934" i="1"/>
  <c r="U18933" i="1"/>
  <c r="U18932" i="1"/>
  <c r="U18931" i="1"/>
  <c r="U18930" i="1"/>
  <c r="U18929" i="1"/>
  <c r="U18928" i="1"/>
  <c r="U18927" i="1"/>
  <c r="U18926" i="1"/>
  <c r="U18925" i="1"/>
  <c r="U18924" i="1"/>
  <c r="U18923" i="1"/>
  <c r="U18922" i="1"/>
  <c r="U18921" i="1"/>
  <c r="U18920" i="1"/>
  <c r="U18919" i="1"/>
  <c r="U18918" i="1"/>
  <c r="U18917" i="1"/>
  <c r="U18916" i="1"/>
  <c r="U18915" i="1"/>
  <c r="U18914" i="1"/>
  <c r="U18913" i="1"/>
  <c r="U18912" i="1"/>
  <c r="U18911" i="1"/>
  <c r="U18910" i="1"/>
  <c r="U18909" i="1"/>
  <c r="U18908" i="1"/>
  <c r="U18907" i="1"/>
  <c r="U18906" i="1"/>
  <c r="U18905" i="1"/>
  <c r="U18904" i="1"/>
  <c r="U18903" i="1"/>
  <c r="U18902" i="1"/>
  <c r="U18901" i="1"/>
  <c r="U18900" i="1"/>
  <c r="U18899" i="1"/>
  <c r="U18898" i="1"/>
  <c r="U18897" i="1"/>
  <c r="U18896" i="1"/>
  <c r="U18895" i="1"/>
  <c r="U18894" i="1"/>
  <c r="U18893" i="1"/>
  <c r="U18892" i="1"/>
  <c r="U18891" i="1"/>
  <c r="U18890" i="1"/>
  <c r="U18889" i="1"/>
  <c r="U18888" i="1"/>
  <c r="U18887" i="1"/>
  <c r="U18886" i="1"/>
  <c r="U18885" i="1"/>
  <c r="U18884" i="1"/>
  <c r="U18883" i="1"/>
  <c r="U18882" i="1"/>
  <c r="U18881" i="1"/>
  <c r="U18880" i="1"/>
  <c r="U18879" i="1"/>
  <c r="U18878" i="1"/>
  <c r="U18877" i="1"/>
  <c r="U18876" i="1"/>
  <c r="U18875" i="1"/>
  <c r="U18874" i="1"/>
  <c r="U18873" i="1"/>
  <c r="U18872" i="1"/>
  <c r="U18871" i="1"/>
  <c r="U18870" i="1"/>
  <c r="U18869" i="1"/>
  <c r="U18868" i="1"/>
  <c r="U18867" i="1"/>
  <c r="U18866" i="1"/>
  <c r="U18865" i="1"/>
  <c r="U18864" i="1"/>
  <c r="U18863" i="1"/>
  <c r="U18862" i="1"/>
  <c r="U18861" i="1"/>
  <c r="U18860" i="1"/>
  <c r="U18859" i="1"/>
  <c r="U18858" i="1"/>
  <c r="U18857" i="1"/>
  <c r="U18856" i="1"/>
  <c r="U18855" i="1"/>
  <c r="U18854" i="1"/>
  <c r="U18853" i="1"/>
  <c r="U18852" i="1"/>
  <c r="U18851" i="1"/>
  <c r="U18850" i="1"/>
  <c r="U18849" i="1"/>
  <c r="U18848" i="1"/>
  <c r="U18847" i="1"/>
  <c r="U18846" i="1"/>
  <c r="U18845" i="1"/>
  <c r="U18844" i="1"/>
  <c r="U18843" i="1"/>
  <c r="U18842" i="1"/>
  <c r="U18841" i="1"/>
  <c r="U18840" i="1"/>
  <c r="U18839" i="1"/>
  <c r="U18838" i="1"/>
  <c r="U18837" i="1"/>
  <c r="U18836" i="1"/>
  <c r="U18835" i="1"/>
  <c r="U18834" i="1"/>
  <c r="U18833" i="1"/>
  <c r="U18832" i="1"/>
  <c r="U18831" i="1"/>
  <c r="U18830" i="1"/>
  <c r="U18829" i="1"/>
  <c r="U18828" i="1"/>
  <c r="U18827" i="1"/>
  <c r="U18826" i="1"/>
  <c r="U18825" i="1"/>
  <c r="U18824" i="1"/>
  <c r="U18823" i="1"/>
  <c r="U18822" i="1"/>
  <c r="U18821" i="1"/>
  <c r="U18820" i="1"/>
  <c r="U18819" i="1"/>
  <c r="U18818" i="1"/>
  <c r="U18817" i="1"/>
  <c r="U18816" i="1"/>
  <c r="U18815" i="1"/>
  <c r="U18814" i="1"/>
  <c r="U18813" i="1"/>
  <c r="U18812" i="1"/>
  <c r="U18811" i="1"/>
  <c r="U18810" i="1"/>
  <c r="U18809" i="1"/>
  <c r="U18808" i="1"/>
  <c r="U18807" i="1"/>
  <c r="U18806" i="1"/>
  <c r="U18805" i="1"/>
  <c r="U18804" i="1"/>
  <c r="U18803" i="1"/>
  <c r="U18802" i="1"/>
  <c r="U18801" i="1"/>
  <c r="U18800" i="1"/>
  <c r="U18799" i="1"/>
  <c r="U18798" i="1"/>
  <c r="U18797" i="1"/>
  <c r="U18796" i="1"/>
  <c r="U18795" i="1"/>
  <c r="U18794" i="1"/>
  <c r="U18793" i="1"/>
  <c r="U18792" i="1"/>
  <c r="U18791" i="1"/>
  <c r="U18790" i="1"/>
  <c r="U18789" i="1"/>
  <c r="U18788" i="1"/>
  <c r="U18787" i="1"/>
  <c r="U18786" i="1"/>
  <c r="U18785" i="1"/>
  <c r="U18784" i="1"/>
  <c r="U18783" i="1"/>
  <c r="U18782" i="1"/>
  <c r="U18781" i="1"/>
  <c r="U18780" i="1"/>
  <c r="U18779" i="1"/>
  <c r="U18778" i="1"/>
  <c r="U18777" i="1"/>
  <c r="U18776" i="1"/>
  <c r="U18775" i="1"/>
  <c r="U18774" i="1"/>
  <c r="U18773" i="1"/>
  <c r="U18772" i="1"/>
  <c r="U18771" i="1"/>
  <c r="U18770" i="1"/>
  <c r="U18769" i="1"/>
  <c r="U18768" i="1"/>
  <c r="U18767" i="1"/>
  <c r="U18766" i="1"/>
  <c r="U18765" i="1"/>
  <c r="U18764" i="1"/>
  <c r="U18763" i="1"/>
  <c r="U18762" i="1"/>
  <c r="U18761" i="1"/>
  <c r="U18760" i="1"/>
  <c r="U18759" i="1"/>
  <c r="U18758" i="1"/>
  <c r="U18757" i="1"/>
  <c r="U18756" i="1"/>
  <c r="U18755" i="1"/>
  <c r="U18754" i="1"/>
  <c r="U18753" i="1"/>
  <c r="U18752" i="1"/>
  <c r="U18751" i="1"/>
  <c r="U18750" i="1"/>
  <c r="U18749" i="1"/>
  <c r="U18748" i="1"/>
  <c r="U18747" i="1"/>
  <c r="U18746" i="1"/>
  <c r="U18745" i="1"/>
  <c r="U18744" i="1"/>
  <c r="U18743" i="1"/>
  <c r="U18742" i="1"/>
  <c r="U18741" i="1"/>
  <c r="U18740" i="1"/>
  <c r="U18739" i="1"/>
  <c r="U18738" i="1"/>
  <c r="U18737" i="1"/>
  <c r="U18736" i="1"/>
  <c r="U18735" i="1"/>
  <c r="U18734" i="1"/>
  <c r="U18733" i="1"/>
  <c r="U18732" i="1"/>
  <c r="U18731" i="1"/>
  <c r="U18730" i="1"/>
  <c r="U18729" i="1"/>
  <c r="U18728" i="1"/>
  <c r="U18727" i="1"/>
  <c r="U18726" i="1"/>
  <c r="U18725" i="1"/>
  <c r="U18724" i="1"/>
  <c r="U18723" i="1"/>
  <c r="U18722" i="1"/>
  <c r="U18721" i="1"/>
  <c r="U18720" i="1"/>
  <c r="U18719" i="1"/>
  <c r="U18718" i="1"/>
  <c r="U18717" i="1"/>
  <c r="U18716" i="1"/>
  <c r="U18715" i="1"/>
  <c r="U18714" i="1"/>
  <c r="U18713" i="1"/>
  <c r="U18712" i="1"/>
  <c r="U18711" i="1"/>
  <c r="U18710" i="1"/>
  <c r="U18709" i="1"/>
  <c r="U18708" i="1"/>
  <c r="U18707" i="1"/>
  <c r="U18706" i="1"/>
  <c r="U18705" i="1"/>
  <c r="U18704" i="1"/>
  <c r="U18703" i="1"/>
  <c r="U18702" i="1"/>
  <c r="U18701" i="1"/>
  <c r="U18700" i="1"/>
  <c r="U18699" i="1"/>
  <c r="U18698" i="1"/>
  <c r="U18697" i="1"/>
  <c r="U18696" i="1"/>
  <c r="U18695" i="1"/>
  <c r="U18694" i="1"/>
  <c r="U18693" i="1"/>
  <c r="U18692" i="1"/>
  <c r="U18691" i="1"/>
  <c r="U18690" i="1"/>
  <c r="U18689" i="1"/>
  <c r="U18688" i="1"/>
  <c r="U18687" i="1"/>
  <c r="U18686" i="1"/>
  <c r="U18685" i="1"/>
  <c r="U18684" i="1"/>
  <c r="U18683" i="1"/>
  <c r="U18682" i="1"/>
  <c r="U18681" i="1"/>
  <c r="U18680" i="1"/>
  <c r="U18679" i="1"/>
  <c r="U18678" i="1"/>
  <c r="U18677" i="1"/>
  <c r="U18676" i="1"/>
  <c r="U18675" i="1"/>
  <c r="U18674" i="1"/>
  <c r="U18673" i="1"/>
  <c r="U18672" i="1"/>
  <c r="U18671" i="1"/>
  <c r="U18670" i="1"/>
  <c r="U18669" i="1"/>
  <c r="U18668" i="1"/>
  <c r="U18667" i="1"/>
  <c r="U18666" i="1"/>
  <c r="U18665" i="1"/>
  <c r="U18664" i="1"/>
  <c r="U18663" i="1"/>
  <c r="U18662" i="1"/>
  <c r="U18661" i="1"/>
  <c r="U18660" i="1"/>
  <c r="U18659" i="1"/>
  <c r="U18658" i="1"/>
  <c r="U18657" i="1"/>
  <c r="U18656" i="1"/>
  <c r="U18655" i="1"/>
  <c r="U18654" i="1"/>
  <c r="U18653" i="1"/>
  <c r="U18652" i="1"/>
  <c r="U18651" i="1"/>
  <c r="U18650" i="1"/>
  <c r="U18649" i="1"/>
  <c r="U18648" i="1"/>
  <c r="U18647" i="1"/>
  <c r="U18646" i="1"/>
  <c r="U18645" i="1"/>
  <c r="U18644" i="1"/>
  <c r="U18643" i="1"/>
  <c r="U18642" i="1"/>
  <c r="U18641" i="1"/>
  <c r="U18640" i="1"/>
  <c r="U18639" i="1"/>
  <c r="U18638" i="1"/>
  <c r="U18637" i="1"/>
  <c r="U18636" i="1"/>
  <c r="U18635" i="1"/>
  <c r="U18634" i="1"/>
  <c r="U18633" i="1"/>
  <c r="U18632" i="1"/>
  <c r="U18631" i="1"/>
  <c r="U18630" i="1"/>
  <c r="U18629" i="1"/>
  <c r="U18628" i="1"/>
  <c r="U18627" i="1"/>
  <c r="U18626" i="1"/>
  <c r="U18625" i="1"/>
  <c r="U18624" i="1"/>
  <c r="U18623" i="1"/>
  <c r="U18622" i="1"/>
  <c r="U18621" i="1"/>
  <c r="U18620" i="1"/>
  <c r="U18619" i="1"/>
  <c r="U18618" i="1"/>
  <c r="U18617" i="1"/>
  <c r="U18616" i="1"/>
  <c r="U18615" i="1"/>
  <c r="U18614" i="1"/>
  <c r="U18613" i="1"/>
  <c r="U18612" i="1"/>
  <c r="U18611" i="1"/>
  <c r="U18610" i="1"/>
  <c r="U18609" i="1"/>
  <c r="U18608" i="1"/>
  <c r="U18607" i="1"/>
  <c r="U18606" i="1"/>
  <c r="U18605" i="1"/>
  <c r="U18604" i="1"/>
  <c r="U18603" i="1"/>
  <c r="U18602" i="1"/>
  <c r="U18601" i="1"/>
  <c r="U18600" i="1"/>
  <c r="U18599" i="1"/>
  <c r="U18598" i="1"/>
  <c r="U18597" i="1"/>
  <c r="U18596" i="1"/>
  <c r="U18595" i="1"/>
  <c r="U18594" i="1"/>
  <c r="U18593" i="1"/>
  <c r="U18592" i="1"/>
  <c r="U18591" i="1"/>
  <c r="U18590" i="1"/>
  <c r="U18589" i="1"/>
  <c r="U18588" i="1"/>
  <c r="U18587" i="1"/>
  <c r="U18586" i="1"/>
  <c r="U18585" i="1"/>
  <c r="U18584" i="1"/>
  <c r="U18583" i="1"/>
  <c r="U18582" i="1"/>
  <c r="U18581" i="1"/>
  <c r="U18580" i="1"/>
  <c r="U18579" i="1"/>
  <c r="U18578" i="1"/>
  <c r="U18577" i="1"/>
  <c r="U18576" i="1"/>
  <c r="U18575" i="1"/>
  <c r="U18574" i="1"/>
  <c r="U18573" i="1"/>
  <c r="U18572" i="1"/>
  <c r="U18571" i="1"/>
  <c r="U18570" i="1"/>
  <c r="U18569" i="1"/>
  <c r="U18568" i="1"/>
  <c r="U18567" i="1"/>
  <c r="U18566" i="1"/>
  <c r="U18565" i="1"/>
  <c r="U18564" i="1"/>
  <c r="U18563" i="1"/>
  <c r="U18562" i="1"/>
  <c r="U18561" i="1"/>
  <c r="U18560" i="1"/>
  <c r="U18559" i="1"/>
  <c r="U18558" i="1"/>
  <c r="U18557" i="1"/>
  <c r="U18556" i="1"/>
  <c r="U18555" i="1"/>
  <c r="U18554" i="1"/>
  <c r="U18553" i="1"/>
  <c r="U18552" i="1"/>
  <c r="U18551" i="1"/>
  <c r="U18550" i="1"/>
  <c r="U18549" i="1"/>
  <c r="U18548" i="1"/>
  <c r="U18547" i="1"/>
  <c r="U18546" i="1"/>
  <c r="U18545" i="1"/>
  <c r="U18544" i="1"/>
  <c r="U18543" i="1"/>
  <c r="U18542" i="1"/>
  <c r="U18541" i="1"/>
  <c r="U18540" i="1"/>
  <c r="U18539" i="1"/>
  <c r="U18538" i="1"/>
  <c r="U18537" i="1"/>
  <c r="U18536" i="1"/>
  <c r="U18535" i="1"/>
  <c r="U18534" i="1"/>
  <c r="U18533" i="1"/>
  <c r="U18532" i="1"/>
  <c r="U18531" i="1"/>
  <c r="U18530" i="1"/>
  <c r="U18529" i="1"/>
  <c r="U18528" i="1"/>
  <c r="U18527" i="1"/>
  <c r="U18526" i="1"/>
  <c r="U18525" i="1"/>
  <c r="U18524" i="1"/>
  <c r="U18523" i="1"/>
  <c r="U18522" i="1"/>
  <c r="U18521" i="1"/>
  <c r="U18520" i="1"/>
  <c r="U18519" i="1"/>
  <c r="U18518" i="1"/>
  <c r="U18517" i="1"/>
  <c r="U18516" i="1"/>
  <c r="U18515" i="1"/>
  <c r="U18514" i="1"/>
  <c r="U18513" i="1"/>
  <c r="U18512" i="1"/>
  <c r="U18511" i="1"/>
  <c r="U18510" i="1"/>
  <c r="U18509" i="1"/>
  <c r="U18508" i="1"/>
  <c r="U18507" i="1"/>
  <c r="U18506" i="1"/>
  <c r="U18505" i="1"/>
  <c r="U18504" i="1"/>
  <c r="U18503" i="1"/>
  <c r="U18502" i="1"/>
  <c r="U18501" i="1"/>
  <c r="U18500" i="1"/>
  <c r="U18499" i="1"/>
  <c r="U18498" i="1"/>
  <c r="U18497" i="1"/>
  <c r="U18496" i="1"/>
  <c r="U18495" i="1"/>
  <c r="U18494" i="1"/>
  <c r="U18493" i="1"/>
  <c r="U18492" i="1"/>
  <c r="U18491" i="1"/>
  <c r="U18490" i="1"/>
  <c r="U18489" i="1"/>
  <c r="U18488" i="1"/>
  <c r="U18487" i="1"/>
  <c r="U18486" i="1"/>
  <c r="U18485" i="1"/>
  <c r="U18484" i="1"/>
  <c r="U18483" i="1"/>
  <c r="U18482" i="1"/>
  <c r="U18481" i="1"/>
  <c r="U18480" i="1"/>
  <c r="U18479" i="1"/>
  <c r="U18478" i="1"/>
  <c r="U18477" i="1"/>
  <c r="U18476" i="1"/>
  <c r="U18475" i="1"/>
  <c r="U18474" i="1"/>
  <c r="U18473" i="1"/>
  <c r="U18472" i="1"/>
  <c r="U18471" i="1"/>
  <c r="U18470" i="1"/>
  <c r="U18469" i="1"/>
  <c r="U18468" i="1"/>
  <c r="U18467" i="1"/>
  <c r="U18466" i="1"/>
  <c r="U18465" i="1"/>
  <c r="U18464" i="1"/>
  <c r="U18463" i="1"/>
  <c r="U18462" i="1"/>
  <c r="U18461" i="1"/>
  <c r="U18460" i="1"/>
  <c r="U18459" i="1"/>
  <c r="U18458" i="1"/>
  <c r="U18457" i="1"/>
  <c r="U18456" i="1"/>
  <c r="U18455" i="1"/>
  <c r="U18454" i="1"/>
  <c r="U18453" i="1"/>
  <c r="U18452" i="1"/>
  <c r="U18451" i="1"/>
  <c r="U18450" i="1"/>
  <c r="U18449" i="1"/>
  <c r="U18448" i="1"/>
  <c r="U18447" i="1"/>
  <c r="U18446" i="1"/>
  <c r="U18445" i="1"/>
  <c r="U18444" i="1"/>
  <c r="U18443" i="1"/>
  <c r="U18442" i="1"/>
  <c r="U18441" i="1"/>
  <c r="U18440" i="1"/>
  <c r="U18439" i="1"/>
  <c r="U18438" i="1"/>
  <c r="U18437" i="1"/>
  <c r="U18436" i="1"/>
  <c r="U18435" i="1"/>
  <c r="U18434" i="1"/>
  <c r="U18433" i="1"/>
  <c r="U18432" i="1"/>
  <c r="U18431" i="1"/>
  <c r="U18430" i="1"/>
  <c r="U18429" i="1"/>
  <c r="U18428" i="1"/>
  <c r="U18427" i="1"/>
  <c r="U18426" i="1"/>
  <c r="U18425" i="1"/>
  <c r="U18424" i="1"/>
  <c r="U18423" i="1"/>
  <c r="U18422" i="1"/>
  <c r="U18421" i="1"/>
  <c r="U18420" i="1"/>
  <c r="U18419" i="1"/>
  <c r="U18418" i="1"/>
  <c r="U18417" i="1"/>
  <c r="U18416" i="1"/>
  <c r="U18415" i="1"/>
  <c r="U18414" i="1"/>
  <c r="U18413" i="1"/>
  <c r="U18412" i="1"/>
  <c r="U18411" i="1"/>
  <c r="U18410" i="1"/>
  <c r="U18409" i="1"/>
  <c r="U18408" i="1"/>
  <c r="U18407" i="1"/>
  <c r="U18406" i="1"/>
  <c r="U18405" i="1"/>
  <c r="U18404" i="1"/>
  <c r="U18403" i="1"/>
  <c r="U18402" i="1"/>
  <c r="U18401" i="1"/>
  <c r="U18400" i="1"/>
  <c r="U18399" i="1"/>
  <c r="U18398" i="1"/>
  <c r="U18397" i="1"/>
  <c r="U18396" i="1"/>
  <c r="U18395" i="1"/>
  <c r="U18394" i="1"/>
  <c r="U18393" i="1"/>
  <c r="U18392" i="1"/>
  <c r="U18391" i="1"/>
  <c r="U18390" i="1"/>
  <c r="U18389" i="1"/>
  <c r="U18388" i="1"/>
  <c r="U18387" i="1"/>
  <c r="U18386" i="1"/>
  <c r="U18385" i="1"/>
  <c r="U18384" i="1"/>
  <c r="U18383" i="1"/>
  <c r="U18382" i="1"/>
  <c r="U18381" i="1"/>
  <c r="U18380" i="1"/>
  <c r="U18379" i="1"/>
  <c r="U18378" i="1"/>
  <c r="U18377" i="1"/>
  <c r="U18376" i="1"/>
  <c r="U18375" i="1"/>
  <c r="U18374" i="1"/>
  <c r="U18373" i="1"/>
  <c r="U18372" i="1"/>
  <c r="U18371" i="1"/>
  <c r="U18370" i="1"/>
  <c r="U18369" i="1"/>
  <c r="U18368" i="1"/>
  <c r="U18367" i="1"/>
  <c r="U18366" i="1"/>
  <c r="U18365" i="1"/>
  <c r="U18364" i="1"/>
  <c r="U18363" i="1"/>
  <c r="U18362" i="1"/>
  <c r="U18361" i="1"/>
  <c r="U18360" i="1"/>
  <c r="U18359" i="1"/>
  <c r="U18358" i="1"/>
  <c r="U18357" i="1"/>
  <c r="U18356" i="1"/>
  <c r="U18355" i="1"/>
  <c r="U18354" i="1"/>
  <c r="U18353" i="1"/>
  <c r="U18352" i="1"/>
  <c r="U18351" i="1"/>
  <c r="U18350" i="1"/>
  <c r="U18349" i="1"/>
  <c r="U18348" i="1"/>
  <c r="U18347" i="1"/>
  <c r="U18346" i="1"/>
  <c r="U18345" i="1"/>
  <c r="U18344" i="1"/>
  <c r="U18343" i="1"/>
  <c r="U18342" i="1"/>
  <c r="U18341" i="1"/>
  <c r="U18340" i="1"/>
  <c r="U18339" i="1"/>
  <c r="U18338" i="1"/>
  <c r="U18337" i="1"/>
  <c r="U18336" i="1"/>
  <c r="U18335" i="1"/>
  <c r="U18334" i="1"/>
  <c r="U18333" i="1"/>
  <c r="U18332" i="1"/>
  <c r="U18331" i="1"/>
  <c r="U18330" i="1"/>
  <c r="U18329" i="1"/>
  <c r="U18328" i="1"/>
  <c r="U18327" i="1"/>
  <c r="U18326" i="1"/>
  <c r="U18325" i="1"/>
  <c r="U18324" i="1"/>
  <c r="U18323" i="1"/>
  <c r="U18322" i="1"/>
  <c r="U18321" i="1"/>
  <c r="U18320" i="1"/>
  <c r="U18319" i="1"/>
  <c r="U18318" i="1"/>
  <c r="U18317" i="1"/>
  <c r="U18316" i="1"/>
  <c r="U18315" i="1"/>
  <c r="U18314" i="1"/>
  <c r="U18313" i="1"/>
  <c r="U18312" i="1"/>
  <c r="U18311" i="1"/>
  <c r="U18310" i="1"/>
  <c r="U18309" i="1"/>
  <c r="U18308" i="1"/>
  <c r="U18307" i="1"/>
  <c r="U18306" i="1"/>
  <c r="U18305" i="1"/>
  <c r="U18304" i="1"/>
  <c r="U18303" i="1"/>
  <c r="U18302" i="1"/>
  <c r="U18301" i="1"/>
  <c r="U18300" i="1"/>
  <c r="U18299" i="1"/>
  <c r="U18298" i="1"/>
  <c r="U18297" i="1"/>
  <c r="U18296" i="1"/>
  <c r="U18295" i="1"/>
  <c r="U18294" i="1"/>
  <c r="U18293" i="1"/>
  <c r="U18292" i="1"/>
  <c r="U18291" i="1"/>
  <c r="U18290" i="1"/>
  <c r="U18289" i="1"/>
  <c r="U18288" i="1"/>
  <c r="U18287" i="1"/>
  <c r="U18286" i="1"/>
  <c r="U18285" i="1"/>
  <c r="U18284" i="1"/>
  <c r="U18283" i="1"/>
  <c r="U18282" i="1"/>
  <c r="U18281" i="1"/>
  <c r="U18280" i="1"/>
  <c r="U18279" i="1"/>
  <c r="U18278" i="1"/>
  <c r="U18277" i="1"/>
  <c r="U18276" i="1"/>
  <c r="U18275" i="1"/>
  <c r="U18274" i="1"/>
  <c r="U18273" i="1"/>
  <c r="U18272" i="1"/>
  <c r="U18271" i="1"/>
  <c r="U18270" i="1"/>
  <c r="U18269" i="1"/>
  <c r="U18268" i="1"/>
  <c r="U18267" i="1"/>
  <c r="U18266" i="1"/>
  <c r="U18265" i="1"/>
  <c r="U18264" i="1"/>
  <c r="U18263" i="1"/>
  <c r="U18262" i="1"/>
  <c r="U18261" i="1"/>
  <c r="U18260" i="1"/>
  <c r="U18259" i="1"/>
  <c r="U18258" i="1"/>
  <c r="U18257" i="1"/>
  <c r="U18256" i="1"/>
  <c r="U18255" i="1"/>
  <c r="U18254" i="1"/>
  <c r="U18253" i="1"/>
  <c r="U18252" i="1"/>
  <c r="U18251" i="1"/>
  <c r="U18250" i="1"/>
  <c r="U18249" i="1"/>
  <c r="U18248" i="1"/>
  <c r="U18247" i="1"/>
  <c r="U18246" i="1"/>
  <c r="U18245" i="1"/>
  <c r="U18244" i="1"/>
  <c r="U18243" i="1"/>
  <c r="U18242" i="1"/>
  <c r="U18241" i="1"/>
  <c r="U18240" i="1"/>
  <c r="U18239" i="1"/>
  <c r="U18238" i="1"/>
  <c r="U18237" i="1"/>
  <c r="U18236" i="1"/>
  <c r="U18235" i="1"/>
  <c r="U18234" i="1"/>
  <c r="U18233" i="1"/>
  <c r="U18232" i="1"/>
  <c r="U18231" i="1"/>
  <c r="U18230" i="1"/>
  <c r="U18229" i="1"/>
  <c r="U18228" i="1"/>
  <c r="U18227" i="1"/>
  <c r="U18226" i="1"/>
  <c r="U18225" i="1"/>
  <c r="U18224" i="1"/>
  <c r="U18223" i="1"/>
  <c r="U18222" i="1"/>
  <c r="U18221" i="1"/>
  <c r="U18220" i="1"/>
  <c r="U18219" i="1"/>
  <c r="U18218" i="1"/>
  <c r="U18217" i="1"/>
  <c r="U18216" i="1"/>
  <c r="U18215" i="1"/>
  <c r="U18214" i="1"/>
  <c r="U18213" i="1"/>
  <c r="U18212" i="1"/>
  <c r="U18211" i="1"/>
  <c r="U18210" i="1"/>
  <c r="U18209" i="1"/>
  <c r="U18208" i="1"/>
  <c r="U18207" i="1"/>
  <c r="U18206" i="1"/>
  <c r="U18205" i="1"/>
  <c r="U18204" i="1"/>
  <c r="U18203" i="1"/>
  <c r="U18202" i="1"/>
  <c r="U18201" i="1"/>
  <c r="U18200" i="1"/>
  <c r="U18199" i="1"/>
  <c r="U18198" i="1"/>
  <c r="U18197" i="1"/>
  <c r="U18196" i="1"/>
  <c r="U18195" i="1"/>
  <c r="U18194" i="1"/>
  <c r="U18193" i="1"/>
  <c r="U18192" i="1"/>
  <c r="U18191" i="1"/>
  <c r="U18190" i="1"/>
  <c r="U18189" i="1"/>
  <c r="U18188" i="1"/>
  <c r="U18187" i="1"/>
  <c r="U18186" i="1"/>
  <c r="U18185" i="1"/>
  <c r="U18184" i="1"/>
  <c r="U18183" i="1"/>
  <c r="U18182" i="1"/>
  <c r="U18181" i="1"/>
  <c r="U18180" i="1"/>
  <c r="U18179" i="1"/>
  <c r="U18178" i="1"/>
  <c r="U18177" i="1"/>
  <c r="U18176" i="1"/>
  <c r="U18175" i="1"/>
  <c r="U18174" i="1"/>
  <c r="U18173" i="1"/>
  <c r="U18172" i="1"/>
  <c r="U18171" i="1"/>
  <c r="U18170" i="1"/>
  <c r="U18169" i="1"/>
  <c r="U18168" i="1"/>
  <c r="U18167" i="1"/>
  <c r="U18166" i="1"/>
  <c r="U18165" i="1"/>
  <c r="U18164" i="1"/>
  <c r="U18163" i="1"/>
  <c r="U18162" i="1"/>
  <c r="U18161" i="1"/>
  <c r="U18160" i="1"/>
  <c r="U18159" i="1"/>
  <c r="U18158" i="1"/>
  <c r="U18157" i="1"/>
  <c r="U18156" i="1"/>
  <c r="U18155" i="1"/>
  <c r="U18154" i="1"/>
  <c r="U18153" i="1"/>
  <c r="U18152" i="1"/>
  <c r="U18151" i="1"/>
  <c r="U18150" i="1"/>
  <c r="U18149" i="1"/>
  <c r="U18148" i="1"/>
  <c r="U18147" i="1"/>
  <c r="U18146" i="1"/>
  <c r="U18145" i="1"/>
  <c r="U18144" i="1"/>
  <c r="U18143" i="1"/>
  <c r="U18142" i="1"/>
  <c r="U18141" i="1"/>
  <c r="U18140" i="1"/>
  <c r="U18139" i="1"/>
  <c r="U18138" i="1"/>
  <c r="U18137" i="1"/>
  <c r="U18136" i="1"/>
  <c r="U18135" i="1"/>
  <c r="U18134" i="1"/>
  <c r="U18133" i="1"/>
  <c r="U18132" i="1"/>
  <c r="U18131" i="1"/>
  <c r="U18130" i="1"/>
  <c r="U18129" i="1"/>
  <c r="U18128" i="1"/>
  <c r="U18127" i="1"/>
  <c r="U18126" i="1"/>
  <c r="U18125" i="1"/>
  <c r="U18124" i="1"/>
  <c r="U18123" i="1"/>
  <c r="U18122" i="1"/>
  <c r="U18121" i="1"/>
  <c r="U18120" i="1"/>
  <c r="U18119" i="1"/>
  <c r="U18118" i="1"/>
  <c r="U18117" i="1"/>
  <c r="U18116" i="1"/>
  <c r="U18115" i="1"/>
  <c r="U18114" i="1"/>
  <c r="U18113" i="1"/>
  <c r="U18112" i="1"/>
  <c r="U18111" i="1"/>
  <c r="U18110" i="1"/>
  <c r="U18109" i="1"/>
  <c r="U18108" i="1"/>
  <c r="U18107" i="1"/>
  <c r="U18106" i="1"/>
  <c r="U18105" i="1"/>
  <c r="U18104" i="1"/>
  <c r="U18103" i="1"/>
  <c r="U18102" i="1"/>
  <c r="U18101" i="1"/>
  <c r="U18100" i="1"/>
  <c r="U18099" i="1"/>
  <c r="U18098" i="1"/>
  <c r="U18097" i="1"/>
  <c r="U18096" i="1"/>
  <c r="U18095" i="1"/>
  <c r="U18094" i="1"/>
  <c r="U18093" i="1"/>
  <c r="U18092" i="1"/>
  <c r="U18091" i="1"/>
  <c r="U18090" i="1"/>
  <c r="U18089" i="1"/>
  <c r="U18088" i="1"/>
  <c r="U18087" i="1"/>
  <c r="U18086" i="1"/>
  <c r="U18085" i="1"/>
  <c r="U18084" i="1"/>
  <c r="U18083" i="1"/>
  <c r="U18082" i="1"/>
  <c r="U18081" i="1"/>
  <c r="U18080" i="1"/>
  <c r="U18079" i="1"/>
  <c r="U18078" i="1"/>
  <c r="U18077" i="1"/>
  <c r="U18076" i="1"/>
  <c r="U18075" i="1"/>
  <c r="U18074" i="1"/>
  <c r="U18073" i="1"/>
  <c r="U18072" i="1"/>
  <c r="U18071" i="1"/>
  <c r="U18070" i="1"/>
  <c r="U18069" i="1"/>
  <c r="U18068" i="1"/>
  <c r="U18067" i="1"/>
  <c r="U18066" i="1"/>
  <c r="U18065" i="1"/>
  <c r="U18064" i="1"/>
  <c r="U18063" i="1"/>
  <c r="U18062" i="1"/>
  <c r="U18061" i="1"/>
  <c r="U18060" i="1"/>
  <c r="U18059" i="1"/>
  <c r="U18058" i="1"/>
  <c r="U18057" i="1"/>
  <c r="U18056" i="1"/>
  <c r="U18055" i="1"/>
  <c r="U18054" i="1"/>
  <c r="U18053" i="1"/>
  <c r="U18052" i="1"/>
  <c r="U18051" i="1"/>
  <c r="U18050" i="1"/>
  <c r="U18049" i="1"/>
  <c r="U18048" i="1"/>
  <c r="U18047" i="1"/>
  <c r="U18046" i="1"/>
  <c r="U18045" i="1"/>
  <c r="U18044" i="1"/>
  <c r="U18043" i="1"/>
  <c r="U18042" i="1"/>
  <c r="U18041" i="1"/>
  <c r="U18040" i="1"/>
  <c r="U18039" i="1"/>
  <c r="U18038" i="1"/>
  <c r="U18037" i="1"/>
  <c r="U18036" i="1"/>
  <c r="U18035" i="1"/>
  <c r="U18034" i="1"/>
  <c r="U18033" i="1"/>
  <c r="U18032" i="1"/>
  <c r="U18031" i="1"/>
  <c r="U18030" i="1"/>
  <c r="U18029" i="1"/>
  <c r="U18028" i="1"/>
  <c r="U18027" i="1"/>
  <c r="U18026" i="1"/>
  <c r="U18025" i="1"/>
  <c r="U18024" i="1"/>
  <c r="U18023" i="1"/>
  <c r="U18022" i="1"/>
  <c r="U18021" i="1"/>
  <c r="U18020" i="1"/>
  <c r="U18019" i="1"/>
  <c r="U18018" i="1"/>
  <c r="U18017" i="1"/>
  <c r="U18016" i="1"/>
  <c r="U18015" i="1"/>
  <c r="U18014" i="1"/>
  <c r="U18013" i="1"/>
  <c r="U18012" i="1"/>
  <c r="U18011" i="1"/>
  <c r="U18010" i="1"/>
  <c r="U18009" i="1"/>
  <c r="U18008" i="1"/>
  <c r="U18007" i="1"/>
  <c r="U18006" i="1"/>
  <c r="U18005" i="1"/>
  <c r="U18004" i="1"/>
  <c r="U18003" i="1"/>
  <c r="U18002" i="1"/>
  <c r="U18001" i="1"/>
  <c r="U18000" i="1"/>
  <c r="U17999" i="1"/>
  <c r="U17998" i="1"/>
  <c r="U17997" i="1"/>
  <c r="U17996" i="1"/>
  <c r="U17995" i="1"/>
  <c r="U17994" i="1"/>
  <c r="U17993" i="1"/>
  <c r="U17992" i="1"/>
  <c r="U17991" i="1"/>
  <c r="U17990" i="1"/>
  <c r="U17989" i="1"/>
  <c r="U17988" i="1"/>
  <c r="U17987" i="1"/>
  <c r="U17986" i="1"/>
  <c r="U17985" i="1"/>
  <c r="U17984" i="1"/>
  <c r="U17983" i="1"/>
  <c r="U17982" i="1"/>
  <c r="U17981" i="1"/>
  <c r="U17980" i="1"/>
  <c r="U17979" i="1"/>
  <c r="U17978" i="1"/>
  <c r="U17977" i="1"/>
  <c r="U17976" i="1"/>
  <c r="U17975" i="1"/>
  <c r="U17974" i="1"/>
  <c r="U17973" i="1"/>
  <c r="U17972" i="1"/>
  <c r="U17971" i="1"/>
  <c r="U17970" i="1"/>
  <c r="U17969" i="1"/>
  <c r="U17968" i="1"/>
  <c r="U17967" i="1"/>
  <c r="U17966" i="1"/>
  <c r="U17965" i="1"/>
  <c r="U17964" i="1"/>
  <c r="U17963" i="1"/>
  <c r="U17962" i="1"/>
  <c r="U17961" i="1"/>
  <c r="U17960" i="1"/>
  <c r="U17959" i="1"/>
  <c r="U17958" i="1"/>
  <c r="U17957" i="1"/>
  <c r="U17956" i="1"/>
  <c r="U17955" i="1"/>
  <c r="U17954" i="1"/>
  <c r="U17953" i="1"/>
  <c r="U17952" i="1"/>
  <c r="U17951" i="1"/>
  <c r="U17950" i="1"/>
  <c r="U17949" i="1"/>
  <c r="U17948" i="1"/>
  <c r="U17947" i="1"/>
  <c r="U17946" i="1"/>
  <c r="U17945" i="1"/>
  <c r="U17944" i="1"/>
  <c r="U17943" i="1"/>
  <c r="U17942" i="1"/>
  <c r="U17941" i="1"/>
  <c r="U17940" i="1"/>
  <c r="U17939" i="1"/>
  <c r="U17938" i="1"/>
  <c r="U17937" i="1"/>
  <c r="U17936" i="1"/>
  <c r="U17935" i="1"/>
  <c r="U17934" i="1"/>
  <c r="U17933" i="1"/>
  <c r="U17932" i="1"/>
  <c r="U17931" i="1"/>
  <c r="U17930" i="1"/>
  <c r="U17929" i="1"/>
  <c r="U17928" i="1"/>
  <c r="U17927" i="1"/>
  <c r="U17926" i="1"/>
  <c r="U17925" i="1"/>
  <c r="U17924" i="1"/>
  <c r="U17923" i="1"/>
  <c r="U17922" i="1"/>
  <c r="U17921" i="1"/>
  <c r="U17920" i="1"/>
  <c r="U17919" i="1"/>
  <c r="U17918" i="1"/>
  <c r="U17917" i="1"/>
  <c r="U17916" i="1"/>
  <c r="U17915" i="1"/>
  <c r="U17914" i="1"/>
  <c r="U17913" i="1"/>
  <c r="U17912" i="1"/>
  <c r="U17911" i="1"/>
  <c r="U17910" i="1"/>
  <c r="U17909" i="1"/>
  <c r="U17908" i="1"/>
  <c r="U17907" i="1"/>
  <c r="U17906" i="1"/>
  <c r="U17905" i="1"/>
  <c r="U17904" i="1"/>
  <c r="U17903" i="1"/>
  <c r="U17902" i="1"/>
  <c r="U17901" i="1"/>
  <c r="U17900" i="1"/>
  <c r="U17899" i="1"/>
  <c r="U17898" i="1"/>
  <c r="U17897" i="1"/>
  <c r="U17896" i="1"/>
  <c r="U17895" i="1"/>
  <c r="U17894" i="1"/>
  <c r="U17893" i="1"/>
  <c r="U17892" i="1"/>
  <c r="U17891" i="1"/>
  <c r="U17890" i="1"/>
  <c r="U17889" i="1"/>
  <c r="U17888" i="1"/>
  <c r="U17887" i="1"/>
  <c r="U17886" i="1"/>
  <c r="U17885" i="1"/>
  <c r="U17884" i="1"/>
  <c r="U17883" i="1"/>
  <c r="U17882" i="1"/>
  <c r="U17881" i="1"/>
  <c r="U17880" i="1"/>
  <c r="U17879" i="1"/>
  <c r="U17878" i="1"/>
  <c r="U17877" i="1"/>
  <c r="U17876" i="1"/>
  <c r="U17875" i="1"/>
  <c r="U17874" i="1"/>
  <c r="U17873" i="1"/>
  <c r="U17872" i="1"/>
  <c r="U17871" i="1"/>
  <c r="U17870" i="1"/>
  <c r="U17869" i="1"/>
  <c r="U17868" i="1"/>
  <c r="U17867" i="1"/>
  <c r="U17866" i="1"/>
  <c r="U17865" i="1"/>
  <c r="U17864" i="1"/>
  <c r="U17863" i="1"/>
  <c r="U17862" i="1"/>
  <c r="U17861" i="1"/>
  <c r="U17860" i="1"/>
  <c r="U17859" i="1"/>
  <c r="U17858" i="1"/>
  <c r="U17857" i="1"/>
  <c r="U17856" i="1"/>
  <c r="U17855" i="1"/>
  <c r="U17854" i="1"/>
  <c r="U17853" i="1"/>
  <c r="U17852" i="1"/>
  <c r="U17851" i="1"/>
  <c r="U17850" i="1"/>
  <c r="U17849" i="1"/>
  <c r="U17848" i="1"/>
  <c r="U17847" i="1"/>
  <c r="U17846" i="1"/>
  <c r="U17845" i="1"/>
  <c r="U17844" i="1"/>
  <c r="U17843" i="1"/>
  <c r="U17842" i="1"/>
  <c r="U17841" i="1"/>
  <c r="U17840" i="1"/>
  <c r="U17839" i="1"/>
  <c r="U17838" i="1"/>
  <c r="U17837" i="1"/>
  <c r="U17836" i="1"/>
  <c r="U17835" i="1"/>
  <c r="U17834" i="1"/>
  <c r="U17833" i="1"/>
  <c r="U17832" i="1"/>
  <c r="U17831" i="1"/>
  <c r="U17830" i="1"/>
  <c r="U17829" i="1"/>
  <c r="U17828" i="1"/>
  <c r="U17827" i="1"/>
  <c r="U17826" i="1"/>
  <c r="U17825" i="1"/>
  <c r="U17824" i="1"/>
  <c r="U17823" i="1"/>
  <c r="U17822" i="1"/>
  <c r="U17821" i="1"/>
  <c r="U17820" i="1"/>
  <c r="U17819" i="1"/>
  <c r="U17818" i="1"/>
  <c r="U17817" i="1"/>
  <c r="U17816" i="1"/>
  <c r="U17815" i="1"/>
  <c r="U17814" i="1"/>
  <c r="U17813" i="1"/>
  <c r="U17812" i="1"/>
  <c r="U17811" i="1"/>
  <c r="U17810" i="1"/>
  <c r="U17809" i="1"/>
  <c r="U17808" i="1"/>
  <c r="U17807" i="1"/>
  <c r="U17806" i="1"/>
  <c r="U17805" i="1"/>
  <c r="U17804" i="1"/>
  <c r="U17803" i="1"/>
  <c r="U17802" i="1"/>
  <c r="U17801" i="1"/>
  <c r="U17800" i="1"/>
  <c r="U17799" i="1"/>
  <c r="U17798" i="1"/>
  <c r="U17797" i="1"/>
  <c r="U17796" i="1"/>
  <c r="U17795" i="1"/>
  <c r="U17794" i="1"/>
  <c r="U17793" i="1"/>
  <c r="U17792" i="1"/>
  <c r="U17791" i="1"/>
  <c r="U17790" i="1"/>
  <c r="U17789" i="1"/>
  <c r="U17788" i="1"/>
  <c r="U17787" i="1"/>
  <c r="U17786" i="1"/>
  <c r="U17785" i="1"/>
  <c r="U17784" i="1"/>
  <c r="U17783" i="1"/>
  <c r="U17782" i="1"/>
  <c r="U17781" i="1"/>
  <c r="U17780" i="1"/>
  <c r="U17779" i="1"/>
  <c r="U17778" i="1"/>
  <c r="U17777" i="1"/>
  <c r="U17776" i="1"/>
  <c r="U17775" i="1"/>
  <c r="U17774" i="1"/>
  <c r="U17773" i="1"/>
  <c r="U17772" i="1"/>
  <c r="U17771" i="1"/>
  <c r="U17770" i="1"/>
  <c r="U17769" i="1"/>
  <c r="U17768" i="1"/>
  <c r="U17767" i="1"/>
  <c r="U17766" i="1"/>
  <c r="U17765" i="1"/>
  <c r="U17764" i="1"/>
  <c r="U17763" i="1"/>
  <c r="U17762" i="1"/>
  <c r="U17761" i="1"/>
  <c r="U17760" i="1"/>
  <c r="U17759" i="1"/>
  <c r="U17758" i="1"/>
  <c r="U17757" i="1"/>
  <c r="U17756" i="1"/>
  <c r="U17755" i="1"/>
  <c r="U17754" i="1"/>
  <c r="U17753" i="1"/>
  <c r="U17752" i="1"/>
  <c r="U17751" i="1"/>
  <c r="U17750" i="1"/>
  <c r="U17749" i="1"/>
  <c r="U17748" i="1"/>
  <c r="U17747" i="1"/>
  <c r="U17746" i="1"/>
  <c r="U17745" i="1"/>
  <c r="U17744" i="1"/>
  <c r="U17743" i="1"/>
  <c r="U17742" i="1"/>
  <c r="U17741" i="1"/>
  <c r="U17740" i="1"/>
  <c r="U17739" i="1"/>
  <c r="U17738" i="1"/>
  <c r="U17737" i="1"/>
  <c r="U17736" i="1"/>
  <c r="U17735" i="1"/>
  <c r="U17734" i="1"/>
  <c r="U17733" i="1"/>
  <c r="U17732" i="1"/>
  <c r="U17731" i="1"/>
  <c r="U17730" i="1"/>
  <c r="U17729" i="1"/>
  <c r="U17728" i="1"/>
  <c r="U17727" i="1"/>
  <c r="U17726" i="1"/>
  <c r="U17725" i="1"/>
  <c r="U17724" i="1"/>
  <c r="U17723" i="1"/>
  <c r="U17722" i="1"/>
  <c r="U17721" i="1"/>
  <c r="U17720" i="1"/>
  <c r="U17719" i="1"/>
  <c r="U17718" i="1"/>
  <c r="U17717" i="1"/>
  <c r="U17716" i="1"/>
  <c r="U17715" i="1"/>
  <c r="U17714" i="1"/>
  <c r="U17713" i="1"/>
  <c r="U17712" i="1"/>
  <c r="U17711" i="1"/>
  <c r="U17710" i="1"/>
  <c r="U17709" i="1"/>
  <c r="U17708" i="1"/>
  <c r="U17707" i="1"/>
  <c r="U17706" i="1"/>
  <c r="U17705" i="1"/>
  <c r="U17704" i="1"/>
  <c r="U17703" i="1"/>
  <c r="U17702" i="1"/>
  <c r="U17701" i="1"/>
  <c r="U17700" i="1"/>
  <c r="U17699" i="1"/>
  <c r="U17698" i="1"/>
  <c r="U17697" i="1"/>
  <c r="U17696" i="1"/>
  <c r="U17695" i="1"/>
  <c r="U17694" i="1"/>
  <c r="U17693" i="1"/>
  <c r="U17692" i="1"/>
  <c r="U17691" i="1"/>
  <c r="U17690" i="1"/>
  <c r="U17689" i="1"/>
  <c r="U17688" i="1"/>
  <c r="U17687" i="1"/>
  <c r="U17686" i="1"/>
  <c r="U17685" i="1"/>
  <c r="U17684" i="1"/>
  <c r="U17683" i="1"/>
  <c r="U17682" i="1"/>
  <c r="U17681" i="1"/>
  <c r="U17680" i="1"/>
  <c r="U17679" i="1"/>
  <c r="U17678" i="1"/>
  <c r="U17677" i="1"/>
  <c r="U17676" i="1"/>
  <c r="U17675" i="1"/>
  <c r="U17674" i="1"/>
  <c r="U17673" i="1"/>
  <c r="U17672" i="1"/>
  <c r="U17671" i="1"/>
  <c r="U17670" i="1"/>
  <c r="U17669" i="1"/>
  <c r="U17668" i="1"/>
  <c r="U17667" i="1"/>
  <c r="U17666" i="1"/>
  <c r="U17665" i="1"/>
  <c r="U17664" i="1"/>
  <c r="U17663" i="1"/>
  <c r="U17662" i="1"/>
  <c r="U17661" i="1"/>
  <c r="U17660" i="1"/>
  <c r="U17659" i="1"/>
  <c r="U17658" i="1"/>
  <c r="U17657" i="1"/>
  <c r="U17656" i="1"/>
  <c r="U17655" i="1"/>
  <c r="U17654" i="1"/>
  <c r="U17653" i="1"/>
  <c r="U17652" i="1"/>
  <c r="U17651" i="1"/>
  <c r="U17650" i="1"/>
  <c r="U17649" i="1"/>
  <c r="U17648" i="1"/>
  <c r="U17647" i="1"/>
  <c r="U17646" i="1"/>
  <c r="U17645" i="1"/>
  <c r="U17644" i="1"/>
  <c r="U17643" i="1"/>
  <c r="U17642" i="1"/>
  <c r="U17641" i="1"/>
  <c r="U17640" i="1"/>
  <c r="U17639" i="1"/>
  <c r="U17638" i="1"/>
  <c r="U17637" i="1"/>
  <c r="U17636" i="1"/>
  <c r="U17635" i="1"/>
  <c r="U17634" i="1"/>
  <c r="U17633" i="1"/>
  <c r="U17632" i="1"/>
  <c r="U17631" i="1"/>
  <c r="U17630" i="1"/>
  <c r="U17629" i="1"/>
  <c r="U17628" i="1"/>
  <c r="U17627" i="1"/>
  <c r="U17626" i="1"/>
  <c r="U17625" i="1"/>
  <c r="U17624" i="1"/>
  <c r="U17623" i="1"/>
  <c r="U17622" i="1"/>
  <c r="U17621" i="1"/>
  <c r="U17620" i="1"/>
  <c r="U17619" i="1"/>
  <c r="U17618" i="1"/>
  <c r="U17617" i="1"/>
  <c r="U17616" i="1"/>
  <c r="U17615" i="1"/>
  <c r="U17614" i="1"/>
  <c r="U17613" i="1"/>
  <c r="U17612" i="1"/>
  <c r="U17611" i="1"/>
  <c r="U17610" i="1"/>
  <c r="U17609" i="1"/>
  <c r="U17608" i="1"/>
  <c r="U17607" i="1"/>
  <c r="U17606" i="1"/>
  <c r="U17605" i="1"/>
  <c r="U17604" i="1"/>
  <c r="U17603" i="1"/>
  <c r="U17602" i="1"/>
  <c r="U17601" i="1"/>
  <c r="U17600" i="1"/>
  <c r="U17599" i="1"/>
  <c r="U17598" i="1"/>
  <c r="U17597" i="1"/>
  <c r="U17596" i="1"/>
  <c r="U17595" i="1"/>
  <c r="U17594" i="1"/>
  <c r="U17593" i="1"/>
  <c r="U17592" i="1"/>
  <c r="U17591" i="1"/>
  <c r="U17590" i="1"/>
  <c r="U17589" i="1"/>
  <c r="U17588" i="1"/>
  <c r="U17587" i="1"/>
  <c r="U17586" i="1"/>
  <c r="U17585" i="1"/>
  <c r="U17584" i="1"/>
  <c r="U17583" i="1"/>
  <c r="U17582" i="1"/>
  <c r="U17581" i="1"/>
  <c r="U17580" i="1"/>
  <c r="U17579" i="1"/>
  <c r="U17578" i="1"/>
  <c r="U17577" i="1"/>
  <c r="U17576" i="1"/>
  <c r="U17575" i="1"/>
  <c r="U17574" i="1"/>
  <c r="U17573" i="1"/>
  <c r="U17572" i="1"/>
  <c r="U17571" i="1"/>
  <c r="U17570" i="1"/>
  <c r="U17569" i="1"/>
  <c r="U17568" i="1"/>
  <c r="U17567" i="1"/>
  <c r="U17566" i="1"/>
  <c r="U17565" i="1"/>
  <c r="U17564" i="1"/>
  <c r="U17563" i="1"/>
  <c r="U17562" i="1"/>
  <c r="U17561" i="1"/>
  <c r="U17560" i="1"/>
  <c r="U17559" i="1"/>
  <c r="U17558" i="1"/>
  <c r="U17557" i="1"/>
  <c r="U17556" i="1"/>
  <c r="U17555" i="1"/>
  <c r="U17554" i="1"/>
  <c r="U17553" i="1"/>
  <c r="U17552" i="1"/>
  <c r="U17551" i="1"/>
  <c r="U17550" i="1"/>
  <c r="U17549" i="1"/>
  <c r="U17548" i="1"/>
  <c r="U17547" i="1"/>
  <c r="U17546" i="1"/>
  <c r="U17545" i="1"/>
  <c r="U17544" i="1"/>
  <c r="U17543" i="1"/>
  <c r="U17542" i="1"/>
  <c r="U17541" i="1"/>
  <c r="U17540" i="1"/>
  <c r="U17539" i="1"/>
  <c r="U17538" i="1"/>
  <c r="U17537" i="1"/>
  <c r="U17536" i="1"/>
  <c r="U17535" i="1"/>
  <c r="U17534" i="1"/>
  <c r="U17533" i="1"/>
  <c r="U17532" i="1"/>
  <c r="U17531" i="1"/>
  <c r="U17530" i="1"/>
  <c r="U17529" i="1"/>
  <c r="U17528" i="1"/>
  <c r="U17527" i="1"/>
  <c r="U17526" i="1"/>
  <c r="U17525" i="1"/>
  <c r="U17524" i="1"/>
  <c r="U17523" i="1"/>
  <c r="U17522" i="1"/>
  <c r="U17521" i="1"/>
  <c r="U17520" i="1"/>
  <c r="U17519" i="1"/>
  <c r="U17518" i="1"/>
  <c r="U17517" i="1"/>
  <c r="U17516" i="1"/>
  <c r="U17515" i="1"/>
  <c r="U17514" i="1"/>
  <c r="U17513" i="1"/>
  <c r="U17512" i="1"/>
  <c r="U17511" i="1"/>
  <c r="U17510" i="1"/>
  <c r="U17509" i="1"/>
  <c r="U17508" i="1"/>
  <c r="U17507" i="1"/>
  <c r="U17506" i="1"/>
  <c r="U17505" i="1"/>
  <c r="U17504" i="1"/>
  <c r="U17503" i="1"/>
  <c r="U17502" i="1"/>
  <c r="U17501" i="1"/>
  <c r="U17500" i="1"/>
  <c r="U17499" i="1"/>
  <c r="U17498" i="1"/>
  <c r="U17497" i="1"/>
  <c r="U17496" i="1"/>
  <c r="U17495" i="1"/>
  <c r="U17494" i="1"/>
  <c r="U17493" i="1"/>
  <c r="U17492" i="1"/>
  <c r="U17491" i="1"/>
  <c r="U17490" i="1"/>
  <c r="U17489" i="1"/>
  <c r="U17488" i="1"/>
  <c r="U17487" i="1"/>
  <c r="U17486" i="1"/>
  <c r="U17485" i="1"/>
  <c r="U17484" i="1"/>
  <c r="U17483" i="1"/>
  <c r="U17482" i="1"/>
  <c r="U17481" i="1"/>
  <c r="U17480" i="1"/>
  <c r="U17479" i="1"/>
  <c r="U17478" i="1"/>
  <c r="U17477" i="1"/>
  <c r="U17476" i="1"/>
  <c r="U17475" i="1"/>
  <c r="U17474" i="1"/>
  <c r="U17473" i="1"/>
  <c r="U17472" i="1"/>
  <c r="U17471" i="1"/>
  <c r="U17470" i="1"/>
  <c r="U17469" i="1"/>
  <c r="U17468" i="1"/>
  <c r="U17467" i="1"/>
  <c r="U17466" i="1"/>
  <c r="U17465" i="1"/>
  <c r="U17464" i="1"/>
  <c r="U17463" i="1"/>
  <c r="U17462" i="1"/>
  <c r="U17461" i="1"/>
  <c r="U17460" i="1"/>
  <c r="U17459" i="1"/>
  <c r="U17458" i="1"/>
  <c r="U17457" i="1"/>
  <c r="U17456" i="1"/>
  <c r="U17455" i="1"/>
  <c r="U17454" i="1"/>
  <c r="U17453" i="1"/>
  <c r="U17452" i="1"/>
  <c r="U17451" i="1"/>
  <c r="U17450" i="1"/>
  <c r="U17449" i="1"/>
  <c r="U17448" i="1"/>
  <c r="U17447" i="1"/>
  <c r="U17446" i="1"/>
  <c r="U17445" i="1"/>
  <c r="U17444" i="1"/>
  <c r="U17443" i="1"/>
  <c r="U17442" i="1"/>
  <c r="U17441" i="1"/>
  <c r="U17440" i="1"/>
  <c r="U17439" i="1"/>
  <c r="U17438" i="1"/>
  <c r="U17437" i="1"/>
  <c r="U17436" i="1"/>
  <c r="U17435" i="1"/>
  <c r="U17434" i="1"/>
  <c r="U17433" i="1"/>
  <c r="U17432" i="1"/>
  <c r="U17431" i="1"/>
  <c r="U17430" i="1"/>
  <c r="U17429" i="1"/>
  <c r="U17428" i="1"/>
  <c r="U17427" i="1"/>
  <c r="U17426" i="1"/>
  <c r="U17425" i="1"/>
  <c r="U17424" i="1"/>
  <c r="U17423" i="1"/>
  <c r="U17422" i="1"/>
  <c r="U17421" i="1"/>
  <c r="U17420" i="1"/>
  <c r="U17419" i="1"/>
  <c r="U17418" i="1"/>
  <c r="U17417" i="1"/>
  <c r="U17416" i="1"/>
  <c r="U17415" i="1"/>
  <c r="U17414" i="1"/>
  <c r="U17413" i="1"/>
  <c r="U17412" i="1"/>
  <c r="U17411" i="1"/>
  <c r="U17410" i="1"/>
  <c r="U17409" i="1"/>
  <c r="U17408" i="1"/>
  <c r="U17407" i="1"/>
  <c r="U17406" i="1"/>
  <c r="U17405" i="1"/>
  <c r="U17404" i="1"/>
  <c r="U17403" i="1"/>
  <c r="U17402" i="1"/>
  <c r="U17401" i="1"/>
  <c r="U17400" i="1"/>
  <c r="U17399" i="1"/>
  <c r="U17398" i="1"/>
  <c r="U17397" i="1"/>
  <c r="U17396" i="1"/>
  <c r="U17395" i="1"/>
  <c r="U17394" i="1"/>
  <c r="U17393" i="1"/>
  <c r="U17392" i="1"/>
  <c r="U17391" i="1"/>
  <c r="U17390" i="1"/>
  <c r="U17389" i="1"/>
  <c r="U17388" i="1"/>
  <c r="U17387" i="1"/>
  <c r="U17386" i="1"/>
  <c r="U17385" i="1"/>
  <c r="U17384" i="1"/>
  <c r="U17383" i="1"/>
  <c r="U17382" i="1"/>
  <c r="U17381" i="1"/>
  <c r="U17380" i="1"/>
  <c r="U17379" i="1"/>
  <c r="U17378" i="1"/>
  <c r="U17377" i="1"/>
  <c r="U17376" i="1"/>
  <c r="U17375" i="1"/>
  <c r="U17374" i="1"/>
  <c r="U17373" i="1"/>
  <c r="U17372" i="1"/>
  <c r="U17371" i="1"/>
  <c r="U17370" i="1"/>
  <c r="U17369" i="1"/>
  <c r="U17368" i="1"/>
  <c r="U17367" i="1"/>
  <c r="U17366" i="1"/>
  <c r="U17365" i="1"/>
  <c r="U17364" i="1"/>
  <c r="U17363" i="1"/>
  <c r="U17362" i="1"/>
  <c r="U17361" i="1"/>
  <c r="U17360" i="1"/>
  <c r="U17359" i="1"/>
  <c r="U17358" i="1"/>
  <c r="U17357" i="1"/>
  <c r="U17356" i="1"/>
  <c r="U17355" i="1"/>
  <c r="U17354" i="1"/>
  <c r="U17353" i="1"/>
  <c r="U17352" i="1"/>
  <c r="U17351" i="1"/>
  <c r="U17350" i="1"/>
  <c r="U17349" i="1"/>
  <c r="U17348" i="1"/>
  <c r="U17347" i="1"/>
  <c r="U17346" i="1"/>
  <c r="U17345" i="1"/>
  <c r="U17344" i="1"/>
  <c r="U17343" i="1"/>
  <c r="U17342" i="1"/>
  <c r="U17341" i="1"/>
  <c r="U17340" i="1"/>
  <c r="U17339" i="1"/>
  <c r="U17338" i="1"/>
  <c r="U17337" i="1"/>
  <c r="U17336" i="1"/>
  <c r="U17335" i="1"/>
  <c r="U17334" i="1"/>
  <c r="U17333" i="1"/>
  <c r="U17332" i="1"/>
  <c r="U17331" i="1"/>
  <c r="U17330" i="1"/>
  <c r="U17329" i="1"/>
  <c r="U17328" i="1"/>
  <c r="U17327" i="1"/>
  <c r="U17326" i="1"/>
  <c r="U17325" i="1"/>
  <c r="U17324" i="1"/>
  <c r="U17323" i="1"/>
  <c r="U17322" i="1"/>
  <c r="U17321" i="1"/>
  <c r="U17320" i="1"/>
  <c r="U17319" i="1"/>
  <c r="U17318" i="1"/>
  <c r="U17317" i="1"/>
  <c r="U17316" i="1"/>
  <c r="U17315" i="1"/>
  <c r="U17314" i="1"/>
  <c r="U17313" i="1"/>
  <c r="U17312" i="1"/>
  <c r="U17311" i="1"/>
  <c r="U17310" i="1"/>
  <c r="U17309" i="1"/>
  <c r="U17308" i="1"/>
  <c r="U17307" i="1"/>
  <c r="U17306" i="1"/>
  <c r="U17305" i="1"/>
  <c r="U17304" i="1"/>
  <c r="U17303" i="1"/>
  <c r="U17302" i="1"/>
  <c r="U17301" i="1"/>
  <c r="U17300" i="1"/>
  <c r="U17299" i="1"/>
  <c r="U17298" i="1"/>
  <c r="U17297" i="1"/>
  <c r="U17296" i="1"/>
  <c r="U17295" i="1"/>
  <c r="U17294" i="1"/>
  <c r="U17293" i="1"/>
  <c r="U17292" i="1"/>
  <c r="U17291" i="1"/>
  <c r="U17290" i="1"/>
  <c r="U17289" i="1"/>
  <c r="U17288" i="1"/>
  <c r="U17287" i="1"/>
  <c r="U17286" i="1"/>
  <c r="U17285" i="1"/>
  <c r="U17284" i="1"/>
  <c r="U17283" i="1"/>
  <c r="U17282" i="1"/>
  <c r="U17281" i="1"/>
  <c r="U17280" i="1"/>
  <c r="U17279" i="1"/>
  <c r="U17278" i="1"/>
  <c r="U17277" i="1"/>
  <c r="U17276" i="1"/>
  <c r="U17275" i="1"/>
  <c r="U17274" i="1"/>
  <c r="U17273" i="1"/>
  <c r="U17272" i="1"/>
  <c r="U17271" i="1"/>
  <c r="U17270" i="1"/>
  <c r="U17269" i="1"/>
  <c r="U17268" i="1"/>
  <c r="U17267" i="1"/>
  <c r="U17266" i="1"/>
  <c r="U17265" i="1"/>
  <c r="U17264" i="1"/>
  <c r="U17263" i="1"/>
  <c r="U17262" i="1"/>
  <c r="U17261" i="1"/>
  <c r="U17260" i="1"/>
  <c r="U17259" i="1"/>
  <c r="U17258" i="1"/>
  <c r="U17257" i="1"/>
  <c r="U17256" i="1"/>
  <c r="U17255" i="1"/>
  <c r="U17254" i="1"/>
  <c r="U17253" i="1"/>
  <c r="U17252" i="1"/>
  <c r="U17251" i="1"/>
  <c r="U17250" i="1"/>
  <c r="U17249" i="1"/>
  <c r="U17248" i="1"/>
  <c r="U17247" i="1"/>
  <c r="U17246" i="1"/>
  <c r="U17245" i="1"/>
  <c r="U17244" i="1"/>
  <c r="U17243" i="1"/>
  <c r="U17242" i="1"/>
  <c r="U17241" i="1"/>
  <c r="U17240" i="1"/>
  <c r="U17239" i="1"/>
  <c r="U17238" i="1"/>
  <c r="U17237" i="1"/>
  <c r="U17236" i="1"/>
  <c r="U17235" i="1"/>
  <c r="U17234" i="1"/>
  <c r="U17233" i="1"/>
  <c r="U17232" i="1"/>
  <c r="U17231" i="1"/>
  <c r="U17230" i="1"/>
  <c r="U17229" i="1"/>
  <c r="U17228" i="1"/>
  <c r="U17227" i="1"/>
  <c r="U17226" i="1"/>
  <c r="U17225" i="1"/>
  <c r="U17224" i="1"/>
  <c r="U17223" i="1"/>
  <c r="U17222" i="1"/>
  <c r="U17221" i="1"/>
  <c r="U17220" i="1"/>
  <c r="U17219" i="1"/>
  <c r="U17218" i="1"/>
  <c r="U17217" i="1"/>
  <c r="U17216" i="1"/>
  <c r="U17215" i="1"/>
  <c r="U17214" i="1"/>
  <c r="U17213" i="1"/>
  <c r="U17212" i="1"/>
  <c r="U17211" i="1"/>
  <c r="U17210" i="1"/>
  <c r="U17209" i="1"/>
  <c r="U17208" i="1"/>
  <c r="U17207" i="1"/>
  <c r="U17206" i="1"/>
  <c r="U17205" i="1"/>
  <c r="U17204" i="1"/>
  <c r="U17203" i="1"/>
  <c r="U17202" i="1"/>
  <c r="U17201" i="1"/>
  <c r="U17200" i="1"/>
  <c r="U17199" i="1"/>
  <c r="U17198" i="1"/>
  <c r="U17197" i="1"/>
  <c r="U17196" i="1"/>
  <c r="U17195" i="1"/>
  <c r="U17194" i="1"/>
  <c r="U17193" i="1"/>
  <c r="U17192" i="1"/>
  <c r="U17191" i="1"/>
  <c r="U17190" i="1"/>
  <c r="U17189" i="1"/>
  <c r="U17188" i="1"/>
  <c r="U17187" i="1"/>
  <c r="U17186" i="1"/>
  <c r="U17185" i="1"/>
  <c r="U17184" i="1"/>
  <c r="U17183" i="1"/>
  <c r="U17182" i="1"/>
  <c r="U17181" i="1"/>
  <c r="U17180" i="1"/>
  <c r="U17179" i="1"/>
  <c r="U17178" i="1"/>
  <c r="U17177" i="1"/>
  <c r="U17176" i="1"/>
  <c r="U17175" i="1"/>
  <c r="U17174" i="1"/>
  <c r="U17173" i="1"/>
  <c r="U17172" i="1"/>
  <c r="U17171" i="1"/>
  <c r="U17170" i="1"/>
  <c r="U17169" i="1"/>
  <c r="U17168" i="1"/>
  <c r="U17167" i="1"/>
  <c r="U17166" i="1"/>
  <c r="U17165" i="1"/>
  <c r="U17164" i="1"/>
  <c r="U17163" i="1"/>
  <c r="U17162" i="1"/>
  <c r="U17161" i="1"/>
  <c r="U17160" i="1"/>
  <c r="U17159" i="1"/>
  <c r="U17158" i="1"/>
  <c r="U17157" i="1"/>
  <c r="U17156" i="1"/>
  <c r="U17155" i="1"/>
  <c r="U17154" i="1"/>
  <c r="U17153" i="1"/>
  <c r="U17152" i="1"/>
  <c r="U17151" i="1"/>
  <c r="U17150" i="1"/>
  <c r="U17149" i="1"/>
  <c r="U17148" i="1"/>
  <c r="U17147" i="1"/>
  <c r="U17146" i="1"/>
  <c r="U17145" i="1"/>
  <c r="U17144" i="1"/>
  <c r="U17143" i="1"/>
  <c r="U17142" i="1"/>
  <c r="U17141" i="1"/>
  <c r="U17140" i="1"/>
  <c r="U17139" i="1"/>
  <c r="U17138" i="1"/>
  <c r="U17137" i="1"/>
  <c r="U17136" i="1"/>
  <c r="U17135" i="1"/>
  <c r="U17134" i="1"/>
  <c r="U17133" i="1"/>
  <c r="U17132" i="1"/>
  <c r="U17131" i="1"/>
  <c r="U17130" i="1"/>
  <c r="U17129" i="1"/>
  <c r="U17128" i="1"/>
  <c r="U17127" i="1"/>
  <c r="U17126" i="1"/>
  <c r="U17125" i="1"/>
  <c r="U17124" i="1"/>
  <c r="U17123" i="1"/>
  <c r="U17122" i="1"/>
  <c r="U17121" i="1"/>
  <c r="U17120" i="1"/>
  <c r="U17119" i="1"/>
  <c r="U17118" i="1"/>
  <c r="U17117" i="1"/>
  <c r="U17116" i="1"/>
  <c r="U17115" i="1"/>
  <c r="U17114" i="1"/>
  <c r="U17113" i="1"/>
  <c r="U17112" i="1"/>
  <c r="U17111" i="1"/>
  <c r="U17110" i="1"/>
  <c r="U17109" i="1"/>
  <c r="U17108" i="1"/>
  <c r="U17107" i="1"/>
  <c r="U17106" i="1"/>
  <c r="U17105" i="1"/>
  <c r="U17104" i="1"/>
  <c r="U17103" i="1"/>
  <c r="U17102" i="1"/>
  <c r="U17101" i="1"/>
  <c r="U17100" i="1"/>
  <c r="U17099" i="1"/>
  <c r="U17098" i="1"/>
  <c r="U17097" i="1"/>
  <c r="U17096" i="1"/>
  <c r="U17095" i="1"/>
  <c r="U17094" i="1"/>
  <c r="U17093" i="1"/>
  <c r="U17092" i="1"/>
  <c r="U17091" i="1"/>
  <c r="U17090" i="1"/>
  <c r="U17089" i="1"/>
  <c r="U17088" i="1"/>
  <c r="U17087" i="1"/>
  <c r="U17086" i="1"/>
  <c r="U17085" i="1"/>
  <c r="U17084" i="1"/>
  <c r="U17083" i="1"/>
  <c r="U17082" i="1"/>
  <c r="U17081" i="1"/>
  <c r="U17080" i="1"/>
  <c r="U17079" i="1"/>
  <c r="U17078" i="1"/>
  <c r="U17077" i="1"/>
  <c r="U17076" i="1"/>
  <c r="U17075" i="1"/>
  <c r="U17074" i="1"/>
  <c r="U17073" i="1"/>
  <c r="U17072" i="1"/>
  <c r="U17071" i="1"/>
  <c r="U17070" i="1"/>
  <c r="U17069" i="1"/>
  <c r="U17068" i="1"/>
  <c r="U17067" i="1"/>
  <c r="U17066" i="1"/>
  <c r="U17065" i="1"/>
  <c r="U17064" i="1"/>
  <c r="U17063" i="1"/>
  <c r="U17062" i="1"/>
  <c r="U17061" i="1"/>
  <c r="U17060" i="1"/>
  <c r="U17059" i="1"/>
  <c r="U17058" i="1"/>
  <c r="U17057" i="1"/>
  <c r="U17056" i="1"/>
  <c r="U17055" i="1"/>
  <c r="U17054" i="1"/>
  <c r="U17053" i="1"/>
  <c r="U17052" i="1"/>
  <c r="U17051" i="1"/>
  <c r="U17050" i="1"/>
  <c r="U17049" i="1"/>
  <c r="U17048" i="1"/>
  <c r="U17047" i="1"/>
  <c r="U17046" i="1"/>
  <c r="U17045" i="1"/>
  <c r="U17044" i="1"/>
  <c r="U17043" i="1"/>
  <c r="U17042" i="1"/>
  <c r="U17041" i="1"/>
  <c r="U17040" i="1"/>
  <c r="U17039" i="1"/>
  <c r="U17038" i="1"/>
  <c r="U17037" i="1"/>
  <c r="U17036" i="1"/>
  <c r="U17035" i="1"/>
  <c r="U17034" i="1"/>
  <c r="U17033" i="1"/>
  <c r="U17032" i="1"/>
  <c r="U17031" i="1"/>
  <c r="U17030" i="1"/>
  <c r="U17029" i="1"/>
  <c r="U17028" i="1"/>
  <c r="U17027" i="1"/>
  <c r="U17026" i="1"/>
  <c r="U17025" i="1"/>
  <c r="U17024" i="1"/>
  <c r="U17023" i="1"/>
  <c r="U17022" i="1"/>
  <c r="U17021" i="1"/>
  <c r="U17020" i="1"/>
  <c r="U17019" i="1"/>
  <c r="U17018" i="1"/>
  <c r="U17017" i="1"/>
  <c r="U17016" i="1"/>
  <c r="U17015" i="1"/>
  <c r="U17014" i="1"/>
  <c r="U17013" i="1"/>
  <c r="U17012" i="1"/>
  <c r="U17011" i="1"/>
  <c r="U17010" i="1"/>
  <c r="U17009" i="1"/>
  <c r="U17008" i="1"/>
  <c r="U17007" i="1"/>
  <c r="U17006" i="1"/>
  <c r="U17005" i="1"/>
  <c r="U17004" i="1"/>
  <c r="U17003" i="1"/>
  <c r="U17002" i="1"/>
  <c r="U17001" i="1"/>
  <c r="U17000" i="1"/>
  <c r="U16999" i="1"/>
  <c r="U16998" i="1"/>
  <c r="U16997" i="1"/>
  <c r="U16996" i="1"/>
  <c r="U16995" i="1"/>
  <c r="U16994" i="1"/>
  <c r="U16993" i="1"/>
  <c r="U16992" i="1"/>
  <c r="U16991" i="1"/>
  <c r="U16990" i="1"/>
  <c r="U16989" i="1"/>
  <c r="U16988" i="1"/>
  <c r="U16987" i="1"/>
  <c r="U16986" i="1"/>
  <c r="U16985" i="1"/>
  <c r="U16984" i="1"/>
  <c r="U16983" i="1"/>
  <c r="U16982" i="1"/>
  <c r="U16981" i="1"/>
  <c r="U16980" i="1"/>
  <c r="U16979" i="1"/>
  <c r="U16978" i="1"/>
  <c r="U16977" i="1"/>
  <c r="U16976" i="1"/>
  <c r="U16975" i="1"/>
  <c r="U16974" i="1"/>
  <c r="U16973" i="1"/>
  <c r="U16972" i="1"/>
  <c r="U16971" i="1"/>
  <c r="U16970" i="1"/>
  <c r="U16969" i="1"/>
  <c r="U16968" i="1"/>
  <c r="U16967" i="1"/>
  <c r="U16966" i="1"/>
  <c r="U16965" i="1"/>
  <c r="U16964" i="1"/>
  <c r="U16963" i="1"/>
  <c r="U16962" i="1"/>
  <c r="U16961" i="1"/>
  <c r="U16960" i="1"/>
  <c r="U16959" i="1"/>
  <c r="U16958" i="1"/>
  <c r="U16957" i="1"/>
  <c r="U16956" i="1"/>
  <c r="U16955" i="1"/>
  <c r="U16954" i="1"/>
  <c r="U16953" i="1"/>
  <c r="U16952" i="1"/>
  <c r="U16951" i="1"/>
  <c r="U16950" i="1"/>
  <c r="U16949" i="1"/>
  <c r="U16948" i="1"/>
  <c r="U16947" i="1"/>
  <c r="U16946" i="1"/>
  <c r="U16945" i="1"/>
  <c r="U16944" i="1"/>
  <c r="U16943" i="1"/>
  <c r="U16942" i="1"/>
  <c r="U16941" i="1"/>
  <c r="U16940" i="1"/>
  <c r="U16939" i="1"/>
  <c r="U16938" i="1"/>
  <c r="U16937" i="1"/>
  <c r="U16936" i="1"/>
  <c r="U16935" i="1"/>
  <c r="U16934" i="1"/>
  <c r="U16933" i="1"/>
  <c r="U16932" i="1"/>
  <c r="U16931" i="1"/>
  <c r="U16930" i="1"/>
  <c r="U16929" i="1"/>
  <c r="U16928" i="1"/>
  <c r="U16927" i="1"/>
  <c r="U16926" i="1"/>
  <c r="U16925" i="1"/>
  <c r="U16924" i="1"/>
  <c r="U16923" i="1"/>
  <c r="U16922" i="1"/>
  <c r="U16921" i="1"/>
  <c r="U16920" i="1"/>
  <c r="U16919" i="1"/>
  <c r="U16918" i="1"/>
  <c r="U16917" i="1"/>
  <c r="U16916" i="1"/>
  <c r="U16915" i="1"/>
  <c r="U16914" i="1"/>
  <c r="U16913" i="1"/>
  <c r="U16912" i="1"/>
  <c r="U16911" i="1"/>
  <c r="U16910" i="1"/>
  <c r="U16909" i="1"/>
  <c r="U16908" i="1"/>
  <c r="U16907" i="1"/>
  <c r="U16906" i="1"/>
  <c r="U16905" i="1"/>
  <c r="U16904" i="1"/>
  <c r="U16903" i="1"/>
  <c r="U16902" i="1"/>
  <c r="U16901" i="1"/>
  <c r="U16900" i="1"/>
  <c r="U16899" i="1"/>
  <c r="U16898" i="1"/>
  <c r="U16897" i="1"/>
  <c r="U16896" i="1"/>
  <c r="U16895" i="1"/>
  <c r="U16894" i="1"/>
  <c r="U16893" i="1"/>
  <c r="U16892" i="1"/>
  <c r="U16891" i="1"/>
  <c r="U16890" i="1"/>
  <c r="U16889" i="1"/>
  <c r="U16888" i="1"/>
  <c r="U16887" i="1"/>
  <c r="U16886" i="1"/>
  <c r="U16885" i="1"/>
  <c r="U16884" i="1"/>
  <c r="U16883" i="1"/>
  <c r="U16882" i="1"/>
  <c r="U16881" i="1"/>
  <c r="U16880" i="1"/>
  <c r="U16879" i="1"/>
  <c r="U16878" i="1"/>
  <c r="U16877" i="1"/>
  <c r="U16876" i="1"/>
  <c r="U16875" i="1"/>
  <c r="U16874" i="1"/>
  <c r="U16873" i="1"/>
  <c r="U16872" i="1"/>
  <c r="U16871" i="1"/>
  <c r="U16870" i="1"/>
  <c r="U16869" i="1"/>
  <c r="U16868" i="1"/>
  <c r="U16867" i="1"/>
  <c r="U16866" i="1"/>
  <c r="U16865" i="1"/>
  <c r="U16864" i="1"/>
  <c r="U16863" i="1"/>
  <c r="U16862" i="1"/>
  <c r="U16861" i="1"/>
  <c r="U16860" i="1"/>
  <c r="U16859" i="1"/>
  <c r="U16858" i="1"/>
  <c r="U16857" i="1"/>
  <c r="U16856" i="1"/>
  <c r="U16855" i="1"/>
  <c r="U16854" i="1"/>
  <c r="U16853" i="1"/>
  <c r="U16852" i="1"/>
  <c r="U16851" i="1"/>
  <c r="U16850" i="1"/>
  <c r="U16849" i="1"/>
  <c r="U16848" i="1"/>
  <c r="U16847" i="1"/>
  <c r="U16846" i="1"/>
  <c r="U16845" i="1"/>
  <c r="U16844" i="1"/>
  <c r="U16843" i="1"/>
  <c r="U16842" i="1"/>
  <c r="U16841" i="1"/>
  <c r="U16840" i="1"/>
  <c r="U16839" i="1"/>
  <c r="U16838" i="1"/>
  <c r="U16837" i="1"/>
  <c r="U16836" i="1"/>
  <c r="U16835" i="1"/>
  <c r="U16834" i="1"/>
  <c r="U16833" i="1"/>
  <c r="U16832" i="1"/>
  <c r="U16831" i="1"/>
  <c r="U16830" i="1"/>
  <c r="U16829" i="1"/>
  <c r="U16828" i="1"/>
  <c r="U16827" i="1"/>
  <c r="U16826" i="1"/>
  <c r="U16825" i="1"/>
  <c r="U16824" i="1"/>
  <c r="U16823" i="1"/>
  <c r="U16822" i="1"/>
  <c r="U16821" i="1"/>
  <c r="U16820" i="1"/>
  <c r="U16819" i="1"/>
  <c r="U16818" i="1"/>
  <c r="U16817" i="1"/>
  <c r="U16816" i="1"/>
  <c r="U16815" i="1"/>
  <c r="U16814" i="1"/>
  <c r="U16813" i="1"/>
  <c r="U16812" i="1"/>
  <c r="U16811" i="1"/>
  <c r="U16810" i="1"/>
  <c r="U16809" i="1"/>
  <c r="U16808" i="1"/>
  <c r="U16807" i="1"/>
  <c r="U16806" i="1"/>
  <c r="U16805" i="1"/>
  <c r="U16804" i="1"/>
  <c r="U16803" i="1"/>
  <c r="U16802" i="1"/>
  <c r="U16801" i="1"/>
  <c r="U16800" i="1"/>
  <c r="U16799" i="1"/>
  <c r="U16798" i="1"/>
  <c r="U16797" i="1"/>
  <c r="U16796" i="1"/>
  <c r="U16795" i="1"/>
  <c r="U16794" i="1"/>
  <c r="U16793" i="1"/>
  <c r="U16792" i="1"/>
  <c r="U16791" i="1"/>
  <c r="U16790" i="1"/>
  <c r="U16789" i="1"/>
  <c r="U16788" i="1"/>
  <c r="U16787" i="1"/>
  <c r="U16786" i="1"/>
  <c r="U16785" i="1"/>
  <c r="U16784" i="1"/>
  <c r="U16783" i="1"/>
  <c r="U16782" i="1"/>
  <c r="U16781" i="1"/>
  <c r="U16780" i="1"/>
  <c r="U16779" i="1"/>
  <c r="U16778" i="1"/>
  <c r="U16777" i="1"/>
  <c r="U16776" i="1"/>
  <c r="U16775" i="1"/>
  <c r="U16774" i="1"/>
  <c r="U16773" i="1"/>
  <c r="U16772" i="1"/>
  <c r="U16771" i="1"/>
  <c r="U16770" i="1"/>
  <c r="U16769" i="1"/>
  <c r="U16768" i="1"/>
  <c r="U16767" i="1"/>
  <c r="U16766" i="1"/>
  <c r="U16765" i="1"/>
  <c r="U16764" i="1"/>
  <c r="U16763" i="1"/>
  <c r="U16762" i="1"/>
  <c r="U16761" i="1"/>
  <c r="U16760" i="1"/>
  <c r="U16759" i="1"/>
  <c r="U16758" i="1"/>
  <c r="U16757" i="1"/>
  <c r="U16756" i="1"/>
  <c r="U16755" i="1"/>
  <c r="U16754" i="1"/>
  <c r="U16753" i="1"/>
  <c r="U16752" i="1"/>
  <c r="U16751" i="1"/>
  <c r="U16750" i="1"/>
  <c r="U16749" i="1"/>
  <c r="U16748" i="1"/>
  <c r="U16747" i="1"/>
  <c r="U16746" i="1"/>
  <c r="U16745" i="1"/>
  <c r="U16744" i="1"/>
  <c r="U16743" i="1"/>
  <c r="U16742" i="1"/>
  <c r="U16741" i="1"/>
  <c r="U16740" i="1"/>
  <c r="U16739" i="1"/>
  <c r="U16738" i="1"/>
  <c r="U16737" i="1"/>
  <c r="U16736" i="1"/>
  <c r="U16735" i="1"/>
  <c r="U16734" i="1"/>
  <c r="U16733" i="1"/>
  <c r="U16732" i="1"/>
  <c r="U16731" i="1"/>
  <c r="U16730" i="1"/>
  <c r="U16729" i="1"/>
  <c r="U16728" i="1"/>
  <c r="U16727" i="1"/>
  <c r="U16726" i="1"/>
  <c r="U16725" i="1"/>
  <c r="U16724" i="1"/>
  <c r="U16723" i="1"/>
  <c r="U16722" i="1"/>
  <c r="U16721" i="1"/>
  <c r="U16720" i="1"/>
  <c r="U16719" i="1"/>
  <c r="U16718" i="1"/>
  <c r="U16717" i="1"/>
  <c r="U16716" i="1"/>
  <c r="U16715" i="1"/>
  <c r="U16714" i="1"/>
  <c r="U16713" i="1"/>
  <c r="U16712" i="1"/>
  <c r="U16711" i="1"/>
  <c r="U16710" i="1"/>
  <c r="U16709" i="1"/>
  <c r="U16708" i="1"/>
  <c r="U16707" i="1"/>
  <c r="U16706" i="1"/>
  <c r="U16705" i="1"/>
  <c r="U16704" i="1"/>
  <c r="U16703" i="1"/>
  <c r="U16702" i="1"/>
  <c r="U16701" i="1"/>
  <c r="U16700" i="1"/>
  <c r="U16699" i="1"/>
  <c r="U16698" i="1"/>
  <c r="U16697" i="1"/>
  <c r="U16696" i="1"/>
  <c r="U16695" i="1"/>
  <c r="U16694" i="1"/>
  <c r="U16693" i="1"/>
  <c r="U16692" i="1"/>
  <c r="U16691" i="1"/>
  <c r="U16690" i="1"/>
  <c r="U16689" i="1"/>
  <c r="U16688" i="1"/>
  <c r="U16687" i="1"/>
  <c r="U16686" i="1"/>
  <c r="U16685" i="1"/>
  <c r="U16684" i="1"/>
  <c r="U16683" i="1"/>
  <c r="U16682" i="1"/>
  <c r="U16681" i="1"/>
  <c r="U16680" i="1"/>
  <c r="U16679" i="1"/>
  <c r="U16678" i="1"/>
  <c r="U16677" i="1"/>
  <c r="U16676" i="1"/>
  <c r="U16675" i="1"/>
  <c r="U16674" i="1"/>
  <c r="U16673" i="1"/>
  <c r="U16672" i="1"/>
  <c r="U16671" i="1"/>
  <c r="U16670" i="1"/>
  <c r="U16669" i="1"/>
  <c r="U16668" i="1"/>
  <c r="U16667" i="1"/>
  <c r="U16666" i="1"/>
  <c r="U16665" i="1"/>
  <c r="U16664" i="1"/>
  <c r="U16663" i="1"/>
  <c r="U16662" i="1"/>
  <c r="U16661" i="1"/>
  <c r="U16660" i="1"/>
  <c r="U16659" i="1"/>
  <c r="U16658" i="1"/>
  <c r="U16657" i="1"/>
  <c r="U16656" i="1"/>
  <c r="U16655" i="1"/>
  <c r="U16654" i="1"/>
  <c r="U16653" i="1"/>
  <c r="U16652" i="1"/>
  <c r="U16651" i="1"/>
  <c r="U16650" i="1"/>
  <c r="U16649" i="1"/>
  <c r="U16648" i="1"/>
  <c r="U16647" i="1"/>
  <c r="U16646" i="1"/>
  <c r="U16645" i="1"/>
  <c r="U16644" i="1"/>
  <c r="U16643" i="1"/>
  <c r="U16642" i="1"/>
  <c r="U16641" i="1"/>
  <c r="U16640" i="1"/>
  <c r="U16639" i="1"/>
  <c r="U16638" i="1"/>
  <c r="U16637" i="1"/>
  <c r="U16636" i="1"/>
  <c r="U16635" i="1"/>
  <c r="U16634" i="1"/>
  <c r="U16633" i="1"/>
  <c r="U16632" i="1"/>
  <c r="U16631" i="1"/>
  <c r="U16630" i="1"/>
  <c r="U16629" i="1"/>
  <c r="U16628" i="1"/>
  <c r="U16627" i="1"/>
  <c r="U16626" i="1"/>
  <c r="U16625" i="1"/>
  <c r="U16624" i="1"/>
  <c r="U16623" i="1"/>
  <c r="U16622" i="1"/>
  <c r="U16621" i="1"/>
  <c r="U16620" i="1"/>
  <c r="U16619" i="1"/>
  <c r="U16618" i="1"/>
  <c r="U16617" i="1"/>
  <c r="U16616" i="1"/>
  <c r="U16615" i="1"/>
  <c r="U16614" i="1"/>
  <c r="U16613" i="1"/>
  <c r="U16612" i="1"/>
  <c r="U16611" i="1"/>
  <c r="U16610" i="1"/>
  <c r="U16609" i="1"/>
  <c r="U16608" i="1"/>
  <c r="U16607" i="1"/>
  <c r="U16606" i="1"/>
  <c r="U16605" i="1"/>
  <c r="U16604" i="1"/>
  <c r="U16603" i="1"/>
  <c r="U16602" i="1"/>
  <c r="U16601" i="1"/>
  <c r="U16600" i="1"/>
  <c r="U16599" i="1"/>
  <c r="U16598" i="1"/>
  <c r="U16597" i="1"/>
  <c r="U16596" i="1"/>
  <c r="U16595" i="1"/>
  <c r="U16594" i="1"/>
  <c r="U16593" i="1"/>
  <c r="U16592" i="1"/>
  <c r="U16591" i="1"/>
  <c r="U16590" i="1"/>
  <c r="U16589" i="1"/>
  <c r="U16588" i="1"/>
  <c r="U16587" i="1"/>
  <c r="U16586" i="1"/>
  <c r="U16585" i="1"/>
  <c r="U16584" i="1"/>
  <c r="U16583" i="1"/>
  <c r="U16582" i="1"/>
  <c r="U16581" i="1"/>
  <c r="U16580" i="1"/>
  <c r="U16579" i="1"/>
  <c r="U16578" i="1"/>
  <c r="U16577" i="1"/>
  <c r="U16576" i="1"/>
  <c r="U16575" i="1"/>
  <c r="U16574" i="1"/>
  <c r="U16573" i="1"/>
  <c r="U16572" i="1"/>
  <c r="U16571" i="1"/>
  <c r="U16570" i="1"/>
  <c r="U16569" i="1"/>
  <c r="U16568" i="1"/>
  <c r="U16567" i="1"/>
  <c r="U16566" i="1"/>
  <c r="U16565" i="1"/>
  <c r="U16564" i="1"/>
  <c r="U16563" i="1"/>
  <c r="U16562" i="1"/>
  <c r="U16561" i="1"/>
  <c r="U16560" i="1"/>
  <c r="U16559" i="1"/>
  <c r="U16558" i="1"/>
  <c r="U16557" i="1"/>
  <c r="U16556" i="1"/>
  <c r="U16555" i="1"/>
  <c r="U16554" i="1"/>
  <c r="U16553" i="1"/>
  <c r="U16552" i="1"/>
  <c r="U16551" i="1"/>
  <c r="U16550" i="1"/>
  <c r="U16549" i="1"/>
  <c r="U16548" i="1"/>
  <c r="U16547" i="1"/>
  <c r="U16546" i="1"/>
  <c r="U16545" i="1"/>
  <c r="U16544" i="1"/>
  <c r="U16543" i="1"/>
  <c r="U16542" i="1"/>
  <c r="U16541" i="1"/>
  <c r="U16540" i="1"/>
  <c r="U16539" i="1"/>
  <c r="U16538" i="1"/>
  <c r="U16537" i="1"/>
  <c r="U16536" i="1"/>
  <c r="U16535" i="1"/>
  <c r="U16534" i="1"/>
  <c r="U16533" i="1"/>
  <c r="U16532" i="1"/>
  <c r="U16531" i="1"/>
  <c r="U16530" i="1"/>
  <c r="U16529" i="1"/>
  <c r="U16528" i="1"/>
  <c r="U16527" i="1"/>
  <c r="U16526" i="1"/>
  <c r="U16525" i="1"/>
  <c r="U16524" i="1"/>
  <c r="U16523" i="1"/>
  <c r="U16522" i="1"/>
  <c r="U16521" i="1"/>
  <c r="U16520" i="1"/>
  <c r="U16519" i="1"/>
  <c r="U16518" i="1"/>
  <c r="U16517" i="1"/>
  <c r="U16516" i="1"/>
  <c r="U16515" i="1"/>
  <c r="U16514" i="1"/>
  <c r="U16513" i="1"/>
  <c r="U16512" i="1"/>
  <c r="U16511" i="1"/>
  <c r="U16510" i="1"/>
  <c r="U16509" i="1"/>
  <c r="U16508" i="1"/>
  <c r="U16507" i="1"/>
  <c r="U16506" i="1"/>
  <c r="U16505" i="1"/>
  <c r="U16504" i="1"/>
  <c r="U16503" i="1"/>
  <c r="U16502" i="1"/>
  <c r="U16501" i="1"/>
  <c r="U16500" i="1"/>
  <c r="U16499" i="1"/>
  <c r="U16498" i="1"/>
  <c r="U16497" i="1"/>
  <c r="U16496" i="1"/>
  <c r="U16495" i="1"/>
  <c r="U16494" i="1"/>
  <c r="U16493" i="1"/>
  <c r="U16492" i="1"/>
  <c r="U16491" i="1"/>
  <c r="U16490" i="1"/>
  <c r="U16489" i="1"/>
  <c r="U16488" i="1"/>
  <c r="U16487" i="1"/>
  <c r="U16486" i="1"/>
  <c r="U16485" i="1"/>
  <c r="U16484" i="1"/>
  <c r="U16483" i="1"/>
  <c r="U16482" i="1"/>
  <c r="U16481" i="1"/>
  <c r="U16480" i="1"/>
  <c r="U16479" i="1"/>
  <c r="U16478" i="1"/>
  <c r="U16477" i="1"/>
  <c r="U16476" i="1"/>
  <c r="U16475" i="1"/>
  <c r="U16474" i="1"/>
  <c r="U16473" i="1"/>
  <c r="U16472" i="1"/>
  <c r="U16471" i="1"/>
  <c r="U16470" i="1"/>
  <c r="U16469" i="1"/>
  <c r="U16468" i="1"/>
  <c r="U16467" i="1"/>
  <c r="U16466" i="1"/>
  <c r="U16465" i="1"/>
  <c r="U16464" i="1"/>
  <c r="U16463" i="1"/>
  <c r="U16462" i="1"/>
  <c r="U16461" i="1"/>
  <c r="U16460" i="1"/>
  <c r="U16459" i="1"/>
  <c r="U16458" i="1"/>
  <c r="U16457" i="1"/>
  <c r="U16456" i="1"/>
  <c r="U16455" i="1"/>
  <c r="U16454" i="1"/>
  <c r="U16453" i="1"/>
  <c r="U16452" i="1"/>
  <c r="U16451" i="1"/>
  <c r="U16450" i="1"/>
  <c r="U16449" i="1"/>
  <c r="U16448" i="1"/>
  <c r="U16447" i="1"/>
  <c r="U16446" i="1"/>
  <c r="U16445" i="1"/>
  <c r="U16444" i="1"/>
  <c r="U16443" i="1"/>
  <c r="U16442" i="1"/>
  <c r="U16441" i="1"/>
  <c r="U16440" i="1"/>
  <c r="U16439" i="1"/>
  <c r="U16438" i="1"/>
  <c r="U16437" i="1"/>
  <c r="U16436" i="1"/>
  <c r="U16435" i="1"/>
  <c r="U16434" i="1"/>
  <c r="U16433" i="1"/>
  <c r="U16432" i="1"/>
  <c r="U16431" i="1"/>
  <c r="U16430" i="1"/>
  <c r="U16429" i="1"/>
  <c r="U16428" i="1"/>
  <c r="U16427" i="1"/>
  <c r="U16426" i="1"/>
  <c r="U16425" i="1"/>
  <c r="U16424" i="1"/>
  <c r="U16423" i="1"/>
  <c r="U16422" i="1"/>
  <c r="U16421" i="1"/>
  <c r="U16420" i="1"/>
  <c r="U16419" i="1"/>
  <c r="U16418" i="1"/>
  <c r="U16417" i="1"/>
  <c r="U16416" i="1"/>
  <c r="U16415" i="1"/>
  <c r="U16414" i="1"/>
  <c r="U16413" i="1"/>
  <c r="U16412" i="1"/>
  <c r="U16411" i="1"/>
  <c r="U16410" i="1"/>
  <c r="U16409" i="1"/>
  <c r="U16408" i="1"/>
  <c r="U16407" i="1"/>
  <c r="U16406" i="1"/>
  <c r="U16405" i="1"/>
  <c r="U16404" i="1"/>
  <c r="U16403" i="1"/>
  <c r="U16402" i="1"/>
  <c r="U16401" i="1"/>
  <c r="U16400" i="1"/>
  <c r="U16399" i="1"/>
  <c r="U16398" i="1"/>
  <c r="U16397" i="1"/>
  <c r="U16396" i="1"/>
  <c r="U16395" i="1"/>
  <c r="U16394" i="1"/>
  <c r="U16393" i="1"/>
  <c r="U16392" i="1"/>
  <c r="U16391" i="1"/>
  <c r="U16390" i="1"/>
  <c r="U16389" i="1"/>
  <c r="U16388" i="1"/>
  <c r="U16387" i="1"/>
  <c r="U16386" i="1"/>
  <c r="U16385" i="1"/>
  <c r="U16384" i="1"/>
  <c r="U16383" i="1"/>
  <c r="U16382" i="1"/>
  <c r="U16381" i="1"/>
  <c r="U16380" i="1"/>
  <c r="U16379" i="1"/>
  <c r="U16378" i="1"/>
  <c r="U16377" i="1"/>
  <c r="U16376" i="1"/>
  <c r="U16375" i="1"/>
  <c r="U16374" i="1"/>
  <c r="U16373" i="1"/>
  <c r="U16372" i="1"/>
  <c r="U16371" i="1"/>
  <c r="U16370" i="1"/>
  <c r="U16369" i="1"/>
  <c r="U16368" i="1"/>
  <c r="U16367" i="1"/>
  <c r="U16366" i="1"/>
  <c r="U16365" i="1"/>
  <c r="U16364" i="1"/>
  <c r="U16363" i="1"/>
  <c r="U16362" i="1"/>
  <c r="U16361" i="1"/>
  <c r="U16360" i="1"/>
  <c r="U16359" i="1"/>
  <c r="U16358" i="1"/>
  <c r="U16357" i="1"/>
  <c r="U16356" i="1"/>
  <c r="U16355" i="1"/>
  <c r="U16354" i="1"/>
  <c r="U16353" i="1"/>
  <c r="U16352" i="1"/>
  <c r="U16351" i="1"/>
  <c r="U16350" i="1"/>
  <c r="U16349" i="1"/>
  <c r="U16348" i="1"/>
  <c r="U16347" i="1"/>
  <c r="U16346" i="1"/>
  <c r="U16345" i="1"/>
  <c r="U16344" i="1"/>
  <c r="U16343" i="1"/>
  <c r="U16342" i="1"/>
  <c r="U16341" i="1"/>
  <c r="U16340" i="1"/>
  <c r="U16339" i="1"/>
  <c r="U16338" i="1"/>
  <c r="U16337" i="1"/>
  <c r="U16336" i="1"/>
  <c r="U16335" i="1"/>
  <c r="U16334" i="1"/>
  <c r="U16333" i="1"/>
  <c r="U16332" i="1"/>
  <c r="U16331" i="1"/>
  <c r="U16330" i="1"/>
  <c r="U16329" i="1"/>
  <c r="U16328" i="1"/>
  <c r="U16327" i="1"/>
  <c r="U16326" i="1"/>
  <c r="U16325" i="1"/>
  <c r="U16324" i="1"/>
  <c r="U16323" i="1"/>
  <c r="U16322" i="1"/>
  <c r="U16321" i="1"/>
  <c r="U16320" i="1"/>
  <c r="U16319" i="1"/>
  <c r="U16318" i="1"/>
  <c r="U16317" i="1"/>
  <c r="U16316" i="1"/>
  <c r="U16315" i="1"/>
  <c r="U16314" i="1"/>
  <c r="U16313" i="1"/>
  <c r="U16312" i="1"/>
  <c r="U16311" i="1"/>
  <c r="U16310" i="1"/>
  <c r="U16309" i="1"/>
  <c r="U16308" i="1"/>
  <c r="U16307" i="1"/>
  <c r="U16306" i="1"/>
  <c r="U16305" i="1"/>
  <c r="U16304" i="1"/>
  <c r="U16303" i="1"/>
  <c r="U16302" i="1"/>
  <c r="U16301" i="1"/>
  <c r="U16300" i="1"/>
  <c r="U16299" i="1"/>
  <c r="U16298" i="1"/>
  <c r="U16297" i="1"/>
  <c r="U16296" i="1"/>
  <c r="U16295" i="1"/>
  <c r="U16294" i="1"/>
  <c r="U16293" i="1"/>
  <c r="U16292" i="1"/>
  <c r="U16291" i="1"/>
  <c r="U16290" i="1"/>
  <c r="U16289" i="1"/>
  <c r="U16288" i="1"/>
  <c r="U16287" i="1"/>
  <c r="U16286" i="1"/>
  <c r="U16285" i="1"/>
  <c r="U16284" i="1"/>
  <c r="U16283" i="1"/>
  <c r="U16282" i="1"/>
  <c r="U16281" i="1"/>
  <c r="U16280" i="1"/>
  <c r="U16279" i="1"/>
  <c r="U16278" i="1"/>
  <c r="U16277" i="1"/>
  <c r="U16276" i="1"/>
  <c r="U16275" i="1"/>
  <c r="U16274" i="1"/>
  <c r="U16273" i="1"/>
  <c r="U16272" i="1"/>
  <c r="U16271" i="1"/>
  <c r="U16270" i="1"/>
  <c r="U16269" i="1"/>
  <c r="U16268" i="1"/>
  <c r="U16267" i="1"/>
  <c r="U16266" i="1"/>
  <c r="U16265" i="1"/>
  <c r="U16264" i="1"/>
  <c r="U16263" i="1"/>
  <c r="U16262" i="1"/>
  <c r="U16261" i="1"/>
  <c r="U16260" i="1"/>
  <c r="U16259" i="1"/>
  <c r="U16258" i="1"/>
  <c r="U16257" i="1"/>
  <c r="U16256" i="1"/>
  <c r="U16255" i="1"/>
  <c r="U16254" i="1"/>
  <c r="U16253" i="1"/>
  <c r="U16252" i="1"/>
  <c r="U16251" i="1"/>
  <c r="U16250" i="1"/>
  <c r="U16249" i="1"/>
  <c r="U16248" i="1"/>
  <c r="U16247" i="1"/>
  <c r="U16246" i="1"/>
  <c r="U16245" i="1"/>
  <c r="U16244" i="1"/>
  <c r="U16243" i="1"/>
  <c r="U16242" i="1"/>
  <c r="U16241" i="1"/>
  <c r="U16240" i="1"/>
  <c r="U16239" i="1"/>
  <c r="U16238" i="1"/>
  <c r="U16237" i="1"/>
  <c r="U16236" i="1"/>
  <c r="U16235" i="1"/>
  <c r="U16234" i="1"/>
  <c r="U16233" i="1"/>
  <c r="U16232" i="1"/>
  <c r="U16231" i="1"/>
  <c r="U16230" i="1"/>
  <c r="U16229" i="1"/>
  <c r="U16228" i="1"/>
  <c r="U16227" i="1"/>
  <c r="U16226" i="1"/>
  <c r="U16225" i="1"/>
  <c r="U16224" i="1"/>
  <c r="U16223" i="1"/>
  <c r="U16222" i="1"/>
  <c r="U16221" i="1"/>
  <c r="U16220" i="1"/>
  <c r="U16219" i="1"/>
  <c r="U16218" i="1"/>
  <c r="U16217" i="1"/>
  <c r="U16216" i="1"/>
  <c r="U16215" i="1"/>
  <c r="U16214" i="1"/>
  <c r="U16213" i="1"/>
  <c r="U16212" i="1"/>
  <c r="U16211" i="1"/>
  <c r="U16210" i="1"/>
  <c r="U16209" i="1"/>
  <c r="U16208" i="1"/>
  <c r="U16207" i="1"/>
  <c r="U16206" i="1"/>
  <c r="U16205" i="1"/>
  <c r="U16204" i="1"/>
  <c r="U16203" i="1"/>
  <c r="U16202" i="1"/>
  <c r="U16201" i="1"/>
  <c r="U16200" i="1"/>
  <c r="U16199" i="1"/>
  <c r="U16198" i="1"/>
  <c r="U16197" i="1"/>
  <c r="U16196" i="1"/>
  <c r="U16195" i="1"/>
  <c r="U16194" i="1"/>
  <c r="U16193" i="1"/>
  <c r="U16192" i="1"/>
  <c r="U16191" i="1"/>
  <c r="U16190" i="1"/>
  <c r="U16189" i="1"/>
  <c r="U16188" i="1"/>
  <c r="U16187" i="1"/>
  <c r="U16186" i="1"/>
  <c r="U16185" i="1"/>
  <c r="U16184" i="1"/>
  <c r="U16183" i="1"/>
  <c r="U16182" i="1"/>
  <c r="U16181" i="1"/>
  <c r="U16180" i="1"/>
  <c r="U16179" i="1"/>
  <c r="U16178" i="1"/>
  <c r="U16177" i="1"/>
  <c r="U16176" i="1"/>
  <c r="U16175" i="1"/>
  <c r="U16174" i="1"/>
  <c r="U16173" i="1"/>
  <c r="U16172" i="1"/>
  <c r="U16171" i="1"/>
  <c r="U16170" i="1"/>
  <c r="U16169" i="1"/>
  <c r="U16168" i="1"/>
  <c r="U16167" i="1"/>
  <c r="U16166" i="1"/>
  <c r="U16165" i="1"/>
  <c r="U16164" i="1"/>
  <c r="U16163" i="1"/>
  <c r="U16162" i="1"/>
  <c r="U16161" i="1"/>
  <c r="U16160" i="1"/>
  <c r="U16159" i="1"/>
  <c r="U16158" i="1"/>
  <c r="U16157" i="1"/>
  <c r="U16156" i="1"/>
  <c r="U16155" i="1"/>
  <c r="U16154" i="1"/>
  <c r="U16153" i="1"/>
  <c r="U16152" i="1"/>
  <c r="U16151" i="1"/>
  <c r="U16150" i="1"/>
  <c r="U16149" i="1"/>
  <c r="U16148" i="1"/>
  <c r="U16147" i="1"/>
  <c r="U16146" i="1"/>
  <c r="U16145" i="1"/>
  <c r="U16144" i="1"/>
  <c r="U16143" i="1"/>
  <c r="U16142" i="1"/>
  <c r="U16141" i="1"/>
  <c r="U16140" i="1"/>
  <c r="U16139" i="1"/>
  <c r="U16138" i="1"/>
  <c r="U16137" i="1"/>
  <c r="U16136" i="1"/>
  <c r="U16135" i="1"/>
  <c r="U16134" i="1"/>
  <c r="U16133" i="1"/>
  <c r="U16132" i="1"/>
  <c r="U16131" i="1"/>
  <c r="U16130" i="1"/>
  <c r="U16129" i="1"/>
  <c r="U16128" i="1"/>
  <c r="U16127" i="1"/>
  <c r="U16126" i="1"/>
  <c r="U16125" i="1"/>
  <c r="U16124" i="1"/>
  <c r="U16123" i="1"/>
  <c r="U16122" i="1"/>
  <c r="U16121" i="1"/>
  <c r="U16120" i="1"/>
  <c r="U16119" i="1"/>
  <c r="U16118" i="1"/>
  <c r="U16117" i="1"/>
  <c r="U16116" i="1"/>
  <c r="U16115" i="1"/>
  <c r="U16114" i="1"/>
  <c r="U16113" i="1"/>
  <c r="U16112" i="1"/>
  <c r="U16111" i="1"/>
  <c r="U16110" i="1"/>
  <c r="U16109" i="1"/>
  <c r="U16108" i="1"/>
  <c r="U16107" i="1"/>
  <c r="U16106" i="1"/>
  <c r="U16105" i="1"/>
  <c r="U16104" i="1"/>
  <c r="U16103" i="1"/>
  <c r="U16102" i="1"/>
  <c r="U16101" i="1"/>
  <c r="U16100" i="1"/>
  <c r="U16099" i="1"/>
  <c r="U16098" i="1"/>
  <c r="U16097" i="1"/>
  <c r="U16096" i="1"/>
  <c r="U16095" i="1"/>
  <c r="U16094" i="1"/>
  <c r="U16093" i="1"/>
  <c r="U16092" i="1"/>
  <c r="U16091" i="1"/>
  <c r="U16090" i="1"/>
  <c r="U16089" i="1"/>
  <c r="U16088" i="1"/>
  <c r="U16087" i="1"/>
  <c r="U16086" i="1"/>
  <c r="U16085" i="1"/>
  <c r="U16084" i="1"/>
  <c r="U16083" i="1"/>
  <c r="U16082" i="1"/>
  <c r="U16081" i="1"/>
  <c r="U16080" i="1"/>
  <c r="U16079" i="1"/>
  <c r="U16078" i="1"/>
  <c r="U16077" i="1"/>
  <c r="U16076" i="1"/>
  <c r="U16075" i="1"/>
  <c r="U16074" i="1"/>
  <c r="U16073" i="1"/>
  <c r="U16072" i="1"/>
  <c r="U16071" i="1"/>
  <c r="U16070" i="1"/>
  <c r="U16069" i="1"/>
  <c r="U16068" i="1"/>
  <c r="U16067" i="1"/>
  <c r="U16066" i="1"/>
  <c r="U16065" i="1"/>
  <c r="U16064" i="1"/>
  <c r="U16063" i="1"/>
  <c r="U16062" i="1"/>
  <c r="U16061" i="1"/>
  <c r="U16060" i="1"/>
  <c r="U16059" i="1"/>
  <c r="U16058" i="1"/>
  <c r="U16057" i="1"/>
  <c r="U16056" i="1"/>
  <c r="U16055" i="1"/>
  <c r="U16054" i="1"/>
  <c r="U16053" i="1"/>
  <c r="U16052" i="1"/>
  <c r="U16051" i="1"/>
  <c r="U16050" i="1"/>
  <c r="U16049" i="1"/>
  <c r="U16048" i="1"/>
  <c r="U16047" i="1"/>
  <c r="U16046" i="1"/>
  <c r="U16045" i="1"/>
  <c r="U16044" i="1"/>
  <c r="U16043" i="1"/>
  <c r="U16042" i="1"/>
  <c r="U16041" i="1"/>
  <c r="U16040" i="1"/>
  <c r="U16039" i="1"/>
  <c r="U16038" i="1"/>
  <c r="U16037" i="1"/>
  <c r="U16036" i="1"/>
  <c r="U16035" i="1"/>
  <c r="U16034" i="1"/>
  <c r="U16033" i="1"/>
  <c r="U16032" i="1"/>
  <c r="U16031" i="1"/>
  <c r="U16030" i="1"/>
  <c r="U16029" i="1"/>
  <c r="U16028" i="1"/>
  <c r="U16027" i="1"/>
  <c r="U16026" i="1"/>
  <c r="U16025" i="1"/>
  <c r="U16024" i="1"/>
  <c r="U16023" i="1"/>
  <c r="U16022" i="1"/>
  <c r="U16021" i="1"/>
  <c r="U16020" i="1"/>
  <c r="U16019" i="1"/>
  <c r="U16018" i="1"/>
  <c r="U16017" i="1"/>
  <c r="U16016" i="1"/>
  <c r="U16015" i="1"/>
  <c r="U16014" i="1"/>
  <c r="U16013" i="1"/>
  <c r="U16012" i="1"/>
  <c r="U16011" i="1"/>
  <c r="U16010" i="1"/>
  <c r="U16009" i="1"/>
  <c r="U16008" i="1"/>
  <c r="U16007" i="1"/>
  <c r="U16006" i="1"/>
  <c r="U16005" i="1"/>
  <c r="U16004" i="1"/>
  <c r="U16003" i="1"/>
  <c r="U16002" i="1"/>
  <c r="U16001" i="1"/>
  <c r="U16000" i="1"/>
  <c r="U15999" i="1"/>
  <c r="U15998" i="1"/>
  <c r="U15997" i="1"/>
  <c r="U15996" i="1"/>
  <c r="U15995" i="1"/>
  <c r="U15994" i="1"/>
  <c r="U15993" i="1"/>
  <c r="U15992" i="1"/>
  <c r="U15991" i="1"/>
  <c r="U15990" i="1"/>
  <c r="U15989" i="1"/>
  <c r="U15988" i="1"/>
  <c r="U15987" i="1"/>
  <c r="U15986" i="1"/>
  <c r="U15985" i="1"/>
  <c r="U15984" i="1"/>
  <c r="U15983" i="1"/>
  <c r="U15982" i="1"/>
  <c r="U15981" i="1"/>
  <c r="U15980" i="1"/>
  <c r="U15979" i="1"/>
  <c r="U15978" i="1"/>
  <c r="U15977" i="1"/>
  <c r="U15976" i="1"/>
  <c r="U15975" i="1"/>
  <c r="U15974" i="1"/>
  <c r="U15973" i="1"/>
  <c r="U15972" i="1"/>
  <c r="U15971" i="1"/>
  <c r="U15970" i="1"/>
  <c r="U15969" i="1"/>
  <c r="U15968" i="1"/>
  <c r="U15967" i="1"/>
  <c r="U15966" i="1"/>
  <c r="U15965" i="1"/>
  <c r="U15964" i="1"/>
  <c r="U15963" i="1"/>
  <c r="U15962" i="1"/>
  <c r="U15961" i="1"/>
  <c r="U15960" i="1"/>
  <c r="U15959" i="1"/>
  <c r="U15958" i="1"/>
  <c r="U15957" i="1"/>
  <c r="U15956" i="1"/>
  <c r="U15955" i="1"/>
  <c r="U15954" i="1"/>
  <c r="U15953" i="1"/>
  <c r="U15952" i="1"/>
  <c r="U15951" i="1"/>
  <c r="U15950" i="1"/>
  <c r="U15949" i="1"/>
  <c r="U15948" i="1"/>
  <c r="U15947" i="1"/>
  <c r="U15946" i="1"/>
  <c r="U15945" i="1"/>
  <c r="U15944" i="1"/>
  <c r="U15943" i="1"/>
  <c r="U15942" i="1"/>
  <c r="U15941" i="1"/>
  <c r="U15940" i="1"/>
  <c r="U15939" i="1"/>
  <c r="U15938" i="1"/>
  <c r="U15937" i="1"/>
  <c r="U15936" i="1"/>
  <c r="U15935" i="1"/>
  <c r="U15934" i="1"/>
  <c r="U15933" i="1"/>
  <c r="U15932" i="1"/>
  <c r="U15931" i="1"/>
  <c r="U15930" i="1"/>
  <c r="U15929" i="1"/>
  <c r="U15928" i="1"/>
  <c r="U15927" i="1"/>
  <c r="U15926" i="1"/>
  <c r="U15925" i="1"/>
  <c r="U15924" i="1"/>
  <c r="U15923" i="1"/>
  <c r="U15922" i="1"/>
  <c r="U15921" i="1"/>
  <c r="U15920" i="1"/>
  <c r="U15919" i="1"/>
  <c r="U15918" i="1"/>
  <c r="U15917" i="1"/>
  <c r="U15916" i="1"/>
  <c r="U15915" i="1"/>
  <c r="U15914" i="1"/>
  <c r="U15913" i="1"/>
  <c r="U15912" i="1"/>
  <c r="U15911" i="1"/>
  <c r="U15910" i="1"/>
  <c r="U15909" i="1"/>
  <c r="U15908" i="1"/>
  <c r="U15907" i="1"/>
  <c r="U15906" i="1"/>
  <c r="U15905" i="1"/>
  <c r="U15904" i="1"/>
  <c r="U15903" i="1"/>
  <c r="U15902" i="1"/>
  <c r="U15901" i="1"/>
  <c r="U15900" i="1"/>
  <c r="U15899" i="1"/>
  <c r="U15898" i="1"/>
  <c r="U15897" i="1"/>
  <c r="U15896" i="1"/>
  <c r="U15895" i="1"/>
  <c r="U15894" i="1"/>
  <c r="U15893" i="1"/>
  <c r="U15892" i="1"/>
  <c r="U15891" i="1"/>
  <c r="U15890" i="1"/>
  <c r="U15889" i="1"/>
  <c r="U15888" i="1"/>
  <c r="U15887" i="1"/>
  <c r="U15886" i="1"/>
  <c r="U15885" i="1"/>
  <c r="U15884" i="1"/>
  <c r="U15883" i="1"/>
  <c r="U15882" i="1"/>
  <c r="U15881" i="1"/>
  <c r="U15880" i="1"/>
  <c r="U15879" i="1"/>
  <c r="U15878" i="1"/>
  <c r="U15877" i="1"/>
  <c r="U15876" i="1"/>
  <c r="U15875" i="1"/>
  <c r="U15874" i="1"/>
  <c r="U15873" i="1"/>
  <c r="U15872" i="1"/>
  <c r="U15871" i="1"/>
  <c r="U15870" i="1"/>
  <c r="U15869" i="1"/>
  <c r="U15868" i="1"/>
  <c r="U15867" i="1"/>
  <c r="U15866" i="1"/>
  <c r="U15865" i="1"/>
  <c r="U15864" i="1"/>
  <c r="U15863" i="1"/>
  <c r="U15862" i="1"/>
  <c r="U15861" i="1"/>
  <c r="U15860" i="1"/>
  <c r="U15859" i="1"/>
  <c r="U15858" i="1"/>
  <c r="U15857" i="1"/>
  <c r="U15856" i="1"/>
  <c r="U15855" i="1"/>
  <c r="U15854" i="1"/>
  <c r="U15853" i="1"/>
  <c r="U15852" i="1"/>
  <c r="U15851" i="1"/>
  <c r="U15850" i="1"/>
  <c r="U15849" i="1"/>
  <c r="U15848" i="1"/>
  <c r="U15847" i="1"/>
  <c r="U15846" i="1"/>
  <c r="U15845" i="1"/>
  <c r="U15844" i="1"/>
  <c r="U15843" i="1"/>
  <c r="U15842" i="1"/>
  <c r="U15841" i="1"/>
  <c r="U15840" i="1"/>
  <c r="U15839" i="1"/>
  <c r="U15838" i="1"/>
  <c r="U15837" i="1"/>
  <c r="U15836" i="1"/>
  <c r="U15835" i="1"/>
  <c r="U15834" i="1"/>
  <c r="U15833" i="1"/>
  <c r="U15832" i="1"/>
  <c r="U15831" i="1"/>
  <c r="U15830" i="1"/>
  <c r="U15829" i="1"/>
  <c r="U15828" i="1"/>
  <c r="U15827" i="1"/>
  <c r="U15826" i="1"/>
  <c r="U15825" i="1"/>
  <c r="U15824" i="1"/>
  <c r="U15823" i="1"/>
  <c r="U15822" i="1"/>
  <c r="U15821" i="1"/>
  <c r="U15820" i="1"/>
  <c r="U15819" i="1"/>
  <c r="U15818" i="1"/>
  <c r="U15817" i="1"/>
  <c r="U15816" i="1"/>
  <c r="U15815" i="1"/>
  <c r="U15814" i="1"/>
  <c r="U15813" i="1"/>
  <c r="U15812" i="1"/>
  <c r="U15811" i="1"/>
  <c r="U15810" i="1"/>
  <c r="U15809" i="1"/>
  <c r="U15808" i="1"/>
  <c r="U15807" i="1"/>
  <c r="U15806" i="1"/>
  <c r="U15805" i="1"/>
  <c r="U15804" i="1"/>
  <c r="U15803" i="1"/>
  <c r="U15802" i="1"/>
  <c r="U15801" i="1"/>
  <c r="U15800" i="1"/>
  <c r="U15799" i="1"/>
  <c r="U15798" i="1"/>
  <c r="U15797" i="1"/>
  <c r="U15796" i="1"/>
  <c r="U15795" i="1"/>
  <c r="U15794" i="1"/>
  <c r="U15793" i="1"/>
  <c r="U15792" i="1"/>
  <c r="U15791" i="1"/>
  <c r="U15790" i="1"/>
  <c r="U15789" i="1"/>
  <c r="U15788" i="1"/>
  <c r="U15787" i="1"/>
  <c r="U15786" i="1"/>
  <c r="U15785" i="1"/>
  <c r="U15784" i="1"/>
  <c r="U15783" i="1"/>
  <c r="U15782" i="1"/>
  <c r="U15781" i="1"/>
  <c r="U15780" i="1"/>
  <c r="U15779" i="1"/>
  <c r="U15778" i="1"/>
  <c r="U15777" i="1"/>
  <c r="U15776" i="1"/>
  <c r="U15775" i="1"/>
  <c r="U15774" i="1"/>
  <c r="U15773" i="1"/>
  <c r="U15772" i="1"/>
  <c r="U15771" i="1"/>
  <c r="U15770" i="1"/>
  <c r="U15769" i="1"/>
  <c r="U15768" i="1"/>
  <c r="U15767" i="1"/>
  <c r="U15766" i="1"/>
  <c r="U15765" i="1"/>
  <c r="U15764" i="1"/>
  <c r="U15763" i="1"/>
  <c r="U15762" i="1"/>
  <c r="U15761" i="1"/>
  <c r="U15760" i="1"/>
  <c r="U15759" i="1"/>
  <c r="U15758" i="1"/>
  <c r="U15757" i="1"/>
  <c r="U15756" i="1"/>
  <c r="U15755" i="1"/>
  <c r="U15754" i="1"/>
  <c r="U15753" i="1"/>
  <c r="U15752" i="1"/>
  <c r="U15751" i="1"/>
  <c r="U15750" i="1"/>
  <c r="U15749" i="1"/>
  <c r="U15748" i="1"/>
  <c r="U15747" i="1"/>
  <c r="U15746" i="1"/>
  <c r="U15745" i="1"/>
  <c r="U15744" i="1"/>
  <c r="U15743" i="1"/>
  <c r="U15742" i="1"/>
  <c r="U15741" i="1"/>
  <c r="U15740" i="1"/>
  <c r="U15739" i="1"/>
  <c r="U15738" i="1"/>
  <c r="U15737" i="1"/>
  <c r="U15736" i="1"/>
  <c r="U15735" i="1"/>
  <c r="U15734" i="1"/>
  <c r="U15733" i="1"/>
  <c r="U15732" i="1"/>
  <c r="U15731" i="1"/>
  <c r="U15730" i="1"/>
  <c r="U15729" i="1"/>
  <c r="U15728" i="1"/>
  <c r="U15727" i="1"/>
  <c r="U15726" i="1"/>
  <c r="U15725" i="1"/>
  <c r="U15724" i="1"/>
  <c r="U15723" i="1"/>
  <c r="U15722" i="1"/>
  <c r="U15721" i="1"/>
  <c r="U15720" i="1"/>
  <c r="U15719" i="1"/>
  <c r="U15718" i="1"/>
  <c r="U15717" i="1"/>
  <c r="U15716" i="1"/>
  <c r="U15715" i="1"/>
  <c r="U15714" i="1"/>
  <c r="U15713" i="1"/>
  <c r="U15712" i="1"/>
  <c r="U15711" i="1"/>
  <c r="U15710" i="1"/>
  <c r="U15709" i="1"/>
  <c r="U15708" i="1"/>
  <c r="U15707" i="1"/>
  <c r="U15706" i="1"/>
  <c r="U15705" i="1"/>
  <c r="U15704" i="1"/>
  <c r="U15703" i="1"/>
  <c r="U15702" i="1"/>
  <c r="U15701" i="1"/>
  <c r="U15700" i="1"/>
  <c r="U15699" i="1"/>
  <c r="U15698" i="1"/>
  <c r="U15697" i="1"/>
  <c r="U15696" i="1"/>
  <c r="U15695" i="1"/>
  <c r="U15694" i="1"/>
  <c r="U15693" i="1"/>
  <c r="U15692" i="1"/>
  <c r="U15691" i="1"/>
  <c r="U15690" i="1"/>
  <c r="U15689" i="1"/>
  <c r="U15688" i="1"/>
  <c r="U15687" i="1"/>
  <c r="U15686" i="1"/>
  <c r="U15685" i="1"/>
  <c r="U15684" i="1"/>
  <c r="U15683" i="1"/>
  <c r="U15682" i="1"/>
  <c r="U15681" i="1"/>
  <c r="U15680" i="1"/>
  <c r="U15679" i="1"/>
  <c r="U15678" i="1"/>
  <c r="U15677" i="1"/>
  <c r="U15676" i="1"/>
  <c r="U15675" i="1"/>
  <c r="U15674" i="1"/>
  <c r="U15673" i="1"/>
  <c r="U15672" i="1"/>
  <c r="U15671" i="1"/>
  <c r="U15670" i="1"/>
  <c r="U15669" i="1"/>
  <c r="U15668" i="1"/>
  <c r="U15667" i="1"/>
  <c r="U15666" i="1"/>
  <c r="U15665" i="1"/>
  <c r="U15664" i="1"/>
  <c r="U15663" i="1"/>
  <c r="U15662" i="1"/>
  <c r="U15661" i="1"/>
  <c r="U15660" i="1"/>
  <c r="U15659" i="1"/>
  <c r="U15658" i="1"/>
  <c r="U15657" i="1"/>
  <c r="U15656" i="1"/>
  <c r="U15655" i="1"/>
  <c r="U15654" i="1"/>
  <c r="U15653" i="1"/>
  <c r="U15652" i="1"/>
  <c r="U15651" i="1"/>
  <c r="U15650" i="1"/>
  <c r="U15649" i="1"/>
  <c r="U15648" i="1"/>
  <c r="U15647" i="1"/>
  <c r="U15646" i="1"/>
  <c r="U15645" i="1"/>
  <c r="U15644" i="1"/>
  <c r="U15643" i="1"/>
  <c r="U15642" i="1"/>
  <c r="U15641" i="1"/>
  <c r="U15640" i="1"/>
  <c r="U15639" i="1"/>
  <c r="U15638" i="1"/>
  <c r="U15637" i="1"/>
  <c r="U15636" i="1"/>
  <c r="U15635" i="1"/>
  <c r="U15634" i="1"/>
  <c r="U15633" i="1"/>
  <c r="U15632" i="1"/>
  <c r="U15631" i="1"/>
  <c r="U15630" i="1"/>
  <c r="U15629" i="1"/>
  <c r="U15628" i="1"/>
  <c r="U15627" i="1"/>
  <c r="U15626" i="1"/>
  <c r="U15625" i="1"/>
  <c r="U15624" i="1"/>
  <c r="U15623" i="1"/>
  <c r="U15622" i="1"/>
  <c r="U15621" i="1"/>
  <c r="U15620" i="1"/>
  <c r="U15619" i="1"/>
  <c r="U15618" i="1"/>
  <c r="U15617" i="1"/>
  <c r="U15616" i="1"/>
  <c r="U15615" i="1"/>
  <c r="U15614" i="1"/>
  <c r="U15613" i="1"/>
  <c r="U15612" i="1"/>
  <c r="U15611" i="1"/>
  <c r="U15610" i="1"/>
  <c r="U15609" i="1"/>
  <c r="U15608" i="1"/>
  <c r="U15607" i="1"/>
  <c r="U15606" i="1"/>
  <c r="U15605" i="1"/>
  <c r="U15604" i="1"/>
  <c r="U15603" i="1"/>
  <c r="U15602" i="1"/>
  <c r="U15601" i="1"/>
  <c r="U15600" i="1"/>
  <c r="U15599" i="1"/>
  <c r="U15598" i="1"/>
  <c r="U15597" i="1"/>
  <c r="U15596" i="1"/>
  <c r="U15595" i="1"/>
  <c r="U15594" i="1"/>
  <c r="U15593" i="1"/>
  <c r="U15592" i="1"/>
  <c r="U15591" i="1"/>
  <c r="U15590" i="1"/>
  <c r="U15589" i="1"/>
  <c r="U15588" i="1"/>
  <c r="U15587" i="1"/>
  <c r="U15586" i="1"/>
  <c r="U15585" i="1"/>
  <c r="U15584" i="1"/>
  <c r="U15583" i="1"/>
  <c r="U15582" i="1"/>
  <c r="U15581" i="1"/>
  <c r="U15580" i="1"/>
  <c r="U15579" i="1"/>
  <c r="U15578" i="1"/>
  <c r="U15577" i="1"/>
  <c r="U15576" i="1"/>
  <c r="U15575" i="1"/>
  <c r="U15574" i="1"/>
  <c r="U15573" i="1"/>
  <c r="U15572" i="1"/>
  <c r="U15571" i="1"/>
  <c r="U15570" i="1"/>
  <c r="U15569" i="1"/>
  <c r="U15568" i="1"/>
  <c r="U15567" i="1"/>
  <c r="U15566" i="1"/>
  <c r="U15565" i="1"/>
  <c r="U15564" i="1"/>
  <c r="U15563" i="1"/>
  <c r="U15562" i="1"/>
  <c r="U15561" i="1"/>
  <c r="U15560" i="1"/>
  <c r="U15559" i="1"/>
  <c r="U15558" i="1"/>
  <c r="U15557" i="1"/>
  <c r="U15556" i="1"/>
  <c r="U15555" i="1"/>
  <c r="U15554" i="1"/>
  <c r="U15553" i="1"/>
  <c r="U15552" i="1"/>
  <c r="U15551" i="1"/>
  <c r="U15550" i="1"/>
  <c r="U15549" i="1"/>
  <c r="U15548" i="1"/>
  <c r="U15547" i="1"/>
  <c r="U15546" i="1"/>
  <c r="U15545" i="1"/>
  <c r="U15544" i="1"/>
  <c r="U15543" i="1"/>
  <c r="U15542" i="1"/>
  <c r="U15541" i="1"/>
  <c r="U15540" i="1"/>
  <c r="U15539" i="1"/>
  <c r="U15538" i="1"/>
  <c r="U15537" i="1"/>
  <c r="U15536" i="1"/>
  <c r="U15535" i="1"/>
  <c r="U15534" i="1"/>
  <c r="U15533" i="1"/>
  <c r="U15532" i="1"/>
  <c r="U15531" i="1"/>
  <c r="U15530" i="1"/>
  <c r="U15529" i="1"/>
  <c r="U15528" i="1"/>
  <c r="U15527" i="1"/>
  <c r="U15526" i="1"/>
  <c r="U15525" i="1"/>
  <c r="U15524" i="1"/>
  <c r="U15523" i="1"/>
  <c r="U15522" i="1"/>
  <c r="U15521" i="1"/>
  <c r="U15520" i="1"/>
  <c r="U15519" i="1"/>
  <c r="U15518" i="1"/>
  <c r="U15517" i="1"/>
  <c r="U15516" i="1"/>
  <c r="U15515" i="1"/>
  <c r="U15514" i="1"/>
  <c r="U15513" i="1"/>
  <c r="U15512" i="1"/>
  <c r="U15511" i="1"/>
  <c r="U15510" i="1"/>
  <c r="U15509" i="1"/>
  <c r="U15508" i="1"/>
  <c r="U15507" i="1"/>
  <c r="U15506" i="1"/>
  <c r="U15505" i="1"/>
  <c r="U15504" i="1"/>
  <c r="U15503" i="1"/>
  <c r="U15502" i="1"/>
  <c r="U15501" i="1"/>
  <c r="U15500" i="1"/>
  <c r="U15499" i="1"/>
  <c r="U15498" i="1"/>
  <c r="U15497" i="1"/>
  <c r="U15496" i="1"/>
  <c r="U15495" i="1"/>
  <c r="U15494" i="1"/>
  <c r="U15493" i="1"/>
  <c r="U15492" i="1"/>
  <c r="U15491" i="1"/>
  <c r="U15490" i="1"/>
  <c r="U15489" i="1"/>
  <c r="U15488" i="1"/>
  <c r="U15487" i="1"/>
  <c r="U15486" i="1"/>
  <c r="U15485" i="1"/>
  <c r="U15484" i="1"/>
  <c r="U15483" i="1"/>
  <c r="U15482" i="1"/>
  <c r="U15481" i="1"/>
  <c r="U15480" i="1"/>
  <c r="U15479" i="1"/>
  <c r="U15478" i="1"/>
  <c r="U15477" i="1"/>
  <c r="U15476" i="1"/>
  <c r="U15475" i="1"/>
  <c r="U15474" i="1"/>
  <c r="U15473" i="1"/>
  <c r="U15472" i="1"/>
  <c r="U15471" i="1"/>
  <c r="U15470" i="1"/>
  <c r="U15469" i="1"/>
  <c r="U15468" i="1"/>
  <c r="U15467" i="1"/>
  <c r="U15466" i="1"/>
  <c r="U15465" i="1"/>
  <c r="U15464" i="1"/>
  <c r="U15463" i="1"/>
  <c r="U15462" i="1"/>
  <c r="U15461" i="1"/>
  <c r="U15460" i="1"/>
  <c r="U15459" i="1"/>
  <c r="U15458" i="1"/>
  <c r="U15457" i="1"/>
  <c r="U15456" i="1"/>
  <c r="U15455" i="1"/>
  <c r="U15454" i="1"/>
  <c r="U15453" i="1"/>
  <c r="U15452" i="1"/>
  <c r="U15451" i="1"/>
  <c r="U15450" i="1"/>
  <c r="U15449" i="1"/>
  <c r="U15448" i="1"/>
  <c r="U15447" i="1"/>
  <c r="U15446" i="1"/>
  <c r="U15445" i="1"/>
  <c r="U15444" i="1"/>
  <c r="U15443" i="1"/>
  <c r="U15442" i="1"/>
  <c r="U15441" i="1"/>
  <c r="U15440" i="1"/>
  <c r="U15439" i="1"/>
  <c r="U15438" i="1"/>
  <c r="U15437" i="1"/>
  <c r="U15436" i="1"/>
  <c r="U15435" i="1"/>
  <c r="U15434" i="1"/>
  <c r="U15433" i="1"/>
  <c r="U15432" i="1"/>
  <c r="U15431" i="1"/>
  <c r="U15430" i="1"/>
  <c r="U15429" i="1"/>
  <c r="U15428" i="1"/>
  <c r="U15427" i="1"/>
  <c r="U15426" i="1"/>
  <c r="U15425" i="1"/>
  <c r="U15424" i="1"/>
  <c r="U15423" i="1"/>
  <c r="U15422" i="1"/>
  <c r="U15421" i="1"/>
  <c r="U15420" i="1"/>
  <c r="U15419" i="1"/>
  <c r="U15418" i="1"/>
  <c r="U15417" i="1"/>
  <c r="U15416" i="1"/>
  <c r="U15415" i="1"/>
  <c r="U15414" i="1"/>
  <c r="U15413" i="1"/>
  <c r="U15412" i="1"/>
  <c r="U15411" i="1"/>
  <c r="U15410" i="1"/>
  <c r="U15409" i="1"/>
  <c r="U15408" i="1"/>
  <c r="U15407" i="1"/>
  <c r="U15406" i="1"/>
  <c r="U15405" i="1"/>
  <c r="U15404" i="1"/>
  <c r="U15403" i="1"/>
  <c r="U15402" i="1"/>
  <c r="U15401" i="1"/>
  <c r="U15400" i="1"/>
  <c r="U15399" i="1"/>
  <c r="U15398" i="1"/>
  <c r="U15397" i="1"/>
  <c r="U15396" i="1"/>
  <c r="U15395" i="1"/>
  <c r="U15394" i="1"/>
  <c r="U15393" i="1"/>
  <c r="U15392" i="1"/>
  <c r="U15391" i="1"/>
  <c r="U15390" i="1"/>
  <c r="U15389" i="1"/>
  <c r="U15388" i="1"/>
  <c r="U15387" i="1"/>
  <c r="U15386" i="1"/>
  <c r="U15385" i="1"/>
  <c r="U15384" i="1"/>
  <c r="U15383" i="1"/>
  <c r="U15382" i="1"/>
  <c r="U15381" i="1"/>
  <c r="U15380" i="1"/>
  <c r="U15379" i="1"/>
  <c r="U15378" i="1"/>
  <c r="U15377" i="1"/>
  <c r="U15376" i="1"/>
  <c r="U15375" i="1"/>
  <c r="U15374" i="1"/>
  <c r="U15373" i="1"/>
  <c r="U15372" i="1"/>
  <c r="U15371" i="1"/>
  <c r="U15370" i="1"/>
  <c r="U15369" i="1"/>
  <c r="U15368" i="1"/>
  <c r="U15367" i="1"/>
  <c r="U15366" i="1"/>
  <c r="U15365" i="1"/>
  <c r="U15364" i="1"/>
  <c r="U15363" i="1"/>
  <c r="U15362" i="1"/>
  <c r="U15361" i="1"/>
  <c r="U15360" i="1"/>
  <c r="U15359" i="1"/>
  <c r="U15358" i="1"/>
  <c r="U15357" i="1"/>
  <c r="U15356" i="1"/>
  <c r="U15355" i="1"/>
  <c r="U15354" i="1"/>
  <c r="U15353" i="1"/>
  <c r="U15352" i="1"/>
  <c r="U15351" i="1"/>
  <c r="U15350" i="1"/>
  <c r="U15349" i="1"/>
  <c r="U15348" i="1"/>
  <c r="U15347" i="1"/>
  <c r="U15346" i="1"/>
  <c r="U15345" i="1"/>
  <c r="U15344" i="1"/>
  <c r="U15343" i="1"/>
  <c r="U15342" i="1"/>
  <c r="U15341" i="1"/>
  <c r="U15340" i="1"/>
  <c r="U15339" i="1"/>
  <c r="U15338" i="1"/>
  <c r="U15337" i="1"/>
  <c r="U15336" i="1"/>
  <c r="U15335" i="1"/>
  <c r="U15334" i="1"/>
  <c r="U15333" i="1"/>
  <c r="U15332" i="1"/>
  <c r="U15331" i="1"/>
  <c r="U15330" i="1"/>
  <c r="U15329" i="1"/>
  <c r="U15328" i="1"/>
  <c r="U15327" i="1"/>
  <c r="U15326" i="1"/>
  <c r="U15325" i="1"/>
  <c r="U15324" i="1"/>
  <c r="U15323" i="1"/>
  <c r="U15322" i="1"/>
  <c r="U15321" i="1"/>
  <c r="U15320" i="1"/>
  <c r="U15319" i="1"/>
  <c r="U15318" i="1"/>
  <c r="U15317" i="1"/>
  <c r="U15316" i="1"/>
  <c r="U15315" i="1"/>
  <c r="U15314" i="1"/>
  <c r="U15313" i="1"/>
  <c r="U15312" i="1"/>
  <c r="U15311" i="1"/>
  <c r="U15310" i="1"/>
  <c r="U15309" i="1"/>
  <c r="U15308" i="1"/>
  <c r="U15307" i="1"/>
  <c r="U15306" i="1"/>
  <c r="U15305" i="1"/>
  <c r="U15304" i="1"/>
  <c r="U15303" i="1"/>
  <c r="U15302" i="1"/>
  <c r="U15301" i="1"/>
  <c r="U15300" i="1"/>
  <c r="U15299" i="1"/>
  <c r="U15298" i="1"/>
  <c r="U15297" i="1"/>
  <c r="U15296" i="1"/>
  <c r="U15295" i="1"/>
  <c r="U15294" i="1"/>
  <c r="U15293" i="1"/>
  <c r="U15292" i="1"/>
  <c r="U15291" i="1"/>
  <c r="U15290" i="1"/>
  <c r="U15289" i="1"/>
  <c r="U15288" i="1"/>
  <c r="U15287" i="1"/>
  <c r="U15286" i="1"/>
  <c r="U15285" i="1"/>
  <c r="U15284" i="1"/>
  <c r="U15283" i="1"/>
  <c r="U15282" i="1"/>
  <c r="U15281" i="1"/>
  <c r="U15280" i="1"/>
  <c r="U15279" i="1"/>
  <c r="U15278" i="1"/>
  <c r="U15277" i="1"/>
  <c r="U15276" i="1"/>
  <c r="U15275" i="1"/>
  <c r="U15274" i="1"/>
  <c r="U15273" i="1"/>
  <c r="U15272" i="1"/>
  <c r="U15271" i="1"/>
  <c r="U15270" i="1"/>
  <c r="U15269" i="1"/>
  <c r="U15268" i="1"/>
  <c r="U15267" i="1"/>
  <c r="U15266" i="1"/>
  <c r="U15265" i="1"/>
  <c r="U15264" i="1"/>
  <c r="U15263" i="1"/>
  <c r="U15262" i="1"/>
  <c r="U15261" i="1"/>
  <c r="U15260" i="1"/>
  <c r="U15259" i="1"/>
  <c r="U15258" i="1"/>
  <c r="U15257" i="1"/>
  <c r="U15256" i="1"/>
  <c r="U15255" i="1"/>
  <c r="U15254" i="1"/>
  <c r="U15253" i="1"/>
  <c r="U15252" i="1"/>
  <c r="U15251" i="1"/>
  <c r="U15250" i="1"/>
  <c r="U15249" i="1"/>
  <c r="U15248" i="1"/>
  <c r="U15247" i="1"/>
  <c r="U15246" i="1"/>
  <c r="U15245" i="1"/>
  <c r="U15244" i="1"/>
  <c r="U15243" i="1"/>
  <c r="U15242" i="1"/>
  <c r="U15241" i="1"/>
  <c r="U15240" i="1"/>
  <c r="U15239" i="1"/>
  <c r="U15238" i="1"/>
  <c r="U15237" i="1"/>
  <c r="U15236" i="1"/>
  <c r="U15235" i="1"/>
  <c r="U15234" i="1"/>
  <c r="U15233" i="1"/>
  <c r="U15232" i="1"/>
  <c r="U15231" i="1"/>
  <c r="U15230" i="1"/>
  <c r="U15229" i="1"/>
  <c r="U15228" i="1"/>
  <c r="U15227" i="1"/>
  <c r="U15226" i="1"/>
  <c r="U15225" i="1"/>
  <c r="U15224" i="1"/>
  <c r="U15223" i="1"/>
  <c r="U15222" i="1"/>
  <c r="U15221" i="1"/>
  <c r="U15220" i="1"/>
  <c r="U15219" i="1"/>
  <c r="U15218" i="1"/>
  <c r="U15217" i="1"/>
  <c r="U15216" i="1"/>
  <c r="U15215" i="1"/>
  <c r="U15214" i="1"/>
  <c r="U15213" i="1"/>
  <c r="U15212" i="1"/>
  <c r="U15211" i="1"/>
  <c r="U15210" i="1"/>
  <c r="U15209" i="1"/>
  <c r="U15208" i="1"/>
  <c r="U15207" i="1"/>
  <c r="U15206" i="1"/>
  <c r="U15205" i="1"/>
  <c r="U15204" i="1"/>
  <c r="U15203" i="1"/>
  <c r="U15202" i="1"/>
  <c r="U15201" i="1"/>
  <c r="U15200" i="1"/>
  <c r="U15199" i="1"/>
  <c r="U15198" i="1"/>
  <c r="U15197" i="1"/>
  <c r="U15196" i="1"/>
  <c r="U15195" i="1"/>
  <c r="U15194" i="1"/>
  <c r="U15193" i="1"/>
  <c r="U15192" i="1"/>
  <c r="U15191" i="1"/>
  <c r="U15190" i="1"/>
  <c r="U15189" i="1"/>
  <c r="U15188" i="1"/>
  <c r="U15187" i="1"/>
  <c r="U15186" i="1"/>
  <c r="U15185" i="1"/>
  <c r="U15184" i="1"/>
  <c r="U15183" i="1"/>
  <c r="U15182" i="1"/>
  <c r="U15181" i="1"/>
  <c r="U15180" i="1"/>
  <c r="U15179" i="1"/>
  <c r="U15178" i="1"/>
  <c r="U15177" i="1"/>
  <c r="U15176" i="1"/>
  <c r="U15175" i="1"/>
  <c r="U15174" i="1"/>
  <c r="U15173" i="1"/>
  <c r="U15172" i="1"/>
  <c r="U15171" i="1"/>
  <c r="U15170" i="1"/>
  <c r="U15169" i="1"/>
  <c r="U15168" i="1"/>
  <c r="U15167" i="1"/>
  <c r="U15166" i="1"/>
  <c r="U15165" i="1"/>
  <c r="U15164" i="1"/>
  <c r="U15163" i="1"/>
  <c r="U15162" i="1"/>
  <c r="U15161" i="1"/>
  <c r="U15160" i="1"/>
  <c r="U15159" i="1"/>
  <c r="U15158" i="1"/>
  <c r="U15157" i="1"/>
  <c r="U15156" i="1"/>
  <c r="U15155" i="1"/>
  <c r="U15154" i="1"/>
  <c r="U15153" i="1"/>
  <c r="U15152" i="1"/>
  <c r="U15151" i="1"/>
  <c r="U15150" i="1"/>
  <c r="U15149" i="1"/>
  <c r="U15148" i="1"/>
  <c r="U15147" i="1"/>
  <c r="U15146" i="1"/>
  <c r="U15145" i="1"/>
  <c r="U15144" i="1"/>
  <c r="U15143" i="1"/>
  <c r="U15142" i="1"/>
  <c r="U15141" i="1"/>
  <c r="U15140" i="1"/>
  <c r="U15139" i="1"/>
  <c r="U15138" i="1"/>
  <c r="U15137" i="1"/>
  <c r="U15136" i="1"/>
  <c r="U15135" i="1"/>
  <c r="U15134" i="1"/>
  <c r="U15133" i="1"/>
  <c r="U15132" i="1"/>
  <c r="U15131" i="1"/>
  <c r="U15130" i="1"/>
  <c r="U15129" i="1"/>
  <c r="U15128" i="1"/>
  <c r="U15127" i="1"/>
  <c r="U15126" i="1"/>
  <c r="U15125" i="1"/>
  <c r="U15124" i="1"/>
  <c r="U15123" i="1"/>
  <c r="U15122" i="1"/>
  <c r="U15121" i="1"/>
  <c r="U15120" i="1"/>
  <c r="U15119" i="1"/>
  <c r="U15118" i="1"/>
  <c r="U15117" i="1"/>
  <c r="U15116" i="1"/>
  <c r="U15115" i="1"/>
  <c r="U15114" i="1"/>
  <c r="U15113" i="1"/>
  <c r="U15112" i="1"/>
  <c r="U15111" i="1"/>
  <c r="U15110" i="1"/>
  <c r="U15109" i="1"/>
  <c r="U15108" i="1"/>
  <c r="U15107" i="1"/>
  <c r="U15106" i="1"/>
  <c r="U15105" i="1"/>
  <c r="U15104" i="1"/>
  <c r="U15103" i="1"/>
  <c r="U15102" i="1"/>
  <c r="U15101" i="1"/>
  <c r="U15100" i="1"/>
  <c r="U15099" i="1"/>
  <c r="U15098" i="1"/>
  <c r="U15097" i="1"/>
  <c r="U15096" i="1"/>
  <c r="U15095" i="1"/>
  <c r="U15094" i="1"/>
  <c r="U15093" i="1"/>
  <c r="U15092" i="1"/>
  <c r="U15091" i="1"/>
  <c r="U15090" i="1"/>
  <c r="U15089" i="1"/>
  <c r="U15088" i="1"/>
  <c r="U15087" i="1"/>
  <c r="U15086" i="1"/>
  <c r="U15085" i="1"/>
  <c r="U15084" i="1"/>
  <c r="U15083" i="1"/>
  <c r="U15082" i="1"/>
  <c r="U15081" i="1"/>
  <c r="U15080" i="1"/>
  <c r="U15079" i="1"/>
  <c r="U15078" i="1"/>
  <c r="U15077" i="1"/>
  <c r="U15076" i="1"/>
  <c r="U15075" i="1"/>
  <c r="U15074" i="1"/>
  <c r="U15073" i="1"/>
  <c r="U15072" i="1"/>
  <c r="U15071" i="1"/>
  <c r="U15070" i="1"/>
  <c r="U15069" i="1"/>
  <c r="U15068" i="1"/>
  <c r="U15067" i="1"/>
  <c r="U15066" i="1"/>
  <c r="U15065" i="1"/>
  <c r="U15064" i="1"/>
  <c r="U15063" i="1"/>
  <c r="U15062" i="1"/>
  <c r="U15061" i="1"/>
  <c r="U15060" i="1"/>
  <c r="U15059" i="1"/>
  <c r="U15058" i="1"/>
  <c r="U15057" i="1"/>
  <c r="U15056" i="1"/>
  <c r="U15055" i="1"/>
  <c r="U15054" i="1"/>
  <c r="U15053" i="1"/>
  <c r="U15052" i="1"/>
  <c r="U15051" i="1"/>
  <c r="U15050" i="1"/>
  <c r="U15049" i="1"/>
  <c r="U15048" i="1"/>
  <c r="U15047" i="1"/>
  <c r="U15046" i="1"/>
  <c r="U15045" i="1"/>
  <c r="U15044" i="1"/>
  <c r="U15043" i="1"/>
  <c r="U15042" i="1"/>
  <c r="U15041" i="1"/>
  <c r="U15040" i="1"/>
  <c r="U15039" i="1"/>
  <c r="U15038" i="1"/>
  <c r="U15037" i="1"/>
  <c r="U15036" i="1"/>
  <c r="U15035" i="1"/>
  <c r="U15034" i="1"/>
  <c r="U15033" i="1"/>
  <c r="U15032" i="1"/>
  <c r="U15031" i="1"/>
  <c r="U15030" i="1"/>
  <c r="U15029" i="1"/>
  <c r="U15028" i="1"/>
  <c r="U15027" i="1"/>
  <c r="U15026" i="1"/>
  <c r="U15025" i="1"/>
  <c r="U15024" i="1"/>
  <c r="U15023" i="1"/>
  <c r="U15022" i="1"/>
  <c r="U15021" i="1"/>
  <c r="U15020" i="1"/>
  <c r="U15019" i="1"/>
  <c r="U15018" i="1"/>
  <c r="U15017" i="1"/>
  <c r="U15016" i="1"/>
  <c r="U15015" i="1"/>
  <c r="U15014" i="1"/>
  <c r="U15013" i="1"/>
  <c r="U15012" i="1"/>
  <c r="U15011" i="1"/>
  <c r="U15010" i="1"/>
  <c r="U15009" i="1"/>
  <c r="U15008" i="1"/>
  <c r="U15007" i="1"/>
  <c r="U15006" i="1"/>
  <c r="U15005" i="1"/>
  <c r="U15004" i="1"/>
  <c r="U15003" i="1"/>
  <c r="U15002" i="1"/>
  <c r="U15001" i="1"/>
  <c r="U15000" i="1"/>
  <c r="U14999" i="1"/>
  <c r="U14998" i="1"/>
  <c r="U14997" i="1"/>
  <c r="U14996" i="1"/>
  <c r="U14995" i="1"/>
  <c r="U14994" i="1"/>
  <c r="U14993" i="1"/>
  <c r="U14992" i="1"/>
  <c r="U14991" i="1"/>
  <c r="U14990" i="1"/>
  <c r="U14989" i="1"/>
  <c r="U14988" i="1"/>
  <c r="U14987" i="1"/>
  <c r="U14986" i="1"/>
  <c r="U14985" i="1"/>
  <c r="U14984" i="1"/>
  <c r="U14983" i="1"/>
  <c r="U14982" i="1"/>
  <c r="U14981" i="1"/>
  <c r="U14980" i="1"/>
  <c r="U14979" i="1"/>
  <c r="U14978" i="1"/>
  <c r="U14977" i="1"/>
  <c r="U14976" i="1"/>
  <c r="U14975" i="1"/>
  <c r="U14974" i="1"/>
  <c r="U14973" i="1"/>
  <c r="U14972" i="1"/>
  <c r="U14971" i="1"/>
  <c r="U14970" i="1"/>
  <c r="U14969" i="1"/>
  <c r="U14968" i="1"/>
  <c r="U14967" i="1"/>
  <c r="U14966" i="1"/>
  <c r="U14965" i="1"/>
  <c r="U14964" i="1"/>
  <c r="U14963" i="1"/>
  <c r="U14962" i="1"/>
  <c r="U14961" i="1"/>
  <c r="U14960" i="1"/>
  <c r="U14959" i="1"/>
  <c r="U14958" i="1"/>
  <c r="U14957" i="1"/>
  <c r="U14956" i="1"/>
  <c r="U14955" i="1"/>
  <c r="U14954" i="1"/>
  <c r="U14953" i="1"/>
  <c r="U14952" i="1"/>
  <c r="U14951" i="1"/>
  <c r="U14950" i="1"/>
  <c r="U14949" i="1"/>
  <c r="U14948" i="1"/>
  <c r="U14947" i="1"/>
  <c r="U14946" i="1"/>
  <c r="U14945" i="1"/>
  <c r="U14944" i="1"/>
  <c r="U14943" i="1"/>
  <c r="U14942" i="1"/>
  <c r="U14941" i="1"/>
  <c r="U14940" i="1"/>
  <c r="U14939" i="1"/>
  <c r="U14938" i="1"/>
  <c r="U14937" i="1"/>
  <c r="U14936" i="1"/>
  <c r="U14935" i="1"/>
  <c r="U14934" i="1"/>
  <c r="U14933" i="1"/>
  <c r="U14932" i="1"/>
  <c r="U14931" i="1"/>
  <c r="U14930" i="1"/>
  <c r="U14929" i="1"/>
  <c r="U14928" i="1"/>
  <c r="U14927" i="1"/>
  <c r="U14926" i="1"/>
  <c r="U14925" i="1"/>
  <c r="U14924" i="1"/>
  <c r="U14923" i="1"/>
  <c r="U14922" i="1"/>
  <c r="U14921" i="1"/>
  <c r="U14920" i="1"/>
  <c r="U14919" i="1"/>
  <c r="U14918" i="1"/>
  <c r="U14917" i="1"/>
  <c r="U14916" i="1"/>
  <c r="U14915" i="1"/>
  <c r="U14914" i="1"/>
  <c r="U14913" i="1"/>
  <c r="U14912" i="1"/>
  <c r="U14911" i="1"/>
  <c r="U14910" i="1"/>
  <c r="U14909" i="1"/>
  <c r="U14908" i="1"/>
  <c r="U14907" i="1"/>
  <c r="U14906" i="1"/>
  <c r="U14905" i="1"/>
  <c r="U14904" i="1"/>
  <c r="U14903" i="1"/>
  <c r="U14902" i="1"/>
  <c r="U14901" i="1"/>
  <c r="U14900" i="1"/>
  <c r="U14899" i="1"/>
  <c r="U14898" i="1"/>
  <c r="U14897" i="1"/>
  <c r="U14896" i="1"/>
  <c r="U14895" i="1"/>
  <c r="U14894" i="1"/>
  <c r="U14893" i="1"/>
  <c r="U14892" i="1"/>
  <c r="U14891" i="1"/>
  <c r="U14890" i="1"/>
  <c r="U14889" i="1"/>
  <c r="U14888" i="1"/>
  <c r="U14887" i="1"/>
  <c r="U14886" i="1"/>
  <c r="U14885" i="1"/>
  <c r="U14884" i="1"/>
  <c r="U14883" i="1"/>
  <c r="U14882" i="1"/>
  <c r="U14881" i="1"/>
  <c r="U14880" i="1"/>
  <c r="U14879" i="1"/>
  <c r="U14878" i="1"/>
  <c r="U14877" i="1"/>
  <c r="U14876" i="1"/>
  <c r="U14875" i="1"/>
  <c r="U14874" i="1"/>
  <c r="U14873" i="1"/>
  <c r="U14872" i="1"/>
  <c r="U14871" i="1"/>
  <c r="U14870" i="1"/>
  <c r="U14869" i="1"/>
  <c r="U14868" i="1"/>
  <c r="U14867" i="1"/>
  <c r="U14866" i="1"/>
  <c r="U14865" i="1"/>
  <c r="U14864" i="1"/>
  <c r="U14863" i="1"/>
  <c r="U14862" i="1"/>
  <c r="U14861" i="1"/>
  <c r="U14860" i="1"/>
  <c r="U14859" i="1"/>
  <c r="U14858" i="1"/>
  <c r="U14857" i="1"/>
  <c r="U14856" i="1"/>
  <c r="U14855" i="1"/>
  <c r="U14854" i="1"/>
  <c r="U14853" i="1"/>
  <c r="U14852" i="1"/>
  <c r="U14851" i="1"/>
  <c r="U14850" i="1"/>
  <c r="U14849" i="1"/>
  <c r="U14848" i="1"/>
  <c r="U14847" i="1"/>
  <c r="U14846" i="1"/>
  <c r="U14845" i="1"/>
  <c r="U14844" i="1"/>
  <c r="U14843" i="1"/>
  <c r="U14842" i="1"/>
  <c r="U14841" i="1"/>
  <c r="U14840" i="1"/>
  <c r="U14839" i="1"/>
  <c r="U14838" i="1"/>
  <c r="U14837" i="1"/>
  <c r="U14836" i="1"/>
  <c r="U14835" i="1"/>
  <c r="U14834" i="1"/>
  <c r="U14833" i="1"/>
  <c r="U14832" i="1"/>
  <c r="U14831" i="1"/>
  <c r="U14830" i="1"/>
  <c r="U14829" i="1"/>
  <c r="U14828" i="1"/>
  <c r="U14827" i="1"/>
  <c r="U14826" i="1"/>
  <c r="U14825" i="1"/>
  <c r="U14824" i="1"/>
  <c r="U14823" i="1"/>
  <c r="U14822" i="1"/>
  <c r="U14821" i="1"/>
  <c r="U14820" i="1"/>
  <c r="U14819" i="1"/>
  <c r="U14818" i="1"/>
  <c r="U14817" i="1"/>
  <c r="U14816" i="1"/>
  <c r="U14815" i="1"/>
  <c r="U14814" i="1"/>
  <c r="U14813" i="1"/>
  <c r="U14812" i="1"/>
  <c r="U14811" i="1"/>
  <c r="U14810" i="1"/>
  <c r="U14809" i="1"/>
  <c r="U14808" i="1"/>
  <c r="U14807" i="1"/>
  <c r="U14806" i="1"/>
  <c r="U14805" i="1"/>
  <c r="U14804" i="1"/>
  <c r="U14803" i="1"/>
  <c r="U14802" i="1"/>
  <c r="U14801" i="1"/>
  <c r="U14800" i="1"/>
  <c r="U14799" i="1"/>
  <c r="U14798" i="1"/>
  <c r="U14797" i="1"/>
  <c r="U14796" i="1"/>
  <c r="U14795" i="1"/>
  <c r="U14794" i="1"/>
  <c r="U14793" i="1"/>
  <c r="U14792" i="1"/>
  <c r="U14791" i="1"/>
  <c r="U14790" i="1"/>
  <c r="U14789" i="1"/>
  <c r="U14788" i="1"/>
  <c r="U14787" i="1"/>
  <c r="U14786" i="1"/>
  <c r="U14785" i="1"/>
  <c r="U14784" i="1"/>
  <c r="U14783" i="1"/>
  <c r="U14782" i="1"/>
  <c r="U14781" i="1"/>
  <c r="U14780" i="1"/>
  <c r="U14779" i="1"/>
  <c r="U14778" i="1"/>
  <c r="U14777" i="1"/>
  <c r="U14776" i="1"/>
  <c r="U14775" i="1"/>
  <c r="U14774" i="1"/>
  <c r="U14773" i="1"/>
  <c r="U14772" i="1"/>
  <c r="U14771" i="1"/>
  <c r="U14770" i="1"/>
  <c r="U14769" i="1"/>
  <c r="U14768" i="1"/>
  <c r="U14767" i="1"/>
  <c r="U14766" i="1"/>
  <c r="U14765" i="1"/>
  <c r="U14764" i="1"/>
  <c r="U14763" i="1"/>
  <c r="U14762" i="1"/>
  <c r="U14761" i="1"/>
  <c r="U14760" i="1"/>
  <c r="U14759" i="1"/>
  <c r="U14758" i="1"/>
  <c r="U14757" i="1"/>
  <c r="U14756" i="1"/>
  <c r="U14755" i="1"/>
  <c r="U14754" i="1"/>
  <c r="U14753" i="1"/>
  <c r="U14752" i="1"/>
  <c r="U14751" i="1"/>
  <c r="U14750" i="1"/>
  <c r="U14749" i="1"/>
  <c r="U14748" i="1"/>
  <c r="U14747" i="1"/>
  <c r="U14746" i="1"/>
  <c r="U14745" i="1"/>
  <c r="U14744" i="1"/>
  <c r="U14743" i="1"/>
  <c r="U14742" i="1"/>
  <c r="U14741" i="1"/>
  <c r="U14740" i="1"/>
  <c r="U14739" i="1"/>
  <c r="U14738" i="1"/>
  <c r="U14737" i="1"/>
  <c r="U14736" i="1"/>
  <c r="U14735" i="1"/>
  <c r="U14734" i="1"/>
  <c r="U14733" i="1"/>
  <c r="U14732" i="1"/>
  <c r="U14731" i="1"/>
  <c r="U14730" i="1"/>
  <c r="U14729" i="1"/>
  <c r="U14728" i="1"/>
  <c r="U14727" i="1"/>
  <c r="U14726" i="1"/>
  <c r="U14725" i="1"/>
  <c r="U14724" i="1"/>
  <c r="U14723" i="1"/>
  <c r="U14722" i="1"/>
  <c r="U14721" i="1"/>
  <c r="U14720" i="1"/>
  <c r="U14719" i="1"/>
  <c r="U14718" i="1"/>
  <c r="U14717" i="1"/>
  <c r="U14716" i="1"/>
  <c r="U14715" i="1"/>
  <c r="U14714" i="1"/>
  <c r="U14713" i="1"/>
  <c r="U14712" i="1"/>
  <c r="U14711" i="1"/>
  <c r="U14710" i="1"/>
  <c r="U14709" i="1"/>
  <c r="U14708" i="1"/>
  <c r="U14707" i="1"/>
  <c r="U14706" i="1"/>
  <c r="U14705" i="1"/>
  <c r="U14704" i="1"/>
  <c r="U14703" i="1"/>
  <c r="U14702" i="1"/>
  <c r="U14701" i="1"/>
  <c r="U14700" i="1"/>
  <c r="U14699" i="1"/>
  <c r="U14698" i="1"/>
  <c r="U14697" i="1"/>
  <c r="U14696" i="1"/>
  <c r="U14695" i="1"/>
  <c r="U14694" i="1"/>
  <c r="U14693" i="1"/>
  <c r="U14692" i="1"/>
  <c r="U14691" i="1"/>
  <c r="U14690" i="1"/>
  <c r="U14689" i="1"/>
  <c r="U14688" i="1"/>
  <c r="U14687" i="1"/>
  <c r="U14686" i="1"/>
  <c r="U14685" i="1"/>
  <c r="U14684" i="1"/>
  <c r="U14683" i="1"/>
  <c r="U14682" i="1"/>
  <c r="U14681" i="1"/>
  <c r="U14680" i="1"/>
  <c r="U14679" i="1"/>
  <c r="U14678" i="1"/>
  <c r="U14677" i="1"/>
  <c r="U14676" i="1"/>
  <c r="U14675" i="1"/>
  <c r="U14674" i="1"/>
  <c r="U14673" i="1"/>
  <c r="U14672" i="1"/>
  <c r="U14671" i="1"/>
  <c r="U14670" i="1"/>
  <c r="U14669" i="1"/>
  <c r="U14668" i="1"/>
  <c r="U14667" i="1"/>
  <c r="U14666" i="1"/>
  <c r="U14665" i="1"/>
  <c r="U14664" i="1"/>
  <c r="U14663" i="1"/>
  <c r="U14662" i="1"/>
  <c r="U14661" i="1"/>
  <c r="U14660" i="1"/>
  <c r="U14659" i="1"/>
  <c r="U14658" i="1"/>
  <c r="U14657" i="1"/>
  <c r="U14656" i="1"/>
  <c r="U14655" i="1"/>
  <c r="U14654" i="1"/>
  <c r="U14653" i="1"/>
  <c r="U14652" i="1"/>
  <c r="U14651" i="1"/>
  <c r="U14650" i="1"/>
  <c r="U14649" i="1"/>
  <c r="U14648" i="1"/>
  <c r="U14647" i="1"/>
  <c r="U14646" i="1"/>
  <c r="U14645" i="1"/>
  <c r="U14644" i="1"/>
  <c r="U14643" i="1"/>
  <c r="U14642" i="1"/>
  <c r="U14641" i="1"/>
  <c r="U14640" i="1"/>
  <c r="U14639" i="1"/>
  <c r="U14638" i="1"/>
  <c r="U14637" i="1"/>
  <c r="U14636" i="1"/>
  <c r="U14635" i="1"/>
  <c r="U14634" i="1"/>
  <c r="U14633" i="1"/>
  <c r="U14632" i="1"/>
  <c r="U14631" i="1"/>
  <c r="U14630" i="1"/>
  <c r="U14629" i="1"/>
  <c r="U14628" i="1"/>
  <c r="U14627" i="1"/>
  <c r="U14626" i="1"/>
  <c r="U14625" i="1"/>
  <c r="U14624" i="1"/>
  <c r="U14623" i="1"/>
  <c r="U14622" i="1"/>
  <c r="U14621" i="1"/>
  <c r="U14620" i="1"/>
  <c r="U14619" i="1"/>
  <c r="U14618" i="1"/>
  <c r="U14617" i="1"/>
  <c r="U14616" i="1"/>
  <c r="U14615" i="1"/>
  <c r="U14614" i="1"/>
  <c r="U14613" i="1"/>
  <c r="U14612" i="1"/>
  <c r="U14611" i="1"/>
  <c r="U14610" i="1"/>
  <c r="U14609" i="1"/>
  <c r="U14608" i="1"/>
  <c r="U14607" i="1"/>
  <c r="U14606" i="1"/>
  <c r="U14605" i="1"/>
  <c r="U14604" i="1"/>
  <c r="U14603" i="1"/>
  <c r="U14602" i="1"/>
  <c r="U14601" i="1"/>
  <c r="U14600" i="1"/>
  <c r="U14599" i="1"/>
  <c r="U14598" i="1"/>
  <c r="U14597" i="1"/>
  <c r="U14596" i="1"/>
  <c r="U14595" i="1"/>
  <c r="U14594" i="1"/>
  <c r="U14593" i="1"/>
  <c r="U14592" i="1"/>
  <c r="U14591" i="1"/>
  <c r="U14590" i="1"/>
  <c r="U14589" i="1"/>
  <c r="U14588" i="1"/>
  <c r="U14587" i="1"/>
  <c r="U14586" i="1"/>
  <c r="U14585" i="1"/>
  <c r="U14584" i="1"/>
  <c r="U14583" i="1"/>
  <c r="U14582" i="1"/>
  <c r="U14581" i="1"/>
  <c r="U14580" i="1"/>
  <c r="U14579" i="1"/>
  <c r="U14578" i="1"/>
  <c r="U14577" i="1"/>
  <c r="U14576" i="1"/>
  <c r="U14575" i="1"/>
  <c r="U14574" i="1"/>
  <c r="U14573" i="1"/>
  <c r="U14572" i="1"/>
  <c r="U14571" i="1"/>
  <c r="U14570" i="1"/>
  <c r="U14569" i="1"/>
  <c r="U14568" i="1"/>
  <c r="U14567" i="1"/>
  <c r="U14566" i="1"/>
  <c r="U14565" i="1"/>
  <c r="U14564" i="1"/>
  <c r="U14563" i="1"/>
  <c r="U14562" i="1"/>
  <c r="U14561" i="1"/>
  <c r="U14560" i="1"/>
  <c r="U14559" i="1"/>
  <c r="U14558" i="1"/>
  <c r="U14557" i="1"/>
  <c r="U14556" i="1"/>
  <c r="U14555" i="1"/>
  <c r="U14554" i="1"/>
  <c r="U14553" i="1"/>
  <c r="U14552" i="1"/>
  <c r="U14551" i="1"/>
  <c r="U14550" i="1"/>
  <c r="U14549" i="1"/>
  <c r="U14548" i="1"/>
  <c r="U14547" i="1"/>
  <c r="U14546" i="1"/>
  <c r="U14545" i="1"/>
  <c r="U14544" i="1"/>
  <c r="U14543" i="1"/>
  <c r="U14542" i="1"/>
  <c r="U14541" i="1"/>
  <c r="U14540" i="1"/>
  <c r="U14539" i="1"/>
  <c r="U14538" i="1"/>
  <c r="U14537" i="1"/>
  <c r="U14536" i="1"/>
  <c r="U14535" i="1"/>
  <c r="U14534" i="1"/>
  <c r="U14533" i="1"/>
  <c r="U14532" i="1"/>
  <c r="U14531" i="1"/>
  <c r="U14530" i="1"/>
  <c r="U14529" i="1"/>
  <c r="U14528" i="1"/>
  <c r="U14527" i="1"/>
  <c r="U14526" i="1"/>
  <c r="U14525" i="1"/>
  <c r="U14524" i="1"/>
  <c r="U14523" i="1"/>
  <c r="U14522" i="1"/>
  <c r="U14521" i="1"/>
  <c r="U14520" i="1"/>
  <c r="U14519" i="1"/>
  <c r="U14518" i="1"/>
  <c r="U14517" i="1"/>
  <c r="U14516" i="1"/>
  <c r="U14515" i="1"/>
  <c r="U14514" i="1"/>
  <c r="U14513" i="1"/>
  <c r="U14512" i="1"/>
  <c r="U14511" i="1"/>
  <c r="U14510" i="1"/>
  <c r="U14509" i="1"/>
  <c r="U14508" i="1"/>
  <c r="U14507" i="1"/>
  <c r="U14506" i="1"/>
  <c r="U14505" i="1"/>
  <c r="U14504" i="1"/>
  <c r="U14503" i="1"/>
  <c r="U14502" i="1"/>
  <c r="U14501" i="1"/>
  <c r="U14500" i="1"/>
  <c r="U14499" i="1"/>
  <c r="U14498" i="1"/>
  <c r="U14497" i="1"/>
  <c r="U14496" i="1"/>
  <c r="U14495" i="1"/>
  <c r="U14494" i="1"/>
  <c r="U14493" i="1"/>
  <c r="U14492" i="1"/>
  <c r="U14491" i="1"/>
  <c r="U14490" i="1"/>
  <c r="U14489" i="1"/>
  <c r="U14488" i="1"/>
  <c r="U14487" i="1"/>
  <c r="U14486" i="1"/>
  <c r="U14485" i="1"/>
  <c r="U14484" i="1"/>
  <c r="U14483" i="1"/>
  <c r="U14482" i="1"/>
  <c r="U14481" i="1"/>
  <c r="U14480" i="1"/>
  <c r="U14479" i="1"/>
  <c r="U14478" i="1"/>
  <c r="U14477" i="1"/>
  <c r="U14476" i="1"/>
  <c r="U14475" i="1"/>
  <c r="U14474" i="1"/>
  <c r="U14473" i="1"/>
  <c r="U14472" i="1"/>
  <c r="U14471" i="1"/>
  <c r="U14470" i="1"/>
  <c r="U14469" i="1"/>
  <c r="U14468" i="1"/>
  <c r="U14467" i="1"/>
  <c r="U14466" i="1"/>
  <c r="U14465" i="1"/>
  <c r="U14464" i="1"/>
  <c r="U14463" i="1"/>
  <c r="U14462" i="1"/>
  <c r="U14461" i="1"/>
  <c r="U14460" i="1"/>
  <c r="U14459" i="1"/>
  <c r="U14458" i="1"/>
  <c r="U14457" i="1"/>
  <c r="U14456" i="1"/>
  <c r="U14455" i="1"/>
  <c r="U14454" i="1"/>
  <c r="U14453" i="1"/>
  <c r="U14452" i="1"/>
  <c r="U14451" i="1"/>
  <c r="U14450" i="1"/>
  <c r="U14449" i="1"/>
  <c r="U14448" i="1"/>
  <c r="U14447" i="1"/>
  <c r="U14446" i="1"/>
  <c r="U14445" i="1"/>
  <c r="U14444" i="1"/>
  <c r="U14443" i="1"/>
  <c r="U14442" i="1"/>
  <c r="U14441" i="1"/>
  <c r="U14440" i="1"/>
  <c r="U14439" i="1"/>
  <c r="U14438" i="1"/>
  <c r="U14437" i="1"/>
  <c r="U14436" i="1"/>
  <c r="U14435" i="1"/>
  <c r="U14434" i="1"/>
  <c r="U14433" i="1"/>
  <c r="U14432" i="1"/>
  <c r="U14431" i="1"/>
  <c r="U14430" i="1"/>
  <c r="U14429" i="1"/>
  <c r="U14428" i="1"/>
  <c r="U14427" i="1"/>
  <c r="U14426" i="1"/>
  <c r="U14425" i="1"/>
  <c r="U14424" i="1"/>
  <c r="U14423" i="1"/>
  <c r="U14422" i="1"/>
  <c r="U14421" i="1"/>
  <c r="U14420" i="1"/>
  <c r="U14419" i="1"/>
  <c r="U14418" i="1"/>
  <c r="U14417" i="1"/>
  <c r="U14416" i="1"/>
  <c r="U14415" i="1"/>
  <c r="U14414" i="1"/>
  <c r="U14413" i="1"/>
  <c r="U14412" i="1"/>
  <c r="U14411" i="1"/>
  <c r="U14410" i="1"/>
  <c r="U14409" i="1"/>
  <c r="U14408" i="1"/>
  <c r="U14407" i="1"/>
  <c r="U14406" i="1"/>
  <c r="U14405" i="1"/>
  <c r="U14404" i="1"/>
  <c r="U14403" i="1"/>
  <c r="U14402" i="1"/>
  <c r="U14401" i="1"/>
  <c r="U14400" i="1"/>
  <c r="U14399" i="1"/>
  <c r="U14398" i="1"/>
  <c r="U14397" i="1"/>
  <c r="U14396" i="1"/>
  <c r="U14395" i="1"/>
  <c r="U14394" i="1"/>
  <c r="U14393" i="1"/>
  <c r="U14392" i="1"/>
  <c r="U14391" i="1"/>
  <c r="U14390" i="1"/>
  <c r="U14389" i="1"/>
  <c r="U14388" i="1"/>
  <c r="U14387" i="1"/>
  <c r="U14386" i="1"/>
  <c r="U14385" i="1"/>
  <c r="U14384" i="1"/>
  <c r="U14383" i="1"/>
  <c r="U14382" i="1"/>
  <c r="U14381" i="1"/>
  <c r="U14380" i="1"/>
  <c r="U14379" i="1"/>
  <c r="U14378" i="1"/>
  <c r="U14377" i="1"/>
  <c r="U14376" i="1"/>
  <c r="U14375" i="1"/>
  <c r="U14374" i="1"/>
  <c r="U14373" i="1"/>
  <c r="U14372" i="1"/>
  <c r="U14371" i="1"/>
  <c r="U14370" i="1"/>
  <c r="U14369" i="1"/>
  <c r="U14368" i="1"/>
  <c r="U14367" i="1"/>
  <c r="U14366" i="1"/>
  <c r="U14365" i="1"/>
  <c r="U14364" i="1"/>
  <c r="U14363" i="1"/>
  <c r="U14362" i="1"/>
  <c r="U14361" i="1"/>
  <c r="U14360" i="1"/>
  <c r="U14359" i="1"/>
  <c r="U14358" i="1"/>
  <c r="U14357" i="1"/>
  <c r="U14356" i="1"/>
  <c r="U14355" i="1"/>
  <c r="U14354" i="1"/>
  <c r="U14353" i="1"/>
  <c r="U14352" i="1"/>
  <c r="U14351" i="1"/>
  <c r="U14350" i="1"/>
  <c r="U14349" i="1"/>
  <c r="U14348" i="1"/>
  <c r="U14347" i="1"/>
  <c r="U14346" i="1"/>
  <c r="U14345" i="1"/>
  <c r="U14344" i="1"/>
  <c r="U14343" i="1"/>
  <c r="U14342" i="1"/>
  <c r="U14341" i="1"/>
  <c r="U14340" i="1"/>
  <c r="U14339" i="1"/>
  <c r="U14338" i="1"/>
  <c r="U14337" i="1"/>
  <c r="U14336" i="1"/>
  <c r="U14335" i="1"/>
  <c r="U14334" i="1"/>
  <c r="U14333" i="1"/>
  <c r="U14332" i="1"/>
  <c r="U14331" i="1"/>
  <c r="U14330" i="1"/>
  <c r="U14329" i="1"/>
  <c r="U14328" i="1"/>
  <c r="U14327" i="1"/>
  <c r="U14326" i="1"/>
  <c r="U14325" i="1"/>
  <c r="U14324" i="1"/>
  <c r="U14323" i="1"/>
  <c r="U14322" i="1"/>
  <c r="U14321" i="1"/>
  <c r="U14320" i="1"/>
  <c r="U14319" i="1"/>
  <c r="U14318" i="1"/>
  <c r="U14317" i="1"/>
  <c r="U14316" i="1"/>
  <c r="U14315" i="1"/>
  <c r="U14314" i="1"/>
  <c r="U14313" i="1"/>
  <c r="U14312" i="1"/>
  <c r="U14311" i="1"/>
  <c r="U14310" i="1"/>
  <c r="U14309" i="1"/>
  <c r="U14308" i="1"/>
  <c r="U14307" i="1"/>
  <c r="U14306" i="1"/>
  <c r="U14305" i="1"/>
  <c r="U14304" i="1"/>
  <c r="U14303" i="1"/>
  <c r="U14302" i="1"/>
  <c r="U14301" i="1"/>
  <c r="U14300" i="1"/>
  <c r="U14299" i="1"/>
  <c r="U14298" i="1"/>
  <c r="U14297" i="1"/>
  <c r="U14296" i="1"/>
  <c r="U14295" i="1"/>
  <c r="U14294" i="1"/>
  <c r="U14293" i="1"/>
  <c r="U14292" i="1"/>
  <c r="U14291" i="1"/>
  <c r="U14290" i="1"/>
  <c r="U14289" i="1"/>
  <c r="U14288" i="1"/>
  <c r="U14287" i="1"/>
  <c r="U14286" i="1"/>
  <c r="U14285" i="1"/>
  <c r="U14284" i="1"/>
  <c r="U14283" i="1"/>
  <c r="U14282" i="1"/>
  <c r="U14281" i="1"/>
  <c r="U14280" i="1"/>
  <c r="U14279" i="1"/>
  <c r="U14278" i="1"/>
  <c r="U14277" i="1"/>
  <c r="U14276" i="1"/>
  <c r="U14275" i="1"/>
  <c r="U14274" i="1"/>
  <c r="U14273" i="1"/>
  <c r="U14272" i="1"/>
  <c r="U14271" i="1"/>
  <c r="U14270" i="1"/>
  <c r="U14269" i="1"/>
  <c r="U14268" i="1"/>
  <c r="U14267" i="1"/>
  <c r="U14266" i="1"/>
  <c r="U14265" i="1"/>
  <c r="U14264" i="1"/>
  <c r="U14263" i="1"/>
  <c r="U14262" i="1"/>
  <c r="U14261" i="1"/>
  <c r="U14260" i="1"/>
  <c r="U14259" i="1"/>
  <c r="U14258" i="1"/>
  <c r="U14257" i="1"/>
  <c r="U14256" i="1"/>
  <c r="U14255" i="1"/>
  <c r="U14254" i="1"/>
  <c r="U14253" i="1"/>
  <c r="U14252" i="1"/>
  <c r="U14251" i="1"/>
  <c r="U14250" i="1"/>
  <c r="U14249" i="1"/>
  <c r="U14248" i="1"/>
  <c r="U14247" i="1"/>
  <c r="U14246" i="1"/>
  <c r="U14245" i="1"/>
  <c r="U14244" i="1"/>
  <c r="U14243" i="1"/>
  <c r="U14242" i="1"/>
  <c r="U14241" i="1"/>
  <c r="U14240" i="1"/>
  <c r="U14239" i="1"/>
  <c r="U14238" i="1"/>
  <c r="U14237" i="1"/>
  <c r="U14236" i="1"/>
  <c r="U14235" i="1"/>
  <c r="U14234" i="1"/>
  <c r="U14233" i="1"/>
  <c r="U14232" i="1"/>
  <c r="U14231" i="1"/>
  <c r="U14230" i="1"/>
  <c r="U14229" i="1"/>
  <c r="U14228" i="1"/>
  <c r="U14227" i="1"/>
  <c r="U14226" i="1"/>
  <c r="U14225" i="1"/>
  <c r="U14224" i="1"/>
  <c r="U14223" i="1"/>
  <c r="U14222" i="1"/>
  <c r="U14221" i="1"/>
  <c r="U14220" i="1"/>
  <c r="U14219" i="1"/>
  <c r="U14218" i="1"/>
  <c r="U14217" i="1"/>
  <c r="U14216" i="1"/>
  <c r="U14215" i="1"/>
  <c r="U14214" i="1"/>
  <c r="U14213" i="1"/>
  <c r="U14212" i="1"/>
  <c r="U14211" i="1"/>
  <c r="U14210" i="1"/>
  <c r="U14209" i="1"/>
  <c r="U14208" i="1"/>
  <c r="U14207" i="1"/>
  <c r="U14206" i="1"/>
  <c r="U14205" i="1"/>
  <c r="U14204" i="1"/>
  <c r="U14203" i="1"/>
  <c r="U14202" i="1"/>
  <c r="U14201" i="1"/>
  <c r="U14200" i="1"/>
  <c r="U14199" i="1"/>
  <c r="U14198" i="1"/>
  <c r="U14197" i="1"/>
  <c r="U14196" i="1"/>
  <c r="U14195" i="1"/>
  <c r="U14194" i="1"/>
  <c r="U14193" i="1"/>
  <c r="U14192" i="1"/>
  <c r="U14191" i="1"/>
  <c r="U14190" i="1"/>
  <c r="U14189" i="1"/>
  <c r="U14188" i="1"/>
  <c r="U14187" i="1"/>
  <c r="U14186" i="1"/>
  <c r="U14185" i="1"/>
  <c r="U14184" i="1"/>
  <c r="U14183" i="1"/>
  <c r="U14182" i="1"/>
  <c r="U14181" i="1"/>
  <c r="U14180" i="1"/>
  <c r="U14179" i="1"/>
  <c r="U14178" i="1"/>
  <c r="U14177" i="1"/>
  <c r="U14176" i="1"/>
  <c r="U14175" i="1"/>
  <c r="U14174" i="1"/>
  <c r="U14173" i="1"/>
  <c r="U14172" i="1"/>
  <c r="U14171" i="1"/>
  <c r="U14170" i="1"/>
  <c r="U14169" i="1"/>
  <c r="U14168" i="1"/>
  <c r="U14167" i="1"/>
  <c r="U14166" i="1"/>
  <c r="U14165" i="1"/>
  <c r="U14164" i="1"/>
  <c r="U14163" i="1"/>
  <c r="U14162" i="1"/>
  <c r="U14161" i="1"/>
  <c r="U14160" i="1"/>
  <c r="U14159" i="1"/>
  <c r="U14158" i="1"/>
  <c r="U14157" i="1"/>
  <c r="U14156" i="1"/>
  <c r="U14155" i="1"/>
  <c r="U14154" i="1"/>
  <c r="U14153" i="1"/>
  <c r="U14152" i="1"/>
  <c r="U14151" i="1"/>
  <c r="U14150" i="1"/>
  <c r="U14149" i="1"/>
  <c r="U14148" i="1"/>
  <c r="U14147" i="1"/>
  <c r="U14146" i="1"/>
  <c r="U14145" i="1"/>
  <c r="U14144" i="1"/>
  <c r="U14143" i="1"/>
  <c r="U14142" i="1"/>
  <c r="U14141" i="1"/>
  <c r="U14140" i="1"/>
  <c r="U14139" i="1"/>
  <c r="U14138" i="1"/>
  <c r="U14137" i="1"/>
  <c r="U14136" i="1"/>
  <c r="U14135" i="1"/>
  <c r="U14134" i="1"/>
  <c r="U14133" i="1"/>
  <c r="U14132" i="1"/>
  <c r="U14131" i="1"/>
  <c r="U14130" i="1"/>
  <c r="U14129" i="1"/>
  <c r="U14128" i="1"/>
  <c r="U14127" i="1"/>
  <c r="U14126" i="1"/>
  <c r="U14125" i="1"/>
  <c r="U14124" i="1"/>
  <c r="U14123" i="1"/>
  <c r="U14122" i="1"/>
  <c r="U14121" i="1"/>
  <c r="U14120" i="1"/>
  <c r="U14119" i="1"/>
  <c r="U14118" i="1"/>
  <c r="U14117" i="1"/>
  <c r="U14116" i="1"/>
  <c r="U14115" i="1"/>
  <c r="U14114" i="1"/>
  <c r="U14113" i="1"/>
  <c r="U14112" i="1"/>
  <c r="U14111" i="1"/>
  <c r="U14110" i="1"/>
  <c r="U14109" i="1"/>
  <c r="U14108" i="1"/>
  <c r="U14107" i="1"/>
  <c r="U14106" i="1"/>
  <c r="U14105" i="1"/>
  <c r="U14104" i="1"/>
  <c r="U14103" i="1"/>
  <c r="U14102" i="1"/>
  <c r="U14101" i="1"/>
  <c r="U14100" i="1"/>
  <c r="U14099" i="1"/>
  <c r="U14098" i="1"/>
  <c r="U14097" i="1"/>
  <c r="U14096" i="1"/>
  <c r="U14095" i="1"/>
  <c r="U14094" i="1"/>
  <c r="U14093" i="1"/>
  <c r="U14092" i="1"/>
  <c r="U14091" i="1"/>
  <c r="U14090" i="1"/>
  <c r="U14089" i="1"/>
  <c r="U14088" i="1"/>
  <c r="U14087" i="1"/>
  <c r="U14086" i="1"/>
  <c r="U14085" i="1"/>
  <c r="U14084" i="1"/>
  <c r="U14083" i="1"/>
  <c r="U14082" i="1"/>
  <c r="U14081" i="1"/>
  <c r="U14080" i="1"/>
  <c r="U14079" i="1"/>
  <c r="U14078" i="1"/>
  <c r="U14077" i="1"/>
  <c r="U14076" i="1"/>
  <c r="U14075" i="1"/>
  <c r="U14074" i="1"/>
  <c r="U14073" i="1"/>
  <c r="U14072" i="1"/>
  <c r="U14071" i="1"/>
  <c r="U14070" i="1"/>
  <c r="U14069" i="1"/>
  <c r="U14068" i="1"/>
  <c r="U14067" i="1"/>
  <c r="U14066" i="1"/>
  <c r="U14065" i="1"/>
  <c r="U14064" i="1"/>
  <c r="U14063" i="1"/>
  <c r="U14062" i="1"/>
  <c r="U14061" i="1"/>
  <c r="U14060" i="1"/>
  <c r="U14059" i="1"/>
  <c r="U14058" i="1"/>
  <c r="U14057" i="1"/>
  <c r="U14056" i="1"/>
  <c r="U14055" i="1"/>
  <c r="U14054" i="1"/>
  <c r="U14053" i="1"/>
  <c r="U14052" i="1"/>
  <c r="U14051" i="1"/>
  <c r="U14050" i="1"/>
  <c r="U14049" i="1"/>
  <c r="U14048" i="1"/>
  <c r="U14047" i="1"/>
  <c r="U14046" i="1"/>
  <c r="U14045" i="1"/>
  <c r="U14044" i="1"/>
  <c r="U14043" i="1"/>
  <c r="U14042" i="1"/>
  <c r="U14041" i="1"/>
  <c r="U14040" i="1"/>
  <c r="U14039" i="1"/>
  <c r="U14038" i="1"/>
  <c r="U14037" i="1"/>
  <c r="U14036" i="1"/>
  <c r="U14035" i="1"/>
  <c r="U14034" i="1"/>
  <c r="U14033" i="1"/>
  <c r="U14032" i="1"/>
  <c r="U14031" i="1"/>
  <c r="U14030" i="1"/>
  <c r="U14029" i="1"/>
  <c r="U14028" i="1"/>
  <c r="U14027" i="1"/>
  <c r="U14026" i="1"/>
  <c r="U14025" i="1"/>
  <c r="U14024" i="1"/>
  <c r="U14023" i="1"/>
  <c r="U14022" i="1"/>
  <c r="U14021" i="1"/>
  <c r="U14020" i="1"/>
  <c r="U14019" i="1"/>
  <c r="U14018" i="1"/>
  <c r="U14017" i="1"/>
  <c r="U14016" i="1"/>
  <c r="U14015" i="1"/>
  <c r="U14014" i="1"/>
  <c r="U14013" i="1"/>
  <c r="U14012" i="1"/>
  <c r="U14011" i="1"/>
  <c r="U14010" i="1"/>
  <c r="U14009" i="1"/>
  <c r="U14008" i="1"/>
  <c r="U14007" i="1"/>
  <c r="U14006" i="1"/>
  <c r="U14005" i="1"/>
  <c r="U14004" i="1"/>
  <c r="U14003" i="1"/>
  <c r="U14002" i="1"/>
  <c r="U14001" i="1"/>
  <c r="U14000" i="1"/>
  <c r="U13999" i="1"/>
  <c r="U13998" i="1"/>
  <c r="U13997" i="1"/>
  <c r="U13996" i="1"/>
  <c r="U13995" i="1"/>
  <c r="U13994" i="1"/>
  <c r="U13993" i="1"/>
  <c r="U13992" i="1"/>
  <c r="U13991" i="1"/>
  <c r="U13990" i="1"/>
  <c r="U13989" i="1"/>
  <c r="U13988" i="1"/>
  <c r="U13987" i="1"/>
  <c r="U13986" i="1"/>
  <c r="U13985" i="1"/>
  <c r="U13984" i="1"/>
  <c r="U13983" i="1"/>
  <c r="U13982" i="1"/>
  <c r="U13981" i="1"/>
  <c r="U13980" i="1"/>
  <c r="U13979" i="1"/>
  <c r="U13978" i="1"/>
  <c r="U13977" i="1"/>
  <c r="U13976" i="1"/>
  <c r="U13975" i="1"/>
  <c r="U13974" i="1"/>
  <c r="U13973" i="1"/>
  <c r="U13972" i="1"/>
  <c r="U13971" i="1"/>
  <c r="U13970" i="1"/>
  <c r="U13969" i="1"/>
  <c r="U13968" i="1"/>
  <c r="U13967" i="1"/>
  <c r="U13966" i="1"/>
  <c r="U13965" i="1"/>
  <c r="U13964" i="1"/>
  <c r="U13963" i="1"/>
  <c r="U13962" i="1"/>
  <c r="U13961" i="1"/>
  <c r="U13960" i="1"/>
  <c r="U13959" i="1"/>
  <c r="U13958" i="1"/>
  <c r="U13957" i="1"/>
  <c r="U13956" i="1"/>
  <c r="U13955" i="1"/>
  <c r="U13954" i="1"/>
  <c r="U13953" i="1"/>
  <c r="U13952" i="1"/>
  <c r="U13951" i="1"/>
  <c r="U13950" i="1"/>
  <c r="U13949" i="1"/>
  <c r="U13948" i="1"/>
  <c r="U13947" i="1"/>
  <c r="U13946" i="1"/>
  <c r="U13945" i="1"/>
  <c r="U13944" i="1"/>
  <c r="U13943" i="1"/>
  <c r="U13942" i="1"/>
  <c r="U13941" i="1"/>
  <c r="U13940" i="1"/>
  <c r="U13939" i="1"/>
  <c r="U13938" i="1"/>
  <c r="U13937" i="1"/>
  <c r="U13936" i="1"/>
  <c r="U13935" i="1"/>
  <c r="U13934" i="1"/>
  <c r="U13933" i="1"/>
  <c r="U13932" i="1"/>
  <c r="U13931" i="1"/>
  <c r="U13930" i="1"/>
  <c r="U13929" i="1"/>
  <c r="U13928" i="1"/>
  <c r="U13927" i="1"/>
  <c r="U13926" i="1"/>
  <c r="U13925" i="1"/>
  <c r="U13924" i="1"/>
  <c r="U13923" i="1"/>
  <c r="U13922" i="1"/>
  <c r="U13921" i="1"/>
  <c r="U13920" i="1"/>
  <c r="U13919" i="1"/>
  <c r="U13918" i="1"/>
  <c r="U13917" i="1"/>
  <c r="U13916" i="1"/>
  <c r="U13915" i="1"/>
  <c r="U13914" i="1"/>
  <c r="U13913" i="1"/>
  <c r="U13912" i="1"/>
  <c r="U13911" i="1"/>
  <c r="U13910" i="1"/>
  <c r="U13909" i="1"/>
  <c r="U13908" i="1"/>
  <c r="U13907" i="1"/>
  <c r="U13906" i="1"/>
  <c r="U13905" i="1"/>
  <c r="U13904" i="1"/>
  <c r="U13903" i="1"/>
  <c r="U13902" i="1"/>
  <c r="U13901" i="1"/>
  <c r="U13900" i="1"/>
  <c r="U13899" i="1"/>
  <c r="U13898" i="1"/>
  <c r="U13897" i="1"/>
  <c r="U13896" i="1"/>
  <c r="U13895" i="1"/>
  <c r="U13894" i="1"/>
  <c r="U13893" i="1"/>
  <c r="U13892" i="1"/>
  <c r="U13891" i="1"/>
  <c r="U13890" i="1"/>
  <c r="U13889" i="1"/>
  <c r="U13888" i="1"/>
  <c r="U13887" i="1"/>
  <c r="U13886" i="1"/>
  <c r="U13885" i="1"/>
  <c r="U13884" i="1"/>
  <c r="U13883" i="1"/>
  <c r="U13882" i="1"/>
  <c r="U13881" i="1"/>
  <c r="U13880" i="1"/>
  <c r="U13879" i="1"/>
  <c r="U13878" i="1"/>
  <c r="U13877" i="1"/>
  <c r="U13876" i="1"/>
  <c r="U13875" i="1"/>
  <c r="U13874" i="1"/>
  <c r="U13873" i="1"/>
  <c r="U13872" i="1"/>
  <c r="U13871" i="1"/>
  <c r="U13870" i="1"/>
  <c r="U13869" i="1"/>
  <c r="U13868" i="1"/>
  <c r="U13867" i="1"/>
  <c r="U13866" i="1"/>
  <c r="U13865" i="1"/>
  <c r="U13864" i="1"/>
  <c r="U13863" i="1"/>
  <c r="U13862" i="1"/>
  <c r="U13861" i="1"/>
  <c r="U13860" i="1"/>
  <c r="U13859" i="1"/>
  <c r="U13858" i="1"/>
  <c r="U13857" i="1"/>
  <c r="U13856" i="1"/>
  <c r="U13855" i="1"/>
  <c r="U13854" i="1"/>
  <c r="U13853" i="1"/>
  <c r="U13852" i="1"/>
  <c r="U13851" i="1"/>
  <c r="U13850" i="1"/>
  <c r="U13849" i="1"/>
  <c r="U13848" i="1"/>
  <c r="U13847" i="1"/>
  <c r="U13846" i="1"/>
  <c r="U13845" i="1"/>
  <c r="U13844" i="1"/>
  <c r="U13843" i="1"/>
  <c r="U13842" i="1"/>
  <c r="U13841" i="1"/>
  <c r="U13840" i="1"/>
  <c r="U13839" i="1"/>
  <c r="U13838" i="1"/>
  <c r="U13837" i="1"/>
  <c r="U13836" i="1"/>
  <c r="U13835" i="1"/>
  <c r="U13834" i="1"/>
  <c r="U13833" i="1"/>
  <c r="U13832" i="1"/>
  <c r="U13831" i="1"/>
  <c r="U13830" i="1"/>
  <c r="U13829" i="1"/>
  <c r="U13828" i="1"/>
  <c r="U13827" i="1"/>
  <c r="U13826" i="1"/>
  <c r="U13825" i="1"/>
  <c r="U13824" i="1"/>
  <c r="U13823" i="1"/>
  <c r="U13822" i="1"/>
  <c r="U13821" i="1"/>
  <c r="U13820" i="1"/>
  <c r="U13819" i="1"/>
  <c r="U13818" i="1"/>
  <c r="U13817" i="1"/>
  <c r="U13816" i="1"/>
  <c r="U13815" i="1"/>
  <c r="U13814" i="1"/>
  <c r="U13813" i="1"/>
  <c r="U13812" i="1"/>
  <c r="U13811" i="1"/>
  <c r="U13810" i="1"/>
  <c r="U13809" i="1"/>
  <c r="U13808" i="1"/>
  <c r="U13807" i="1"/>
  <c r="U13806" i="1"/>
  <c r="U13805" i="1"/>
  <c r="U13804" i="1"/>
  <c r="U13803" i="1"/>
  <c r="U13802" i="1"/>
  <c r="U13801" i="1"/>
  <c r="U13800" i="1"/>
  <c r="U13799" i="1"/>
  <c r="U13798" i="1"/>
  <c r="U13797" i="1"/>
  <c r="U13796" i="1"/>
  <c r="U13795" i="1"/>
  <c r="U13794" i="1"/>
  <c r="U13793" i="1"/>
  <c r="U13792" i="1"/>
  <c r="U13791" i="1"/>
  <c r="U13790" i="1"/>
  <c r="U13789" i="1"/>
  <c r="U13788" i="1"/>
  <c r="U13787" i="1"/>
  <c r="U13786" i="1"/>
  <c r="U13785" i="1"/>
  <c r="U13784" i="1"/>
  <c r="U13783" i="1"/>
  <c r="U13782" i="1"/>
  <c r="U13781" i="1"/>
  <c r="U13780" i="1"/>
  <c r="U13779" i="1"/>
  <c r="U13778" i="1"/>
  <c r="U13777" i="1"/>
  <c r="U13776" i="1"/>
  <c r="U13775" i="1"/>
  <c r="U13774" i="1"/>
  <c r="U13773" i="1"/>
  <c r="U13772" i="1"/>
  <c r="U13771" i="1"/>
  <c r="U13770" i="1"/>
  <c r="U13769" i="1"/>
  <c r="U13768" i="1"/>
  <c r="U13767" i="1"/>
  <c r="U13766" i="1"/>
  <c r="U13765" i="1"/>
  <c r="U13764" i="1"/>
  <c r="U13763" i="1"/>
  <c r="U13762" i="1"/>
  <c r="U13761" i="1"/>
  <c r="U13760" i="1"/>
  <c r="U13759" i="1"/>
  <c r="U13758" i="1"/>
  <c r="U13757" i="1"/>
  <c r="U13756" i="1"/>
  <c r="U13755" i="1"/>
  <c r="U13754" i="1"/>
  <c r="U13753" i="1"/>
  <c r="U13752" i="1"/>
  <c r="U13751" i="1"/>
  <c r="U13750" i="1"/>
  <c r="U13749" i="1"/>
  <c r="U13748" i="1"/>
  <c r="U13747" i="1"/>
  <c r="U13746" i="1"/>
  <c r="U13745" i="1"/>
  <c r="U13744" i="1"/>
  <c r="U13743" i="1"/>
  <c r="U13742" i="1"/>
  <c r="U13741" i="1"/>
  <c r="U13740" i="1"/>
  <c r="U13739" i="1"/>
  <c r="U13738" i="1"/>
  <c r="U13737" i="1"/>
  <c r="U13736" i="1"/>
  <c r="U13735" i="1"/>
  <c r="U13734" i="1"/>
  <c r="U13733" i="1"/>
  <c r="U13732" i="1"/>
  <c r="U13731" i="1"/>
  <c r="U13730" i="1"/>
  <c r="U13729" i="1"/>
  <c r="U13728" i="1"/>
  <c r="U13727" i="1"/>
  <c r="U13726" i="1"/>
  <c r="U13725" i="1"/>
  <c r="U13724" i="1"/>
  <c r="U13723" i="1"/>
  <c r="U13722" i="1"/>
  <c r="U13721" i="1"/>
  <c r="U13720" i="1"/>
  <c r="U13719" i="1"/>
  <c r="U13718" i="1"/>
  <c r="U13717" i="1"/>
  <c r="U13716" i="1"/>
  <c r="U13715" i="1"/>
  <c r="U13714" i="1"/>
  <c r="U13713" i="1"/>
  <c r="U13712" i="1"/>
  <c r="U13711" i="1"/>
  <c r="U13710" i="1"/>
  <c r="U13709" i="1"/>
  <c r="U13708" i="1"/>
  <c r="U13707" i="1"/>
  <c r="U13706" i="1"/>
  <c r="U13705" i="1"/>
  <c r="U13704" i="1"/>
  <c r="U13703" i="1"/>
  <c r="U13702" i="1"/>
  <c r="U13701" i="1"/>
  <c r="U13700" i="1"/>
  <c r="U13699" i="1"/>
  <c r="U13698" i="1"/>
  <c r="U13697" i="1"/>
  <c r="U13696" i="1"/>
  <c r="U13695" i="1"/>
  <c r="U13694" i="1"/>
  <c r="U13693" i="1"/>
  <c r="U13692" i="1"/>
  <c r="U13691" i="1"/>
  <c r="U13690" i="1"/>
  <c r="U13689" i="1"/>
  <c r="U13688" i="1"/>
  <c r="U13687" i="1"/>
  <c r="U13686" i="1"/>
  <c r="U13685" i="1"/>
  <c r="U13684" i="1"/>
  <c r="U13683" i="1"/>
  <c r="U13682" i="1"/>
  <c r="U13681" i="1"/>
  <c r="U13680" i="1"/>
  <c r="U13679" i="1"/>
  <c r="U13678" i="1"/>
  <c r="U13677" i="1"/>
  <c r="U13676" i="1"/>
  <c r="U13675" i="1"/>
  <c r="U13674" i="1"/>
  <c r="U13673" i="1"/>
  <c r="U13672" i="1"/>
  <c r="U13671" i="1"/>
  <c r="U13670" i="1"/>
  <c r="U13669" i="1"/>
  <c r="U13668" i="1"/>
  <c r="U13667" i="1"/>
  <c r="U13666" i="1"/>
  <c r="U13665" i="1"/>
  <c r="U13664" i="1"/>
  <c r="U13663" i="1"/>
  <c r="U13662" i="1"/>
  <c r="U13661" i="1"/>
  <c r="U13660" i="1"/>
  <c r="U13659" i="1"/>
  <c r="U13658" i="1"/>
  <c r="U13657" i="1"/>
  <c r="U13656" i="1"/>
  <c r="U13655" i="1"/>
  <c r="U13654" i="1"/>
  <c r="U13653" i="1"/>
  <c r="U13652" i="1"/>
  <c r="U13651" i="1"/>
  <c r="U13650" i="1"/>
  <c r="U13649" i="1"/>
  <c r="U13648" i="1"/>
  <c r="U13647" i="1"/>
  <c r="U13646" i="1"/>
  <c r="U13645" i="1"/>
  <c r="U13644" i="1"/>
  <c r="U13643" i="1"/>
  <c r="U13642" i="1"/>
  <c r="U13641" i="1"/>
  <c r="U13640" i="1"/>
  <c r="U13639" i="1"/>
  <c r="U13638" i="1"/>
  <c r="U13637" i="1"/>
  <c r="U13636" i="1"/>
  <c r="U13635" i="1"/>
  <c r="U13634" i="1"/>
  <c r="U13633" i="1"/>
  <c r="U13632" i="1"/>
  <c r="U13631" i="1"/>
  <c r="U13630" i="1"/>
  <c r="U13629" i="1"/>
  <c r="U13628" i="1"/>
  <c r="U13627" i="1"/>
  <c r="U13626" i="1"/>
  <c r="U13625" i="1"/>
  <c r="U13624" i="1"/>
  <c r="U13623" i="1"/>
  <c r="U13622" i="1"/>
  <c r="U13621" i="1"/>
  <c r="U13620" i="1"/>
  <c r="U13619" i="1"/>
  <c r="U13618" i="1"/>
  <c r="U13617" i="1"/>
  <c r="U13616" i="1"/>
  <c r="U13615" i="1"/>
  <c r="U13614" i="1"/>
  <c r="U13613" i="1"/>
  <c r="U13612" i="1"/>
  <c r="U13611" i="1"/>
  <c r="U13610" i="1"/>
  <c r="U13609" i="1"/>
  <c r="U13608" i="1"/>
  <c r="U13607" i="1"/>
  <c r="U13606" i="1"/>
  <c r="U13605" i="1"/>
  <c r="U13604" i="1"/>
  <c r="U13603" i="1"/>
  <c r="U13602" i="1"/>
  <c r="U13601" i="1"/>
  <c r="U13600" i="1"/>
  <c r="U13599" i="1"/>
  <c r="U13598" i="1"/>
  <c r="U13597" i="1"/>
  <c r="U13596" i="1"/>
  <c r="U13595" i="1"/>
  <c r="U13594" i="1"/>
  <c r="U13593" i="1"/>
  <c r="U13592" i="1"/>
  <c r="U13591" i="1"/>
  <c r="U13590" i="1"/>
  <c r="U13589" i="1"/>
  <c r="U13588" i="1"/>
  <c r="U13587" i="1"/>
  <c r="U13586" i="1"/>
  <c r="U13585" i="1"/>
  <c r="U13584" i="1"/>
  <c r="U13583" i="1"/>
  <c r="U13582" i="1"/>
  <c r="U13581" i="1"/>
  <c r="U13580" i="1"/>
  <c r="U13579" i="1"/>
  <c r="U13578" i="1"/>
  <c r="U13577" i="1"/>
  <c r="U13576" i="1"/>
  <c r="U13575" i="1"/>
  <c r="U13574" i="1"/>
  <c r="U13573" i="1"/>
  <c r="U13572" i="1"/>
  <c r="U13571" i="1"/>
  <c r="U13570" i="1"/>
  <c r="U13569" i="1"/>
  <c r="U13568" i="1"/>
  <c r="U13567" i="1"/>
  <c r="U13566" i="1"/>
  <c r="U13565" i="1"/>
  <c r="U13564" i="1"/>
  <c r="U13563" i="1"/>
  <c r="U13562" i="1"/>
  <c r="U13561" i="1"/>
  <c r="U13560" i="1"/>
  <c r="U13559" i="1"/>
  <c r="U13558" i="1"/>
  <c r="U13557" i="1"/>
  <c r="U13556" i="1"/>
  <c r="U13555" i="1"/>
  <c r="U13554" i="1"/>
  <c r="U13553" i="1"/>
  <c r="U13552" i="1"/>
  <c r="U13551" i="1"/>
  <c r="U13550" i="1"/>
  <c r="U13549" i="1"/>
  <c r="U13548" i="1"/>
  <c r="U13547" i="1"/>
  <c r="U13546" i="1"/>
  <c r="U13545" i="1"/>
  <c r="U13544" i="1"/>
  <c r="U13543" i="1"/>
  <c r="U13542" i="1"/>
  <c r="U13541" i="1"/>
  <c r="U13540" i="1"/>
  <c r="U13539" i="1"/>
  <c r="U13538" i="1"/>
  <c r="U13537" i="1"/>
  <c r="U13536" i="1"/>
  <c r="U13535" i="1"/>
  <c r="U13534" i="1"/>
  <c r="U13533" i="1"/>
  <c r="U13532" i="1"/>
  <c r="U13531" i="1"/>
  <c r="U13530" i="1"/>
  <c r="U13529" i="1"/>
  <c r="U13528" i="1"/>
  <c r="U13527" i="1"/>
  <c r="U13526" i="1"/>
  <c r="U13525" i="1"/>
  <c r="U13524" i="1"/>
  <c r="U13523" i="1"/>
  <c r="U13522" i="1"/>
  <c r="U13521" i="1"/>
  <c r="U13520" i="1"/>
  <c r="U13519" i="1"/>
  <c r="U13518" i="1"/>
  <c r="U13517" i="1"/>
  <c r="U13516" i="1"/>
  <c r="U13515" i="1"/>
  <c r="U13514" i="1"/>
  <c r="U13513" i="1"/>
  <c r="U13512" i="1"/>
  <c r="U13511" i="1"/>
  <c r="U13510" i="1"/>
  <c r="U13509" i="1"/>
  <c r="U13508" i="1"/>
  <c r="U13507" i="1"/>
  <c r="U13506" i="1"/>
  <c r="U13505" i="1"/>
  <c r="U13504" i="1"/>
  <c r="U13503" i="1"/>
  <c r="U13502" i="1"/>
  <c r="U13501" i="1"/>
  <c r="U13500" i="1"/>
  <c r="U13499" i="1"/>
  <c r="U13498" i="1"/>
  <c r="U13497" i="1"/>
  <c r="U13496" i="1"/>
  <c r="U13495" i="1"/>
  <c r="U13494" i="1"/>
  <c r="U13493" i="1"/>
  <c r="U13492" i="1"/>
  <c r="U13491" i="1"/>
  <c r="U13490" i="1"/>
  <c r="U13489" i="1"/>
  <c r="U13488" i="1"/>
  <c r="U13487" i="1"/>
  <c r="U13486" i="1"/>
  <c r="U13485" i="1"/>
  <c r="U13484" i="1"/>
  <c r="U13483" i="1"/>
  <c r="U13482" i="1"/>
  <c r="U13481" i="1"/>
  <c r="U13480" i="1"/>
  <c r="U13479" i="1"/>
  <c r="U13478" i="1"/>
  <c r="U13477" i="1"/>
  <c r="U13476" i="1"/>
  <c r="U13475" i="1"/>
  <c r="U13474" i="1"/>
  <c r="U13473" i="1"/>
  <c r="U13472" i="1"/>
  <c r="U13471" i="1"/>
  <c r="U13470" i="1"/>
  <c r="U13469" i="1"/>
  <c r="U13468" i="1"/>
  <c r="U13467" i="1"/>
  <c r="U13466" i="1"/>
  <c r="U13465" i="1"/>
  <c r="U13464" i="1"/>
  <c r="U13463" i="1"/>
  <c r="U13462" i="1"/>
  <c r="U13461" i="1"/>
  <c r="U13460" i="1"/>
  <c r="U13459" i="1"/>
  <c r="U13458" i="1"/>
  <c r="U13457" i="1"/>
  <c r="U13456" i="1"/>
  <c r="U13455" i="1"/>
  <c r="U13454" i="1"/>
  <c r="U13453" i="1"/>
  <c r="U13452" i="1"/>
  <c r="U13451" i="1"/>
  <c r="U13450" i="1"/>
  <c r="U13449" i="1"/>
  <c r="U13448" i="1"/>
  <c r="U13447" i="1"/>
  <c r="U13446" i="1"/>
  <c r="U13445" i="1"/>
  <c r="U13444" i="1"/>
  <c r="U13443" i="1"/>
  <c r="U13442" i="1"/>
  <c r="U13441" i="1"/>
  <c r="U13440" i="1"/>
  <c r="U13439" i="1"/>
  <c r="U13438" i="1"/>
  <c r="U13437" i="1"/>
  <c r="U13436" i="1"/>
  <c r="U13435" i="1"/>
  <c r="U13434" i="1"/>
  <c r="U13433" i="1"/>
  <c r="U13432" i="1"/>
  <c r="U13431" i="1"/>
  <c r="U13430" i="1"/>
  <c r="U13429" i="1"/>
  <c r="U13428" i="1"/>
  <c r="U13427" i="1"/>
  <c r="U13426" i="1"/>
  <c r="U13425" i="1"/>
  <c r="U13424" i="1"/>
  <c r="U13423" i="1"/>
  <c r="U13422" i="1"/>
  <c r="U13421" i="1"/>
  <c r="U13420" i="1"/>
  <c r="U13419" i="1"/>
  <c r="U13418" i="1"/>
  <c r="U13417" i="1"/>
  <c r="U13416" i="1"/>
  <c r="U13415" i="1"/>
  <c r="U13414" i="1"/>
  <c r="U13413" i="1"/>
  <c r="U13412" i="1"/>
  <c r="U13411" i="1"/>
  <c r="U13410" i="1"/>
  <c r="U13409" i="1"/>
  <c r="U13408" i="1"/>
  <c r="U13407" i="1"/>
  <c r="U13406" i="1"/>
  <c r="U13405" i="1"/>
  <c r="U13404" i="1"/>
  <c r="U13403" i="1"/>
  <c r="U13402" i="1"/>
  <c r="U13401" i="1"/>
  <c r="U13400" i="1"/>
  <c r="U13399" i="1"/>
  <c r="U13398" i="1"/>
  <c r="U13397" i="1"/>
  <c r="U13396" i="1"/>
  <c r="U13395" i="1"/>
  <c r="U13394" i="1"/>
  <c r="U13393" i="1"/>
  <c r="U13392" i="1"/>
  <c r="U13391" i="1"/>
  <c r="U13390" i="1"/>
  <c r="U13389" i="1"/>
  <c r="U13388" i="1"/>
  <c r="U13387" i="1"/>
  <c r="U13386" i="1"/>
  <c r="U13385" i="1"/>
  <c r="U13384" i="1"/>
  <c r="U13383" i="1"/>
  <c r="U13382" i="1"/>
  <c r="U13381" i="1"/>
  <c r="U13380" i="1"/>
  <c r="U13379" i="1"/>
  <c r="U13378" i="1"/>
  <c r="U13377" i="1"/>
  <c r="U13376" i="1"/>
  <c r="U13375" i="1"/>
  <c r="U13374" i="1"/>
  <c r="U13373" i="1"/>
  <c r="U13372" i="1"/>
  <c r="U13371" i="1"/>
  <c r="U13370" i="1"/>
  <c r="U13369" i="1"/>
  <c r="U13368" i="1"/>
  <c r="U13367" i="1"/>
  <c r="U13366" i="1"/>
  <c r="U13365" i="1"/>
  <c r="U13364" i="1"/>
  <c r="U13363" i="1"/>
  <c r="U13362" i="1"/>
  <c r="U13361" i="1"/>
  <c r="U13360" i="1"/>
  <c r="U13359" i="1"/>
  <c r="U13358" i="1"/>
  <c r="U13357" i="1"/>
  <c r="U13356" i="1"/>
  <c r="U13355" i="1"/>
  <c r="U13354" i="1"/>
  <c r="U13353" i="1"/>
  <c r="U13352" i="1"/>
  <c r="U13351" i="1"/>
  <c r="U13350" i="1"/>
  <c r="U13349" i="1"/>
  <c r="U13348" i="1"/>
  <c r="U13347" i="1"/>
  <c r="U13346" i="1"/>
  <c r="U13345" i="1"/>
  <c r="U13344" i="1"/>
  <c r="U13343" i="1"/>
  <c r="U13342" i="1"/>
  <c r="U13341" i="1"/>
  <c r="U13340" i="1"/>
  <c r="U13339" i="1"/>
  <c r="U13338" i="1"/>
  <c r="U13337" i="1"/>
  <c r="U13336" i="1"/>
  <c r="U13335" i="1"/>
  <c r="U13334" i="1"/>
  <c r="U13333" i="1"/>
  <c r="U13332" i="1"/>
  <c r="U13331" i="1"/>
  <c r="U13330" i="1"/>
  <c r="U13329" i="1"/>
  <c r="U13328" i="1"/>
  <c r="U13327" i="1"/>
  <c r="U13326" i="1"/>
  <c r="U13325" i="1"/>
  <c r="U13324" i="1"/>
  <c r="U13323" i="1"/>
  <c r="U13322" i="1"/>
  <c r="U13321" i="1"/>
  <c r="U13320" i="1"/>
  <c r="U13319" i="1"/>
  <c r="U13318" i="1"/>
  <c r="U13317" i="1"/>
  <c r="U13316" i="1"/>
  <c r="U13315" i="1"/>
  <c r="U13314" i="1"/>
  <c r="U13313" i="1"/>
  <c r="U13312" i="1"/>
  <c r="U13311" i="1"/>
  <c r="U13310" i="1"/>
  <c r="U13309" i="1"/>
  <c r="U13308" i="1"/>
  <c r="U13307" i="1"/>
  <c r="U13306" i="1"/>
  <c r="U13305" i="1"/>
  <c r="U13304" i="1"/>
  <c r="U13303" i="1"/>
  <c r="U13302" i="1"/>
  <c r="U13301" i="1"/>
  <c r="U13300" i="1"/>
  <c r="U13299" i="1"/>
  <c r="U13298" i="1"/>
  <c r="U13297" i="1"/>
  <c r="U13296" i="1"/>
  <c r="U13295" i="1"/>
  <c r="U13294" i="1"/>
  <c r="U13293" i="1"/>
  <c r="U13292" i="1"/>
  <c r="U13291" i="1"/>
  <c r="U13290" i="1"/>
  <c r="U13289" i="1"/>
  <c r="U13288" i="1"/>
  <c r="U13287" i="1"/>
  <c r="U13286" i="1"/>
  <c r="U13285" i="1"/>
  <c r="U13284" i="1"/>
  <c r="U13283" i="1"/>
  <c r="U13282" i="1"/>
  <c r="U13281" i="1"/>
  <c r="U13280" i="1"/>
  <c r="U13279" i="1"/>
  <c r="U13278" i="1"/>
  <c r="U13277" i="1"/>
  <c r="U13276" i="1"/>
  <c r="U13275" i="1"/>
  <c r="U13274" i="1"/>
  <c r="U13273" i="1"/>
  <c r="U13272" i="1"/>
  <c r="U13271" i="1"/>
  <c r="U13270" i="1"/>
  <c r="U13269" i="1"/>
  <c r="U13268" i="1"/>
  <c r="U13267" i="1"/>
  <c r="U13266" i="1"/>
  <c r="U13265" i="1"/>
  <c r="U13264" i="1"/>
  <c r="U13263" i="1"/>
  <c r="U13262" i="1"/>
  <c r="U13261" i="1"/>
  <c r="U13260" i="1"/>
  <c r="U13259" i="1"/>
  <c r="U13258" i="1"/>
  <c r="U13257" i="1"/>
  <c r="U13256" i="1"/>
  <c r="U13255" i="1"/>
  <c r="U13254" i="1"/>
  <c r="U13253" i="1"/>
  <c r="U13252" i="1"/>
  <c r="U13251" i="1"/>
  <c r="U13250" i="1"/>
  <c r="U13249" i="1"/>
  <c r="U13248" i="1"/>
  <c r="U13247" i="1"/>
  <c r="U13246" i="1"/>
  <c r="U13245" i="1"/>
  <c r="U13244" i="1"/>
  <c r="U13243" i="1"/>
  <c r="U13242" i="1"/>
  <c r="U13241" i="1"/>
  <c r="U13240" i="1"/>
  <c r="U13239" i="1"/>
  <c r="U13238" i="1"/>
  <c r="U13237" i="1"/>
  <c r="U13236" i="1"/>
  <c r="U13235" i="1"/>
  <c r="U13234" i="1"/>
  <c r="U13233" i="1"/>
  <c r="U13232" i="1"/>
  <c r="U13231" i="1"/>
  <c r="U13230" i="1"/>
  <c r="U13229" i="1"/>
  <c r="U13228" i="1"/>
  <c r="U13227" i="1"/>
  <c r="U13226" i="1"/>
  <c r="U13225" i="1"/>
  <c r="U13224" i="1"/>
  <c r="U13223" i="1"/>
  <c r="U13222" i="1"/>
  <c r="U13221" i="1"/>
  <c r="U13220" i="1"/>
  <c r="U13219" i="1"/>
  <c r="U13218" i="1"/>
  <c r="U13217" i="1"/>
  <c r="U13216" i="1"/>
  <c r="U13215" i="1"/>
  <c r="U13214" i="1"/>
  <c r="U13213" i="1"/>
  <c r="U13212" i="1"/>
  <c r="U13211" i="1"/>
  <c r="U13210" i="1"/>
  <c r="U13209" i="1"/>
  <c r="U13208" i="1"/>
  <c r="U13207" i="1"/>
  <c r="U13206" i="1"/>
  <c r="U13205" i="1"/>
  <c r="U13204" i="1"/>
  <c r="U13203" i="1"/>
  <c r="U13202" i="1"/>
  <c r="U13201" i="1"/>
  <c r="U13200" i="1"/>
  <c r="U13199" i="1"/>
  <c r="U13198" i="1"/>
  <c r="U13197" i="1"/>
  <c r="U13196" i="1"/>
  <c r="U13195" i="1"/>
  <c r="U13194" i="1"/>
  <c r="U13193" i="1"/>
  <c r="U13192" i="1"/>
  <c r="U13191" i="1"/>
  <c r="U13190" i="1"/>
  <c r="U13189" i="1"/>
  <c r="U13188" i="1"/>
  <c r="U13187" i="1"/>
  <c r="U13186" i="1"/>
  <c r="U13185" i="1"/>
  <c r="U13184" i="1"/>
  <c r="U13183" i="1"/>
  <c r="U13182" i="1"/>
  <c r="U13181" i="1"/>
  <c r="U13180" i="1"/>
  <c r="U13179" i="1"/>
  <c r="U13178" i="1"/>
  <c r="U13177" i="1"/>
  <c r="U13176" i="1"/>
  <c r="U13175" i="1"/>
  <c r="U13174" i="1"/>
  <c r="U13173" i="1"/>
  <c r="U13172" i="1"/>
  <c r="U13171" i="1"/>
  <c r="U13170" i="1"/>
  <c r="U13169" i="1"/>
  <c r="U13168" i="1"/>
  <c r="U13167" i="1"/>
  <c r="U13166" i="1"/>
  <c r="U13165" i="1"/>
  <c r="U13164" i="1"/>
  <c r="U13163" i="1"/>
  <c r="U13162" i="1"/>
  <c r="U13161" i="1"/>
  <c r="U13160" i="1"/>
  <c r="U13159" i="1"/>
  <c r="U13158" i="1"/>
  <c r="U13157" i="1"/>
  <c r="U13156" i="1"/>
  <c r="U13155" i="1"/>
  <c r="U13154" i="1"/>
  <c r="U13153" i="1"/>
  <c r="U13152" i="1"/>
  <c r="U13151" i="1"/>
  <c r="U13150" i="1"/>
  <c r="U13149" i="1"/>
  <c r="U13148" i="1"/>
  <c r="U13147" i="1"/>
  <c r="U13146" i="1"/>
  <c r="U13145" i="1"/>
  <c r="U13144" i="1"/>
  <c r="U13143" i="1"/>
  <c r="U13142" i="1"/>
  <c r="U13141" i="1"/>
  <c r="U13140" i="1"/>
  <c r="U13139" i="1"/>
  <c r="U13138" i="1"/>
  <c r="U13137" i="1"/>
  <c r="U13136" i="1"/>
  <c r="U13135" i="1"/>
  <c r="U13134" i="1"/>
  <c r="U13133" i="1"/>
  <c r="U13132" i="1"/>
  <c r="U13131" i="1"/>
  <c r="U13130" i="1"/>
  <c r="U13129" i="1"/>
  <c r="U13128" i="1"/>
  <c r="U13127" i="1"/>
  <c r="U13126" i="1"/>
  <c r="U13125" i="1"/>
  <c r="U13124" i="1"/>
  <c r="U13123" i="1"/>
  <c r="U13122" i="1"/>
  <c r="U13121" i="1"/>
  <c r="U13120" i="1"/>
  <c r="U13119" i="1"/>
  <c r="U13118" i="1"/>
  <c r="U13117" i="1"/>
  <c r="U13116" i="1"/>
  <c r="U13115" i="1"/>
  <c r="U13114" i="1"/>
  <c r="U13113" i="1"/>
  <c r="U13112" i="1"/>
  <c r="U13111" i="1"/>
  <c r="U13110" i="1"/>
  <c r="U13109" i="1"/>
  <c r="U13108" i="1"/>
  <c r="U13107" i="1"/>
  <c r="U13106" i="1"/>
  <c r="U13105" i="1"/>
  <c r="U13104" i="1"/>
  <c r="U13103" i="1"/>
  <c r="U13102" i="1"/>
  <c r="U13101" i="1"/>
  <c r="U13100" i="1"/>
  <c r="U13099" i="1"/>
  <c r="U13098" i="1"/>
  <c r="U13097" i="1"/>
  <c r="U13096" i="1"/>
  <c r="U13095" i="1"/>
  <c r="U13094" i="1"/>
  <c r="U13093" i="1"/>
  <c r="U13092" i="1"/>
  <c r="U13091" i="1"/>
  <c r="U13090" i="1"/>
  <c r="U13089" i="1"/>
  <c r="U13088" i="1"/>
  <c r="U13087" i="1"/>
  <c r="U13086" i="1"/>
  <c r="U13085" i="1"/>
  <c r="U13084" i="1"/>
  <c r="U13083" i="1"/>
  <c r="U13082" i="1"/>
  <c r="U13081" i="1"/>
  <c r="U13080" i="1"/>
  <c r="U13079" i="1"/>
  <c r="U13078" i="1"/>
  <c r="U13077" i="1"/>
  <c r="U13076" i="1"/>
  <c r="U13075" i="1"/>
  <c r="U13074" i="1"/>
  <c r="U13073" i="1"/>
  <c r="U13072" i="1"/>
  <c r="U13071" i="1"/>
  <c r="U13070" i="1"/>
  <c r="U13069" i="1"/>
  <c r="U13068" i="1"/>
  <c r="U13067" i="1"/>
  <c r="U13066" i="1"/>
  <c r="U13065" i="1"/>
  <c r="U13064" i="1"/>
  <c r="U13063" i="1"/>
  <c r="U13062" i="1"/>
  <c r="U13061" i="1"/>
  <c r="U13060" i="1"/>
  <c r="U13059" i="1"/>
  <c r="U13058" i="1"/>
  <c r="U13057" i="1"/>
  <c r="U13056" i="1"/>
  <c r="U13055" i="1"/>
  <c r="U13054" i="1"/>
  <c r="U13053" i="1"/>
  <c r="U13052" i="1"/>
  <c r="U13051" i="1"/>
  <c r="U13050" i="1"/>
  <c r="U13049" i="1"/>
  <c r="U13048" i="1"/>
  <c r="U13047" i="1"/>
  <c r="U13046" i="1"/>
  <c r="U13045" i="1"/>
  <c r="U13044" i="1"/>
  <c r="U13043" i="1"/>
  <c r="U13042" i="1"/>
  <c r="U13041" i="1"/>
  <c r="U13040" i="1"/>
  <c r="U13039" i="1"/>
  <c r="U13038" i="1"/>
  <c r="U13037" i="1"/>
  <c r="U13036" i="1"/>
  <c r="U13035" i="1"/>
  <c r="U13034" i="1"/>
  <c r="U13033" i="1"/>
  <c r="U13032" i="1"/>
  <c r="U13031" i="1"/>
  <c r="U13030" i="1"/>
  <c r="U13029" i="1"/>
  <c r="U13028" i="1"/>
  <c r="U13027" i="1"/>
  <c r="U13026" i="1"/>
  <c r="U13025" i="1"/>
  <c r="U13024" i="1"/>
  <c r="U13023" i="1"/>
  <c r="U13022" i="1"/>
  <c r="U13021" i="1"/>
  <c r="U13020" i="1"/>
  <c r="U13019" i="1"/>
  <c r="U13018" i="1"/>
  <c r="U13017" i="1"/>
  <c r="U13016" i="1"/>
  <c r="U13015" i="1"/>
  <c r="U13014" i="1"/>
  <c r="U13013" i="1"/>
  <c r="U13012" i="1"/>
  <c r="U13011" i="1"/>
  <c r="U13010" i="1"/>
  <c r="U13009" i="1"/>
  <c r="U13008" i="1"/>
  <c r="U13007" i="1"/>
  <c r="U13006" i="1"/>
  <c r="U13005" i="1"/>
  <c r="U13004" i="1"/>
  <c r="U13003" i="1"/>
  <c r="U13002" i="1"/>
  <c r="U13001" i="1"/>
  <c r="U13000" i="1"/>
  <c r="U12999" i="1"/>
  <c r="U12998" i="1"/>
  <c r="U12997" i="1"/>
  <c r="U12996" i="1"/>
  <c r="U12995" i="1"/>
  <c r="U12994" i="1"/>
  <c r="U12993" i="1"/>
  <c r="U12992" i="1"/>
  <c r="U12991" i="1"/>
  <c r="U12990" i="1"/>
  <c r="U12989" i="1"/>
  <c r="U12988" i="1"/>
  <c r="U12987" i="1"/>
  <c r="U12986" i="1"/>
  <c r="U12985" i="1"/>
  <c r="U12984" i="1"/>
  <c r="U12983" i="1"/>
  <c r="U12982" i="1"/>
  <c r="U12981" i="1"/>
  <c r="U12980" i="1"/>
  <c r="U12979" i="1"/>
  <c r="U12978" i="1"/>
  <c r="U12977" i="1"/>
  <c r="U12976" i="1"/>
  <c r="U12975" i="1"/>
  <c r="U12974" i="1"/>
  <c r="U12973" i="1"/>
  <c r="U12972" i="1"/>
  <c r="U12971" i="1"/>
  <c r="U12970" i="1"/>
  <c r="U12969" i="1"/>
  <c r="U12968" i="1"/>
  <c r="U12967" i="1"/>
  <c r="U12966" i="1"/>
  <c r="U12965" i="1"/>
  <c r="U12964" i="1"/>
  <c r="U12963" i="1"/>
  <c r="U12962" i="1"/>
  <c r="U12961" i="1"/>
  <c r="U12960" i="1"/>
  <c r="U12959" i="1"/>
  <c r="U12958" i="1"/>
  <c r="U12957" i="1"/>
  <c r="U12956" i="1"/>
  <c r="U12955" i="1"/>
  <c r="U12954" i="1"/>
  <c r="U12953" i="1"/>
  <c r="U12952" i="1"/>
  <c r="U12951" i="1"/>
  <c r="U12950" i="1"/>
  <c r="U12949" i="1"/>
  <c r="U12948" i="1"/>
  <c r="U12947" i="1"/>
  <c r="U12946" i="1"/>
  <c r="U12945" i="1"/>
  <c r="U12944" i="1"/>
  <c r="U12943" i="1"/>
  <c r="U12942" i="1"/>
  <c r="U12941" i="1"/>
  <c r="U12940" i="1"/>
  <c r="U12939" i="1"/>
  <c r="U12938" i="1"/>
  <c r="U12937" i="1"/>
  <c r="U12936" i="1"/>
  <c r="U12935" i="1"/>
  <c r="U12934" i="1"/>
  <c r="U12933" i="1"/>
  <c r="U12932" i="1"/>
  <c r="U12931" i="1"/>
  <c r="U12930" i="1"/>
  <c r="U12929" i="1"/>
  <c r="U12928" i="1"/>
  <c r="U12927" i="1"/>
  <c r="U12926" i="1"/>
  <c r="U12925" i="1"/>
  <c r="U12924" i="1"/>
  <c r="U12923" i="1"/>
  <c r="U12922" i="1"/>
  <c r="U12921" i="1"/>
  <c r="U12920" i="1"/>
  <c r="U12919" i="1"/>
  <c r="U12918" i="1"/>
  <c r="U12917" i="1"/>
  <c r="U12916" i="1"/>
  <c r="U12915" i="1"/>
  <c r="U12914" i="1"/>
  <c r="U12913" i="1"/>
  <c r="U12912" i="1"/>
  <c r="U12911" i="1"/>
  <c r="U12910" i="1"/>
  <c r="U12909" i="1"/>
  <c r="U12908" i="1"/>
  <c r="U12907" i="1"/>
  <c r="U12906" i="1"/>
  <c r="U12905" i="1"/>
  <c r="U12904" i="1"/>
  <c r="U12903" i="1"/>
  <c r="U12902" i="1"/>
  <c r="U12901" i="1"/>
  <c r="U12900" i="1"/>
  <c r="U12899" i="1"/>
  <c r="U12898" i="1"/>
  <c r="U12897" i="1"/>
  <c r="U12896" i="1"/>
  <c r="U12895" i="1"/>
  <c r="U12894" i="1"/>
  <c r="U12893" i="1"/>
  <c r="U12892" i="1"/>
  <c r="U12891" i="1"/>
  <c r="U12890" i="1"/>
  <c r="U12889" i="1"/>
  <c r="U12888" i="1"/>
  <c r="U12887" i="1"/>
  <c r="U12886" i="1"/>
  <c r="U12885" i="1"/>
  <c r="U12884" i="1"/>
  <c r="U12883" i="1"/>
  <c r="U12882" i="1"/>
  <c r="U12881" i="1"/>
  <c r="U12880" i="1"/>
  <c r="U12879" i="1"/>
  <c r="U12878" i="1"/>
  <c r="U12877" i="1"/>
  <c r="U12876" i="1"/>
  <c r="U12875" i="1"/>
  <c r="U12874" i="1"/>
  <c r="U12873" i="1"/>
  <c r="U12872" i="1"/>
  <c r="U12871" i="1"/>
  <c r="U12870" i="1"/>
  <c r="U12869" i="1"/>
  <c r="U12868" i="1"/>
  <c r="U12867" i="1"/>
  <c r="U12866" i="1"/>
  <c r="U12865" i="1"/>
  <c r="U12864" i="1"/>
  <c r="U12863" i="1"/>
  <c r="U12862" i="1"/>
  <c r="U12861" i="1"/>
  <c r="U12860" i="1"/>
  <c r="U12859" i="1"/>
  <c r="U12858" i="1"/>
  <c r="U12857" i="1"/>
  <c r="U12856" i="1"/>
  <c r="U12855" i="1"/>
  <c r="U12854" i="1"/>
  <c r="U12853" i="1"/>
  <c r="U12852" i="1"/>
  <c r="U12851" i="1"/>
  <c r="U12850" i="1"/>
  <c r="U12849" i="1"/>
  <c r="U12848" i="1"/>
  <c r="U12847" i="1"/>
  <c r="U12846" i="1"/>
  <c r="U12845" i="1"/>
  <c r="U12844" i="1"/>
  <c r="U12843" i="1"/>
  <c r="U12842" i="1"/>
  <c r="U12841" i="1"/>
  <c r="U12840" i="1"/>
  <c r="U12839" i="1"/>
  <c r="U12838" i="1"/>
  <c r="U12837" i="1"/>
  <c r="U12836" i="1"/>
  <c r="U12835" i="1"/>
  <c r="U12834" i="1"/>
  <c r="U12833" i="1"/>
  <c r="U12832" i="1"/>
  <c r="U12831" i="1"/>
  <c r="U12830" i="1"/>
  <c r="U12829" i="1"/>
  <c r="U12828" i="1"/>
  <c r="U12827" i="1"/>
  <c r="U12826" i="1"/>
  <c r="U12825" i="1"/>
  <c r="U12824" i="1"/>
  <c r="U12823" i="1"/>
  <c r="U12822" i="1"/>
  <c r="U12821" i="1"/>
  <c r="U12820" i="1"/>
  <c r="U12819" i="1"/>
  <c r="U12818" i="1"/>
  <c r="U12817" i="1"/>
  <c r="U12816" i="1"/>
  <c r="U12815" i="1"/>
  <c r="U12814" i="1"/>
  <c r="U12813" i="1"/>
  <c r="U12812" i="1"/>
  <c r="U12811" i="1"/>
  <c r="U12810" i="1"/>
  <c r="U12809" i="1"/>
  <c r="U12808" i="1"/>
  <c r="U12807" i="1"/>
  <c r="U12806" i="1"/>
  <c r="U12805" i="1"/>
  <c r="U12804" i="1"/>
  <c r="U12803" i="1"/>
  <c r="U12802" i="1"/>
  <c r="U12801" i="1"/>
  <c r="U12800" i="1"/>
  <c r="U12799" i="1"/>
  <c r="U12798" i="1"/>
  <c r="U12797" i="1"/>
  <c r="U12796" i="1"/>
  <c r="U12795" i="1"/>
  <c r="U12794" i="1"/>
  <c r="U12793" i="1"/>
  <c r="U12792" i="1"/>
  <c r="U12791" i="1"/>
  <c r="U12790" i="1"/>
  <c r="U12789" i="1"/>
  <c r="U12788" i="1"/>
  <c r="U12787" i="1"/>
  <c r="U12786" i="1"/>
  <c r="U12785" i="1"/>
  <c r="U12784" i="1"/>
  <c r="U12783" i="1"/>
  <c r="U12782" i="1"/>
  <c r="U12781" i="1"/>
  <c r="U12780" i="1"/>
  <c r="U12779" i="1"/>
  <c r="U12778" i="1"/>
  <c r="U12777" i="1"/>
  <c r="U12776" i="1"/>
  <c r="U12775" i="1"/>
  <c r="U12774" i="1"/>
  <c r="U12773" i="1"/>
  <c r="U12772" i="1"/>
  <c r="U12771" i="1"/>
  <c r="U12770" i="1"/>
  <c r="U12769" i="1"/>
  <c r="U12768" i="1"/>
  <c r="U12767" i="1"/>
  <c r="U12766" i="1"/>
  <c r="U12765" i="1"/>
  <c r="U12764" i="1"/>
  <c r="U12763" i="1"/>
  <c r="U12762" i="1"/>
  <c r="U12761" i="1"/>
  <c r="U12760" i="1"/>
  <c r="U12759" i="1"/>
  <c r="U12758" i="1"/>
  <c r="U12757" i="1"/>
  <c r="U12756" i="1"/>
  <c r="U12755" i="1"/>
  <c r="U12754" i="1"/>
  <c r="U12753" i="1"/>
  <c r="U12752" i="1"/>
  <c r="U12751" i="1"/>
  <c r="U12750" i="1"/>
  <c r="U12749" i="1"/>
  <c r="U12748" i="1"/>
  <c r="U12747" i="1"/>
  <c r="U12746" i="1"/>
  <c r="U12745" i="1"/>
  <c r="U12744" i="1"/>
  <c r="U12743" i="1"/>
  <c r="U12742" i="1"/>
  <c r="U12741" i="1"/>
  <c r="U12740" i="1"/>
  <c r="U12739" i="1"/>
  <c r="U12738" i="1"/>
  <c r="U12737" i="1"/>
  <c r="U12736" i="1"/>
  <c r="U12735" i="1"/>
  <c r="U12734" i="1"/>
  <c r="U12733" i="1"/>
  <c r="U12732" i="1"/>
  <c r="U12731" i="1"/>
  <c r="U12730" i="1"/>
  <c r="U12729" i="1"/>
  <c r="U12728" i="1"/>
  <c r="U12727" i="1"/>
  <c r="U12726" i="1"/>
  <c r="U12725" i="1"/>
  <c r="U12724" i="1"/>
  <c r="U12723" i="1"/>
  <c r="U12722" i="1"/>
  <c r="U12721" i="1"/>
  <c r="U12720" i="1"/>
  <c r="U12719" i="1"/>
  <c r="U12718" i="1"/>
  <c r="U12717" i="1"/>
  <c r="U12716" i="1"/>
  <c r="U12715" i="1"/>
  <c r="U12714" i="1"/>
  <c r="U12713" i="1"/>
  <c r="U12712" i="1"/>
  <c r="U12711" i="1"/>
  <c r="U12710" i="1"/>
  <c r="U12709" i="1"/>
  <c r="U12708" i="1"/>
  <c r="U12707" i="1"/>
  <c r="U12706" i="1"/>
  <c r="U12705" i="1"/>
  <c r="U12704" i="1"/>
  <c r="U12703" i="1"/>
  <c r="U12702" i="1"/>
  <c r="U12701" i="1"/>
  <c r="U12700" i="1"/>
  <c r="U12699" i="1"/>
  <c r="U12698" i="1"/>
  <c r="U12697" i="1"/>
  <c r="U12696" i="1"/>
  <c r="U12695" i="1"/>
  <c r="U12694" i="1"/>
  <c r="U12693" i="1"/>
  <c r="U12692" i="1"/>
  <c r="U12691" i="1"/>
  <c r="U12690" i="1"/>
  <c r="U12689" i="1"/>
  <c r="U12688" i="1"/>
  <c r="U12687" i="1"/>
  <c r="U12686" i="1"/>
  <c r="U12685" i="1"/>
  <c r="U12684" i="1"/>
  <c r="U12683" i="1"/>
  <c r="U12682" i="1"/>
  <c r="U12681" i="1"/>
  <c r="U12680" i="1"/>
  <c r="U12679" i="1"/>
  <c r="U12678" i="1"/>
  <c r="U12677" i="1"/>
  <c r="U12676" i="1"/>
  <c r="U12675" i="1"/>
  <c r="U12674" i="1"/>
  <c r="U12673" i="1"/>
  <c r="U12672" i="1"/>
  <c r="U12671" i="1"/>
  <c r="U12670" i="1"/>
  <c r="U12669" i="1"/>
  <c r="U12668" i="1"/>
  <c r="U12667" i="1"/>
  <c r="U12666" i="1"/>
  <c r="U12665" i="1"/>
  <c r="U12664" i="1"/>
  <c r="U12663" i="1"/>
  <c r="U12662" i="1"/>
  <c r="U12661" i="1"/>
  <c r="U12660" i="1"/>
  <c r="U12659" i="1"/>
  <c r="U12658" i="1"/>
  <c r="U12657" i="1"/>
  <c r="U12656" i="1"/>
  <c r="U12655" i="1"/>
  <c r="U12654" i="1"/>
  <c r="U12653" i="1"/>
  <c r="U12652" i="1"/>
  <c r="U12651" i="1"/>
  <c r="U12650" i="1"/>
  <c r="U12649" i="1"/>
  <c r="U12648" i="1"/>
  <c r="U12647" i="1"/>
  <c r="U12646" i="1"/>
  <c r="U12645" i="1"/>
  <c r="U12644" i="1"/>
  <c r="U12643" i="1"/>
  <c r="U12642" i="1"/>
  <c r="U12641" i="1"/>
  <c r="U12640" i="1"/>
  <c r="U12639" i="1"/>
  <c r="U12638" i="1"/>
  <c r="U12637" i="1"/>
  <c r="U12636" i="1"/>
  <c r="U12635" i="1"/>
  <c r="U12634" i="1"/>
  <c r="U12633" i="1"/>
  <c r="U12632" i="1"/>
  <c r="U12631" i="1"/>
  <c r="U12630" i="1"/>
  <c r="U12629" i="1"/>
  <c r="U12628" i="1"/>
  <c r="U12627" i="1"/>
  <c r="U12626" i="1"/>
  <c r="U12625" i="1"/>
  <c r="U12624" i="1"/>
  <c r="U12623" i="1"/>
  <c r="U12622" i="1"/>
  <c r="U12621" i="1"/>
  <c r="U12620" i="1"/>
  <c r="U12619" i="1"/>
  <c r="U12618" i="1"/>
  <c r="U12617" i="1"/>
  <c r="U12616" i="1"/>
  <c r="U12615" i="1"/>
  <c r="U12614" i="1"/>
  <c r="U12613" i="1"/>
  <c r="U12612" i="1"/>
  <c r="U12611" i="1"/>
  <c r="U12610" i="1"/>
  <c r="U12609" i="1"/>
  <c r="U12608" i="1"/>
  <c r="U12607" i="1"/>
  <c r="U12606" i="1"/>
  <c r="U12605" i="1"/>
  <c r="U12604" i="1"/>
  <c r="U12603" i="1"/>
  <c r="U12602" i="1"/>
  <c r="U12601" i="1"/>
  <c r="U12600" i="1"/>
  <c r="U12599" i="1"/>
  <c r="U12598" i="1"/>
  <c r="U12597" i="1"/>
  <c r="U12596" i="1"/>
  <c r="U12595" i="1"/>
  <c r="U12594" i="1"/>
  <c r="U12593" i="1"/>
  <c r="U12592" i="1"/>
  <c r="U12591" i="1"/>
  <c r="U12590" i="1"/>
  <c r="U12589" i="1"/>
  <c r="U12588" i="1"/>
  <c r="U12587" i="1"/>
  <c r="U12586" i="1"/>
  <c r="U12585" i="1"/>
  <c r="U12584" i="1"/>
  <c r="U12583" i="1"/>
  <c r="U12582" i="1"/>
  <c r="U12581" i="1"/>
  <c r="U12580" i="1"/>
  <c r="U12579" i="1"/>
  <c r="U12578" i="1"/>
  <c r="U12577" i="1"/>
  <c r="U12576" i="1"/>
  <c r="U12575" i="1"/>
  <c r="U12574" i="1"/>
  <c r="U12573" i="1"/>
  <c r="U12572" i="1"/>
  <c r="U12571" i="1"/>
  <c r="U12570" i="1"/>
  <c r="U12569" i="1"/>
  <c r="U12568" i="1"/>
  <c r="U12567" i="1"/>
  <c r="U12566" i="1"/>
  <c r="U12565" i="1"/>
  <c r="U12564" i="1"/>
  <c r="U12563" i="1"/>
  <c r="U12562" i="1"/>
  <c r="U12561" i="1"/>
  <c r="U12560" i="1"/>
  <c r="U12559" i="1"/>
  <c r="U12558" i="1"/>
  <c r="U12557" i="1"/>
  <c r="U12556" i="1"/>
  <c r="U12555" i="1"/>
  <c r="U12554" i="1"/>
  <c r="U12553" i="1"/>
  <c r="U12552" i="1"/>
  <c r="U12551" i="1"/>
  <c r="U12550" i="1"/>
  <c r="U12549" i="1"/>
  <c r="U12548" i="1"/>
  <c r="U12547" i="1"/>
  <c r="U12546" i="1"/>
  <c r="U12545" i="1"/>
  <c r="U12544" i="1"/>
  <c r="U12543" i="1"/>
  <c r="U12542" i="1"/>
  <c r="U12541" i="1"/>
  <c r="U12540" i="1"/>
  <c r="U12539" i="1"/>
  <c r="U12538" i="1"/>
  <c r="U12537" i="1"/>
  <c r="U12536" i="1"/>
  <c r="U12535" i="1"/>
  <c r="U12534" i="1"/>
  <c r="U12533" i="1"/>
  <c r="U12532" i="1"/>
  <c r="U12531" i="1"/>
  <c r="U12530" i="1"/>
  <c r="U12529" i="1"/>
  <c r="U12528" i="1"/>
  <c r="U12527" i="1"/>
  <c r="U12526" i="1"/>
  <c r="U12525" i="1"/>
  <c r="U12524" i="1"/>
  <c r="U12523" i="1"/>
  <c r="U12522" i="1"/>
  <c r="U12521" i="1"/>
  <c r="U12520" i="1"/>
  <c r="U12519" i="1"/>
  <c r="U12518" i="1"/>
  <c r="U12517" i="1"/>
  <c r="U12516" i="1"/>
  <c r="U12515" i="1"/>
  <c r="U12514" i="1"/>
  <c r="U12513" i="1"/>
  <c r="U12512" i="1"/>
  <c r="U12511" i="1"/>
  <c r="U12510" i="1"/>
  <c r="U12509" i="1"/>
  <c r="U12508" i="1"/>
  <c r="U12507" i="1"/>
  <c r="U12506" i="1"/>
  <c r="U12505" i="1"/>
  <c r="U12504" i="1"/>
  <c r="U12503" i="1"/>
  <c r="U12502" i="1"/>
  <c r="U12501" i="1"/>
  <c r="U12500" i="1"/>
  <c r="U12499" i="1"/>
  <c r="U12498" i="1"/>
  <c r="U12497" i="1"/>
  <c r="U12496" i="1"/>
  <c r="U12495" i="1"/>
  <c r="U12494" i="1"/>
  <c r="U12493" i="1"/>
  <c r="U12492" i="1"/>
  <c r="U12491" i="1"/>
  <c r="U12490" i="1"/>
  <c r="U12489" i="1"/>
  <c r="U12488" i="1"/>
  <c r="U12487" i="1"/>
  <c r="U12486" i="1"/>
  <c r="U12485" i="1"/>
  <c r="U12484" i="1"/>
  <c r="U12483" i="1"/>
  <c r="U12482" i="1"/>
  <c r="U12481" i="1"/>
  <c r="U12480" i="1"/>
  <c r="U12479" i="1"/>
  <c r="U12478" i="1"/>
  <c r="U12477" i="1"/>
  <c r="U12476" i="1"/>
  <c r="U12475" i="1"/>
  <c r="U12474" i="1"/>
  <c r="U12473" i="1"/>
  <c r="U12472" i="1"/>
  <c r="U12471" i="1"/>
  <c r="U12470" i="1"/>
  <c r="U12469" i="1"/>
  <c r="U12468" i="1"/>
  <c r="U12467" i="1"/>
  <c r="U12466" i="1"/>
  <c r="U12465" i="1"/>
  <c r="U12464" i="1"/>
  <c r="U12463" i="1"/>
  <c r="U12462" i="1"/>
  <c r="U12461" i="1"/>
  <c r="U12460" i="1"/>
  <c r="U12459" i="1"/>
  <c r="U12458" i="1"/>
  <c r="U12457" i="1"/>
  <c r="U12456" i="1"/>
  <c r="U12455" i="1"/>
  <c r="U12454" i="1"/>
  <c r="U12453" i="1"/>
  <c r="U12452" i="1"/>
  <c r="U12451" i="1"/>
  <c r="U12450" i="1"/>
  <c r="U12449" i="1"/>
  <c r="U12448" i="1"/>
  <c r="U12447" i="1"/>
  <c r="U12446" i="1"/>
  <c r="U12445" i="1"/>
  <c r="U12444" i="1"/>
  <c r="U12443" i="1"/>
  <c r="U12442" i="1"/>
  <c r="U12441" i="1"/>
  <c r="U12440" i="1"/>
  <c r="U12439" i="1"/>
  <c r="U12438" i="1"/>
  <c r="U12437" i="1"/>
  <c r="U12436" i="1"/>
  <c r="U12435" i="1"/>
  <c r="U12434" i="1"/>
  <c r="U12433" i="1"/>
  <c r="U12432" i="1"/>
  <c r="U12431" i="1"/>
  <c r="U12430" i="1"/>
  <c r="U12429" i="1"/>
  <c r="U12428" i="1"/>
  <c r="U12427" i="1"/>
  <c r="U12426" i="1"/>
  <c r="U12425" i="1"/>
  <c r="U12424" i="1"/>
  <c r="U12423" i="1"/>
  <c r="U12422" i="1"/>
  <c r="U12421" i="1"/>
  <c r="U12420" i="1"/>
  <c r="U12419" i="1"/>
  <c r="U12418" i="1"/>
  <c r="U12417" i="1"/>
  <c r="U12416" i="1"/>
  <c r="U12415" i="1"/>
  <c r="U12414" i="1"/>
  <c r="U12413" i="1"/>
  <c r="U12412" i="1"/>
  <c r="U12411" i="1"/>
  <c r="U12410" i="1"/>
  <c r="U12409" i="1"/>
  <c r="U12408" i="1"/>
  <c r="U12407" i="1"/>
  <c r="U12406" i="1"/>
  <c r="U12405" i="1"/>
  <c r="U12404" i="1"/>
  <c r="U12403" i="1"/>
  <c r="U12402" i="1"/>
  <c r="U12401" i="1"/>
  <c r="U12400" i="1"/>
  <c r="U12399" i="1"/>
  <c r="U12398" i="1"/>
  <c r="U12397" i="1"/>
  <c r="U12396" i="1"/>
  <c r="U12395" i="1"/>
  <c r="U12394" i="1"/>
  <c r="U12393" i="1"/>
  <c r="U12392" i="1"/>
  <c r="U12391" i="1"/>
  <c r="U12390" i="1"/>
  <c r="U12389" i="1"/>
  <c r="U12388" i="1"/>
  <c r="U12387" i="1"/>
  <c r="U12386" i="1"/>
  <c r="U12385" i="1"/>
  <c r="U12384" i="1"/>
  <c r="U12383" i="1"/>
  <c r="U12382" i="1"/>
  <c r="U12381" i="1"/>
  <c r="U12380" i="1"/>
  <c r="U12379" i="1"/>
  <c r="U12378" i="1"/>
  <c r="U12377" i="1"/>
  <c r="U12376" i="1"/>
  <c r="U12375" i="1"/>
  <c r="U12374" i="1"/>
  <c r="U12373" i="1"/>
  <c r="U12372" i="1"/>
  <c r="U12371" i="1"/>
  <c r="U12370" i="1"/>
  <c r="U12369" i="1"/>
  <c r="U12368" i="1"/>
  <c r="U12367" i="1"/>
  <c r="U12366" i="1"/>
  <c r="U12365" i="1"/>
  <c r="U12364" i="1"/>
  <c r="U12363" i="1"/>
  <c r="U12362" i="1"/>
  <c r="U12361" i="1"/>
  <c r="U12360" i="1"/>
  <c r="U12359" i="1"/>
  <c r="U12358" i="1"/>
  <c r="U12357" i="1"/>
  <c r="U12356" i="1"/>
  <c r="U12355" i="1"/>
  <c r="U12354" i="1"/>
  <c r="U12353" i="1"/>
  <c r="U12352" i="1"/>
  <c r="U12351" i="1"/>
  <c r="U12350" i="1"/>
  <c r="U12349" i="1"/>
  <c r="U12348" i="1"/>
  <c r="U12347" i="1"/>
  <c r="U12346" i="1"/>
  <c r="U12345" i="1"/>
  <c r="U12344" i="1"/>
  <c r="U12343" i="1"/>
  <c r="U12342" i="1"/>
  <c r="U12341" i="1"/>
  <c r="U12340" i="1"/>
  <c r="U12339" i="1"/>
  <c r="U12338" i="1"/>
  <c r="U12337" i="1"/>
  <c r="U12336" i="1"/>
  <c r="U12335" i="1"/>
  <c r="U12334" i="1"/>
  <c r="U12333" i="1"/>
  <c r="U12332" i="1"/>
  <c r="U12331" i="1"/>
  <c r="U12330" i="1"/>
  <c r="U12329" i="1"/>
  <c r="U12328" i="1"/>
  <c r="U12327" i="1"/>
  <c r="U12326" i="1"/>
  <c r="U12325" i="1"/>
  <c r="U12324" i="1"/>
  <c r="U12323" i="1"/>
  <c r="U12322" i="1"/>
  <c r="U12321" i="1"/>
  <c r="U12320" i="1"/>
  <c r="U12319" i="1"/>
  <c r="U12318" i="1"/>
  <c r="U12317" i="1"/>
  <c r="U12316" i="1"/>
  <c r="U12315" i="1"/>
  <c r="U12314" i="1"/>
  <c r="U12313" i="1"/>
  <c r="U12312" i="1"/>
  <c r="U12311" i="1"/>
  <c r="U12310" i="1"/>
  <c r="U12309" i="1"/>
  <c r="U12308" i="1"/>
  <c r="U12307" i="1"/>
  <c r="U12306" i="1"/>
  <c r="U12305" i="1"/>
  <c r="U12304" i="1"/>
  <c r="U12303" i="1"/>
  <c r="U12302" i="1"/>
  <c r="U12301" i="1"/>
  <c r="U12300" i="1"/>
  <c r="U12299" i="1"/>
  <c r="U12298" i="1"/>
  <c r="U12297" i="1"/>
  <c r="U12296" i="1"/>
  <c r="U12295" i="1"/>
  <c r="U12294" i="1"/>
  <c r="U12293" i="1"/>
  <c r="U12292" i="1"/>
  <c r="U12291" i="1"/>
  <c r="U12290" i="1"/>
  <c r="U12289" i="1"/>
  <c r="U12288" i="1"/>
  <c r="U12287" i="1"/>
  <c r="U12286" i="1"/>
  <c r="U12285" i="1"/>
  <c r="U12284" i="1"/>
  <c r="U12283" i="1"/>
  <c r="U12282" i="1"/>
  <c r="U12281" i="1"/>
  <c r="U12280" i="1"/>
  <c r="U12279" i="1"/>
  <c r="U12278" i="1"/>
  <c r="U12277" i="1"/>
  <c r="U12276" i="1"/>
  <c r="U12275" i="1"/>
  <c r="U12274" i="1"/>
  <c r="U12273" i="1"/>
  <c r="U12272" i="1"/>
  <c r="U12271" i="1"/>
  <c r="U12270" i="1"/>
  <c r="U12269" i="1"/>
  <c r="U12268" i="1"/>
  <c r="U12267" i="1"/>
  <c r="U12266" i="1"/>
  <c r="U12265" i="1"/>
  <c r="U12264" i="1"/>
  <c r="U12263" i="1"/>
  <c r="U12262" i="1"/>
  <c r="U12261" i="1"/>
  <c r="U12260" i="1"/>
  <c r="U12259" i="1"/>
  <c r="U12258" i="1"/>
  <c r="U12257" i="1"/>
  <c r="U12256" i="1"/>
  <c r="U12255" i="1"/>
  <c r="U12254" i="1"/>
  <c r="U12253" i="1"/>
  <c r="U12252" i="1"/>
  <c r="U12251" i="1"/>
  <c r="U12250" i="1"/>
  <c r="U12249" i="1"/>
  <c r="U12248" i="1"/>
  <c r="U12247" i="1"/>
  <c r="U12246" i="1"/>
  <c r="U12245" i="1"/>
  <c r="U12244" i="1"/>
  <c r="U12243" i="1"/>
  <c r="U12242" i="1"/>
  <c r="U12241" i="1"/>
  <c r="U12240" i="1"/>
  <c r="U12239" i="1"/>
  <c r="U12238" i="1"/>
  <c r="U12237" i="1"/>
  <c r="U12236" i="1"/>
  <c r="U12235" i="1"/>
  <c r="U12234" i="1"/>
  <c r="U12233" i="1"/>
  <c r="U12232" i="1"/>
  <c r="U12231" i="1"/>
  <c r="U12230" i="1"/>
  <c r="U12229" i="1"/>
  <c r="U12228" i="1"/>
  <c r="U12227" i="1"/>
  <c r="U12226" i="1"/>
  <c r="U12225" i="1"/>
  <c r="U12224" i="1"/>
  <c r="U12223" i="1"/>
  <c r="U12222" i="1"/>
  <c r="U12221" i="1"/>
  <c r="U12220" i="1"/>
  <c r="U12219" i="1"/>
  <c r="U12218" i="1"/>
  <c r="U12217" i="1"/>
  <c r="U12216" i="1"/>
  <c r="U12215" i="1"/>
  <c r="U12214" i="1"/>
  <c r="U12213" i="1"/>
  <c r="U12212" i="1"/>
  <c r="U12211" i="1"/>
  <c r="U12210" i="1"/>
  <c r="U12209" i="1"/>
  <c r="U12208" i="1"/>
  <c r="U12207" i="1"/>
  <c r="U12206" i="1"/>
  <c r="U12205" i="1"/>
  <c r="U12204" i="1"/>
  <c r="U12203" i="1"/>
  <c r="U12202" i="1"/>
  <c r="U12201" i="1"/>
  <c r="U12200" i="1"/>
  <c r="U12199" i="1"/>
  <c r="U12198" i="1"/>
  <c r="U12197" i="1"/>
  <c r="U12196" i="1"/>
  <c r="U12195" i="1"/>
  <c r="U12194" i="1"/>
  <c r="U12193" i="1"/>
  <c r="U12192" i="1"/>
  <c r="U12191" i="1"/>
  <c r="U12190" i="1"/>
  <c r="U12189" i="1"/>
  <c r="U12188" i="1"/>
  <c r="U12187" i="1"/>
  <c r="U12186" i="1"/>
  <c r="U12185" i="1"/>
  <c r="U12184" i="1"/>
  <c r="U12183" i="1"/>
  <c r="U12182" i="1"/>
  <c r="U12181" i="1"/>
  <c r="U12180" i="1"/>
  <c r="U12179" i="1"/>
  <c r="U12178" i="1"/>
  <c r="U12177" i="1"/>
  <c r="U12176" i="1"/>
  <c r="U12175" i="1"/>
  <c r="U12174" i="1"/>
  <c r="U12173" i="1"/>
  <c r="U12172" i="1"/>
  <c r="U12171" i="1"/>
  <c r="U12170" i="1"/>
  <c r="U12169" i="1"/>
  <c r="U12168" i="1"/>
  <c r="U12167" i="1"/>
  <c r="U12166" i="1"/>
  <c r="U12165" i="1"/>
  <c r="U12164" i="1"/>
  <c r="U12163" i="1"/>
  <c r="U12162" i="1"/>
  <c r="U12161" i="1"/>
  <c r="U12160" i="1"/>
  <c r="U12159" i="1"/>
  <c r="U12158" i="1"/>
  <c r="U12157" i="1"/>
  <c r="U12156" i="1"/>
  <c r="U12155" i="1"/>
  <c r="U12154" i="1"/>
  <c r="U12153" i="1"/>
  <c r="U12152" i="1"/>
  <c r="U12151" i="1"/>
  <c r="U12150" i="1"/>
  <c r="U12149" i="1"/>
  <c r="U12148" i="1"/>
  <c r="U12147" i="1"/>
  <c r="U12146" i="1"/>
  <c r="U12145" i="1"/>
  <c r="U12144" i="1"/>
  <c r="U12143" i="1"/>
  <c r="U12142" i="1"/>
  <c r="U12141" i="1"/>
  <c r="U12140" i="1"/>
  <c r="U12139" i="1"/>
  <c r="U12138" i="1"/>
  <c r="U12137" i="1"/>
  <c r="U12136" i="1"/>
  <c r="U12135" i="1"/>
  <c r="U12134" i="1"/>
  <c r="U12133" i="1"/>
  <c r="U12132" i="1"/>
  <c r="U12131" i="1"/>
  <c r="U12130" i="1"/>
  <c r="U12129" i="1"/>
  <c r="U12128" i="1"/>
  <c r="U12127" i="1"/>
  <c r="U12126" i="1"/>
  <c r="U12125" i="1"/>
  <c r="U12124" i="1"/>
  <c r="U12123" i="1"/>
  <c r="U12122" i="1"/>
  <c r="U12121" i="1"/>
  <c r="U12120" i="1"/>
  <c r="U12119" i="1"/>
  <c r="U12118" i="1"/>
  <c r="U12117" i="1"/>
  <c r="U12116" i="1"/>
  <c r="U12115" i="1"/>
  <c r="U12114" i="1"/>
  <c r="U12113" i="1"/>
  <c r="U12112" i="1"/>
  <c r="U12111" i="1"/>
  <c r="U12110" i="1"/>
  <c r="U12109" i="1"/>
  <c r="U12108" i="1"/>
  <c r="U12107" i="1"/>
  <c r="U12106" i="1"/>
  <c r="U12105" i="1"/>
  <c r="U12104" i="1"/>
  <c r="U12103" i="1"/>
  <c r="U12102" i="1"/>
  <c r="U12101" i="1"/>
  <c r="U12100" i="1"/>
  <c r="U12099" i="1"/>
  <c r="U12098" i="1"/>
  <c r="U12097" i="1"/>
  <c r="U12096" i="1"/>
  <c r="U12095" i="1"/>
  <c r="U12094" i="1"/>
  <c r="U12093" i="1"/>
  <c r="U12092" i="1"/>
  <c r="U12091" i="1"/>
  <c r="U12090" i="1"/>
  <c r="U12089" i="1"/>
  <c r="U12088" i="1"/>
  <c r="U12087" i="1"/>
  <c r="U12086" i="1"/>
  <c r="U12085" i="1"/>
  <c r="U12084" i="1"/>
  <c r="U12083" i="1"/>
  <c r="U12082" i="1"/>
  <c r="U12081" i="1"/>
  <c r="U12080" i="1"/>
  <c r="U12079" i="1"/>
  <c r="U12078" i="1"/>
  <c r="U12077" i="1"/>
  <c r="U12076" i="1"/>
  <c r="U12075" i="1"/>
  <c r="U12074" i="1"/>
  <c r="U12073" i="1"/>
  <c r="U12072" i="1"/>
  <c r="U12071" i="1"/>
  <c r="U12070" i="1"/>
  <c r="U12069" i="1"/>
  <c r="U12068" i="1"/>
  <c r="U12067" i="1"/>
  <c r="U12066" i="1"/>
  <c r="U12065" i="1"/>
  <c r="U12064" i="1"/>
  <c r="U12063" i="1"/>
  <c r="U12062" i="1"/>
  <c r="U12061" i="1"/>
  <c r="U12060" i="1"/>
  <c r="U12059" i="1"/>
  <c r="U12058" i="1"/>
  <c r="U12057" i="1"/>
  <c r="U12056" i="1"/>
  <c r="U12055" i="1"/>
  <c r="U12054" i="1"/>
  <c r="U12053" i="1"/>
  <c r="U12052" i="1"/>
  <c r="U12051" i="1"/>
  <c r="U12050" i="1"/>
  <c r="U12049" i="1"/>
  <c r="U12048" i="1"/>
  <c r="U12047" i="1"/>
  <c r="U12046" i="1"/>
  <c r="U12045" i="1"/>
  <c r="U12044" i="1"/>
  <c r="U12043" i="1"/>
  <c r="U12042" i="1"/>
  <c r="U12041" i="1"/>
  <c r="U12040" i="1"/>
  <c r="U12039" i="1"/>
  <c r="U12038" i="1"/>
  <c r="U12037" i="1"/>
  <c r="U12036" i="1"/>
  <c r="U12035" i="1"/>
  <c r="U12034" i="1"/>
  <c r="U12033" i="1"/>
  <c r="U12032" i="1"/>
  <c r="U12031" i="1"/>
  <c r="U12030" i="1"/>
  <c r="U12029" i="1"/>
  <c r="U12028" i="1"/>
  <c r="U12027" i="1"/>
  <c r="U12026" i="1"/>
  <c r="U12025" i="1"/>
  <c r="U12024" i="1"/>
  <c r="U12023" i="1"/>
  <c r="U12022" i="1"/>
  <c r="U12021" i="1"/>
  <c r="U12020" i="1"/>
  <c r="U12019" i="1"/>
  <c r="U12018" i="1"/>
  <c r="U12017" i="1"/>
  <c r="U12016" i="1"/>
  <c r="U12015" i="1"/>
  <c r="U12014" i="1"/>
  <c r="U12013" i="1"/>
  <c r="U12012" i="1"/>
  <c r="U12011" i="1"/>
  <c r="U12010" i="1"/>
  <c r="U12009" i="1"/>
  <c r="U12008" i="1"/>
  <c r="U12007" i="1"/>
  <c r="U12006" i="1"/>
  <c r="U12005" i="1"/>
  <c r="U12004" i="1"/>
  <c r="U12003" i="1"/>
  <c r="U12002" i="1"/>
  <c r="U12001" i="1"/>
  <c r="U12000" i="1"/>
  <c r="U11999" i="1"/>
  <c r="U11998" i="1"/>
  <c r="U11997" i="1"/>
  <c r="U11996" i="1"/>
  <c r="U11995" i="1"/>
  <c r="U11994" i="1"/>
  <c r="U11993" i="1"/>
  <c r="U11992" i="1"/>
  <c r="U11991" i="1"/>
  <c r="U11990" i="1"/>
  <c r="U11989" i="1"/>
  <c r="U11988" i="1"/>
  <c r="U11987" i="1"/>
  <c r="U11986" i="1"/>
  <c r="U11985" i="1"/>
  <c r="U11984" i="1"/>
  <c r="U11983" i="1"/>
  <c r="U11982" i="1"/>
  <c r="U11981" i="1"/>
  <c r="U11980" i="1"/>
  <c r="U11979" i="1"/>
  <c r="U11978" i="1"/>
  <c r="U11977" i="1"/>
  <c r="U11976" i="1"/>
  <c r="U11975" i="1"/>
  <c r="U11974" i="1"/>
  <c r="U11973" i="1"/>
  <c r="U11972" i="1"/>
  <c r="U11971" i="1"/>
  <c r="U11970" i="1"/>
  <c r="U11969" i="1"/>
  <c r="U11968" i="1"/>
  <c r="U11967" i="1"/>
  <c r="U11966" i="1"/>
  <c r="U11965" i="1"/>
  <c r="U11964" i="1"/>
  <c r="U11963" i="1"/>
  <c r="U11962" i="1"/>
  <c r="U11961" i="1"/>
  <c r="U11960" i="1"/>
  <c r="U11959" i="1"/>
  <c r="U11958" i="1"/>
  <c r="U11957" i="1"/>
  <c r="U11956" i="1"/>
  <c r="U11955" i="1"/>
  <c r="U11954" i="1"/>
  <c r="U11953" i="1"/>
  <c r="U11952" i="1"/>
  <c r="U11951" i="1"/>
  <c r="U11950" i="1"/>
  <c r="U11949" i="1"/>
  <c r="U11948" i="1"/>
  <c r="U11947" i="1"/>
  <c r="U11946" i="1"/>
  <c r="U11945" i="1"/>
  <c r="U11944" i="1"/>
  <c r="U11943" i="1"/>
  <c r="U11942" i="1"/>
  <c r="U11941" i="1"/>
  <c r="U11940" i="1"/>
  <c r="U11939" i="1"/>
  <c r="U11938" i="1"/>
  <c r="U11937" i="1"/>
  <c r="U11936" i="1"/>
  <c r="U11935" i="1"/>
  <c r="U11934" i="1"/>
  <c r="U11933" i="1"/>
  <c r="U11932" i="1"/>
  <c r="U11931" i="1"/>
  <c r="U11930" i="1"/>
  <c r="U11929" i="1"/>
  <c r="U11928" i="1"/>
  <c r="U11927" i="1"/>
  <c r="U11926" i="1"/>
  <c r="U11925" i="1"/>
  <c r="U11924" i="1"/>
  <c r="U11923" i="1"/>
  <c r="U11922" i="1"/>
  <c r="U11921" i="1"/>
  <c r="U11920" i="1"/>
  <c r="U11919" i="1"/>
  <c r="U11918" i="1"/>
  <c r="U11917" i="1"/>
  <c r="U11916" i="1"/>
  <c r="U11915" i="1"/>
  <c r="U11914" i="1"/>
  <c r="U11913" i="1"/>
  <c r="U11912" i="1"/>
  <c r="U11911" i="1"/>
  <c r="U11910" i="1"/>
  <c r="U11909" i="1"/>
  <c r="U11908" i="1"/>
  <c r="U11907" i="1"/>
  <c r="U11906" i="1"/>
  <c r="U11905" i="1"/>
  <c r="U11904" i="1"/>
  <c r="U11903" i="1"/>
  <c r="U11902" i="1"/>
  <c r="U11901" i="1"/>
  <c r="U11900" i="1"/>
  <c r="U11899" i="1"/>
  <c r="U11898" i="1"/>
  <c r="U11897" i="1"/>
  <c r="U11896" i="1"/>
  <c r="U11895" i="1"/>
  <c r="U11894" i="1"/>
  <c r="U11893" i="1"/>
  <c r="U11892" i="1"/>
  <c r="U11891" i="1"/>
  <c r="U11890" i="1"/>
  <c r="U11889" i="1"/>
  <c r="U11888" i="1"/>
  <c r="U11887" i="1"/>
  <c r="U11886" i="1"/>
  <c r="U11885" i="1"/>
  <c r="U11884" i="1"/>
  <c r="U11883" i="1"/>
  <c r="U11882" i="1"/>
  <c r="U11881" i="1"/>
  <c r="U11880" i="1"/>
  <c r="U11879" i="1"/>
  <c r="U11878" i="1"/>
  <c r="U11877" i="1"/>
  <c r="U11876" i="1"/>
  <c r="U11875" i="1"/>
  <c r="U11874" i="1"/>
  <c r="U11873" i="1"/>
  <c r="U11872" i="1"/>
  <c r="U11871" i="1"/>
  <c r="U11870" i="1"/>
  <c r="U11869" i="1"/>
  <c r="U11868" i="1"/>
  <c r="U11867" i="1"/>
  <c r="U11866" i="1"/>
  <c r="U11865" i="1"/>
  <c r="U11864" i="1"/>
  <c r="U11863" i="1"/>
  <c r="U11862" i="1"/>
  <c r="U11861" i="1"/>
  <c r="U11860" i="1"/>
  <c r="U11859" i="1"/>
  <c r="U11858" i="1"/>
  <c r="U11857" i="1"/>
  <c r="U11856" i="1"/>
  <c r="U11855" i="1"/>
  <c r="U11854" i="1"/>
  <c r="U11853" i="1"/>
  <c r="U11852" i="1"/>
  <c r="U11851" i="1"/>
  <c r="U11850" i="1"/>
  <c r="U11849" i="1"/>
  <c r="U11848" i="1"/>
  <c r="U11847" i="1"/>
  <c r="U11846" i="1"/>
  <c r="U11845" i="1"/>
  <c r="U11844" i="1"/>
  <c r="U11843" i="1"/>
  <c r="U11842" i="1"/>
  <c r="U11841" i="1"/>
  <c r="U11840" i="1"/>
  <c r="U11839" i="1"/>
  <c r="U11838" i="1"/>
  <c r="U11837" i="1"/>
  <c r="U11836" i="1"/>
  <c r="U11835" i="1"/>
  <c r="U11834" i="1"/>
  <c r="U11833" i="1"/>
  <c r="U11832" i="1"/>
  <c r="U11831" i="1"/>
  <c r="U11830" i="1"/>
  <c r="U11829" i="1"/>
  <c r="U11828" i="1"/>
  <c r="U11827" i="1"/>
  <c r="U11826" i="1"/>
  <c r="U11825" i="1"/>
  <c r="U11824" i="1"/>
  <c r="U11823" i="1"/>
  <c r="U11822" i="1"/>
  <c r="U11821" i="1"/>
  <c r="U11820" i="1"/>
  <c r="U11819" i="1"/>
  <c r="U11818" i="1"/>
  <c r="U11817" i="1"/>
  <c r="U11816" i="1"/>
  <c r="U11815" i="1"/>
  <c r="U11814" i="1"/>
  <c r="U11813" i="1"/>
  <c r="U11812" i="1"/>
  <c r="U11811" i="1"/>
  <c r="U11810" i="1"/>
  <c r="U11809" i="1"/>
  <c r="U11808" i="1"/>
  <c r="U11807" i="1"/>
  <c r="U11806" i="1"/>
  <c r="U11805" i="1"/>
  <c r="U11804" i="1"/>
  <c r="U11803" i="1"/>
  <c r="U11802" i="1"/>
  <c r="U11801" i="1"/>
  <c r="U11800" i="1"/>
  <c r="U11799" i="1"/>
  <c r="U11798" i="1"/>
  <c r="U11797" i="1"/>
  <c r="U11796" i="1"/>
  <c r="U11795" i="1"/>
  <c r="U11794" i="1"/>
  <c r="U11793" i="1"/>
  <c r="U11792" i="1"/>
  <c r="U11791" i="1"/>
  <c r="U11790" i="1"/>
  <c r="U11789" i="1"/>
  <c r="U11788" i="1"/>
  <c r="U11787" i="1"/>
  <c r="U11786" i="1"/>
  <c r="U11785" i="1"/>
  <c r="U11784" i="1"/>
  <c r="U11783" i="1"/>
  <c r="U11782" i="1"/>
  <c r="U11781" i="1"/>
  <c r="U11780" i="1"/>
  <c r="U11779" i="1"/>
  <c r="U11778" i="1"/>
  <c r="U11777" i="1"/>
  <c r="U11776" i="1"/>
  <c r="U11775" i="1"/>
  <c r="U11774" i="1"/>
  <c r="U11773" i="1"/>
  <c r="U11772" i="1"/>
  <c r="U11771" i="1"/>
  <c r="U11770" i="1"/>
  <c r="U11769" i="1"/>
  <c r="U11768" i="1"/>
  <c r="U11767" i="1"/>
  <c r="U11766" i="1"/>
  <c r="U11765" i="1"/>
  <c r="U11764" i="1"/>
  <c r="U11763" i="1"/>
  <c r="U11762" i="1"/>
  <c r="U11761" i="1"/>
  <c r="U11760" i="1"/>
  <c r="U11759" i="1"/>
  <c r="U11758" i="1"/>
  <c r="U11757" i="1"/>
  <c r="U11756" i="1"/>
  <c r="U11755" i="1"/>
  <c r="U11754" i="1"/>
  <c r="U11753" i="1"/>
  <c r="U11752" i="1"/>
  <c r="U11751" i="1"/>
  <c r="U11750" i="1"/>
  <c r="U11749" i="1"/>
  <c r="U11748" i="1"/>
  <c r="U11747" i="1"/>
  <c r="U11746" i="1"/>
  <c r="U11745" i="1"/>
  <c r="U11744" i="1"/>
  <c r="U11743" i="1"/>
  <c r="U11742" i="1"/>
  <c r="U11741" i="1"/>
  <c r="U11740" i="1"/>
  <c r="U11739" i="1"/>
  <c r="U11738" i="1"/>
  <c r="U11737" i="1"/>
  <c r="U11736" i="1"/>
  <c r="U11735" i="1"/>
  <c r="U11734" i="1"/>
  <c r="U11733" i="1"/>
  <c r="U11732" i="1"/>
  <c r="U11731" i="1"/>
  <c r="U11730" i="1"/>
  <c r="U11729" i="1"/>
  <c r="U11728" i="1"/>
  <c r="U11727" i="1"/>
  <c r="U11726" i="1"/>
  <c r="U11725" i="1"/>
  <c r="U11724" i="1"/>
  <c r="U11723" i="1"/>
  <c r="U11722" i="1"/>
  <c r="U11721" i="1"/>
  <c r="U11720" i="1"/>
  <c r="U11719" i="1"/>
  <c r="U11718" i="1"/>
  <c r="U11717" i="1"/>
  <c r="U11716" i="1"/>
  <c r="U11715" i="1"/>
  <c r="U11714" i="1"/>
  <c r="U11713" i="1"/>
  <c r="U11712" i="1"/>
  <c r="U11711" i="1"/>
  <c r="U11710" i="1"/>
  <c r="U11709" i="1"/>
  <c r="U11708" i="1"/>
  <c r="U11707" i="1"/>
  <c r="U11706" i="1"/>
  <c r="U11705" i="1"/>
  <c r="U11704" i="1"/>
  <c r="U11703" i="1"/>
  <c r="U11702" i="1"/>
  <c r="U11701" i="1"/>
  <c r="U11700" i="1"/>
  <c r="U11699" i="1"/>
  <c r="U11698" i="1"/>
  <c r="U11697" i="1"/>
  <c r="U11696" i="1"/>
  <c r="U11695" i="1"/>
  <c r="U11694" i="1"/>
  <c r="U11693" i="1"/>
  <c r="U11692" i="1"/>
  <c r="U11691" i="1"/>
  <c r="U11690" i="1"/>
  <c r="U11689" i="1"/>
  <c r="U11688" i="1"/>
  <c r="U11687" i="1"/>
  <c r="U11686" i="1"/>
  <c r="U11685" i="1"/>
  <c r="U11684" i="1"/>
  <c r="U11683" i="1"/>
  <c r="U11682" i="1"/>
  <c r="U11681" i="1"/>
  <c r="U11680" i="1"/>
  <c r="U11679" i="1"/>
  <c r="U11678" i="1"/>
  <c r="U11677" i="1"/>
  <c r="U11676" i="1"/>
  <c r="U11675" i="1"/>
  <c r="U11674" i="1"/>
  <c r="U11673" i="1"/>
  <c r="U11672" i="1"/>
  <c r="U11671" i="1"/>
  <c r="U11670" i="1"/>
  <c r="U11669" i="1"/>
  <c r="U11668" i="1"/>
  <c r="U11667" i="1"/>
  <c r="U11666" i="1"/>
  <c r="U11665" i="1"/>
  <c r="U11664" i="1"/>
  <c r="U11663" i="1"/>
  <c r="U11662" i="1"/>
  <c r="U11661" i="1"/>
  <c r="U11660" i="1"/>
  <c r="U11659" i="1"/>
  <c r="U11658" i="1"/>
  <c r="U11657" i="1"/>
  <c r="U11656" i="1"/>
  <c r="U11655" i="1"/>
  <c r="U11654" i="1"/>
  <c r="U11653" i="1"/>
  <c r="U11652" i="1"/>
  <c r="U11651" i="1"/>
  <c r="U11650" i="1"/>
  <c r="U11649" i="1"/>
  <c r="U11648" i="1"/>
  <c r="U11647" i="1"/>
  <c r="U11646" i="1"/>
  <c r="U11645" i="1"/>
  <c r="U11644" i="1"/>
  <c r="U11643" i="1"/>
  <c r="U11642" i="1"/>
  <c r="U11641" i="1"/>
  <c r="U11640" i="1"/>
  <c r="U11639" i="1"/>
  <c r="U11638" i="1"/>
  <c r="U11637" i="1"/>
  <c r="U11636" i="1"/>
  <c r="U11635" i="1"/>
  <c r="U11634" i="1"/>
  <c r="U11633" i="1"/>
  <c r="U11632" i="1"/>
  <c r="U11631" i="1"/>
  <c r="U11630" i="1"/>
  <c r="U11629" i="1"/>
  <c r="U11628" i="1"/>
  <c r="U11627" i="1"/>
  <c r="U11626" i="1"/>
  <c r="U11625" i="1"/>
  <c r="U11624" i="1"/>
  <c r="U11623" i="1"/>
  <c r="U11622" i="1"/>
  <c r="U11621" i="1"/>
  <c r="U11620" i="1"/>
  <c r="U11619" i="1"/>
  <c r="U11618" i="1"/>
  <c r="U11617" i="1"/>
  <c r="U11616" i="1"/>
  <c r="U11615" i="1"/>
  <c r="U11614" i="1"/>
  <c r="U11613" i="1"/>
  <c r="U11612" i="1"/>
  <c r="U11611" i="1"/>
  <c r="U11610" i="1"/>
  <c r="U11609" i="1"/>
  <c r="U11608" i="1"/>
  <c r="U11607" i="1"/>
  <c r="U11606" i="1"/>
  <c r="U11605" i="1"/>
  <c r="U11604" i="1"/>
  <c r="U11603" i="1"/>
  <c r="U11602" i="1"/>
  <c r="U11601" i="1"/>
  <c r="U11600" i="1"/>
  <c r="U11599" i="1"/>
  <c r="U11598" i="1"/>
  <c r="U11597" i="1"/>
  <c r="U11596" i="1"/>
  <c r="U11595" i="1"/>
  <c r="U11594" i="1"/>
  <c r="U11593" i="1"/>
  <c r="U11592" i="1"/>
  <c r="U11591" i="1"/>
  <c r="U11590" i="1"/>
  <c r="U11589" i="1"/>
  <c r="U11588" i="1"/>
  <c r="U11587" i="1"/>
  <c r="U11586" i="1"/>
  <c r="U11585" i="1"/>
  <c r="U11584" i="1"/>
  <c r="U11583" i="1"/>
  <c r="U11582" i="1"/>
  <c r="U11581" i="1"/>
  <c r="U11580" i="1"/>
  <c r="U11579" i="1"/>
  <c r="U11578" i="1"/>
  <c r="U11577" i="1"/>
  <c r="U11576" i="1"/>
  <c r="U11575" i="1"/>
  <c r="U11574" i="1"/>
  <c r="U11573" i="1"/>
  <c r="U11572" i="1"/>
  <c r="U11571" i="1"/>
  <c r="U11570" i="1"/>
  <c r="U11569" i="1"/>
  <c r="U11568" i="1"/>
  <c r="U11567" i="1"/>
  <c r="U11566" i="1"/>
  <c r="U11565" i="1"/>
  <c r="U11564" i="1"/>
  <c r="U11563" i="1"/>
  <c r="U11562" i="1"/>
  <c r="U11561" i="1"/>
  <c r="U11560" i="1"/>
  <c r="U11559" i="1"/>
  <c r="U11558" i="1"/>
  <c r="U11557" i="1"/>
  <c r="U11556" i="1"/>
  <c r="U11555" i="1"/>
  <c r="U11554" i="1"/>
  <c r="U11553" i="1"/>
  <c r="U11552" i="1"/>
  <c r="U11551" i="1"/>
  <c r="U11550" i="1"/>
  <c r="U11549" i="1"/>
  <c r="U11548" i="1"/>
  <c r="U11547" i="1"/>
  <c r="U11546" i="1"/>
  <c r="U11545" i="1"/>
  <c r="U11544" i="1"/>
  <c r="U11543" i="1"/>
  <c r="U11542" i="1"/>
  <c r="U11541" i="1"/>
  <c r="U11540" i="1"/>
  <c r="U11539" i="1"/>
  <c r="U11538" i="1"/>
  <c r="U11537" i="1"/>
  <c r="U11536" i="1"/>
  <c r="U11535" i="1"/>
  <c r="U11534" i="1"/>
  <c r="U11533" i="1"/>
  <c r="U11532" i="1"/>
  <c r="U11531" i="1"/>
  <c r="U11530" i="1"/>
  <c r="U11529" i="1"/>
  <c r="U11528" i="1"/>
  <c r="U11527" i="1"/>
  <c r="U11526" i="1"/>
  <c r="U11525" i="1"/>
  <c r="U11524" i="1"/>
  <c r="U11523" i="1"/>
  <c r="U11522" i="1"/>
  <c r="U11521" i="1"/>
  <c r="U11520" i="1"/>
  <c r="U11519" i="1"/>
  <c r="U11518" i="1"/>
  <c r="U11517" i="1"/>
  <c r="U11516" i="1"/>
  <c r="U11515" i="1"/>
  <c r="U11514" i="1"/>
  <c r="U11513" i="1"/>
  <c r="U11512" i="1"/>
  <c r="U11511" i="1"/>
  <c r="U11510" i="1"/>
  <c r="U11509" i="1"/>
  <c r="U11508" i="1"/>
  <c r="U11507" i="1"/>
  <c r="U11506" i="1"/>
  <c r="U11505" i="1"/>
  <c r="U11504" i="1"/>
  <c r="U11503" i="1"/>
  <c r="U11502" i="1"/>
  <c r="U11501" i="1"/>
  <c r="U11500" i="1"/>
  <c r="U11499" i="1"/>
  <c r="U11498" i="1"/>
  <c r="U11497" i="1"/>
  <c r="U11496" i="1"/>
  <c r="U11495" i="1"/>
  <c r="U11494" i="1"/>
  <c r="U11493" i="1"/>
  <c r="U11492" i="1"/>
  <c r="U11491" i="1"/>
  <c r="U11490" i="1"/>
  <c r="U11489" i="1"/>
  <c r="U11488" i="1"/>
  <c r="U11487" i="1"/>
  <c r="U11486" i="1"/>
  <c r="U11485" i="1"/>
  <c r="U11484" i="1"/>
  <c r="U11483" i="1"/>
  <c r="U11482" i="1"/>
  <c r="U11481" i="1"/>
  <c r="U11480" i="1"/>
  <c r="U11479" i="1"/>
  <c r="U11478" i="1"/>
  <c r="U11477" i="1"/>
  <c r="U11476" i="1"/>
  <c r="U11475" i="1"/>
  <c r="U11474" i="1"/>
  <c r="U11473" i="1"/>
  <c r="U11472" i="1"/>
  <c r="U11471" i="1"/>
  <c r="U11470" i="1"/>
  <c r="U11469" i="1"/>
  <c r="U11468" i="1"/>
  <c r="U11467" i="1"/>
  <c r="U11466" i="1"/>
  <c r="U11465" i="1"/>
  <c r="U11464" i="1"/>
  <c r="U11463" i="1"/>
  <c r="U11462" i="1"/>
  <c r="U11461" i="1"/>
  <c r="U11460" i="1"/>
  <c r="U11459" i="1"/>
  <c r="U11458" i="1"/>
  <c r="U11457" i="1"/>
  <c r="U11456" i="1"/>
  <c r="U11455" i="1"/>
  <c r="U11454" i="1"/>
  <c r="U11453" i="1"/>
  <c r="U11452" i="1"/>
  <c r="U11451" i="1"/>
  <c r="U11450" i="1"/>
  <c r="U11449" i="1"/>
  <c r="U11448" i="1"/>
  <c r="U11447" i="1"/>
  <c r="U11446" i="1"/>
  <c r="U11445" i="1"/>
  <c r="U11444" i="1"/>
  <c r="U11443" i="1"/>
  <c r="U11442" i="1"/>
  <c r="U11441" i="1"/>
  <c r="U11440" i="1"/>
  <c r="U11439" i="1"/>
  <c r="U11438" i="1"/>
  <c r="U11437" i="1"/>
  <c r="U11436" i="1"/>
  <c r="U11435" i="1"/>
  <c r="U11434" i="1"/>
  <c r="U11433" i="1"/>
  <c r="U11432" i="1"/>
  <c r="U11431" i="1"/>
  <c r="U11430" i="1"/>
  <c r="U11429" i="1"/>
  <c r="U11428" i="1"/>
  <c r="U11427" i="1"/>
  <c r="U11426" i="1"/>
  <c r="U11425" i="1"/>
  <c r="U11424" i="1"/>
  <c r="U11423" i="1"/>
  <c r="U11422" i="1"/>
  <c r="U11421" i="1"/>
  <c r="U11420" i="1"/>
  <c r="U11419" i="1"/>
  <c r="U11418" i="1"/>
  <c r="U11417" i="1"/>
  <c r="U11416" i="1"/>
  <c r="U11415" i="1"/>
  <c r="U11414" i="1"/>
  <c r="U11413" i="1"/>
  <c r="U11412" i="1"/>
  <c r="U11411" i="1"/>
  <c r="U11410" i="1"/>
  <c r="U11409" i="1"/>
  <c r="U11408" i="1"/>
  <c r="U11407" i="1"/>
  <c r="U11406" i="1"/>
  <c r="U11405" i="1"/>
  <c r="U11404" i="1"/>
  <c r="U11403" i="1"/>
  <c r="U11402" i="1"/>
  <c r="U11401" i="1"/>
  <c r="U11400" i="1"/>
  <c r="U11399" i="1"/>
  <c r="U11398" i="1"/>
  <c r="U11397" i="1"/>
  <c r="U11396" i="1"/>
  <c r="U11395" i="1"/>
  <c r="U11394" i="1"/>
  <c r="U11393" i="1"/>
  <c r="U11392" i="1"/>
  <c r="U11391" i="1"/>
  <c r="U11390" i="1"/>
  <c r="U11389" i="1"/>
  <c r="U11388" i="1"/>
  <c r="U11387" i="1"/>
  <c r="U11386" i="1"/>
  <c r="U11385" i="1"/>
  <c r="U11384" i="1"/>
  <c r="U11383" i="1"/>
  <c r="U11382" i="1"/>
  <c r="U11381" i="1"/>
  <c r="U11380" i="1"/>
  <c r="U11379" i="1"/>
  <c r="U11378" i="1"/>
  <c r="U11377" i="1"/>
  <c r="U11376" i="1"/>
  <c r="U11375" i="1"/>
  <c r="U11374" i="1"/>
  <c r="U11373" i="1"/>
  <c r="U11372" i="1"/>
  <c r="U11371" i="1"/>
  <c r="U11370" i="1"/>
  <c r="U11369" i="1"/>
  <c r="U11368" i="1"/>
  <c r="U11367" i="1"/>
  <c r="U11366" i="1"/>
  <c r="U11365" i="1"/>
  <c r="U11364" i="1"/>
  <c r="U11363" i="1"/>
  <c r="U11362" i="1"/>
  <c r="U11361" i="1"/>
  <c r="U11360" i="1"/>
  <c r="U11359" i="1"/>
  <c r="U11358" i="1"/>
  <c r="U11357" i="1"/>
  <c r="U11356" i="1"/>
  <c r="U11355" i="1"/>
  <c r="U11354" i="1"/>
  <c r="U11353" i="1"/>
  <c r="U11352" i="1"/>
  <c r="U11351" i="1"/>
  <c r="U11350" i="1"/>
  <c r="U11349" i="1"/>
  <c r="U11348" i="1"/>
  <c r="U11347" i="1"/>
  <c r="U11346" i="1"/>
  <c r="U11345" i="1"/>
  <c r="U11344" i="1"/>
  <c r="U11343" i="1"/>
  <c r="U11342" i="1"/>
  <c r="U11341" i="1"/>
  <c r="U11340" i="1"/>
  <c r="U11339" i="1"/>
  <c r="U11338" i="1"/>
  <c r="U11337" i="1"/>
  <c r="U11336" i="1"/>
  <c r="U11335" i="1"/>
  <c r="U11334" i="1"/>
  <c r="U11333" i="1"/>
  <c r="U11332" i="1"/>
  <c r="U11331" i="1"/>
  <c r="U11330" i="1"/>
  <c r="U11329" i="1"/>
  <c r="U11328" i="1"/>
  <c r="U11327" i="1"/>
  <c r="U11326" i="1"/>
  <c r="U11325" i="1"/>
  <c r="U11324" i="1"/>
  <c r="U11323" i="1"/>
  <c r="U11322" i="1"/>
  <c r="U11321" i="1"/>
  <c r="U11320" i="1"/>
  <c r="U11319" i="1"/>
  <c r="U11318" i="1"/>
  <c r="U11317" i="1"/>
  <c r="U11316" i="1"/>
  <c r="U11315" i="1"/>
  <c r="U11314" i="1"/>
  <c r="U11313" i="1"/>
  <c r="U11312" i="1"/>
  <c r="U11311" i="1"/>
  <c r="U11310" i="1"/>
  <c r="U11309" i="1"/>
  <c r="U11308" i="1"/>
  <c r="U11307" i="1"/>
  <c r="U11306" i="1"/>
  <c r="U11305" i="1"/>
  <c r="U11304" i="1"/>
  <c r="U11303" i="1"/>
  <c r="U11302" i="1"/>
  <c r="U11301" i="1"/>
  <c r="U11300" i="1"/>
  <c r="U11299" i="1"/>
  <c r="U11298" i="1"/>
  <c r="U11297" i="1"/>
  <c r="U11296" i="1"/>
  <c r="U11295" i="1"/>
  <c r="U11294" i="1"/>
  <c r="U11293" i="1"/>
  <c r="U11292" i="1"/>
  <c r="U11291" i="1"/>
  <c r="U11290" i="1"/>
  <c r="U11289" i="1"/>
  <c r="U11288" i="1"/>
  <c r="U11287" i="1"/>
  <c r="U11286" i="1"/>
  <c r="U11285" i="1"/>
  <c r="U11284" i="1"/>
  <c r="U11283" i="1"/>
  <c r="U11282" i="1"/>
  <c r="U11281" i="1"/>
  <c r="U11280" i="1"/>
  <c r="U11279" i="1"/>
  <c r="U11278" i="1"/>
  <c r="U11277" i="1"/>
  <c r="U11276" i="1"/>
  <c r="U11275" i="1"/>
  <c r="U11274" i="1"/>
  <c r="U11273" i="1"/>
  <c r="U11272" i="1"/>
  <c r="U11271" i="1"/>
  <c r="U11270" i="1"/>
  <c r="U11269" i="1"/>
  <c r="U11268" i="1"/>
  <c r="U11267" i="1"/>
  <c r="U11266" i="1"/>
  <c r="U11265" i="1"/>
  <c r="U11264" i="1"/>
  <c r="U11263" i="1"/>
  <c r="U11262" i="1"/>
  <c r="U11261" i="1"/>
  <c r="U11260" i="1"/>
  <c r="U11259" i="1"/>
  <c r="U11258" i="1"/>
  <c r="U11257" i="1"/>
  <c r="U11256" i="1"/>
  <c r="U11255" i="1"/>
  <c r="U11254" i="1"/>
  <c r="U11253" i="1"/>
  <c r="U11252" i="1"/>
  <c r="U11251" i="1"/>
  <c r="U11250" i="1"/>
  <c r="U11249" i="1"/>
  <c r="U11248" i="1"/>
  <c r="U11247" i="1"/>
  <c r="U11246" i="1"/>
  <c r="U11245" i="1"/>
  <c r="U11244" i="1"/>
  <c r="U11243" i="1"/>
  <c r="U11242" i="1"/>
  <c r="U11241" i="1"/>
  <c r="U11240" i="1"/>
  <c r="U11239" i="1"/>
  <c r="U11238" i="1"/>
  <c r="U11237" i="1"/>
  <c r="U11236" i="1"/>
  <c r="U11235" i="1"/>
  <c r="U11234" i="1"/>
  <c r="U11233" i="1"/>
  <c r="U11232" i="1"/>
  <c r="U11231" i="1"/>
  <c r="U11230" i="1"/>
  <c r="U11229" i="1"/>
  <c r="U11228" i="1"/>
  <c r="U11227" i="1"/>
  <c r="U11226" i="1"/>
  <c r="U11225" i="1"/>
  <c r="U11224" i="1"/>
  <c r="U11223" i="1"/>
  <c r="U11222" i="1"/>
  <c r="U11221" i="1"/>
  <c r="U11220" i="1"/>
  <c r="U11219" i="1"/>
  <c r="U11218" i="1"/>
  <c r="U11217" i="1"/>
  <c r="U11216" i="1"/>
  <c r="U11215" i="1"/>
  <c r="U11214" i="1"/>
  <c r="U11213" i="1"/>
  <c r="U11212" i="1"/>
  <c r="U11211" i="1"/>
  <c r="U11210" i="1"/>
  <c r="U11209" i="1"/>
  <c r="U11208" i="1"/>
  <c r="U11207" i="1"/>
  <c r="U11206" i="1"/>
  <c r="U11205" i="1"/>
  <c r="U11204" i="1"/>
  <c r="U11203" i="1"/>
  <c r="U11202" i="1"/>
  <c r="U11201" i="1"/>
  <c r="U11200" i="1"/>
  <c r="U11199" i="1"/>
  <c r="U11198" i="1"/>
  <c r="U11197" i="1"/>
  <c r="U11196" i="1"/>
  <c r="U11195" i="1"/>
  <c r="U11194" i="1"/>
  <c r="U11193" i="1"/>
  <c r="U11192" i="1"/>
  <c r="U11191" i="1"/>
  <c r="U11190" i="1"/>
  <c r="U11189" i="1"/>
  <c r="U11188" i="1"/>
  <c r="U11187" i="1"/>
  <c r="U11186" i="1"/>
  <c r="U11185" i="1"/>
  <c r="U11184" i="1"/>
  <c r="U11183" i="1"/>
  <c r="U11182" i="1"/>
  <c r="U11181" i="1"/>
  <c r="U11180" i="1"/>
  <c r="U11179" i="1"/>
  <c r="U11178" i="1"/>
  <c r="U11177" i="1"/>
  <c r="U11176" i="1"/>
  <c r="U11175" i="1"/>
  <c r="U11174" i="1"/>
  <c r="U11173" i="1"/>
  <c r="U11172" i="1"/>
  <c r="U11171" i="1"/>
  <c r="U11170" i="1"/>
  <c r="U11169" i="1"/>
  <c r="U11168" i="1"/>
  <c r="U11167" i="1"/>
  <c r="U11166" i="1"/>
  <c r="U11165" i="1"/>
  <c r="U11164" i="1"/>
  <c r="U11163" i="1"/>
  <c r="U11162" i="1"/>
  <c r="U11161" i="1"/>
  <c r="U11160" i="1"/>
  <c r="U11159" i="1"/>
  <c r="U11158" i="1"/>
  <c r="U11157" i="1"/>
  <c r="U11156" i="1"/>
  <c r="U11155" i="1"/>
  <c r="U11154" i="1"/>
  <c r="U11153" i="1"/>
  <c r="U11152" i="1"/>
  <c r="U11151" i="1"/>
  <c r="U11150" i="1"/>
  <c r="U11149" i="1"/>
  <c r="U11148" i="1"/>
  <c r="U11147" i="1"/>
  <c r="U11146" i="1"/>
  <c r="U11145" i="1"/>
  <c r="U11144" i="1"/>
  <c r="U11143" i="1"/>
  <c r="U11142" i="1"/>
  <c r="U11141" i="1"/>
  <c r="U11140" i="1"/>
  <c r="U11139" i="1"/>
  <c r="U11138" i="1"/>
  <c r="U11137" i="1"/>
  <c r="U11136" i="1"/>
  <c r="U11135" i="1"/>
  <c r="U11134" i="1"/>
  <c r="U11133" i="1"/>
  <c r="U11132" i="1"/>
  <c r="U11131" i="1"/>
  <c r="U11130" i="1"/>
  <c r="U11129" i="1"/>
  <c r="U11128" i="1"/>
  <c r="U11127" i="1"/>
  <c r="U11126" i="1"/>
  <c r="U11125" i="1"/>
  <c r="U11124" i="1"/>
  <c r="U11123" i="1"/>
  <c r="U11122" i="1"/>
  <c r="U11121" i="1"/>
  <c r="U11120" i="1"/>
  <c r="U11119" i="1"/>
  <c r="U11118" i="1"/>
  <c r="U11117" i="1"/>
  <c r="U11116" i="1"/>
  <c r="U11115" i="1"/>
  <c r="U11114" i="1"/>
  <c r="U11113" i="1"/>
  <c r="U11112" i="1"/>
  <c r="U11111" i="1"/>
  <c r="U11110" i="1"/>
  <c r="U11109" i="1"/>
  <c r="U11108" i="1"/>
  <c r="U11107" i="1"/>
  <c r="U11106" i="1"/>
  <c r="U11105" i="1"/>
  <c r="U11104" i="1"/>
  <c r="U11103" i="1"/>
  <c r="U11102" i="1"/>
  <c r="U11101" i="1"/>
  <c r="U11100" i="1"/>
  <c r="U11099" i="1"/>
  <c r="U11098" i="1"/>
  <c r="U11097" i="1"/>
  <c r="U11096" i="1"/>
  <c r="U11095" i="1"/>
  <c r="U11094" i="1"/>
  <c r="U11093" i="1"/>
  <c r="U11092" i="1"/>
  <c r="U11091" i="1"/>
  <c r="U11090" i="1"/>
  <c r="U11089" i="1"/>
  <c r="U11088" i="1"/>
  <c r="U11087" i="1"/>
  <c r="U11086" i="1"/>
  <c r="U11085" i="1"/>
  <c r="U11084" i="1"/>
  <c r="U11083" i="1"/>
  <c r="U11082" i="1"/>
  <c r="U11081" i="1"/>
  <c r="U11080" i="1"/>
  <c r="U11079" i="1"/>
  <c r="U11078" i="1"/>
  <c r="U11077" i="1"/>
  <c r="U11076" i="1"/>
  <c r="U11075" i="1"/>
  <c r="U11074" i="1"/>
  <c r="U11073" i="1"/>
  <c r="U11072" i="1"/>
  <c r="U11071" i="1"/>
  <c r="U11070" i="1"/>
  <c r="U11069" i="1"/>
  <c r="U11068" i="1"/>
  <c r="U11067" i="1"/>
  <c r="U11066" i="1"/>
  <c r="U11065" i="1"/>
  <c r="U11064" i="1"/>
  <c r="U11063" i="1"/>
  <c r="U11062" i="1"/>
  <c r="U11061" i="1"/>
  <c r="U11060" i="1"/>
  <c r="U11059" i="1"/>
  <c r="U11058" i="1"/>
  <c r="U11057" i="1"/>
  <c r="U11056" i="1"/>
  <c r="U11055" i="1"/>
  <c r="U11054" i="1"/>
  <c r="U11053" i="1"/>
  <c r="U11052" i="1"/>
  <c r="U11051" i="1"/>
  <c r="U11050" i="1"/>
  <c r="U11049" i="1"/>
  <c r="U11048" i="1"/>
  <c r="U11047" i="1"/>
  <c r="U11046" i="1"/>
  <c r="U11045" i="1"/>
  <c r="U11044" i="1"/>
  <c r="U11043" i="1"/>
  <c r="U11042" i="1"/>
  <c r="U11041" i="1"/>
  <c r="U11040" i="1"/>
  <c r="U11039" i="1"/>
  <c r="U11038" i="1"/>
  <c r="U11037" i="1"/>
  <c r="U11036" i="1"/>
  <c r="U11035" i="1"/>
  <c r="U11034" i="1"/>
  <c r="U11033" i="1"/>
  <c r="U11032" i="1"/>
  <c r="U11031" i="1"/>
  <c r="U11030" i="1"/>
  <c r="U11029" i="1"/>
  <c r="U11028" i="1"/>
  <c r="U11027" i="1"/>
  <c r="U11026" i="1"/>
  <c r="U11025" i="1"/>
  <c r="U11024" i="1"/>
  <c r="U11023" i="1"/>
  <c r="U11022" i="1"/>
  <c r="U11021" i="1"/>
  <c r="U11020" i="1"/>
  <c r="U11019" i="1"/>
  <c r="U11018" i="1"/>
  <c r="U11017" i="1"/>
  <c r="U11016" i="1"/>
  <c r="U11015" i="1"/>
  <c r="U11014" i="1"/>
  <c r="U11013" i="1"/>
  <c r="U11012" i="1"/>
  <c r="U11011" i="1"/>
  <c r="U11010" i="1"/>
  <c r="U11009" i="1"/>
  <c r="U11008" i="1"/>
  <c r="U11007" i="1"/>
  <c r="U11006" i="1"/>
  <c r="U11005" i="1"/>
  <c r="U11004" i="1"/>
  <c r="U11003" i="1"/>
  <c r="U11002" i="1"/>
  <c r="U11001" i="1"/>
  <c r="U11000" i="1"/>
  <c r="U10999" i="1"/>
  <c r="U10998" i="1"/>
  <c r="U10997" i="1"/>
  <c r="U10996" i="1"/>
  <c r="U10995" i="1"/>
  <c r="U10994" i="1"/>
  <c r="U10993" i="1"/>
  <c r="U10992" i="1"/>
  <c r="U10991" i="1"/>
  <c r="U10990" i="1"/>
  <c r="U10989" i="1"/>
  <c r="U10988" i="1"/>
  <c r="U10987" i="1"/>
  <c r="U10986" i="1"/>
  <c r="U10985" i="1"/>
  <c r="U10984" i="1"/>
  <c r="U10983" i="1"/>
  <c r="U10982" i="1"/>
  <c r="U10981" i="1"/>
  <c r="U10980" i="1"/>
  <c r="U10979" i="1"/>
  <c r="U10978" i="1"/>
  <c r="U10977" i="1"/>
  <c r="U10976" i="1"/>
  <c r="U10975" i="1"/>
  <c r="U10974" i="1"/>
  <c r="U10973" i="1"/>
  <c r="U10972" i="1"/>
  <c r="U10971" i="1"/>
  <c r="U10970" i="1"/>
  <c r="U10969" i="1"/>
  <c r="U10968" i="1"/>
  <c r="U10967" i="1"/>
  <c r="U10966" i="1"/>
  <c r="U10965" i="1"/>
  <c r="U10964" i="1"/>
  <c r="U10963" i="1"/>
  <c r="U10962" i="1"/>
  <c r="U10961" i="1"/>
  <c r="U10960" i="1"/>
  <c r="U10959" i="1"/>
  <c r="U10958" i="1"/>
  <c r="U10957" i="1"/>
  <c r="U10956" i="1"/>
  <c r="U10955" i="1"/>
  <c r="U10954" i="1"/>
  <c r="U10953" i="1"/>
  <c r="U10952" i="1"/>
  <c r="U10951" i="1"/>
  <c r="U10950" i="1"/>
  <c r="U10949" i="1"/>
  <c r="U10948" i="1"/>
  <c r="U10947" i="1"/>
  <c r="U10946" i="1"/>
  <c r="U10945" i="1"/>
  <c r="U10944" i="1"/>
  <c r="U10943" i="1"/>
  <c r="U10942" i="1"/>
  <c r="U10941" i="1"/>
  <c r="U10940" i="1"/>
  <c r="U10939" i="1"/>
  <c r="U10938" i="1"/>
  <c r="U10937" i="1"/>
  <c r="U10936" i="1"/>
  <c r="U10935" i="1"/>
  <c r="U10934" i="1"/>
  <c r="U10933" i="1"/>
  <c r="U10932" i="1"/>
  <c r="U10931" i="1"/>
  <c r="U10930" i="1"/>
  <c r="U10929" i="1"/>
  <c r="U10928" i="1"/>
  <c r="U10927" i="1"/>
  <c r="U10926" i="1"/>
  <c r="U10925" i="1"/>
  <c r="U10924" i="1"/>
  <c r="U10923" i="1"/>
  <c r="U10922" i="1"/>
  <c r="U10921" i="1"/>
  <c r="U10920" i="1"/>
  <c r="U10919" i="1"/>
  <c r="U10918" i="1"/>
  <c r="U10917" i="1"/>
  <c r="U10916" i="1"/>
  <c r="U10915" i="1"/>
  <c r="U10914" i="1"/>
  <c r="U10913" i="1"/>
  <c r="U10912" i="1"/>
  <c r="U10911" i="1"/>
  <c r="U10910" i="1"/>
  <c r="U10909" i="1"/>
  <c r="U10908" i="1"/>
  <c r="U10907" i="1"/>
  <c r="U10906" i="1"/>
  <c r="U10905" i="1"/>
  <c r="U10904" i="1"/>
  <c r="U10903" i="1"/>
  <c r="U10902" i="1"/>
  <c r="U10901" i="1"/>
  <c r="U10900" i="1"/>
  <c r="U10899" i="1"/>
  <c r="U10898" i="1"/>
  <c r="U10897" i="1"/>
  <c r="U10896" i="1"/>
  <c r="U10895" i="1"/>
  <c r="U10894" i="1"/>
  <c r="U10893" i="1"/>
  <c r="U10892" i="1"/>
  <c r="U10891" i="1"/>
  <c r="U10890" i="1"/>
  <c r="U10889" i="1"/>
  <c r="U10888" i="1"/>
  <c r="U10887" i="1"/>
  <c r="U10886" i="1"/>
  <c r="U10885" i="1"/>
  <c r="U10884" i="1"/>
  <c r="U10883" i="1"/>
  <c r="U10882" i="1"/>
  <c r="U10881" i="1"/>
  <c r="U10880" i="1"/>
  <c r="U10879" i="1"/>
  <c r="U10878" i="1"/>
  <c r="U10877" i="1"/>
  <c r="U10876" i="1"/>
  <c r="U10875" i="1"/>
  <c r="U10874" i="1"/>
  <c r="U10873" i="1"/>
  <c r="U10872" i="1"/>
  <c r="U10871" i="1"/>
  <c r="U10870" i="1"/>
  <c r="U10869" i="1"/>
  <c r="U10868" i="1"/>
  <c r="U10867" i="1"/>
  <c r="U10866" i="1"/>
  <c r="U10865" i="1"/>
  <c r="U10864" i="1"/>
  <c r="U10863" i="1"/>
  <c r="U10862" i="1"/>
  <c r="U10861" i="1"/>
  <c r="U10860" i="1"/>
  <c r="U10859" i="1"/>
  <c r="U10858" i="1"/>
  <c r="U10857" i="1"/>
  <c r="U10856" i="1"/>
  <c r="U10855" i="1"/>
  <c r="U10854" i="1"/>
  <c r="U10853" i="1"/>
  <c r="U10852" i="1"/>
  <c r="U10851" i="1"/>
  <c r="U10850" i="1"/>
  <c r="U10849" i="1"/>
  <c r="U10848" i="1"/>
  <c r="U10847" i="1"/>
  <c r="U10846" i="1"/>
  <c r="U10845" i="1"/>
  <c r="U10844" i="1"/>
  <c r="U10843" i="1"/>
  <c r="U10842" i="1"/>
  <c r="U10841" i="1"/>
  <c r="U10840" i="1"/>
  <c r="U10839" i="1"/>
  <c r="U10838" i="1"/>
  <c r="U10837" i="1"/>
  <c r="U10836" i="1"/>
  <c r="U10835" i="1"/>
  <c r="U10834" i="1"/>
  <c r="U10833" i="1"/>
  <c r="U10832" i="1"/>
  <c r="U10831" i="1"/>
  <c r="U10830" i="1"/>
  <c r="U10829" i="1"/>
  <c r="U10828" i="1"/>
  <c r="U10827" i="1"/>
  <c r="U10826" i="1"/>
  <c r="U10825" i="1"/>
  <c r="U10824" i="1"/>
  <c r="U10823" i="1"/>
  <c r="U10822" i="1"/>
  <c r="U10821" i="1"/>
  <c r="U10820" i="1"/>
  <c r="U10819" i="1"/>
  <c r="U10818" i="1"/>
  <c r="U10817" i="1"/>
  <c r="U10816" i="1"/>
  <c r="U10815" i="1"/>
  <c r="U10814" i="1"/>
  <c r="U10813" i="1"/>
  <c r="U10812" i="1"/>
  <c r="U10811" i="1"/>
  <c r="U10810" i="1"/>
  <c r="U10809" i="1"/>
  <c r="U10808" i="1"/>
  <c r="U10807" i="1"/>
  <c r="U10806" i="1"/>
  <c r="U10805" i="1"/>
  <c r="U10804" i="1"/>
  <c r="U10803" i="1"/>
  <c r="U10802" i="1"/>
  <c r="U10801" i="1"/>
  <c r="U10800" i="1"/>
  <c r="U10799" i="1"/>
  <c r="U10798" i="1"/>
  <c r="U10797" i="1"/>
  <c r="U10796" i="1"/>
  <c r="U10795" i="1"/>
  <c r="U10794" i="1"/>
  <c r="U10793" i="1"/>
  <c r="U10792" i="1"/>
  <c r="U10791" i="1"/>
  <c r="U10790" i="1"/>
  <c r="U10789" i="1"/>
  <c r="U10788" i="1"/>
  <c r="U10787" i="1"/>
  <c r="U10786" i="1"/>
  <c r="U10785" i="1"/>
  <c r="U10784" i="1"/>
  <c r="U10783" i="1"/>
  <c r="U10782" i="1"/>
  <c r="U10781" i="1"/>
  <c r="U10780" i="1"/>
  <c r="U10779" i="1"/>
  <c r="U10778" i="1"/>
  <c r="U10777" i="1"/>
  <c r="U10776" i="1"/>
  <c r="U10775" i="1"/>
  <c r="U10774" i="1"/>
  <c r="U10773" i="1"/>
  <c r="U10772" i="1"/>
  <c r="U10771" i="1"/>
  <c r="U10770" i="1"/>
  <c r="U10769" i="1"/>
  <c r="U10768" i="1"/>
  <c r="U10767" i="1"/>
  <c r="U10766" i="1"/>
  <c r="U10765" i="1"/>
  <c r="U10764" i="1"/>
  <c r="U10763" i="1"/>
  <c r="U10762" i="1"/>
  <c r="U10761" i="1"/>
  <c r="U10760" i="1"/>
  <c r="U10759" i="1"/>
  <c r="U10758" i="1"/>
  <c r="U10757" i="1"/>
  <c r="U10756" i="1"/>
  <c r="U10755" i="1"/>
  <c r="U10754" i="1"/>
  <c r="U10753" i="1"/>
  <c r="U10752" i="1"/>
  <c r="U10751" i="1"/>
  <c r="U10750" i="1"/>
  <c r="U10749" i="1"/>
  <c r="U10748" i="1"/>
  <c r="U10747" i="1"/>
  <c r="U10746" i="1"/>
  <c r="U10745" i="1"/>
  <c r="U10744" i="1"/>
  <c r="U10743" i="1"/>
  <c r="U10742" i="1"/>
  <c r="U10741" i="1"/>
  <c r="U10740" i="1"/>
  <c r="U10739" i="1"/>
  <c r="U10738" i="1"/>
  <c r="U10737" i="1"/>
  <c r="U10736" i="1"/>
  <c r="U10735" i="1"/>
  <c r="U10734" i="1"/>
  <c r="U10733" i="1"/>
  <c r="U10732" i="1"/>
  <c r="U10731" i="1"/>
  <c r="U10730" i="1"/>
  <c r="U10729" i="1"/>
  <c r="U10728" i="1"/>
  <c r="U10727" i="1"/>
  <c r="U10726" i="1"/>
  <c r="U10725" i="1"/>
  <c r="U10724" i="1"/>
  <c r="U10723" i="1"/>
  <c r="U10722" i="1"/>
  <c r="U10721" i="1"/>
  <c r="U10720" i="1"/>
  <c r="U10719" i="1"/>
  <c r="U10718" i="1"/>
  <c r="U10717" i="1"/>
  <c r="U10716" i="1"/>
  <c r="U10715" i="1"/>
  <c r="U10714" i="1"/>
  <c r="U10713" i="1"/>
  <c r="U10712" i="1"/>
  <c r="U10711" i="1"/>
  <c r="U10710" i="1"/>
  <c r="U10709" i="1"/>
  <c r="U10708" i="1"/>
  <c r="U10707" i="1"/>
  <c r="U10706" i="1"/>
  <c r="U10705" i="1"/>
  <c r="U10704" i="1"/>
  <c r="U10703" i="1"/>
  <c r="U10702" i="1"/>
  <c r="U10701" i="1"/>
  <c r="U10700" i="1"/>
  <c r="U10699" i="1"/>
  <c r="U10698" i="1"/>
  <c r="U10697" i="1"/>
  <c r="U10696" i="1"/>
  <c r="U10695" i="1"/>
  <c r="U10694" i="1"/>
  <c r="U10693" i="1"/>
  <c r="U10692" i="1"/>
  <c r="U10691" i="1"/>
  <c r="U10690" i="1"/>
  <c r="U10689" i="1"/>
  <c r="U10688" i="1"/>
  <c r="U10687" i="1"/>
  <c r="U10686" i="1"/>
  <c r="U10685" i="1"/>
  <c r="U10684" i="1"/>
  <c r="U10683" i="1"/>
  <c r="U10682" i="1"/>
  <c r="U10681" i="1"/>
  <c r="U10680" i="1"/>
  <c r="U10679" i="1"/>
  <c r="U10678" i="1"/>
  <c r="U10677" i="1"/>
  <c r="U10676" i="1"/>
  <c r="U10675" i="1"/>
  <c r="U10674" i="1"/>
  <c r="U10673" i="1"/>
  <c r="U10672" i="1"/>
  <c r="U10671" i="1"/>
  <c r="U10670" i="1"/>
  <c r="U10669" i="1"/>
  <c r="U10668" i="1"/>
  <c r="U10667" i="1"/>
  <c r="U10666" i="1"/>
  <c r="U10665" i="1"/>
  <c r="U10664" i="1"/>
  <c r="U10663" i="1"/>
  <c r="U10662" i="1"/>
  <c r="U10661" i="1"/>
  <c r="U10660" i="1"/>
  <c r="U10659" i="1"/>
  <c r="U10658" i="1"/>
  <c r="U10657" i="1"/>
  <c r="U10656" i="1"/>
  <c r="U10655" i="1"/>
  <c r="U10654" i="1"/>
  <c r="U10653" i="1"/>
  <c r="U10652" i="1"/>
  <c r="U10651" i="1"/>
  <c r="U10650" i="1"/>
  <c r="U10649" i="1"/>
  <c r="U10648" i="1"/>
  <c r="U10647" i="1"/>
  <c r="U10646" i="1"/>
  <c r="U10645" i="1"/>
  <c r="U10644" i="1"/>
  <c r="U10643" i="1"/>
  <c r="U10642" i="1"/>
  <c r="U10641" i="1"/>
  <c r="U10640" i="1"/>
  <c r="U10639" i="1"/>
  <c r="U10638" i="1"/>
  <c r="U10637" i="1"/>
  <c r="U10636" i="1"/>
  <c r="U10635" i="1"/>
  <c r="U10634" i="1"/>
  <c r="U10633" i="1"/>
  <c r="U10632" i="1"/>
  <c r="U10631" i="1"/>
  <c r="U10630" i="1"/>
  <c r="U10629" i="1"/>
  <c r="U10628" i="1"/>
  <c r="U10627" i="1"/>
  <c r="U10626" i="1"/>
  <c r="U10625" i="1"/>
  <c r="U10624" i="1"/>
  <c r="U10623" i="1"/>
  <c r="U10622" i="1"/>
  <c r="U10621" i="1"/>
  <c r="U10620" i="1"/>
  <c r="U10619" i="1"/>
  <c r="U10618" i="1"/>
  <c r="U10617" i="1"/>
  <c r="U10616" i="1"/>
  <c r="U10615" i="1"/>
  <c r="U10614" i="1"/>
  <c r="U10613" i="1"/>
  <c r="U10612" i="1"/>
  <c r="U10611" i="1"/>
  <c r="U10610" i="1"/>
  <c r="U10609" i="1"/>
  <c r="U10608" i="1"/>
  <c r="U10607" i="1"/>
  <c r="U10606" i="1"/>
  <c r="U10605" i="1"/>
  <c r="U10604" i="1"/>
  <c r="U10603" i="1"/>
  <c r="U10602" i="1"/>
  <c r="U10601" i="1"/>
  <c r="U10600" i="1"/>
  <c r="U10599" i="1"/>
  <c r="U10598" i="1"/>
  <c r="U10597" i="1"/>
  <c r="U10596" i="1"/>
  <c r="U10595" i="1"/>
  <c r="U10594" i="1"/>
  <c r="U10593" i="1"/>
  <c r="U10592" i="1"/>
  <c r="U10591" i="1"/>
  <c r="U10590" i="1"/>
  <c r="U10589" i="1"/>
  <c r="U10588" i="1"/>
  <c r="U10587" i="1"/>
  <c r="U10586" i="1"/>
  <c r="U10585" i="1"/>
  <c r="U10584" i="1"/>
  <c r="U10583" i="1"/>
  <c r="U10582" i="1"/>
  <c r="U10581" i="1"/>
  <c r="U10580" i="1"/>
  <c r="U10579" i="1"/>
  <c r="U10578" i="1"/>
  <c r="U10577" i="1"/>
  <c r="U10576" i="1"/>
  <c r="U10575" i="1"/>
  <c r="U10574" i="1"/>
  <c r="U10573" i="1"/>
  <c r="U10572" i="1"/>
  <c r="U10571" i="1"/>
  <c r="U10570" i="1"/>
  <c r="U10569" i="1"/>
  <c r="U10568" i="1"/>
  <c r="U10567" i="1"/>
  <c r="U10566" i="1"/>
  <c r="U10565" i="1"/>
  <c r="U10564" i="1"/>
  <c r="U10563" i="1"/>
  <c r="U10562" i="1"/>
  <c r="U10561" i="1"/>
  <c r="U10560" i="1"/>
  <c r="U10559" i="1"/>
  <c r="U10558" i="1"/>
  <c r="U10557" i="1"/>
  <c r="U10556" i="1"/>
  <c r="U10555" i="1"/>
  <c r="U10554" i="1"/>
  <c r="U10553" i="1"/>
  <c r="U10552" i="1"/>
  <c r="U10551" i="1"/>
  <c r="U10550" i="1"/>
  <c r="U10549" i="1"/>
  <c r="U10548" i="1"/>
  <c r="U10547" i="1"/>
  <c r="U10546" i="1"/>
  <c r="U10545" i="1"/>
  <c r="U10544" i="1"/>
  <c r="U10543" i="1"/>
  <c r="U10542" i="1"/>
  <c r="U10541" i="1"/>
  <c r="U10540" i="1"/>
  <c r="U10539" i="1"/>
  <c r="U10538" i="1"/>
  <c r="U10537" i="1"/>
  <c r="U10536" i="1"/>
  <c r="U10535" i="1"/>
  <c r="U10534" i="1"/>
  <c r="U10533" i="1"/>
  <c r="U10532" i="1"/>
  <c r="U10531" i="1"/>
  <c r="U10530" i="1"/>
  <c r="U10529" i="1"/>
  <c r="U10528" i="1"/>
  <c r="U10527" i="1"/>
  <c r="U10526" i="1"/>
  <c r="U10525" i="1"/>
  <c r="U10524" i="1"/>
  <c r="U10523" i="1"/>
  <c r="U10522" i="1"/>
  <c r="U10521" i="1"/>
  <c r="U10520" i="1"/>
  <c r="U10519" i="1"/>
  <c r="U10518" i="1"/>
  <c r="U10517" i="1"/>
  <c r="U10516" i="1"/>
  <c r="U10515" i="1"/>
  <c r="U10514" i="1"/>
  <c r="U10513" i="1"/>
  <c r="U10512" i="1"/>
  <c r="U10511" i="1"/>
  <c r="U10510" i="1"/>
  <c r="U10509" i="1"/>
  <c r="U10508" i="1"/>
  <c r="U10507" i="1"/>
  <c r="U10506" i="1"/>
  <c r="U10505" i="1"/>
  <c r="U10504" i="1"/>
  <c r="U10503" i="1"/>
  <c r="U10502" i="1"/>
  <c r="U10501" i="1"/>
  <c r="U10500" i="1"/>
  <c r="U10499" i="1"/>
  <c r="U10498" i="1"/>
  <c r="U10497" i="1"/>
  <c r="U10496" i="1"/>
  <c r="U10495" i="1"/>
  <c r="U10494" i="1"/>
  <c r="U10493" i="1"/>
  <c r="U10492" i="1"/>
  <c r="U10491" i="1"/>
  <c r="U10490" i="1"/>
  <c r="U10489" i="1"/>
  <c r="U10488" i="1"/>
  <c r="U10487" i="1"/>
  <c r="U10486" i="1"/>
  <c r="U10485" i="1"/>
  <c r="U10484" i="1"/>
  <c r="U10483" i="1"/>
  <c r="U10482" i="1"/>
  <c r="U10481" i="1"/>
  <c r="U10480" i="1"/>
  <c r="U10479" i="1"/>
  <c r="U10478" i="1"/>
  <c r="U10477" i="1"/>
  <c r="U10476" i="1"/>
  <c r="U10475" i="1"/>
  <c r="U10474" i="1"/>
  <c r="U10473" i="1"/>
  <c r="U10472" i="1"/>
  <c r="U10471" i="1"/>
  <c r="U10470" i="1"/>
  <c r="U10469" i="1"/>
  <c r="U10468" i="1"/>
  <c r="U10467" i="1"/>
  <c r="U10466" i="1"/>
  <c r="U10465" i="1"/>
  <c r="U10464" i="1"/>
  <c r="U10463" i="1"/>
  <c r="U10462" i="1"/>
  <c r="U10461" i="1"/>
  <c r="U10460" i="1"/>
  <c r="U10459" i="1"/>
  <c r="U10458" i="1"/>
  <c r="U10457" i="1"/>
  <c r="U10456" i="1"/>
  <c r="U10455" i="1"/>
  <c r="U10454" i="1"/>
  <c r="U10453" i="1"/>
  <c r="U10452" i="1"/>
  <c r="U10451" i="1"/>
  <c r="U10450" i="1"/>
  <c r="U10449" i="1"/>
  <c r="U10448" i="1"/>
  <c r="U10447" i="1"/>
  <c r="U10446" i="1"/>
  <c r="U10445" i="1"/>
  <c r="U10444" i="1"/>
  <c r="U10443" i="1"/>
  <c r="U10442" i="1"/>
  <c r="U10441" i="1"/>
  <c r="U10440" i="1"/>
  <c r="U10439" i="1"/>
  <c r="U10438" i="1"/>
  <c r="U10437" i="1"/>
  <c r="U10436" i="1"/>
  <c r="U10435" i="1"/>
  <c r="U10434" i="1"/>
  <c r="U10433" i="1"/>
  <c r="U10432" i="1"/>
  <c r="U10431" i="1"/>
  <c r="U10430" i="1"/>
  <c r="U10429" i="1"/>
  <c r="U10428" i="1"/>
  <c r="U10427" i="1"/>
  <c r="U10426" i="1"/>
  <c r="U10425" i="1"/>
  <c r="U10424" i="1"/>
  <c r="U10423" i="1"/>
  <c r="U10422" i="1"/>
  <c r="U10421" i="1"/>
  <c r="U10420" i="1"/>
  <c r="U10419" i="1"/>
  <c r="U10418" i="1"/>
  <c r="U10417" i="1"/>
  <c r="U10416" i="1"/>
  <c r="U10415" i="1"/>
  <c r="U10414" i="1"/>
  <c r="U10413" i="1"/>
  <c r="U10412" i="1"/>
  <c r="U10411" i="1"/>
  <c r="U10410" i="1"/>
  <c r="U10409" i="1"/>
  <c r="U10408" i="1"/>
  <c r="U10407" i="1"/>
  <c r="U10406" i="1"/>
  <c r="U10405" i="1"/>
  <c r="U10404" i="1"/>
  <c r="U10403" i="1"/>
  <c r="U10402" i="1"/>
  <c r="U10401" i="1"/>
  <c r="U10400" i="1"/>
  <c r="U10399" i="1"/>
  <c r="U10398" i="1"/>
  <c r="U10397" i="1"/>
  <c r="U10396" i="1"/>
  <c r="U10395" i="1"/>
  <c r="U10394" i="1"/>
  <c r="U10393" i="1"/>
  <c r="U10392" i="1"/>
  <c r="U10391" i="1"/>
  <c r="U10390" i="1"/>
  <c r="U10389" i="1"/>
  <c r="U10388" i="1"/>
  <c r="U10387" i="1"/>
  <c r="U10386" i="1"/>
  <c r="U10385" i="1"/>
  <c r="U10384" i="1"/>
  <c r="U10383" i="1"/>
  <c r="U10382" i="1"/>
  <c r="U10381" i="1"/>
  <c r="U10380" i="1"/>
  <c r="U10379" i="1"/>
  <c r="U10378" i="1"/>
  <c r="U10377" i="1"/>
  <c r="U10376" i="1"/>
  <c r="U10375" i="1"/>
  <c r="U10374" i="1"/>
  <c r="U10373" i="1"/>
  <c r="U10372" i="1"/>
  <c r="U10371" i="1"/>
  <c r="U10370" i="1"/>
  <c r="U10369" i="1"/>
  <c r="U10368" i="1"/>
  <c r="U10367" i="1"/>
  <c r="U10366" i="1"/>
  <c r="U10365" i="1"/>
  <c r="U10364" i="1"/>
  <c r="U10363" i="1"/>
  <c r="U10362" i="1"/>
  <c r="U10361" i="1"/>
  <c r="U10360" i="1"/>
  <c r="U10359" i="1"/>
  <c r="U10358" i="1"/>
  <c r="U10357" i="1"/>
  <c r="U10356" i="1"/>
  <c r="U10355" i="1"/>
  <c r="U10354" i="1"/>
  <c r="U10353" i="1"/>
  <c r="U10352" i="1"/>
  <c r="U10351" i="1"/>
  <c r="U10350" i="1"/>
  <c r="U10349" i="1"/>
  <c r="U10348" i="1"/>
  <c r="U10347" i="1"/>
  <c r="U10346" i="1"/>
  <c r="U10345" i="1"/>
  <c r="U10344" i="1"/>
  <c r="U10343" i="1"/>
  <c r="U10342" i="1"/>
  <c r="U10341" i="1"/>
  <c r="U10340" i="1"/>
  <c r="U10339" i="1"/>
  <c r="U10338" i="1"/>
  <c r="U10337" i="1"/>
  <c r="U10336" i="1"/>
  <c r="U10335" i="1"/>
  <c r="U10334" i="1"/>
  <c r="U10333" i="1"/>
  <c r="U10332" i="1"/>
  <c r="U10331" i="1"/>
  <c r="U10330" i="1"/>
  <c r="U10329" i="1"/>
  <c r="U10328" i="1"/>
  <c r="U10327" i="1"/>
  <c r="U10326" i="1"/>
  <c r="U10325" i="1"/>
  <c r="U10324" i="1"/>
  <c r="U10323" i="1"/>
  <c r="U10322" i="1"/>
  <c r="U10321" i="1"/>
  <c r="U10320" i="1"/>
  <c r="U10319" i="1"/>
  <c r="U10318" i="1"/>
  <c r="U10317" i="1"/>
  <c r="U10316" i="1"/>
  <c r="U10315" i="1"/>
  <c r="U10314" i="1"/>
  <c r="U10313" i="1"/>
  <c r="U10312" i="1"/>
  <c r="U10311" i="1"/>
  <c r="U10310" i="1"/>
  <c r="U10309" i="1"/>
  <c r="U10308" i="1"/>
  <c r="U10307" i="1"/>
  <c r="U10306" i="1"/>
  <c r="U10305" i="1"/>
  <c r="U10304" i="1"/>
  <c r="U10303" i="1"/>
  <c r="U10302" i="1"/>
  <c r="U10301" i="1"/>
  <c r="U10300" i="1"/>
  <c r="U10299" i="1"/>
  <c r="U10298" i="1"/>
  <c r="U10297" i="1"/>
  <c r="U10296" i="1"/>
  <c r="U10295" i="1"/>
  <c r="U10294" i="1"/>
  <c r="U10293" i="1"/>
  <c r="U10292" i="1"/>
  <c r="U10291" i="1"/>
  <c r="U10290" i="1"/>
  <c r="U10289" i="1"/>
  <c r="U10288" i="1"/>
  <c r="U10287" i="1"/>
  <c r="U10286" i="1"/>
  <c r="U10285" i="1"/>
  <c r="U10284" i="1"/>
  <c r="U10283" i="1"/>
  <c r="U10282" i="1"/>
  <c r="U10281" i="1"/>
  <c r="U10280" i="1"/>
  <c r="U10279" i="1"/>
  <c r="U10278" i="1"/>
  <c r="U10277" i="1"/>
  <c r="U10276" i="1"/>
  <c r="U10275" i="1"/>
  <c r="U10274" i="1"/>
  <c r="U10273" i="1"/>
  <c r="U10272" i="1"/>
  <c r="U10271" i="1"/>
  <c r="U10270" i="1"/>
  <c r="U10269" i="1"/>
  <c r="U10268" i="1"/>
  <c r="U10267" i="1"/>
  <c r="U10266" i="1"/>
  <c r="U10265" i="1"/>
  <c r="U10264" i="1"/>
  <c r="U10263" i="1"/>
  <c r="U10262" i="1"/>
  <c r="U10261" i="1"/>
  <c r="U10260" i="1"/>
  <c r="U10259" i="1"/>
  <c r="U10258" i="1"/>
  <c r="U10257" i="1"/>
  <c r="U10256" i="1"/>
  <c r="U10255" i="1"/>
  <c r="U10254" i="1"/>
  <c r="U10253" i="1"/>
  <c r="U10252" i="1"/>
  <c r="U10251" i="1"/>
  <c r="U10250" i="1"/>
  <c r="U10249" i="1"/>
  <c r="U10248" i="1"/>
  <c r="U10247" i="1"/>
  <c r="U10246" i="1"/>
  <c r="U10245" i="1"/>
  <c r="U10244" i="1"/>
  <c r="U10243" i="1"/>
  <c r="U10242" i="1"/>
  <c r="U10241" i="1"/>
  <c r="U10240" i="1"/>
  <c r="U10239" i="1"/>
  <c r="U10238" i="1"/>
  <c r="U10237" i="1"/>
  <c r="U10236" i="1"/>
  <c r="U10235" i="1"/>
  <c r="U10234" i="1"/>
  <c r="U10233" i="1"/>
  <c r="U10232" i="1"/>
  <c r="U10231" i="1"/>
  <c r="U10230" i="1"/>
  <c r="U10229" i="1"/>
  <c r="U10228" i="1"/>
  <c r="U10227" i="1"/>
  <c r="U10226" i="1"/>
  <c r="U10225" i="1"/>
  <c r="U10224" i="1"/>
  <c r="U10223" i="1"/>
  <c r="U10222" i="1"/>
  <c r="U10221" i="1"/>
  <c r="U10220" i="1"/>
  <c r="U10219" i="1"/>
  <c r="U10218" i="1"/>
  <c r="U10217" i="1"/>
  <c r="U10216" i="1"/>
  <c r="U10215" i="1"/>
  <c r="U10214" i="1"/>
  <c r="U10213" i="1"/>
  <c r="U10212" i="1"/>
  <c r="U10211" i="1"/>
  <c r="U10210" i="1"/>
  <c r="U10209" i="1"/>
  <c r="U10208" i="1"/>
  <c r="U10207" i="1"/>
  <c r="U10206" i="1"/>
  <c r="U10205" i="1"/>
  <c r="U10204" i="1"/>
  <c r="U10203" i="1"/>
  <c r="U10202" i="1"/>
  <c r="U10201" i="1"/>
  <c r="U10200" i="1"/>
  <c r="U10199" i="1"/>
  <c r="U10198" i="1"/>
  <c r="U10197" i="1"/>
  <c r="U10196" i="1"/>
  <c r="U10195" i="1"/>
  <c r="U10194" i="1"/>
  <c r="U10193" i="1"/>
  <c r="U10192" i="1"/>
  <c r="U10191" i="1"/>
  <c r="U10190" i="1"/>
  <c r="U10189" i="1"/>
  <c r="U10188" i="1"/>
  <c r="U10187" i="1"/>
  <c r="U10186" i="1"/>
  <c r="U10185" i="1"/>
  <c r="U10184" i="1"/>
  <c r="U10183" i="1"/>
  <c r="U10182" i="1"/>
  <c r="U10181" i="1"/>
  <c r="U10180" i="1"/>
  <c r="U10179" i="1"/>
  <c r="U10178" i="1"/>
  <c r="U10177" i="1"/>
  <c r="U10176" i="1"/>
  <c r="U10175" i="1"/>
  <c r="U10174" i="1"/>
  <c r="U10173" i="1"/>
  <c r="U10172" i="1"/>
  <c r="U10171" i="1"/>
  <c r="U10170" i="1"/>
  <c r="U10169" i="1"/>
  <c r="U10168" i="1"/>
  <c r="U10167" i="1"/>
  <c r="U10166" i="1"/>
  <c r="U10165" i="1"/>
  <c r="U10164" i="1"/>
  <c r="U10163" i="1"/>
  <c r="U10162" i="1"/>
  <c r="U10161" i="1"/>
  <c r="U10160" i="1"/>
  <c r="U10159" i="1"/>
  <c r="U10158" i="1"/>
  <c r="U10157" i="1"/>
  <c r="U10156" i="1"/>
  <c r="U10155" i="1"/>
  <c r="U10154" i="1"/>
  <c r="U10153" i="1"/>
  <c r="U10152" i="1"/>
  <c r="U10151" i="1"/>
  <c r="U10150" i="1"/>
  <c r="U10149" i="1"/>
  <c r="U10148" i="1"/>
  <c r="U10147" i="1"/>
  <c r="U10146" i="1"/>
  <c r="U10145" i="1"/>
  <c r="U10144" i="1"/>
  <c r="U10143" i="1"/>
  <c r="U10142" i="1"/>
  <c r="U10141" i="1"/>
  <c r="U10140" i="1"/>
  <c r="U10139" i="1"/>
  <c r="U10138" i="1"/>
  <c r="U10137" i="1"/>
  <c r="U10136" i="1"/>
  <c r="U10135" i="1"/>
  <c r="U10134" i="1"/>
  <c r="U10133" i="1"/>
  <c r="U10132" i="1"/>
  <c r="U10131" i="1"/>
  <c r="U10130" i="1"/>
  <c r="U10129" i="1"/>
  <c r="U10128" i="1"/>
  <c r="U10127" i="1"/>
  <c r="U10126" i="1"/>
  <c r="U10125" i="1"/>
  <c r="U10124" i="1"/>
  <c r="U10123" i="1"/>
  <c r="U10122" i="1"/>
  <c r="U10121" i="1"/>
  <c r="U10120" i="1"/>
  <c r="U10119" i="1"/>
  <c r="U10118" i="1"/>
  <c r="U10117" i="1"/>
  <c r="U10116" i="1"/>
  <c r="U10115" i="1"/>
  <c r="U10114" i="1"/>
  <c r="U10113" i="1"/>
  <c r="U10112" i="1"/>
  <c r="U10111" i="1"/>
  <c r="U10110" i="1"/>
  <c r="U10109" i="1"/>
  <c r="U10108" i="1"/>
  <c r="U10107" i="1"/>
  <c r="U10106" i="1"/>
  <c r="U10105" i="1"/>
  <c r="U10104" i="1"/>
  <c r="U10103" i="1"/>
  <c r="U10102" i="1"/>
  <c r="U10101" i="1"/>
  <c r="U10100" i="1"/>
  <c r="U10099" i="1"/>
  <c r="U10098" i="1"/>
  <c r="U10097" i="1"/>
  <c r="U10096" i="1"/>
  <c r="U10095" i="1"/>
  <c r="U10094" i="1"/>
  <c r="U10093" i="1"/>
  <c r="U10092" i="1"/>
  <c r="U10091" i="1"/>
  <c r="U10090" i="1"/>
  <c r="U10089" i="1"/>
  <c r="U10088" i="1"/>
  <c r="U10087" i="1"/>
  <c r="U10086" i="1"/>
  <c r="U10085" i="1"/>
  <c r="U10084" i="1"/>
  <c r="U10083" i="1"/>
  <c r="U10082" i="1"/>
  <c r="U10081" i="1"/>
  <c r="U10080" i="1"/>
  <c r="U10079" i="1"/>
  <c r="U10078" i="1"/>
  <c r="U10077" i="1"/>
  <c r="U10076" i="1"/>
  <c r="U10075" i="1"/>
  <c r="U10074" i="1"/>
  <c r="U10073" i="1"/>
  <c r="U10072" i="1"/>
  <c r="U10071" i="1"/>
  <c r="U10070" i="1"/>
  <c r="U10069" i="1"/>
  <c r="U10068" i="1"/>
  <c r="U10067" i="1"/>
  <c r="U10066" i="1"/>
  <c r="U10065" i="1"/>
  <c r="U10064" i="1"/>
  <c r="U10063" i="1"/>
  <c r="U10062" i="1"/>
  <c r="U10061" i="1"/>
  <c r="U10060" i="1"/>
  <c r="U10059" i="1"/>
  <c r="U10058" i="1"/>
  <c r="U10057" i="1"/>
  <c r="U10056" i="1"/>
  <c r="U10055" i="1"/>
  <c r="U10054" i="1"/>
  <c r="U10053" i="1"/>
  <c r="U10052" i="1"/>
  <c r="U10051" i="1"/>
  <c r="U10050" i="1"/>
  <c r="U10049" i="1"/>
  <c r="U10048" i="1"/>
  <c r="U10047" i="1"/>
  <c r="U10046" i="1"/>
  <c r="U10045" i="1"/>
  <c r="U10044" i="1"/>
  <c r="U10043" i="1"/>
  <c r="U10042" i="1"/>
  <c r="U10041" i="1"/>
  <c r="U10040" i="1"/>
  <c r="U10039" i="1"/>
  <c r="U10038" i="1"/>
  <c r="U10037" i="1"/>
  <c r="U10036" i="1"/>
  <c r="U10035" i="1"/>
  <c r="U10034" i="1"/>
  <c r="U10033" i="1"/>
  <c r="U10032" i="1"/>
  <c r="U10031" i="1"/>
  <c r="U10030" i="1"/>
  <c r="U10029" i="1"/>
  <c r="U10028" i="1"/>
  <c r="U10027" i="1"/>
  <c r="U10026" i="1"/>
  <c r="U10025" i="1"/>
  <c r="U10024" i="1"/>
  <c r="U10023" i="1"/>
  <c r="U10022" i="1"/>
  <c r="U10021" i="1"/>
  <c r="U10020" i="1"/>
  <c r="U10019" i="1"/>
  <c r="U10018" i="1"/>
  <c r="U10017" i="1"/>
  <c r="U10016" i="1"/>
  <c r="U10015" i="1"/>
  <c r="U10014" i="1"/>
  <c r="U10013" i="1"/>
  <c r="U10012" i="1"/>
  <c r="U10011" i="1"/>
  <c r="U10010" i="1"/>
  <c r="U10009" i="1"/>
  <c r="U10008" i="1"/>
  <c r="U10007" i="1"/>
  <c r="U10006" i="1"/>
  <c r="U10005" i="1"/>
  <c r="U10004" i="1"/>
  <c r="U10003" i="1"/>
  <c r="U10002" i="1"/>
  <c r="U10001" i="1"/>
  <c r="U10000" i="1"/>
  <c r="U9999" i="1"/>
  <c r="U9998" i="1"/>
  <c r="U9997" i="1"/>
  <c r="U9996" i="1"/>
  <c r="U9995" i="1"/>
  <c r="U9994" i="1"/>
  <c r="U9993" i="1"/>
  <c r="U9992" i="1"/>
  <c r="U9991" i="1"/>
  <c r="U9990" i="1"/>
  <c r="U9989" i="1"/>
  <c r="U9988" i="1"/>
  <c r="U9987" i="1"/>
  <c r="U9986" i="1"/>
  <c r="U9985" i="1"/>
  <c r="U9984" i="1"/>
  <c r="U9983" i="1"/>
  <c r="U9982" i="1"/>
  <c r="U9981" i="1"/>
  <c r="U9980" i="1"/>
  <c r="U9979" i="1"/>
  <c r="U9978" i="1"/>
  <c r="U9977" i="1"/>
  <c r="U9976" i="1"/>
  <c r="U9975" i="1"/>
  <c r="U9974" i="1"/>
  <c r="U9973" i="1"/>
  <c r="U9972" i="1"/>
  <c r="U9971" i="1"/>
  <c r="U9970" i="1"/>
  <c r="U9969" i="1"/>
  <c r="U9968" i="1"/>
  <c r="U9967" i="1"/>
  <c r="U9966" i="1"/>
  <c r="U9965" i="1"/>
  <c r="U9964" i="1"/>
  <c r="U9963" i="1"/>
  <c r="U9962" i="1"/>
  <c r="U9961" i="1"/>
  <c r="U9960" i="1"/>
  <c r="U9959" i="1"/>
  <c r="U9958" i="1"/>
  <c r="U9957" i="1"/>
  <c r="U9956" i="1"/>
  <c r="U9955" i="1"/>
  <c r="U9954" i="1"/>
  <c r="U9953" i="1"/>
  <c r="U9952" i="1"/>
  <c r="U9951" i="1"/>
  <c r="U9950" i="1"/>
  <c r="U9949" i="1"/>
  <c r="U9948" i="1"/>
  <c r="U9947" i="1"/>
  <c r="U9946" i="1"/>
  <c r="U9945" i="1"/>
  <c r="U9944" i="1"/>
  <c r="U9943" i="1"/>
  <c r="U9942" i="1"/>
  <c r="U9941" i="1"/>
  <c r="U9940" i="1"/>
  <c r="U9939" i="1"/>
  <c r="U9938" i="1"/>
  <c r="U9937" i="1"/>
  <c r="U9936" i="1"/>
  <c r="U9935" i="1"/>
  <c r="U9934" i="1"/>
  <c r="U9933" i="1"/>
  <c r="U9932" i="1"/>
  <c r="U9931" i="1"/>
  <c r="U9930" i="1"/>
  <c r="U9929" i="1"/>
  <c r="U9928" i="1"/>
  <c r="U9927" i="1"/>
  <c r="U9926" i="1"/>
  <c r="U9925" i="1"/>
  <c r="U9924" i="1"/>
  <c r="U9923" i="1"/>
  <c r="U9922" i="1"/>
  <c r="U9921" i="1"/>
  <c r="U9920" i="1"/>
  <c r="U9919" i="1"/>
  <c r="U9918" i="1"/>
  <c r="U9917" i="1"/>
  <c r="U9916" i="1"/>
  <c r="U9915" i="1"/>
  <c r="U9914" i="1"/>
  <c r="U9913" i="1"/>
  <c r="U9912" i="1"/>
  <c r="U9911" i="1"/>
  <c r="U9910" i="1"/>
  <c r="U9909" i="1"/>
  <c r="U9908" i="1"/>
  <c r="U9907" i="1"/>
  <c r="U9906" i="1"/>
  <c r="U9905" i="1"/>
  <c r="U9904" i="1"/>
  <c r="U9903" i="1"/>
  <c r="U9902" i="1"/>
  <c r="U9901" i="1"/>
  <c r="U9900" i="1"/>
  <c r="U9899" i="1"/>
  <c r="U9898" i="1"/>
  <c r="U9897" i="1"/>
  <c r="U9896" i="1"/>
  <c r="U9895" i="1"/>
  <c r="U9894" i="1"/>
  <c r="U9893" i="1"/>
  <c r="U9892" i="1"/>
  <c r="U9891" i="1"/>
  <c r="U9890" i="1"/>
  <c r="U9889" i="1"/>
  <c r="U9888" i="1"/>
  <c r="U9887" i="1"/>
  <c r="U9886" i="1"/>
  <c r="U9885" i="1"/>
  <c r="U9884" i="1"/>
  <c r="U9883" i="1"/>
  <c r="U9882" i="1"/>
  <c r="U9881" i="1"/>
  <c r="U9880" i="1"/>
  <c r="U9879" i="1"/>
  <c r="U9878" i="1"/>
  <c r="U9877" i="1"/>
  <c r="U9876" i="1"/>
  <c r="U9875" i="1"/>
  <c r="U9874" i="1"/>
  <c r="U9873" i="1"/>
  <c r="U9872" i="1"/>
  <c r="U9871" i="1"/>
  <c r="U9870" i="1"/>
  <c r="U9869" i="1"/>
  <c r="U9868" i="1"/>
  <c r="U9867" i="1"/>
  <c r="U9866" i="1"/>
  <c r="U9865" i="1"/>
  <c r="U9864" i="1"/>
  <c r="U9863" i="1"/>
  <c r="U9862" i="1"/>
  <c r="U9861" i="1"/>
  <c r="U9860" i="1"/>
  <c r="U9859" i="1"/>
  <c r="U9858" i="1"/>
  <c r="U9857" i="1"/>
  <c r="U9856" i="1"/>
  <c r="U9855" i="1"/>
  <c r="U9854" i="1"/>
  <c r="U9853" i="1"/>
  <c r="U9852" i="1"/>
  <c r="U9851" i="1"/>
  <c r="U9850" i="1"/>
  <c r="U9849" i="1"/>
  <c r="U9848" i="1"/>
  <c r="U9847" i="1"/>
  <c r="U9846" i="1"/>
  <c r="U9845" i="1"/>
  <c r="U9844" i="1"/>
  <c r="U9843" i="1"/>
  <c r="U9842" i="1"/>
  <c r="U9841" i="1"/>
  <c r="U9840" i="1"/>
  <c r="U9839" i="1"/>
  <c r="U9838" i="1"/>
  <c r="U9837" i="1"/>
  <c r="U9836" i="1"/>
  <c r="U9835" i="1"/>
  <c r="U9834" i="1"/>
  <c r="U9833" i="1"/>
  <c r="U9832" i="1"/>
  <c r="U9831" i="1"/>
  <c r="U9830" i="1"/>
  <c r="U9829" i="1"/>
  <c r="U9828" i="1"/>
  <c r="U9827" i="1"/>
  <c r="U9826" i="1"/>
  <c r="U9825" i="1"/>
  <c r="U9824" i="1"/>
  <c r="U9823" i="1"/>
  <c r="U9822" i="1"/>
  <c r="U9821" i="1"/>
  <c r="U9820" i="1"/>
  <c r="U9819" i="1"/>
  <c r="U9818" i="1"/>
  <c r="U9817" i="1"/>
  <c r="U9816" i="1"/>
  <c r="U9815" i="1"/>
  <c r="U9814" i="1"/>
  <c r="U9813" i="1"/>
  <c r="U9812" i="1"/>
  <c r="U9811" i="1"/>
  <c r="U9810" i="1"/>
  <c r="U9809" i="1"/>
  <c r="U9808" i="1"/>
  <c r="U9807" i="1"/>
  <c r="U9806" i="1"/>
  <c r="U9805" i="1"/>
  <c r="U9804" i="1"/>
  <c r="U9803" i="1"/>
  <c r="U9802" i="1"/>
  <c r="U9801" i="1"/>
  <c r="U9800" i="1"/>
  <c r="U9799" i="1"/>
  <c r="U9798" i="1"/>
  <c r="U9797" i="1"/>
  <c r="U9796" i="1"/>
  <c r="U9795" i="1"/>
  <c r="U9794" i="1"/>
  <c r="U9793" i="1"/>
  <c r="U9792" i="1"/>
  <c r="U9791" i="1"/>
  <c r="U9790" i="1"/>
  <c r="U9789" i="1"/>
  <c r="U9788" i="1"/>
  <c r="U9787" i="1"/>
  <c r="U9786" i="1"/>
  <c r="U9785" i="1"/>
  <c r="U9784" i="1"/>
  <c r="U9783" i="1"/>
  <c r="U9782" i="1"/>
  <c r="U9781" i="1"/>
  <c r="U9780" i="1"/>
  <c r="U9779" i="1"/>
  <c r="U9778" i="1"/>
  <c r="U9777" i="1"/>
  <c r="U9776" i="1"/>
  <c r="U9775" i="1"/>
  <c r="U9774" i="1"/>
  <c r="U9773" i="1"/>
  <c r="U9772" i="1"/>
  <c r="U9771" i="1"/>
  <c r="U9770" i="1"/>
  <c r="U9769" i="1"/>
  <c r="U9768" i="1"/>
  <c r="U9767" i="1"/>
  <c r="U9766" i="1"/>
  <c r="U9765" i="1"/>
  <c r="U9764" i="1"/>
  <c r="U9763" i="1"/>
  <c r="U9762" i="1"/>
  <c r="U9761" i="1"/>
  <c r="U9760" i="1"/>
  <c r="U9759" i="1"/>
  <c r="U9758" i="1"/>
  <c r="U9757" i="1"/>
  <c r="U9756" i="1"/>
  <c r="U9755" i="1"/>
  <c r="U9754" i="1"/>
  <c r="U9753" i="1"/>
  <c r="U9752" i="1"/>
  <c r="U9751" i="1"/>
  <c r="U9750" i="1"/>
  <c r="U9749" i="1"/>
  <c r="U9748" i="1"/>
  <c r="U9747" i="1"/>
  <c r="U9746" i="1"/>
  <c r="U9745" i="1"/>
  <c r="U9744" i="1"/>
  <c r="U9743" i="1"/>
  <c r="U9742" i="1"/>
  <c r="U9741" i="1"/>
  <c r="U9740" i="1"/>
  <c r="U9739" i="1"/>
  <c r="U9738" i="1"/>
  <c r="U9737" i="1"/>
  <c r="U9736" i="1"/>
  <c r="U9735" i="1"/>
  <c r="U9734" i="1"/>
  <c r="U9733" i="1"/>
  <c r="U9732" i="1"/>
  <c r="U9731" i="1"/>
  <c r="U9730" i="1"/>
  <c r="U9729" i="1"/>
  <c r="U9728" i="1"/>
  <c r="U9727" i="1"/>
  <c r="U9726" i="1"/>
  <c r="U9725" i="1"/>
  <c r="U9724" i="1"/>
  <c r="U9723" i="1"/>
  <c r="U9722" i="1"/>
  <c r="U9721" i="1"/>
  <c r="U9720" i="1"/>
  <c r="U9719" i="1"/>
  <c r="U9718" i="1"/>
  <c r="U9717" i="1"/>
  <c r="U9716" i="1"/>
  <c r="U9715" i="1"/>
  <c r="U9714" i="1"/>
  <c r="U9713" i="1"/>
  <c r="U9712" i="1"/>
  <c r="U9711" i="1"/>
  <c r="U9710" i="1"/>
  <c r="U9709" i="1"/>
  <c r="U9708" i="1"/>
  <c r="U9707" i="1"/>
  <c r="U9706" i="1"/>
  <c r="U9705" i="1"/>
  <c r="U9704" i="1"/>
  <c r="U9703" i="1"/>
  <c r="U9702" i="1"/>
  <c r="U9701" i="1"/>
  <c r="U9700" i="1"/>
  <c r="U9699" i="1"/>
  <c r="U9698" i="1"/>
  <c r="U9697" i="1"/>
  <c r="U9696" i="1"/>
  <c r="U9695" i="1"/>
  <c r="U9694" i="1"/>
  <c r="U9693" i="1"/>
  <c r="U9692" i="1"/>
  <c r="U9691" i="1"/>
  <c r="U9690" i="1"/>
  <c r="U9689" i="1"/>
  <c r="U9688" i="1"/>
  <c r="U9687" i="1"/>
  <c r="U9686" i="1"/>
  <c r="U9685" i="1"/>
  <c r="U9684" i="1"/>
  <c r="U9683" i="1"/>
  <c r="U9682" i="1"/>
  <c r="U9681" i="1"/>
  <c r="U9680" i="1"/>
  <c r="U9679" i="1"/>
  <c r="U9678" i="1"/>
  <c r="U9677" i="1"/>
  <c r="U9676" i="1"/>
  <c r="U9675" i="1"/>
  <c r="U9674" i="1"/>
  <c r="U9673" i="1"/>
  <c r="U9672" i="1"/>
  <c r="U9671" i="1"/>
  <c r="U9670" i="1"/>
  <c r="U9669" i="1"/>
  <c r="U9668" i="1"/>
  <c r="U9667" i="1"/>
  <c r="U9666" i="1"/>
  <c r="U9665" i="1"/>
  <c r="U9664" i="1"/>
  <c r="U9663" i="1"/>
  <c r="U9662" i="1"/>
  <c r="U9661" i="1"/>
  <c r="U9660" i="1"/>
  <c r="U9659" i="1"/>
  <c r="U9658" i="1"/>
  <c r="U9657" i="1"/>
  <c r="U9656" i="1"/>
  <c r="U9655" i="1"/>
  <c r="U9654" i="1"/>
  <c r="U9653" i="1"/>
  <c r="U9652" i="1"/>
  <c r="U9651" i="1"/>
  <c r="U9650" i="1"/>
  <c r="U9649" i="1"/>
  <c r="U9648" i="1"/>
  <c r="U9647" i="1"/>
  <c r="U9646" i="1"/>
  <c r="U9645" i="1"/>
  <c r="U9644" i="1"/>
  <c r="U9643" i="1"/>
  <c r="U9642" i="1"/>
  <c r="U9641" i="1"/>
  <c r="U9640" i="1"/>
  <c r="U9639" i="1"/>
  <c r="U9638" i="1"/>
  <c r="U9637" i="1"/>
  <c r="U9636" i="1"/>
  <c r="U9635" i="1"/>
  <c r="U9634" i="1"/>
  <c r="U9633" i="1"/>
  <c r="U9632" i="1"/>
  <c r="U9631" i="1"/>
  <c r="U9630" i="1"/>
  <c r="U9629" i="1"/>
  <c r="U9628" i="1"/>
  <c r="U9627" i="1"/>
  <c r="U9626" i="1"/>
  <c r="U9625" i="1"/>
  <c r="U9624" i="1"/>
  <c r="U9623" i="1"/>
  <c r="U9622" i="1"/>
  <c r="U9621" i="1"/>
  <c r="U9620" i="1"/>
  <c r="U9619" i="1"/>
  <c r="U9618" i="1"/>
  <c r="U9617" i="1"/>
  <c r="U9616" i="1"/>
  <c r="U9615" i="1"/>
  <c r="U9614" i="1"/>
  <c r="U9613" i="1"/>
  <c r="U9612" i="1"/>
  <c r="U9611" i="1"/>
  <c r="U9610" i="1"/>
  <c r="U9609" i="1"/>
  <c r="U9608" i="1"/>
  <c r="U9607" i="1"/>
  <c r="U9606" i="1"/>
  <c r="U9605" i="1"/>
  <c r="U9604" i="1"/>
  <c r="U9603" i="1"/>
  <c r="U9602" i="1"/>
  <c r="U9601" i="1"/>
  <c r="U9600" i="1"/>
  <c r="U9599" i="1"/>
  <c r="U9598" i="1"/>
  <c r="U9597" i="1"/>
  <c r="U9596" i="1"/>
  <c r="U9595" i="1"/>
  <c r="U9594" i="1"/>
  <c r="U9593" i="1"/>
  <c r="U9592" i="1"/>
  <c r="U9591" i="1"/>
  <c r="U9590" i="1"/>
  <c r="U9589" i="1"/>
  <c r="U9588" i="1"/>
  <c r="U9587" i="1"/>
  <c r="U9586" i="1"/>
  <c r="U9585" i="1"/>
  <c r="U9584" i="1"/>
  <c r="U9583" i="1"/>
  <c r="U9582" i="1"/>
  <c r="U9581" i="1"/>
  <c r="U9580" i="1"/>
  <c r="U9579" i="1"/>
  <c r="U9578" i="1"/>
  <c r="U9577" i="1"/>
  <c r="U9576" i="1"/>
  <c r="U9575" i="1"/>
  <c r="U9574" i="1"/>
  <c r="U9573" i="1"/>
  <c r="U9572" i="1"/>
  <c r="U9571" i="1"/>
  <c r="U9570" i="1"/>
  <c r="U9569" i="1"/>
  <c r="U9568" i="1"/>
  <c r="U9567" i="1"/>
  <c r="U9566" i="1"/>
  <c r="U9565" i="1"/>
  <c r="U9564" i="1"/>
  <c r="U9563" i="1"/>
  <c r="U9562" i="1"/>
  <c r="U9561" i="1"/>
  <c r="U9560" i="1"/>
  <c r="U9559" i="1"/>
  <c r="U9558" i="1"/>
  <c r="U9557" i="1"/>
  <c r="U9556" i="1"/>
  <c r="U9555" i="1"/>
  <c r="U9554" i="1"/>
  <c r="U9553" i="1"/>
  <c r="U9552" i="1"/>
  <c r="U9551" i="1"/>
  <c r="U9550" i="1"/>
  <c r="U9549" i="1"/>
  <c r="U9548" i="1"/>
  <c r="U9547" i="1"/>
  <c r="U9546" i="1"/>
  <c r="U9545" i="1"/>
  <c r="U9544" i="1"/>
  <c r="U9543" i="1"/>
  <c r="U9542" i="1"/>
  <c r="U9541" i="1"/>
  <c r="U9540" i="1"/>
  <c r="U9539" i="1"/>
  <c r="U9538" i="1"/>
  <c r="U9537" i="1"/>
  <c r="U9536" i="1"/>
  <c r="U9535" i="1"/>
  <c r="U9534" i="1"/>
  <c r="U9533" i="1"/>
  <c r="U9532" i="1"/>
  <c r="U9531" i="1"/>
  <c r="U9530" i="1"/>
  <c r="U9529" i="1"/>
  <c r="U9528" i="1"/>
  <c r="U9527" i="1"/>
  <c r="U9526" i="1"/>
  <c r="U9525" i="1"/>
  <c r="U9524" i="1"/>
  <c r="U9523" i="1"/>
  <c r="U9522" i="1"/>
  <c r="U9521" i="1"/>
  <c r="U9520" i="1"/>
  <c r="U9519" i="1"/>
  <c r="U9518" i="1"/>
  <c r="U9517" i="1"/>
  <c r="U9516" i="1"/>
  <c r="U9515" i="1"/>
  <c r="U9514" i="1"/>
  <c r="U9513" i="1"/>
  <c r="U9512" i="1"/>
  <c r="U9511" i="1"/>
  <c r="U9510" i="1"/>
  <c r="U9509" i="1"/>
  <c r="U9508" i="1"/>
  <c r="U9507" i="1"/>
  <c r="U9506" i="1"/>
  <c r="U9505" i="1"/>
  <c r="U9504" i="1"/>
  <c r="U9503" i="1"/>
  <c r="U9502" i="1"/>
  <c r="U9501" i="1"/>
  <c r="U9500" i="1"/>
  <c r="U9499" i="1"/>
  <c r="U9498" i="1"/>
  <c r="U9497" i="1"/>
  <c r="U9496" i="1"/>
  <c r="U9495" i="1"/>
  <c r="U9494" i="1"/>
  <c r="U9493" i="1"/>
  <c r="U9492" i="1"/>
  <c r="U9491" i="1"/>
  <c r="U9490" i="1"/>
  <c r="U9489" i="1"/>
  <c r="U9488" i="1"/>
  <c r="U9487" i="1"/>
  <c r="U9486" i="1"/>
  <c r="U9485" i="1"/>
  <c r="U9484" i="1"/>
  <c r="U9483" i="1"/>
  <c r="U9482" i="1"/>
  <c r="U9481" i="1"/>
  <c r="U9480" i="1"/>
  <c r="U9479" i="1"/>
  <c r="U9478" i="1"/>
  <c r="U9477" i="1"/>
  <c r="U9476" i="1"/>
  <c r="U9475" i="1"/>
  <c r="U9474" i="1"/>
  <c r="U9473" i="1"/>
  <c r="U9472" i="1"/>
  <c r="U9471" i="1"/>
  <c r="U9470" i="1"/>
  <c r="U9469" i="1"/>
  <c r="U9468" i="1"/>
  <c r="U9467" i="1"/>
  <c r="U9466" i="1"/>
  <c r="U9465" i="1"/>
  <c r="U9464" i="1"/>
  <c r="U9463" i="1"/>
  <c r="U9462" i="1"/>
  <c r="U9461" i="1"/>
  <c r="U9460" i="1"/>
  <c r="U9459" i="1"/>
  <c r="U9458" i="1"/>
  <c r="U9457" i="1"/>
  <c r="U9456" i="1"/>
  <c r="U9455" i="1"/>
  <c r="U9454" i="1"/>
  <c r="U9453" i="1"/>
  <c r="U9452" i="1"/>
  <c r="U9451" i="1"/>
  <c r="U9450" i="1"/>
  <c r="U9449" i="1"/>
  <c r="U9448" i="1"/>
  <c r="U9447" i="1"/>
  <c r="U9446" i="1"/>
  <c r="U9445" i="1"/>
  <c r="U9444" i="1"/>
  <c r="U9443" i="1"/>
  <c r="U9442" i="1"/>
  <c r="U9441" i="1"/>
  <c r="U9440" i="1"/>
  <c r="U9439" i="1"/>
  <c r="U9438" i="1"/>
  <c r="U9437" i="1"/>
  <c r="U9436" i="1"/>
  <c r="U9435" i="1"/>
  <c r="U9434" i="1"/>
  <c r="U9433" i="1"/>
  <c r="U9432" i="1"/>
  <c r="U9431" i="1"/>
  <c r="U9430" i="1"/>
  <c r="U9429" i="1"/>
  <c r="U9428" i="1"/>
  <c r="U9427" i="1"/>
  <c r="U9426" i="1"/>
  <c r="U9425" i="1"/>
  <c r="U9424" i="1"/>
  <c r="U9423" i="1"/>
  <c r="U9422" i="1"/>
  <c r="U9421" i="1"/>
  <c r="U9420" i="1"/>
  <c r="U9419" i="1"/>
  <c r="U9418" i="1"/>
  <c r="U9417" i="1"/>
  <c r="U9416" i="1"/>
  <c r="U9415" i="1"/>
  <c r="U9414" i="1"/>
  <c r="U9413" i="1"/>
  <c r="U9412" i="1"/>
  <c r="U9411" i="1"/>
  <c r="U9410" i="1"/>
  <c r="U9409" i="1"/>
  <c r="U9408" i="1"/>
  <c r="U9407" i="1"/>
  <c r="U9406" i="1"/>
  <c r="U9405" i="1"/>
  <c r="U9404" i="1"/>
  <c r="U9403" i="1"/>
  <c r="U9402" i="1"/>
  <c r="U9401" i="1"/>
  <c r="U9400" i="1"/>
  <c r="U9399" i="1"/>
  <c r="U9398" i="1"/>
  <c r="U9397" i="1"/>
  <c r="U9396" i="1"/>
  <c r="U9395" i="1"/>
  <c r="U9394" i="1"/>
  <c r="U9393" i="1"/>
  <c r="U9392" i="1"/>
  <c r="U9391" i="1"/>
  <c r="U9390" i="1"/>
  <c r="U9389" i="1"/>
  <c r="U9388" i="1"/>
  <c r="U9387" i="1"/>
  <c r="U9386" i="1"/>
  <c r="U9385" i="1"/>
  <c r="U9384" i="1"/>
  <c r="U9383" i="1"/>
  <c r="U9382" i="1"/>
  <c r="U9381" i="1"/>
  <c r="U9380" i="1"/>
  <c r="U9379" i="1"/>
  <c r="U9378" i="1"/>
  <c r="U9377" i="1"/>
  <c r="U9376" i="1"/>
  <c r="U9375" i="1"/>
  <c r="U9374" i="1"/>
  <c r="U9373" i="1"/>
  <c r="U9372" i="1"/>
  <c r="U9371" i="1"/>
  <c r="U9370" i="1"/>
  <c r="U9369" i="1"/>
  <c r="U9368" i="1"/>
  <c r="U9367" i="1"/>
  <c r="U9366" i="1"/>
  <c r="U9365" i="1"/>
  <c r="U9364" i="1"/>
  <c r="U9363" i="1"/>
  <c r="U9362" i="1"/>
  <c r="U9361" i="1"/>
  <c r="U9360" i="1"/>
  <c r="U9359" i="1"/>
  <c r="U9358" i="1"/>
  <c r="U9357" i="1"/>
  <c r="U9356" i="1"/>
  <c r="U9355" i="1"/>
  <c r="U9354" i="1"/>
  <c r="U9353" i="1"/>
  <c r="U9352" i="1"/>
  <c r="U9351" i="1"/>
  <c r="U9350" i="1"/>
  <c r="U9349" i="1"/>
  <c r="U9348" i="1"/>
  <c r="U9347" i="1"/>
  <c r="U9346" i="1"/>
  <c r="U9345" i="1"/>
  <c r="U9344" i="1"/>
  <c r="U9343" i="1"/>
  <c r="U9342" i="1"/>
  <c r="U9341" i="1"/>
  <c r="U9340" i="1"/>
  <c r="U9339" i="1"/>
  <c r="U9338" i="1"/>
  <c r="U9337" i="1"/>
  <c r="U9336" i="1"/>
  <c r="U9335" i="1"/>
  <c r="U9334" i="1"/>
  <c r="U9333" i="1"/>
  <c r="U9332" i="1"/>
  <c r="U9331" i="1"/>
  <c r="U9330" i="1"/>
  <c r="U9329" i="1"/>
  <c r="U9328" i="1"/>
  <c r="U9327" i="1"/>
  <c r="U9326" i="1"/>
  <c r="U9325" i="1"/>
  <c r="U9324" i="1"/>
  <c r="U9323" i="1"/>
  <c r="U9322" i="1"/>
  <c r="U9321" i="1"/>
  <c r="U9320" i="1"/>
  <c r="U9319" i="1"/>
  <c r="U9318" i="1"/>
  <c r="U9317" i="1"/>
  <c r="U9316" i="1"/>
  <c r="U9315" i="1"/>
  <c r="U9314" i="1"/>
  <c r="U9313" i="1"/>
  <c r="U9312" i="1"/>
  <c r="U9311" i="1"/>
  <c r="U9310" i="1"/>
  <c r="U9309" i="1"/>
  <c r="U9308" i="1"/>
  <c r="U9307" i="1"/>
  <c r="U9306" i="1"/>
  <c r="U9305" i="1"/>
  <c r="U9304" i="1"/>
  <c r="U9303" i="1"/>
  <c r="U9302" i="1"/>
  <c r="U9301" i="1"/>
  <c r="U9300" i="1"/>
  <c r="U9299" i="1"/>
  <c r="U9298" i="1"/>
  <c r="U9297" i="1"/>
  <c r="U9296" i="1"/>
  <c r="U9295" i="1"/>
  <c r="U9294" i="1"/>
  <c r="U9293" i="1"/>
  <c r="U9292" i="1"/>
  <c r="U9291" i="1"/>
  <c r="U9290" i="1"/>
  <c r="U9289" i="1"/>
  <c r="U9288" i="1"/>
  <c r="U9287" i="1"/>
  <c r="U9286" i="1"/>
  <c r="U9285" i="1"/>
  <c r="U9284" i="1"/>
  <c r="U9283" i="1"/>
  <c r="U9282" i="1"/>
  <c r="U9281" i="1"/>
  <c r="U9280" i="1"/>
  <c r="U9279" i="1"/>
  <c r="U9278" i="1"/>
  <c r="U9277" i="1"/>
  <c r="U9276" i="1"/>
  <c r="U9275" i="1"/>
  <c r="U9274" i="1"/>
  <c r="U9273" i="1"/>
  <c r="U9272" i="1"/>
  <c r="U9271" i="1"/>
  <c r="U9270" i="1"/>
  <c r="U9269" i="1"/>
  <c r="U9268" i="1"/>
  <c r="U9267" i="1"/>
  <c r="U9266" i="1"/>
  <c r="U9265" i="1"/>
  <c r="U9264" i="1"/>
  <c r="U9263" i="1"/>
  <c r="U9262" i="1"/>
  <c r="U9261" i="1"/>
  <c r="U9260" i="1"/>
  <c r="U9259" i="1"/>
  <c r="U9258" i="1"/>
  <c r="U9257" i="1"/>
  <c r="U9256" i="1"/>
  <c r="U9255" i="1"/>
  <c r="U9254" i="1"/>
  <c r="U9253" i="1"/>
  <c r="U9252" i="1"/>
  <c r="U9251" i="1"/>
  <c r="U9250" i="1"/>
  <c r="U9249" i="1"/>
  <c r="U9248" i="1"/>
  <c r="U9247" i="1"/>
  <c r="U9246" i="1"/>
  <c r="U9245" i="1"/>
  <c r="U9244" i="1"/>
  <c r="U9243" i="1"/>
  <c r="U9242" i="1"/>
  <c r="U9241" i="1"/>
  <c r="U9240" i="1"/>
  <c r="U9239" i="1"/>
  <c r="U9238" i="1"/>
  <c r="U9237" i="1"/>
  <c r="U9236" i="1"/>
  <c r="U9235" i="1"/>
  <c r="U9234" i="1"/>
  <c r="U9233" i="1"/>
  <c r="U9232" i="1"/>
  <c r="U9231" i="1"/>
  <c r="U9230" i="1"/>
  <c r="U9229" i="1"/>
  <c r="U9228" i="1"/>
  <c r="U9227" i="1"/>
  <c r="U9226" i="1"/>
  <c r="U9225" i="1"/>
  <c r="U9224" i="1"/>
  <c r="U9223" i="1"/>
  <c r="U9222" i="1"/>
  <c r="U9221" i="1"/>
  <c r="U9220" i="1"/>
  <c r="U9219" i="1"/>
  <c r="U9218" i="1"/>
  <c r="U9217" i="1"/>
  <c r="U9216" i="1"/>
  <c r="U9215" i="1"/>
  <c r="U9214" i="1"/>
  <c r="U9213" i="1"/>
  <c r="U9212" i="1"/>
  <c r="U9211" i="1"/>
  <c r="U9210" i="1"/>
  <c r="U9209" i="1"/>
  <c r="U9208" i="1"/>
  <c r="U9207" i="1"/>
  <c r="U9206" i="1"/>
  <c r="U9205" i="1"/>
  <c r="U9204" i="1"/>
  <c r="U9203" i="1"/>
  <c r="U9202" i="1"/>
  <c r="U9201" i="1"/>
  <c r="U9200" i="1"/>
  <c r="U9199" i="1"/>
  <c r="U9198" i="1"/>
  <c r="U9197" i="1"/>
  <c r="U9196" i="1"/>
  <c r="U9195" i="1"/>
  <c r="U9194" i="1"/>
  <c r="U9193" i="1"/>
  <c r="U9192" i="1"/>
  <c r="U9191" i="1"/>
  <c r="U9190" i="1"/>
  <c r="U9189" i="1"/>
  <c r="U9188" i="1"/>
  <c r="U9187" i="1"/>
  <c r="U9186" i="1"/>
  <c r="U9185" i="1"/>
  <c r="U9184" i="1"/>
  <c r="U9183" i="1"/>
  <c r="U9182" i="1"/>
  <c r="U9181" i="1"/>
  <c r="U9180" i="1"/>
  <c r="U9179" i="1"/>
  <c r="U9178" i="1"/>
  <c r="U9177" i="1"/>
  <c r="U9176" i="1"/>
  <c r="U9175" i="1"/>
  <c r="U9174" i="1"/>
  <c r="U9173" i="1"/>
  <c r="U9172" i="1"/>
  <c r="U9171" i="1"/>
  <c r="U9170" i="1"/>
  <c r="U9169" i="1"/>
  <c r="U9168" i="1"/>
  <c r="U9167" i="1"/>
  <c r="U9166" i="1"/>
  <c r="U9165" i="1"/>
  <c r="U9164" i="1"/>
  <c r="U9163" i="1"/>
  <c r="U9162" i="1"/>
  <c r="U9161" i="1"/>
  <c r="U9160" i="1"/>
  <c r="U9159" i="1"/>
  <c r="U9158" i="1"/>
  <c r="U9157" i="1"/>
  <c r="U9156" i="1"/>
  <c r="U9155" i="1"/>
  <c r="U9154" i="1"/>
  <c r="U9153" i="1"/>
  <c r="U9152" i="1"/>
  <c r="U9151" i="1"/>
  <c r="U9150" i="1"/>
  <c r="U9149" i="1"/>
  <c r="U9148" i="1"/>
  <c r="U9147" i="1"/>
  <c r="U9146" i="1"/>
  <c r="U9145" i="1"/>
  <c r="U9144" i="1"/>
  <c r="U9143" i="1"/>
  <c r="U9142" i="1"/>
  <c r="U9141" i="1"/>
  <c r="U9140" i="1"/>
  <c r="U9139" i="1"/>
  <c r="U9138" i="1"/>
  <c r="U9137" i="1"/>
  <c r="U9136" i="1"/>
  <c r="U9135" i="1"/>
  <c r="U9134" i="1"/>
  <c r="U9133" i="1"/>
  <c r="U9132" i="1"/>
  <c r="U9131" i="1"/>
  <c r="U9130" i="1"/>
  <c r="U9129" i="1"/>
  <c r="U9128" i="1"/>
  <c r="U9127" i="1"/>
  <c r="U9126" i="1"/>
  <c r="U9125" i="1"/>
  <c r="U9124" i="1"/>
  <c r="U9123" i="1"/>
  <c r="U9122" i="1"/>
  <c r="U9121" i="1"/>
  <c r="U9120" i="1"/>
  <c r="U9119" i="1"/>
  <c r="U9118" i="1"/>
  <c r="U9117" i="1"/>
  <c r="U9116" i="1"/>
  <c r="U9115" i="1"/>
  <c r="U9114" i="1"/>
  <c r="U9113" i="1"/>
  <c r="U9112" i="1"/>
  <c r="U9111" i="1"/>
  <c r="U9110" i="1"/>
  <c r="U9109" i="1"/>
  <c r="U9108" i="1"/>
  <c r="U9107" i="1"/>
  <c r="U9106" i="1"/>
  <c r="U9105" i="1"/>
  <c r="U9104" i="1"/>
  <c r="U9103" i="1"/>
  <c r="U9102" i="1"/>
  <c r="U9101" i="1"/>
  <c r="U9100" i="1"/>
  <c r="U9099" i="1"/>
  <c r="U9098" i="1"/>
  <c r="U9097" i="1"/>
  <c r="U9096" i="1"/>
  <c r="U9095" i="1"/>
  <c r="U9094" i="1"/>
  <c r="U9093" i="1"/>
  <c r="U9092" i="1"/>
  <c r="U9091" i="1"/>
  <c r="U9090" i="1"/>
  <c r="U9089" i="1"/>
  <c r="U9088" i="1"/>
  <c r="U9087" i="1"/>
  <c r="U9086" i="1"/>
  <c r="U9085" i="1"/>
  <c r="U9084" i="1"/>
  <c r="U9083" i="1"/>
  <c r="U9082" i="1"/>
  <c r="U9081" i="1"/>
  <c r="U9080" i="1"/>
  <c r="U9079" i="1"/>
  <c r="U9078" i="1"/>
  <c r="U9077" i="1"/>
  <c r="U9076" i="1"/>
  <c r="U9075" i="1"/>
  <c r="U9074" i="1"/>
  <c r="U9073" i="1"/>
  <c r="U9072" i="1"/>
  <c r="U9071" i="1"/>
  <c r="U9070" i="1"/>
  <c r="U9069" i="1"/>
  <c r="U9068" i="1"/>
  <c r="U9067" i="1"/>
  <c r="U9066" i="1"/>
  <c r="U9065" i="1"/>
  <c r="U9064" i="1"/>
  <c r="U9063" i="1"/>
  <c r="U9062" i="1"/>
  <c r="U9061" i="1"/>
  <c r="U9060" i="1"/>
  <c r="U9059" i="1"/>
  <c r="U9058" i="1"/>
  <c r="U9057" i="1"/>
  <c r="U9056" i="1"/>
  <c r="U9055" i="1"/>
  <c r="U9054" i="1"/>
  <c r="U9053" i="1"/>
  <c r="U9052" i="1"/>
  <c r="U9051" i="1"/>
  <c r="U9050" i="1"/>
  <c r="U9049" i="1"/>
  <c r="U9048" i="1"/>
  <c r="U9047" i="1"/>
  <c r="U9046" i="1"/>
  <c r="U9045" i="1"/>
  <c r="U9044" i="1"/>
  <c r="U9043" i="1"/>
  <c r="U9042" i="1"/>
  <c r="U9041" i="1"/>
  <c r="U9040" i="1"/>
  <c r="U9039" i="1"/>
  <c r="U9038" i="1"/>
  <c r="U9037" i="1"/>
  <c r="U9036" i="1"/>
  <c r="U9035" i="1"/>
  <c r="U9034" i="1"/>
  <c r="U9033" i="1"/>
  <c r="U9032" i="1"/>
  <c r="U9031" i="1"/>
  <c r="U9030" i="1"/>
  <c r="U9029" i="1"/>
  <c r="U9028" i="1"/>
  <c r="U9027" i="1"/>
  <c r="U9026" i="1"/>
  <c r="U9025" i="1"/>
  <c r="U9024" i="1"/>
  <c r="U9023" i="1"/>
  <c r="U9022" i="1"/>
  <c r="U9021" i="1"/>
  <c r="U9020" i="1"/>
  <c r="U9019" i="1"/>
  <c r="U9018" i="1"/>
  <c r="U9017" i="1"/>
  <c r="U9016" i="1"/>
  <c r="U9015" i="1"/>
  <c r="U9014" i="1"/>
  <c r="U9013" i="1"/>
  <c r="U9012" i="1"/>
  <c r="U9011" i="1"/>
  <c r="U9010" i="1"/>
  <c r="U9009" i="1"/>
  <c r="U9008" i="1"/>
  <c r="U9007" i="1"/>
  <c r="U9006" i="1"/>
  <c r="U9005" i="1"/>
  <c r="U9004" i="1"/>
  <c r="U9003" i="1"/>
  <c r="U9002" i="1"/>
  <c r="U9001" i="1"/>
  <c r="U9000" i="1"/>
  <c r="U8999" i="1"/>
  <c r="U8998" i="1"/>
  <c r="U8997" i="1"/>
  <c r="U8996" i="1"/>
  <c r="U8995" i="1"/>
  <c r="U8994" i="1"/>
  <c r="U8993" i="1"/>
  <c r="U8992" i="1"/>
  <c r="U8991" i="1"/>
  <c r="U8990" i="1"/>
  <c r="U8989" i="1"/>
  <c r="U8988" i="1"/>
  <c r="U8987" i="1"/>
  <c r="U8986" i="1"/>
  <c r="U8985" i="1"/>
  <c r="U8984" i="1"/>
  <c r="U8983" i="1"/>
  <c r="U8982" i="1"/>
  <c r="U8981" i="1"/>
  <c r="U8980" i="1"/>
  <c r="U8979" i="1"/>
  <c r="U8978" i="1"/>
  <c r="U8977" i="1"/>
  <c r="U8976" i="1"/>
  <c r="U8975" i="1"/>
  <c r="U8974" i="1"/>
  <c r="U8973" i="1"/>
  <c r="U8972" i="1"/>
  <c r="U8971" i="1"/>
  <c r="U8970" i="1"/>
  <c r="U8969" i="1"/>
  <c r="U8968" i="1"/>
  <c r="U8967" i="1"/>
  <c r="U8966" i="1"/>
  <c r="U8965" i="1"/>
  <c r="U8964" i="1"/>
  <c r="U8963" i="1"/>
  <c r="U8962" i="1"/>
  <c r="U8961" i="1"/>
  <c r="U8960" i="1"/>
  <c r="U8959" i="1"/>
  <c r="U8958" i="1"/>
  <c r="U8957" i="1"/>
  <c r="U8956" i="1"/>
  <c r="U8955" i="1"/>
  <c r="U8954" i="1"/>
  <c r="U8953" i="1"/>
  <c r="U8952" i="1"/>
  <c r="U8951" i="1"/>
  <c r="U8950" i="1"/>
  <c r="U8949" i="1"/>
  <c r="U8948" i="1"/>
  <c r="U8947" i="1"/>
  <c r="U8946" i="1"/>
  <c r="U8945" i="1"/>
  <c r="U8944" i="1"/>
  <c r="U8943" i="1"/>
  <c r="U8942" i="1"/>
  <c r="U8941" i="1"/>
  <c r="U8940" i="1"/>
  <c r="U8939" i="1"/>
  <c r="U8938" i="1"/>
  <c r="U8937" i="1"/>
  <c r="U8936" i="1"/>
  <c r="U8935" i="1"/>
  <c r="U8934" i="1"/>
  <c r="U8933" i="1"/>
  <c r="U8932" i="1"/>
  <c r="U8931" i="1"/>
  <c r="U8930" i="1"/>
  <c r="U8929" i="1"/>
  <c r="U8928" i="1"/>
  <c r="U8927" i="1"/>
  <c r="U8926" i="1"/>
  <c r="U8925" i="1"/>
  <c r="U8924" i="1"/>
  <c r="U8923" i="1"/>
  <c r="U8922" i="1"/>
  <c r="U8921" i="1"/>
  <c r="U8920" i="1"/>
  <c r="U8919" i="1"/>
  <c r="U8918" i="1"/>
  <c r="U8917" i="1"/>
  <c r="U8916" i="1"/>
  <c r="U8915" i="1"/>
  <c r="U8914" i="1"/>
  <c r="U8913" i="1"/>
  <c r="U8912" i="1"/>
  <c r="U8911" i="1"/>
  <c r="U8910" i="1"/>
  <c r="U8909" i="1"/>
  <c r="U8908" i="1"/>
  <c r="U8907" i="1"/>
  <c r="U8906" i="1"/>
  <c r="U8905" i="1"/>
  <c r="U8904" i="1"/>
  <c r="U8903" i="1"/>
  <c r="U8902" i="1"/>
  <c r="U8901" i="1"/>
  <c r="U8900" i="1"/>
  <c r="U8899" i="1"/>
  <c r="U8898" i="1"/>
  <c r="U8897" i="1"/>
  <c r="U8896" i="1"/>
  <c r="U8895" i="1"/>
  <c r="U8894" i="1"/>
  <c r="U8893" i="1"/>
  <c r="U8892" i="1"/>
  <c r="U8891" i="1"/>
  <c r="U8890" i="1"/>
  <c r="U8889" i="1"/>
  <c r="U8888" i="1"/>
  <c r="U8887" i="1"/>
  <c r="U8886" i="1"/>
  <c r="U8885" i="1"/>
  <c r="U8884" i="1"/>
  <c r="U8883" i="1"/>
  <c r="U8882" i="1"/>
  <c r="U8881" i="1"/>
  <c r="U8880" i="1"/>
  <c r="U8879" i="1"/>
  <c r="U8878" i="1"/>
  <c r="U8877" i="1"/>
  <c r="U8876" i="1"/>
  <c r="U8875" i="1"/>
  <c r="U8874" i="1"/>
  <c r="U8873" i="1"/>
  <c r="U8872" i="1"/>
  <c r="U8871" i="1"/>
  <c r="U8870" i="1"/>
  <c r="U8869" i="1"/>
  <c r="U8868" i="1"/>
  <c r="U8867" i="1"/>
  <c r="U8866" i="1"/>
  <c r="U8865" i="1"/>
  <c r="U8864" i="1"/>
  <c r="U8863" i="1"/>
  <c r="U8862" i="1"/>
  <c r="U8861" i="1"/>
  <c r="U8860" i="1"/>
  <c r="U8859" i="1"/>
  <c r="U8858" i="1"/>
  <c r="U8857" i="1"/>
  <c r="U8856" i="1"/>
  <c r="U8855" i="1"/>
  <c r="U8854" i="1"/>
  <c r="U8853" i="1"/>
  <c r="U8852" i="1"/>
  <c r="U8851" i="1"/>
  <c r="U8850" i="1"/>
  <c r="U8849" i="1"/>
  <c r="U8848" i="1"/>
  <c r="U8847" i="1"/>
  <c r="U8846" i="1"/>
  <c r="U8845" i="1"/>
  <c r="U8844" i="1"/>
  <c r="U8843" i="1"/>
  <c r="U8842" i="1"/>
  <c r="U8841" i="1"/>
  <c r="U8840" i="1"/>
  <c r="U8839" i="1"/>
  <c r="U8838" i="1"/>
  <c r="U8837" i="1"/>
  <c r="U8836" i="1"/>
  <c r="U8835" i="1"/>
  <c r="U8834" i="1"/>
  <c r="U8833" i="1"/>
  <c r="U8832" i="1"/>
  <c r="U8831" i="1"/>
  <c r="U8830" i="1"/>
  <c r="U8829" i="1"/>
  <c r="U8828" i="1"/>
  <c r="U8827" i="1"/>
  <c r="U8826" i="1"/>
  <c r="U8825" i="1"/>
  <c r="U8824" i="1"/>
  <c r="U8823" i="1"/>
  <c r="U8822" i="1"/>
  <c r="U8821" i="1"/>
  <c r="U8820" i="1"/>
  <c r="U8819" i="1"/>
  <c r="U8818" i="1"/>
  <c r="U8817" i="1"/>
  <c r="U8816" i="1"/>
  <c r="U8815" i="1"/>
  <c r="U8814" i="1"/>
  <c r="U8813" i="1"/>
  <c r="U8812" i="1"/>
  <c r="U8811" i="1"/>
  <c r="U8810" i="1"/>
  <c r="U8809" i="1"/>
  <c r="U8808" i="1"/>
  <c r="U8807" i="1"/>
  <c r="U8806" i="1"/>
  <c r="U8805" i="1"/>
  <c r="U8804" i="1"/>
  <c r="U8803" i="1"/>
  <c r="U8802" i="1"/>
  <c r="U8801" i="1"/>
  <c r="U8800" i="1"/>
  <c r="U8799" i="1"/>
  <c r="U8798" i="1"/>
  <c r="U8797" i="1"/>
  <c r="U8796" i="1"/>
  <c r="U8795" i="1"/>
  <c r="U8794" i="1"/>
  <c r="U8793" i="1"/>
  <c r="U8792" i="1"/>
  <c r="U8791" i="1"/>
  <c r="U8790" i="1"/>
  <c r="U8789" i="1"/>
  <c r="U8788" i="1"/>
  <c r="U8787" i="1"/>
  <c r="U8786" i="1"/>
  <c r="U8785" i="1"/>
  <c r="U8784" i="1"/>
  <c r="U8783" i="1"/>
  <c r="U8782" i="1"/>
  <c r="U8781" i="1"/>
  <c r="U8780" i="1"/>
  <c r="U8779" i="1"/>
  <c r="U8778" i="1"/>
  <c r="U8777" i="1"/>
  <c r="U8776" i="1"/>
  <c r="U8775" i="1"/>
  <c r="U8774" i="1"/>
  <c r="U8773" i="1"/>
  <c r="U8772" i="1"/>
  <c r="U8771" i="1"/>
  <c r="U8770" i="1"/>
  <c r="U8769" i="1"/>
  <c r="U8768" i="1"/>
  <c r="U8767" i="1"/>
  <c r="U8766" i="1"/>
  <c r="U8765" i="1"/>
  <c r="U8764" i="1"/>
  <c r="U8763" i="1"/>
  <c r="U8762" i="1"/>
  <c r="U8761" i="1"/>
  <c r="U8760" i="1"/>
  <c r="U8759" i="1"/>
  <c r="U8758" i="1"/>
  <c r="U8757" i="1"/>
  <c r="U8756" i="1"/>
  <c r="U8755" i="1"/>
  <c r="U8754" i="1"/>
  <c r="U8753" i="1"/>
  <c r="U8752" i="1"/>
  <c r="U8751" i="1"/>
  <c r="U8750" i="1"/>
  <c r="U8749" i="1"/>
  <c r="U8748" i="1"/>
  <c r="U8747" i="1"/>
  <c r="U8746" i="1"/>
  <c r="U8745" i="1"/>
  <c r="U8744" i="1"/>
  <c r="U8743" i="1"/>
  <c r="U8742" i="1"/>
  <c r="U8741" i="1"/>
  <c r="U8740" i="1"/>
  <c r="U8739" i="1"/>
  <c r="U8738" i="1"/>
  <c r="U8737" i="1"/>
  <c r="U8736" i="1"/>
  <c r="U8735" i="1"/>
  <c r="U8734" i="1"/>
  <c r="U8733" i="1"/>
  <c r="U8732" i="1"/>
  <c r="U8731" i="1"/>
  <c r="U8730" i="1"/>
  <c r="U8729" i="1"/>
  <c r="U8728" i="1"/>
  <c r="U8727" i="1"/>
  <c r="U8726" i="1"/>
  <c r="U8725" i="1"/>
  <c r="U8724" i="1"/>
  <c r="U8723" i="1"/>
  <c r="U8722" i="1"/>
  <c r="U8721" i="1"/>
  <c r="U8720" i="1"/>
  <c r="U8719" i="1"/>
  <c r="U8718" i="1"/>
  <c r="U8717" i="1"/>
  <c r="U8716" i="1"/>
  <c r="U8715" i="1"/>
  <c r="U8714" i="1"/>
  <c r="U8713" i="1"/>
  <c r="U8712" i="1"/>
  <c r="U8711" i="1"/>
  <c r="U8710" i="1"/>
  <c r="U8709" i="1"/>
  <c r="U8708" i="1"/>
  <c r="U8707" i="1"/>
  <c r="U8706" i="1"/>
  <c r="U8705" i="1"/>
  <c r="U8704" i="1"/>
  <c r="U8703" i="1"/>
  <c r="U8702" i="1"/>
  <c r="U8701" i="1"/>
  <c r="U8700" i="1"/>
  <c r="U8699" i="1"/>
  <c r="U8698" i="1"/>
  <c r="U8697" i="1"/>
  <c r="U8696" i="1"/>
  <c r="U8695" i="1"/>
  <c r="U8694" i="1"/>
  <c r="U8693" i="1"/>
  <c r="U8692" i="1"/>
  <c r="U8691" i="1"/>
  <c r="U8690" i="1"/>
  <c r="U8689" i="1"/>
  <c r="U8688" i="1"/>
  <c r="U8687" i="1"/>
  <c r="U8686" i="1"/>
  <c r="U8685" i="1"/>
  <c r="U8684" i="1"/>
  <c r="U8683" i="1"/>
  <c r="U8682" i="1"/>
  <c r="U8681" i="1"/>
  <c r="U8680" i="1"/>
  <c r="U8679" i="1"/>
  <c r="U8678" i="1"/>
  <c r="U8677" i="1"/>
  <c r="U8676" i="1"/>
  <c r="U8675" i="1"/>
  <c r="U8674" i="1"/>
  <c r="U8673" i="1"/>
  <c r="U8672" i="1"/>
  <c r="U8671" i="1"/>
  <c r="U8670" i="1"/>
  <c r="U8669" i="1"/>
  <c r="U8668" i="1"/>
  <c r="U8667" i="1"/>
  <c r="U8666" i="1"/>
  <c r="U8665" i="1"/>
  <c r="U8664" i="1"/>
  <c r="U8663" i="1"/>
  <c r="U8662" i="1"/>
  <c r="U8661" i="1"/>
  <c r="U8660" i="1"/>
  <c r="U8659" i="1"/>
  <c r="U8658" i="1"/>
  <c r="U8657" i="1"/>
  <c r="U8656" i="1"/>
  <c r="U8655" i="1"/>
  <c r="U8654" i="1"/>
  <c r="U8653" i="1"/>
  <c r="U8652" i="1"/>
  <c r="U8651" i="1"/>
  <c r="U8650" i="1"/>
  <c r="U8649" i="1"/>
  <c r="U8648" i="1"/>
  <c r="U8647" i="1"/>
  <c r="U8646" i="1"/>
  <c r="U8645" i="1"/>
  <c r="U8644" i="1"/>
  <c r="U8643" i="1"/>
  <c r="U8642" i="1"/>
  <c r="U8641" i="1"/>
  <c r="U8640" i="1"/>
  <c r="U8639" i="1"/>
  <c r="U8638" i="1"/>
  <c r="U8637" i="1"/>
  <c r="U8636" i="1"/>
  <c r="U8635" i="1"/>
  <c r="U8634" i="1"/>
  <c r="U8633" i="1"/>
  <c r="U8632" i="1"/>
  <c r="U8631" i="1"/>
  <c r="U8630" i="1"/>
  <c r="U8629" i="1"/>
  <c r="U8628" i="1"/>
  <c r="U8627" i="1"/>
  <c r="U8626" i="1"/>
  <c r="U8625" i="1"/>
  <c r="U8624" i="1"/>
  <c r="U8623" i="1"/>
  <c r="U8622" i="1"/>
  <c r="U8621" i="1"/>
  <c r="U8620" i="1"/>
  <c r="U8619" i="1"/>
  <c r="U8618" i="1"/>
  <c r="U8617" i="1"/>
  <c r="U8616" i="1"/>
  <c r="U8615" i="1"/>
  <c r="U8614" i="1"/>
  <c r="U8613" i="1"/>
  <c r="U8612" i="1"/>
  <c r="U8611" i="1"/>
  <c r="U8610" i="1"/>
  <c r="U8609" i="1"/>
  <c r="U8608" i="1"/>
  <c r="U8607" i="1"/>
  <c r="U8606" i="1"/>
  <c r="U8605" i="1"/>
  <c r="U8604" i="1"/>
  <c r="U8603" i="1"/>
  <c r="U8602" i="1"/>
  <c r="U8601" i="1"/>
  <c r="U8600" i="1"/>
  <c r="U8599" i="1"/>
  <c r="U8598" i="1"/>
  <c r="U8597" i="1"/>
  <c r="U8596" i="1"/>
  <c r="U8595" i="1"/>
  <c r="U8594" i="1"/>
  <c r="U8593" i="1"/>
  <c r="U8592" i="1"/>
  <c r="U8591" i="1"/>
  <c r="U8590" i="1"/>
  <c r="U8589" i="1"/>
  <c r="U8588" i="1"/>
  <c r="U8587" i="1"/>
  <c r="U8586" i="1"/>
  <c r="U8585" i="1"/>
  <c r="U8584" i="1"/>
  <c r="U8583" i="1"/>
  <c r="U8582" i="1"/>
  <c r="U8581" i="1"/>
  <c r="U8580" i="1"/>
  <c r="U8579" i="1"/>
  <c r="U8578" i="1"/>
  <c r="U8577" i="1"/>
  <c r="U8576" i="1"/>
  <c r="U8575" i="1"/>
  <c r="U8574" i="1"/>
  <c r="U8573" i="1"/>
  <c r="U8572" i="1"/>
  <c r="U8571" i="1"/>
  <c r="U8570" i="1"/>
  <c r="U8569" i="1"/>
  <c r="U8568" i="1"/>
  <c r="U8567" i="1"/>
  <c r="U8566" i="1"/>
  <c r="U8565" i="1"/>
  <c r="U8564" i="1"/>
  <c r="U8563" i="1"/>
  <c r="U8562" i="1"/>
  <c r="U8561" i="1"/>
  <c r="U8560" i="1"/>
  <c r="U8559" i="1"/>
  <c r="U8558" i="1"/>
  <c r="U8557" i="1"/>
  <c r="U8556" i="1"/>
  <c r="U8555" i="1"/>
  <c r="U8554" i="1"/>
  <c r="U8553" i="1"/>
  <c r="U8552" i="1"/>
  <c r="U8551" i="1"/>
  <c r="U8550" i="1"/>
  <c r="U8549" i="1"/>
  <c r="U8548" i="1"/>
  <c r="U8547" i="1"/>
  <c r="U8546" i="1"/>
  <c r="U8545" i="1"/>
  <c r="U8544" i="1"/>
  <c r="U8543" i="1"/>
  <c r="U8542" i="1"/>
  <c r="U8541" i="1"/>
  <c r="U8540" i="1"/>
  <c r="U8539" i="1"/>
  <c r="U8538" i="1"/>
  <c r="U8537" i="1"/>
  <c r="U8536" i="1"/>
  <c r="U8535" i="1"/>
  <c r="U8534" i="1"/>
  <c r="U8533" i="1"/>
  <c r="U8532" i="1"/>
  <c r="U8531" i="1"/>
  <c r="U8530" i="1"/>
  <c r="U8529" i="1"/>
  <c r="U8528" i="1"/>
  <c r="U8527" i="1"/>
  <c r="U8526" i="1"/>
  <c r="U8525" i="1"/>
  <c r="U8524" i="1"/>
  <c r="U8523" i="1"/>
  <c r="U8522" i="1"/>
  <c r="U8521" i="1"/>
  <c r="U8520" i="1"/>
  <c r="U8519" i="1"/>
  <c r="U8518" i="1"/>
  <c r="U8517" i="1"/>
  <c r="U8516" i="1"/>
  <c r="U8515" i="1"/>
  <c r="U8514" i="1"/>
  <c r="U8513" i="1"/>
  <c r="U8512" i="1"/>
  <c r="U8511" i="1"/>
  <c r="U8510" i="1"/>
  <c r="U8509" i="1"/>
  <c r="U8508" i="1"/>
  <c r="U8507" i="1"/>
  <c r="U8506" i="1"/>
  <c r="U8505" i="1"/>
  <c r="U8504" i="1"/>
  <c r="U8503" i="1"/>
  <c r="U8502" i="1"/>
  <c r="U8501" i="1"/>
  <c r="U8500" i="1"/>
  <c r="U8499" i="1"/>
  <c r="U8498" i="1"/>
  <c r="U8497" i="1"/>
  <c r="U8496" i="1"/>
  <c r="U8495" i="1"/>
  <c r="U8494" i="1"/>
  <c r="U8493" i="1"/>
  <c r="U8492" i="1"/>
  <c r="U8491" i="1"/>
  <c r="U8490" i="1"/>
  <c r="U8489" i="1"/>
  <c r="U8488" i="1"/>
  <c r="U8487" i="1"/>
  <c r="U8486" i="1"/>
  <c r="U8485" i="1"/>
  <c r="U8484" i="1"/>
  <c r="U8483" i="1"/>
  <c r="U8482" i="1"/>
  <c r="U8481" i="1"/>
  <c r="U8480" i="1"/>
  <c r="U8479" i="1"/>
  <c r="U8478" i="1"/>
  <c r="U8477" i="1"/>
  <c r="U8476" i="1"/>
  <c r="U8475" i="1"/>
  <c r="U8474" i="1"/>
  <c r="U8473" i="1"/>
  <c r="U8472" i="1"/>
  <c r="U8471" i="1"/>
  <c r="U8470" i="1"/>
  <c r="U8469" i="1"/>
  <c r="U8468" i="1"/>
  <c r="U8467" i="1"/>
  <c r="U8466" i="1"/>
  <c r="U8465" i="1"/>
  <c r="U8464" i="1"/>
  <c r="U8463" i="1"/>
  <c r="U8462" i="1"/>
  <c r="U8461" i="1"/>
  <c r="U8460" i="1"/>
  <c r="U8459" i="1"/>
  <c r="U8458" i="1"/>
  <c r="U8457" i="1"/>
  <c r="U8456" i="1"/>
  <c r="U8455" i="1"/>
  <c r="U8454" i="1"/>
  <c r="U8453" i="1"/>
  <c r="U8452" i="1"/>
  <c r="U8451" i="1"/>
  <c r="U8450" i="1"/>
  <c r="U8449" i="1"/>
  <c r="U8448" i="1"/>
  <c r="U8447" i="1"/>
  <c r="U8446" i="1"/>
  <c r="U8445" i="1"/>
  <c r="U8444" i="1"/>
  <c r="U8443" i="1"/>
  <c r="U8442" i="1"/>
  <c r="U8441" i="1"/>
  <c r="U8440" i="1"/>
  <c r="U8439" i="1"/>
  <c r="U8438" i="1"/>
  <c r="U8437" i="1"/>
  <c r="U8436" i="1"/>
  <c r="U8435" i="1"/>
  <c r="U8434" i="1"/>
  <c r="U8433" i="1"/>
  <c r="U8432" i="1"/>
  <c r="U8431" i="1"/>
  <c r="U8430" i="1"/>
  <c r="U8429" i="1"/>
  <c r="U8428" i="1"/>
  <c r="U8427" i="1"/>
  <c r="U8426" i="1"/>
  <c r="U8425" i="1"/>
  <c r="U8424" i="1"/>
  <c r="U8423" i="1"/>
  <c r="U8422" i="1"/>
  <c r="U8421" i="1"/>
  <c r="U8420" i="1"/>
  <c r="U8419" i="1"/>
  <c r="U8418" i="1"/>
  <c r="U8417" i="1"/>
  <c r="U8416" i="1"/>
  <c r="U8415" i="1"/>
  <c r="U8414" i="1"/>
  <c r="U8413" i="1"/>
  <c r="U8412" i="1"/>
  <c r="U8411" i="1"/>
  <c r="U8410" i="1"/>
  <c r="U8409" i="1"/>
  <c r="U8408" i="1"/>
  <c r="U8407" i="1"/>
  <c r="U8406" i="1"/>
  <c r="U8405" i="1"/>
  <c r="U8404" i="1"/>
  <c r="U8403" i="1"/>
  <c r="U8402" i="1"/>
  <c r="U8401" i="1"/>
  <c r="U8400" i="1"/>
  <c r="U8399" i="1"/>
  <c r="U8398" i="1"/>
  <c r="U8397" i="1"/>
  <c r="U8396" i="1"/>
  <c r="U8395" i="1"/>
  <c r="U8394" i="1"/>
  <c r="U8393" i="1"/>
  <c r="U8392" i="1"/>
  <c r="U8391" i="1"/>
  <c r="U8390" i="1"/>
  <c r="U8389" i="1"/>
  <c r="U8388" i="1"/>
  <c r="U8387" i="1"/>
  <c r="U8386" i="1"/>
  <c r="U8385" i="1"/>
  <c r="U8384" i="1"/>
  <c r="U8383" i="1"/>
  <c r="U8382" i="1"/>
  <c r="U8381" i="1"/>
  <c r="U8380" i="1"/>
  <c r="U8379" i="1"/>
  <c r="U8378" i="1"/>
  <c r="U8377" i="1"/>
  <c r="U8376" i="1"/>
  <c r="U8375" i="1"/>
  <c r="U8374" i="1"/>
  <c r="U8373" i="1"/>
  <c r="U8372" i="1"/>
  <c r="U8371" i="1"/>
  <c r="U8370" i="1"/>
  <c r="U8369" i="1"/>
  <c r="U8368" i="1"/>
  <c r="U8367" i="1"/>
  <c r="U8366" i="1"/>
  <c r="U8365" i="1"/>
  <c r="U8364" i="1"/>
  <c r="U8363" i="1"/>
  <c r="U8362" i="1"/>
  <c r="U8361" i="1"/>
  <c r="U8360" i="1"/>
  <c r="U8359" i="1"/>
  <c r="U8358" i="1"/>
  <c r="U8357" i="1"/>
  <c r="U8356" i="1"/>
  <c r="U8355" i="1"/>
  <c r="U8354" i="1"/>
  <c r="U8353" i="1"/>
  <c r="U8352" i="1"/>
  <c r="U8351" i="1"/>
  <c r="U8350" i="1"/>
  <c r="U8349" i="1"/>
  <c r="U8348" i="1"/>
  <c r="U8347" i="1"/>
  <c r="U8346" i="1"/>
  <c r="U8345" i="1"/>
  <c r="U8344" i="1"/>
  <c r="U8343" i="1"/>
  <c r="U8342" i="1"/>
  <c r="U8341" i="1"/>
  <c r="U8340" i="1"/>
  <c r="U8339" i="1"/>
  <c r="U8338" i="1"/>
  <c r="U8337" i="1"/>
  <c r="U8336" i="1"/>
  <c r="U8335" i="1"/>
  <c r="U8334" i="1"/>
  <c r="U8333" i="1"/>
  <c r="U8332" i="1"/>
  <c r="U8331" i="1"/>
  <c r="U8330" i="1"/>
  <c r="U8329" i="1"/>
  <c r="U8328" i="1"/>
  <c r="U8327" i="1"/>
  <c r="U8326" i="1"/>
  <c r="U8325" i="1"/>
  <c r="U8324" i="1"/>
  <c r="U8323" i="1"/>
  <c r="U8322" i="1"/>
  <c r="U8321" i="1"/>
  <c r="U8320" i="1"/>
  <c r="U8319" i="1"/>
  <c r="U8318" i="1"/>
  <c r="U8317" i="1"/>
  <c r="U8316" i="1"/>
  <c r="U8315" i="1"/>
  <c r="U8314" i="1"/>
  <c r="U8313" i="1"/>
  <c r="U8312" i="1"/>
  <c r="U8311" i="1"/>
  <c r="U8310" i="1"/>
  <c r="U8309" i="1"/>
  <c r="U8308" i="1"/>
  <c r="U8307" i="1"/>
  <c r="U8306" i="1"/>
  <c r="U8305" i="1"/>
  <c r="U8304" i="1"/>
  <c r="U8303" i="1"/>
  <c r="U8302" i="1"/>
  <c r="U8301" i="1"/>
  <c r="U8300" i="1"/>
  <c r="U8299" i="1"/>
  <c r="U8298" i="1"/>
  <c r="U8297" i="1"/>
  <c r="U8296" i="1"/>
  <c r="U8295" i="1"/>
  <c r="U8294" i="1"/>
  <c r="U8293" i="1"/>
  <c r="U8292" i="1"/>
  <c r="U8291" i="1"/>
  <c r="U8290" i="1"/>
  <c r="U8289" i="1"/>
  <c r="U8288" i="1"/>
  <c r="U8287" i="1"/>
  <c r="U8286" i="1"/>
  <c r="U8285" i="1"/>
  <c r="U8284" i="1"/>
  <c r="U8283" i="1"/>
  <c r="U8282" i="1"/>
  <c r="U8281" i="1"/>
  <c r="U8280" i="1"/>
  <c r="U8279" i="1"/>
  <c r="U8278" i="1"/>
  <c r="U8277" i="1"/>
  <c r="U8276" i="1"/>
  <c r="U8275" i="1"/>
  <c r="U8274" i="1"/>
  <c r="U8273" i="1"/>
  <c r="U8272" i="1"/>
  <c r="U8271" i="1"/>
  <c r="U8270" i="1"/>
  <c r="U8269" i="1"/>
  <c r="U8268" i="1"/>
  <c r="U8267" i="1"/>
  <c r="U8266" i="1"/>
  <c r="U8265" i="1"/>
  <c r="U8264" i="1"/>
  <c r="U8263" i="1"/>
  <c r="U8262" i="1"/>
  <c r="U8261" i="1"/>
  <c r="U8260" i="1"/>
  <c r="U8259" i="1"/>
  <c r="U8258" i="1"/>
  <c r="U8257" i="1"/>
  <c r="U8256" i="1"/>
  <c r="U8255" i="1"/>
  <c r="U8254" i="1"/>
  <c r="U8253" i="1"/>
  <c r="U8252" i="1"/>
  <c r="U8251" i="1"/>
  <c r="U8250" i="1"/>
  <c r="U8249" i="1"/>
  <c r="U8248" i="1"/>
  <c r="U8247" i="1"/>
  <c r="U8246" i="1"/>
  <c r="U8245" i="1"/>
  <c r="U8244" i="1"/>
  <c r="U8243" i="1"/>
  <c r="U8242" i="1"/>
  <c r="U8241" i="1"/>
  <c r="U8240" i="1"/>
  <c r="U8239" i="1"/>
  <c r="U8238" i="1"/>
  <c r="U8237" i="1"/>
  <c r="U8236" i="1"/>
  <c r="U8235" i="1"/>
  <c r="U8234" i="1"/>
  <c r="U8233" i="1"/>
  <c r="U8232" i="1"/>
  <c r="U8231" i="1"/>
  <c r="U8230" i="1"/>
  <c r="U8229" i="1"/>
  <c r="U8228" i="1"/>
  <c r="U8227" i="1"/>
  <c r="U8226" i="1"/>
  <c r="U8225" i="1"/>
  <c r="U8224" i="1"/>
  <c r="U8223" i="1"/>
  <c r="U8222" i="1"/>
  <c r="U8221" i="1"/>
  <c r="U8220" i="1"/>
  <c r="U8219" i="1"/>
  <c r="U8218" i="1"/>
  <c r="U8217" i="1"/>
  <c r="U8216" i="1"/>
  <c r="U8215" i="1"/>
  <c r="U8214" i="1"/>
  <c r="U8213" i="1"/>
  <c r="U8212" i="1"/>
  <c r="U8211" i="1"/>
  <c r="U8210" i="1"/>
  <c r="U8209" i="1"/>
  <c r="U8208" i="1"/>
  <c r="U8207" i="1"/>
  <c r="U8206" i="1"/>
  <c r="U8205" i="1"/>
  <c r="U8204" i="1"/>
  <c r="U8203" i="1"/>
  <c r="U8202" i="1"/>
  <c r="U8201" i="1"/>
  <c r="U8200" i="1"/>
  <c r="U8199" i="1"/>
  <c r="U8198" i="1"/>
  <c r="U8197" i="1"/>
  <c r="U8196" i="1"/>
  <c r="U8195" i="1"/>
  <c r="U8194" i="1"/>
  <c r="U8193" i="1"/>
  <c r="U8192" i="1"/>
  <c r="U8191" i="1"/>
  <c r="U8190" i="1"/>
  <c r="U8189" i="1"/>
  <c r="U8188" i="1"/>
  <c r="U8187" i="1"/>
  <c r="U8186" i="1"/>
  <c r="U8185" i="1"/>
  <c r="U8184" i="1"/>
  <c r="U8183" i="1"/>
  <c r="U8182" i="1"/>
  <c r="U8181" i="1"/>
  <c r="U8180" i="1"/>
  <c r="U8179" i="1"/>
  <c r="U8178" i="1"/>
  <c r="U8177" i="1"/>
  <c r="U8176" i="1"/>
  <c r="U8175" i="1"/>
  <c r="U8174" i="1"/>
  <c r="U8173" i="1"/>
  <c r="U8172" i="1"/>
  <c r="U8171" i="1"/>
  <c r="U8170" i="1"/>
  <c r="U8169" i="1"/>
  <c r="U8168" i="1"/>
  <c r="U8167" i="1"/>
  <c r="U8166" i="1"/>
  <c r="U8165" i="1"/>
  <c r="U8164" i="1"/>
  <c r="U8163" i="1"/>
  <c r="U8162" i="1"/>
  <c r="U8161" i="1"/>
  <c r="U8160" i="1"/>
  <c r="U8159" i="1"/>
  <c r="U8158" i="1"/>
  <c r="U8157" i="1"/>
  <c r="U8156" i="1"/>
  <c r="U8155" i="1"/>
  <c r="U8154" i="1"/>
  <c r="U8153" i="1"/>
  <c r="U8152" i="1"/>
  <c r="U8151" i="1"/>
  <c r="U8150" i="1"/>
  <c r="U8149" i="1"/>
  <c r="U8148" i="1"/>
  <c r="U8147" i="1"/>
  <c r="U8146" i="1"/>
  <c r="U8145" i="1"/>
  <c r="U8144" i="1"/>
  <c r="U8143" i="1"/>
  <c r="U8142" i="1"/>
  <c r="U8141" i="1"/>
  <c r="U8140" i="1"/>
  <c r="U8139" i="1"/>
  <c r="U8138" i="1"/>
  <c r="U8137" i="1"/>
  <c r="U8136" i="1"/>
  <c r="U8135" i="1"/>
  <c r="U8134" i="1"/>
  <c r="U8133" i="1"/>
  <c r="U8132" i="1"/>
  <c r="U8131" i="1"/>
  <c r="U8130" i="1"/>
  <c r="U8129" i="1"/>
  <c r="U8128" i="1"/>
  <c r="U8127" i="1"/>
  <c r="U8126" i="1"/>
  <c r="U8125" i="1"/>
  <c r="U8124" i="1"/>
  <c r="U8123" i="1"/>
  <c r="U8122" i="1"/>
  <c r="U8121" i="1"/>
  <c r="U8120" i="1"/>
  <c r="U8119" i="1"/>
  <c r="U8118" i="1"/>
  <c r="U8117" i="1"/>
  <c r="U8116" i="1"/>
  <c r="U8115" i="1"/>
  <c r="U8114" i="1"/>
  <c r="U8113" i="1"/>
  <c r="U8112" i="1"/>
  <c r="U8111" i="1"/>
  <c r="U8110" i="1"/>
  <c r="U8109" i="1"/>
  <c r="U8108" i="1"/>
  <c r="U8107" i="1"/>
  <c r="U8106" i="1"/>
  <c r="U8105" i="1"/>
  <c r="U8104" i="1"/>
  <c r="U8103" i="1"/>
  <c r="U8102" i="1"/>
  <c r="U8101" i="1"/>
  <c r="U8100" i="1"/>
  <c r="U8099" i="1"/>
  <c r="U8098" i="1"/>
  <c r="U8097" i="1"/>
  <c r="U8096" i="1"/>
  <c r="U8095" i="1"/>
  <c r="U8094" i="1"/>
  <c r="U8093" i="1"/>
  <c r="U8092" i="1"/>
  <c r="U8091" i="1"/>
  <c r="U8090" i="1"/>
  <c r="U8089" i="1"/>
  <c r="U8088" i="1"/>
  <c r="U8087" i="1"/>
  <c r="U8086" i="1"/>
  <c r="U8085" i="1"/>
  <c r="U8084" i="1"/>
  <c r="U8083" i="1"/>
  <c r="U8082" i="1"/>
  <c r="U8081" i="1"/>
  <c r="U8080" i="1"/>
  <c r="U8079" i="1"/>
  <c r="U8078" i="1"/>
  <c r="U8077" i="1"/>
  <c r="U8076" i="1"/>
  <c r="U8075" i="1"/>
  <c r="U8074" i="1"/>
  <c r="U8073" i="1"/>
  <c r="U8072" i="1"/>
  <c r="U8071" i="1"/>
  <c r="U8070" i="1"/>
  <c r="U8069" i="1"/>
  <c r="U8068" i="1"/>
  <c r="U8067" i="1"/>
  <c r="U8066" i="1"/>
  <c r="U8065" i="1"/>
  <c r="U8064" i="1"/>
  <c r="U8063" i="1"/>
  <c r="U8062" i="1"/>
  <c r="U8061" i="1"/>
  <c r="U8060" i="1"/>
  <c r="U8059" i="1"/>
  <c r="U8058" i="1"/>
  <c r="U8057" i="1"/>
  <c r="U8056" i="1"/>
  <c r="U8055" i="1"/>
  <c r="U8054" i="1"/>
  <c r="U8053" i="1"/>
  <c r="U8052" i="1"/>
  <c r="U8051" i="1"/>
  <c r="U8050" i="1"/>
  <c r="U8049" i="1"/>
  <c r="U8048" i="1"/>
  <c r="U8047" i="1"/>
  <c r="U8046" i="1"/>
  <c r="U8045" i="1"/>
  <c r="U8044" i="1"/>
  <c r="U8043" i="1"/>
  <c r="U8042" i="1"/>
  <c r="U8041" i="1"/>
  <c r="U8040" i="1"/>
  <c r="U8039" i="1"/>
  <c r="U8038" i="1"/>
  <c r="U8037" i="1"/>
  <c r="U8036" i="1"/>
  <c r="U8035" i="1"/>
  <c r="U8034" i="1"/>
  <c r="U8033" i="1"/>
  <c r="U8032" i="1"/>
  <c r="U8031" i="1"/>
  <c r="U8030" i="1"/>
  <c r="U8029" i="1"/>
  <c r="U8028" i="1"/>
  <c r="U8027" i="1"/>
  <c r="U8026" i="1"/>
  <c r="U8025" i="1"/>
  <c r="U8024" i="1"/>
  <c r="U8023" i="1"/>
  <c r="U8022" i="1"/>
  <c r="U8021" i="1"/>
  <c r="U8020" i="1"/>
  <c r="U8019" i="1"/>
  <c r="U8018" i="1"/>
  <c r="U8017" i="1"/>
  <c r="U8016" i="1"/>
  <c r="U8015" i="1"/>
  <c r="U8014" i="1"/>
  <c r="U8013" i="1"/>
  <c r="U8012" i="1"/>
  <c r="U8011" i="1"/>
  <c r="U8010" i="1"/>
  <c r="U8009" i="1"/>
  <c r="U8008" i="1"/>
  <c r="U8007" i="1"/>
  <c r="U8006" i="1"/>
  <c r="U8005" i="1"/>
  <c r="U8004" i="1"/>
  <c r="U8003" i="1"/>
  <c r="U8002" i="1"/>
  <c r="U8001" i="1"/>
  <c r="U8000" i="1"/>
  <c r="U7999" i="1"/>
  <c r="U7998" i="1"/>
  <c r="U7997" i="1"/>
  <c r="U7996" i="1"/>
  <c r="U7995" i="1"/>
  <c r="U7994" i="1"/>
  <c r="U7993" i="1"/>
  <c r="U7992" i="1"/>
  <c r="U7991" i="1"/>
  <c r="U7990" i="1"/>
  <c r="U7989" i="1"/>
  <c r="U7988" i="1"/>
  <c r="U7987" i="1"/>
  <c r="U7986" i="1"/>
  <c r="U7985" i="1"/>
  <c r="U7984" i="1"/>
  <c r="U7983" i="1"/>
  <c r="U7982" i="1"/>
  <c r="U7981" i="1"/>
  <c r="U7980" i="1"/>
  <c r="U7979" i="1"/>
  <c r="U7978" i="1"/>
  <c r="U7977" i="1"/>
  <c r="U7976" i="1"/>
  <c r="U7975" i="1"/>
  <c r="U7974" i="1"/>
  <c r="U7973" i="1"/>
  <c r="U7972" i="1"/>
  <c r="U7971" i="1"/>
  <c r="U7970" i="1"/>
  <c r="U7969" i="1"/>
  <c r="U7968" i="1"/>
  <c r="U7967" i="1"/>
  <c r="U7966" i="1"/>
  <c r="U7965" i="1"/>
  <c r="U7964" i="1"/>
  <c r="U7963" i="1"/>
  <c r="U7962" i="1"/>
  <c r="U7961" i="1"/>
  <c r="U7960" i="1"/>
  <c r="U7959" i="1"/>
  <c r="U7958" i="1"/>
  <c r="U7957" i="1"/>
  <c r="U7956" i="1"/>
  <c r="U7955" i="1"/>
  <c r="U7954" i="1"/>
  <c r="U7953" i="1"/>
  <c r="U7952" i="1"/>
  <c r="U7951" i="1"/>
  <c r="U7950" i="1"/>
  <c r="U7949" i="1"/>
  <c r="U7948" i="1"/>
  <c r="U7947" i="1"/>
  <c r="U7946" i="1"/>
  <c r="U7945" i="1"/>
  <c r="U7944" i="1"/>
  <c r="U7943" i="1"/>
  <c r="U7942" i="1"/>
  <c r="U7941" i="1"/>
  <c r="U7940" i="1"/>
  <c r="U7939" i="1"/>
  <c r="U7938" i="1"/>
  <c r="U7937" i="1"/>
  <c r="U7936" i="1"/>
  <c r="U7935" i="1"/>
  <c r="U7934" i="1"/>
  <c r="U7933" i="1"/>
  <c r="U7932" i="1"/>
  <c r="U7931" i="1"/>
  <c r="U7930" i="1"/>
  <c r="U7929" i="1"/>
  <c r="U7928" i="1"/>
  <c r="U7927" i="1"/>
  <c r="U7926" i="1"/>
  <c r="U7925" i="1"/>
  <c r="U7924" i="1"/>
  <c r="U7923" i="1"/>
  <c r="U7922" i="1"/>
  <c r="U7921" i="1"/>
  <c r="U7920" i="1"/>
  <c r="U7919" i="1"/>
  <c r="U7918" i="1"/>
  <c r="U7917" i="1"/>
  <c r="U7916" i="1"/>
  <c r="U7915" i="1"/>
  <c r="U7914" i="1"/>
  <c r="U7913" i="1"/>
  <c r="U7912" i="1"/>
  <c r="U7911" i="1"/>
  <c r="U7910" i="1"/>
  <c r="U7909" i="1"/>
  <c r="U7908" i="1"/>
  <c r="U7907" i="1"/>
  <c r="U7906" i="1"/>
  <c r="U7905" i="1"/>
  <c r="U7904" i="1"/>
  <c r="U7903" i="1"/>
  <c r="U7902" i="1"/>
  <c r="U7901" i="1"/>
  <c r="U7900" i="1"/>
  <c r="U7899" i="1"/>
  <c r="U7898" i="1"/>
  <c r="U7897" i="1"/>
  <c r="U7896" i="1"/>
  <c r="U7895" i="1"/>
  <c r="U7894" i="1"/>
  <c r="U7893" i="1"/>
  <c r="U7892" i="1"/>
  <c r="U7891" i="1"/>
  <c r="U7890" i="1"/>
  <c r="U7889" i="1"/>
  <c r="U7888" i="1"/>
  <c r="U7887" i="1"/>
  <c r="U7886" i="1"/>
  <c r="U7885" i="1"/>
  <c r="U7884" i="1"/>
  <c r="U7883" i="1"/>
  <c r="U7882" i="1"/>
  <c r="U7881" i="1"/>
  <c r="U7880" i="1"/>
  <c r="U7879" i="1"/>
  <c r="U7878" i="1"/>
  <c r="U7877" i="1"/>
  <c r="U7876" i="1"/>
  <c r="U7875" i="1"/>
  <c r="U7874" i="1"/>
  <c r="U7873" i="1"/>
  <c r="U7872" i="1"/>
  <c r="U7871" i="1"/>
  <c r="U7870" i="1"/>
  <c r="U7869" i="1"/>
  <c r="U7868" i="1"/>
  <c r="U7867" i="1"/>
  <c r="U7866" i="1"/>
  <c r="U7865" i="1"/>
  <c r="U7864" i="1"/>
  <c r="U7863" i="1"/>
  <c r="U7862" i="1"/>
  <c r="U7861" i="1"/>
  <c r="U7860" i="1"/>
  <c r="U7859" i="1"/>
  <c r="U7858" i="1"/>
  <c r="U7857" i="1"/>
  <c r="U7856" i="1"/>
  <c r="U7855" i="1"/>
  <c r="U7854" i="1"/>
  <c r="U7853" i="1"/>
  <c r="U7852" i="1"/>
  <c r="U7851" i="1"/>
  <c r="U7850" i="1"/>
  <c r="U7849" i="1"/>
  <c r="U7848" i="1"/>
  <c r="U7847" i="1"/>
  <c r="U7846" i="1"/>
  <c r="U7845" i="1"/>
  <c r="U7844" i="1"/>
  <c r="U7843" i="1"/>
  <c r="U7842" i="1"/>
  <c r="U7841" i="1"/>
  <c r="U7840" i="1"/>
  <c r="U7839" i="1"/>
  <c r="U7838" i="1"/>
  <c r="U7837" i="1"/>
  <c r="U7836" i="1"/>
  <c r="U7835" i="1"/>
  <c r="U7834" i="1"/>
  <c r="U7833" i="1"/>
  <c r="U7832" i="1"/>
  <c r="U7831" i="1"/>
  <c r="U7830" i="1"/>
  <c r="U7829" i="1"/>
  <c r="U7828" i="1"/>
  <c r="U7827" i="1"/>
  <c r="U7826" i="1"/>
  <c r="U7825" i="1"/>
  <c r="U7824" i="1"/>
  <c r="U7823" i="1"/>
  <c r="U7822" i="1"/>
  <c r="U7821" i="1"/>
  <c r="U7820" i="1"/>
  <c r="U7819" i="1"/>
  <c r="U7818" i="1"/>
  <c r="U7817" i="1"/>
  <c r="U7816" i="1"/>
  <c r="U7815" i="1"/>
  <c r="U7814" i="1"/>
  <c r="U7813" i="1"/>
  <c r="U7812" i="1"/>
  <c r="U7811" i="1"/>
  <c r="U7810" i="1"/>
  <c r="U7809" i="1"/>
  <c r="U7808" i="1"/>
  <c r="U7807" i="1"/>
  <c r="U7806" i="1"/>
  <c r="U7805" i="1"/>
  <c r="U7804" i="1"/>
  <c r="U7803" i="1"/>
  <c r="U7802" i="1"/>
  <c r="U7801" i="1"/>
  <c r="U7800" i="1"/>
  <c r="U7799" i="1"/>
  <c r="U7798" i="1"/>
  <c r="U7797" i="1"/>
  <c r="U7796" i="1"/>
  <c r="U7795" i="1"/>
  <c r="U7794" i="1"/>
  <c r="U7793" i="1"/>
  <c r="U7792" i="1"/>
  <c r="U7791" i="1"/>
  <c r="U7790" i="1"/>
  <c r="U7789" i="1"/>
  <c r="U7788" i="1"/>
  <c r="U7787" i="1"/>
  <c r="U7786" i="1"/>
  <c r="U7785" i="1"/>
  <c r="U7784" i="1"/>
  <c r="U7783" i="1"/>
  <c r="U7782" i="1"/>
  <c r="U7781" i="1"/>
  <c r="U7780" i="1"/>
  <c r="U7779" i="1"/>
  <c r="U7778" i="1"/>
  <c r="U7777" i="1"/>
  <c r="U7776" i="1"/>
  <c r="U7775" i="1"/>
  <c r="U7774" i="1"/>
  <c r="U7773" i="1"/>
  <c r="U7772" i="1"/>
  <c r="U7771" i="1"/>
  <c r="U7770" i="1"/>
  <c r="U7769" i="1"/>
  <c r="U7768" i="1"/>
  <c r="U7767" i="1"/>
  <c r="U7766" i="1"/>
  <c r="U7765" i="1"/>
  <c r="U7764" i="1"/>
  <c r="U7763" i="1"/>
  <c r="U7762" i="1"/>
  <c r="U7761" i="1"/>
  <c r="U7760" i="1"/>
  <c r="U7759" i="1"/>
  <c r="U7758" i="1"/>
  <c r="U7757" i="1"/>
  <c r="U7756" i="1"/>
  <c r="U7755" i="1"/>
  <c r="U7754" i="1"/>
  <c r="U7753" i="1"/>
  <c r="U7752" i="1"/>
  <c r="U7751" i="1"/>
  <c r="U7750" i="1"/>
  <c r="U7749" i="1"/>
  <c r="U7748" i="1"/>
  <c r="U7747" i="1"/>
  <c r="U7746" i="1"/>
  <c r="U7745" i="1"/>
  <c r="U7744" i="1"/>
  <c r="U7743" i="1"/>
  <c r="U7742" i="1"/>
  <c r="U7741" i="1"/>
  <c r="U7740" i="1"/>
  <c r="U7739" i="1"/>
  <c r="U7738" i="1"/>
  <c r="U7737" i="1"/>
  <c r="U7736" i="1"/>
  <c r="U7735" i="1"/>
  <c r="U7734" i="1"/>
  <c r="U7733" i="1"/>
  <c r="U7732" i="1"/>
  <c r="U7731" i="1"/>
  <c r="U7730" i="1"/>
  <c r="U7729" i="1"/>
  <c r="U7728" i="1"/>
  <c r="U7727" i="1"/>
  <c r="U7726" i="1"/>
  <c r="U7725" i="1"/>
  <c r="U7724" i="1"/>
  <c r="U7723" i="1"/>
  <c r="U7722" i="1"/>
  <c r="U7721" i="1"/>
  <c r="U7720" i="1"/>
  <c r="U7719" i="1"/>
  <c r="U7718" i="1"/>
  <c r="U7717" i="1"/>
  <c r="U7716" i="1"/>
  <c r="U7715" i="1"/>
  <c r="U7714" i="1"/>
  <c r="U7713" i="1"/>
  <c r="U7712" i="1"/>
  <c r="U7711" i="1"/>
  <c r="U7710" i="1"/>
  <c r="U7709" i="1"/>
  <c r="U7708" i="1"/>
  <c r="U7707" i="1"/>
  <c r="U7706" i="1"/>
  <c r="U7705" i="1"/>
  <c r="U7704" i="1"/>
  <c r="U7703" i="1"/>
  <c r="U7702" i="1"/>
  <c r="U7701" i="1"/>
  <c r="U7700" i="1"/>
  <c r="U7699" i="1"/>
  <c r="U7698" i="1"/>
  <c r="U7697" i="1"/>
  <c r="U7696" i="1"/>
  <c r="U7695" i="1"/>
  <c r="U7694" i="1"/>
  <c r="U7693" i="1"/>
  <c r="U7692" i="1"/>
  <c r="U7691" i="1"/>
  <c r="U7690" i="1"/>
  <c r="U7689" i="1"/>
  <c r="U7688" i="1"/>
  <c r="U7687" i="1"/>
  <c r="U7686" i="1"/>
  <c r="U7685" i="1"/>
  <c r="U7684" i="1"/>
  <c r="U7683" i="1"/>
  <c r="U7682" i="1"/>
  <c r="U7681" i="1"/>
  <c r="U7680" i="1"/>
  <c r="U7679" i="1"/>
  <c r="U7678" i="1"/>
  <c r="U7677" i="1"/>
  <c r="U7676" i="1"/>
  <c r="U7675" i="1"/>
  <c r="U7674" i="1"/>
  <c r="U7673" i="1"/>
  <c r="U7672" i="1"/>
  <c r="U7671" i="1"/>
  <c r="U7670" i="1"/>
  <c r="U7669" i="1"/>
  <c r="U7668" i="1"/>
  <c r="U7667" i="1"/>
  <c r="U7666" i="1"/>
  <c r="U7665" i="1"/>
  <c r="U7664" i="1"/>
  <c r="U7663" i="1"/>
  <c r="U7662" i="1"/>
  <c r="U7661" i="1"/>
  <c r="U7660" i="1"/>
  <c r="U7659" i="1"/>
  <c r="U7658" i="1"/>
  <c r="U7657" i="1"/>
  <c r="U7656" i="1"/>
  <c r="U7655" i="1"/>
  <c r="U7654" i="1"/>
  <c r="U7653" i="1"/>
  <c r="U7652" i="1"/>
  <c r="U7651" i="1"/>
  <c r="U7650" i="1"/>
  <c r="U7649" i="1"/>
  <c r="U7648" i="1"/>
  <c r="U7647" i="1"/>
  <c r="U7646" i="1"/>
  <c r="U7645" i="1"/>
  <c r="U7644" i="1"/>
  <c r="U7643" i="1"/>
  <c r="U7642" i="1"/>
  <c r="U7641" i="1"/>
  <c r="U7640" i="1"/>
  <c r="U7639" i="1"/>
  <c r="U7638" i="1"/>
  <c r="U7637" i="1"/>
  <c r="U7636" i="1"/>
  <c r="U7635" i="1"/>
  <c r="U7634" i="1"/>
  <c r="U7633" i="1"/>
  <c r="U7632" i="1"/>
  <c r="U7631" i="1"/>
  <c r="U7630" i="1"/>
  <c r="U7629" i="1"/>
  <c r="U7628" i="1"/>
  <c r="U7627" i="1"/>
  <c r="U7626" i="1"/>
  <c r="U7625" i="1"/>
  <c r="U7624" i="1"/>
  <c r="U7623" i="1"/>
  <c r="U7622" i="1"/>
  <c r="U7621" i="1"/>
  <c r="U7620" i="1"/>
  <c r="U7619" i="1"/>
  <c r="U7618" i="1"/>
  <c r="U7617" i="1"/>
  <c r="U7616" i="1"/>
  <c r="U7615" i="1"/>
  <c r="U7614" i="1"/>
  <c r="U7613" i="1"/>
  <c r="U7612" i="1"/>
  <c r="U7611" i="1"/>
  <c r="U7610" i="1"/>
  <c r="U7609" i="1"/>
  <c r="U7608" i="1"/>
  <c r="U7607" i="1"/>
  <c r="U7606" i="1"/>
  <c r="U7605" i="1"/>
  <c r="U7604" i="1"/>
  <c r="U7603" i="1"/>
  <c r="U7602" i="1"/>
  <c r="U7601" i="1"/>
  <c r="U7600" i="1"/>
  <c r="U7599" i="1"/>
  <c r="U7598" i="1"/>
  <c r="U7597" i="1"/>
  <c r="U7596" i="1"/>
  <c r="U7595" i="1"/>
  <c r="U7594" i="1"/>
  <c r="U7593" i="1"/>
  <c r="U7592" i="1"/>
  <c r="U7591" i="1"/>
  <c r="U7590" i="1"/>
  <c r="U7589" i="1"/>
  <c r="U7588" i="1"/>
  <c r="U7587" i="1"/>
  <c r="U7586" i="1"/>
  <c r="U7585" i="1"/>
  <c r="U7584" i="1"/>
  <c r="U7583" i="1"/>
  <c r="U7582" i="1"/>
  <c r="U7581" i="1"/>
  <c r="U7580" i="1"/>
  <c r="U7579" i="1"/>
  <c r="U7578" i="1"/>
  <c r="U7577" i="1"/>
  <c r="U7576" i="1"/>
  <c r="U7575" i="1"/>
  <c r="U7574" i="1"/>
  <c r="U7573" i="1"/>
  <c r="U7572" i="1"/>
  <c r="U7571" i="1"/>
  <c r="U7570" i="1"/>
  <c r="U7569" i="1"/>
  <c r="U7568" i="1"/>
  <c r="U7567" i="1"/>
  <c r="U7566" i="1"/>
  <c r="U7565" i="1"/>
  <c r="U7564" i="1"/>
  <c r="U7563" i="1"/>
  <c r="U7562" i="1"/>
  <c r="U7561" i="1"/>
  <c r="U7560" i="1"/>
  <c r="U7559" i="1"/>
  <c r="U7558" i="1"/>
  <c r="U7557" i="1"/>
  <c r="U7556" i="1"/>
  <c r="U7555" i="1"/>
  <c r="U7554" i="1"/>
  <c r="U7553" i="1"/>
  <c r="U7552" i="1"/>
  <c r="U7551" i="1"/>
  <c r="U7550" i="1"/>
  <c r="U7549" i="1"/>
  <c r="U7548" i="1"/>
  <c r="U7547" i="1"/>
  <c r="U7546" i="1"/>
  <c r="U7545" i="1"/>
  <c r="U7544" i="1"/>
  <c r="U7543" i="1"/>
  <c r="U7542" i="1"/>
  <c r="U7541" i="1"/>
  <c r="U7540" i="1"/>
  <c r="U7539" i="1"/>
  <c r="U7538" i="1"/>
  <c r="U7537" i="1"/>
  <c r="U7536" i="1"/>
  <c r="U7535" i="1"/>
  <c r="U7534" i="1"/>
  <c r="U7533" i="1"/>
  <c r="U7532" i="1"/>
  <c r="U7531" i="1"/>
  <c r="U7530" i="1"/>
  <c r="U7529" i="1"/>
  <c r="U7528" i="1"/>
  <c r="U7527" i="1"/>
  <c r="U7526" i="1"/>
  <c r="U7525" i="1"/>
  <c r="U7524" i="1"/>
  <c r="U7523" i="1"/>
  <c r="U7522" i="1"/>
  <c r="U7521" i="1"/>
  <c r="U7520" i="1"/>
  <c r="U7519" i="1"/>
  <c r="U7518" i="1"/>
  <c r="U7517" i="1"/>
  <c r="U7516" i="1"/>
  <c r="U7515" i="1"/>
  <c r="U7514" i="1"/>
  <c r="U7513" i="1"/>
  <c r="U7512" i="1"/>
  <c r="U7511" i="1"/>
  <c r="U7510" i="1"/>
  <c r="U7509" i="1"/>
  <c r="U7508" i="1"/>
  <c r="U7507" i="1"/>
  <c r="U7506" i="1"/>
  <c r="U7505" i="1"/>
  <c r="U7504" i="1"/>
  <c r="U7503" i="1"/>
  <c r="U7502" i="1"/>
  <c r="U7501" i="1"/>
  <c r="U7500" i="1"/>
  <c r="U7499" i="1"/>
  <c r="U7498" i="1"/>
  <c r="U7497" i="1"/>
  <c r="U7496" i="1"/>
  <c r="U7495" i="1"/>
  <c r="U7494" i="1"/>
  <c r="U7493" i="1"/>
  <c r="U7492" i="1"/>
  <c r="U7491" i="1"/>
  <c r="U7490" i="1"/>
  <c r="U7489" i="1"/>
  <c r="U7488" i="1"/>
  <c r="U7487" i="1"/>
  <c r="U7486" i="1"/>
  <c r="U7485" i="1"/>
  <c r="U7484" i="1"/>
  <c r="U7483" i="1"/>
  <c r="U7482" i="1"/>
  <c r="U7481" i="1"/>
  <c r="U7480" i="1"/>
  <c r="U7479" i="1"/>
  <c r="U7478" i="1"/>
  <c r="U7477" i="1"/>
  <c r="U7476" i="1"/>
  <c r="U7475" i="1"/>
  <c r="U7474" i="1"/>
  <c r="U7473" i="1"/>
  <c r="U7472" i="1"/>
  <c r="U7471" i="1"/>
  <c r="U7470" i="1"/>
  <c r="U7469" i="1"/>
  <c r="U7468" i="1"/>
  <c r="U7467" i="1"/>
  <c r="U7466" i="1"/>
  <c r="U7465" i="1"/>
  <c r="U7464" i="1"/>
  <c r="U7463" i="1"/>
  <c r="U7462" i="1"/>
  <c r="U7461" i="1"/>
  <c r="U7460" i="1"/>
  <c r="U7459" i="1"/>
  <c r="U7458" i="1"/>
  <c r="U7457" i="1"/>
  <c r="U7456" i="1"/>
  <c r="U7455" i="1"/>
  <c r="U7454" i="1"/>
  <c r="U7453" i="1"/>
  <c r="U7452" i="1"/>
  <c r="U7451" i="1"/>
  <c r="U7450" i="1"/>
  <c r="U7449" i="1"/>
  <c r="U7448" i="1"/>
  <c r="U7447" i="1"/>
  <c r="U7446" i="1"/>
  <c r="U7445" i="1"/>
  <c r="U7444" i="1"/>
  <c r="U7443" i="1"/>
  <c r="U7442" i="1"/>
  <c r="U7441" i="1"/>
  <c r="U7440" i="1"/>
  <c r="U7439" i="1"/>
  <c r="U7438" i="1"/>
  <c r="U7437" i="1"/>
  <c r="U7436" i="1"/>
  <c r="U7435" i="1"/>
  <c r="U7434" i="1"/>
  <c r="U7433" i="1"/>
  <c r="U7432" i="1"/>
  <c r="U7431" i="1"/>
  <c r="U7430" i="1"/>
  <c r="U7429" i="1"/>
  <c r="U7428" i="1"/>
  <c r="U7427" i="1"/>
  <c r="U7426" i="1"/>
  <c r="U7425" i="1"/>
  <c r="U7424" i="1"/>
  <c r="U7423" i="1"/>
  <c r="U7422" i="1"/>
  <c r="U7421" i="1"/>
  <c r="U7420" i="1"/>
  <c r="U7419" i="1"/>
  <c r="U7418" i="1"/>
  <c r="U7417" i="1"/>
  <c r="U7416" i="1"/>
  <c r="U7415" i="1"/>
  <c r="U7414" i="1"/>
  <c r="U7413" i="1"/>
  <c r="U7412" i="1"/>
  <c r="U7411" i="1"/>
  <c r="U7410" i="1"/>
  <c r="U7409" i="1"/>
  <c r="U7408" i="1"/>
  <c r="U7407" i="1"/>
  <c r="U7406" i="1"/>
  <c r="U7405" i="1"/>
  <c r="U7404" i="1"/>
  <c r="U7403" i="1"/>
  <c r="U7402" i="1"/>
  <c r="U7401" i="1"/>
  <c r="U7400" i="1"/>
  <c r="U7399" i="1"/>
  <c r="U7398" i="1"/>
  <c r="U7397" i="1"/>
  <c r="U7396" i="1"/>
  <c r="U7395" i="1"/>
  <c r="U7394" i="1"/>
  <c r="U7393" i="1"/>
  <c r="U7392" i="1"/>
  <c r="U7391" i="1"/>
  <c r="U7390" i="1"/>
  <c r="U7389" i="1"/>
  <c r="U7388" i="1"/>
  <c r="U7387" i="1"/>
  <c r="U7386" i="1"/>
  <c r="U7385" i="1"/>
  <c r="U7384" i="1"/>
  <c r="U7383" i="1"/>
  <c r="U7382" i="1"/>
  <c r="U7381" i="1"/>
  <c r="U7380" i="1"/>
  <c r="U7379" i="1"/>
  <c r="U7378" i="1"/>
  <c r="U7377" i="1"/>
  <c r="U7376" i="1"/>
  <c r="U7375" i="1"/>
  <c r="U7374" i="1"/>
  <c r="U7373" i="1"/>
  <c r="U7372" i="1"/>
  <c r="U7371" i="1"/>
  <c r="U7370" i="1"/>
  <c r="U7369" i="1"/>
  <c r="U7368" i="1"/>
  <c r="U7367" i="1"/>
  <c r="U7366" i="1"/>
  <c r="U7365" i="1"/>
  <c r="U7364" i="1"/>
  <c r="U7363" i="1"/>
  <c r="U7362" i="1"/>
  <c r="U7361" i="1"/>
  <c r="U7360" i="1"/>
  <c r="U7359" i="1"/>
  <c r="U7358" i="1"/>
  <c r="U7357" i="1"/>
  <c r="U7356" i="1"/>
  <c r="U7355" i="1"/>
  <c r="U7354" i="1"/>
  <c r="U7353" i="1"/>
  <c r="U7352" i="1"/>
  <c r="U7351" i="1"/>
  <c r="U7350" i="1"/>
  <c r="U7349" i="1"/>
  <c r="U7348" i="1"/>
  <c r="U7347" i="1"/>
  <c r="U7346" i="1"/>
  <c r="U7345" i="1"/>
  <c r="U7344" i="1"/>
  <c r="U7343" i="1"/>
  <c r="U7342" i="1"/>
  <c r="U7341" i="1"/>
  <c r="U7340" i="1"/>
  <c r="U7339" i="1"/>
  <c r="U7338" i="1"/>
  <c r="U7337" i="1"/>
  <c r="U7336" i="1"/>
  <c r="U7335" i="1"/>
  <c r="U7334" i="1"/>
  <c r="U7333" i="1"/>
  <c r="U7332" i="1"/>
  <c r="U7331" i="1"/>
  <c r="U7330" i="1"/>
  <c r="U7329" i="1"/>
  <c r="U7328" i="1"/>
  <c r="U7327" i="1"/>
  <c r="U7326" i="1"/>
  <c r="U7325" i="1"/>
  <c r="U7324" i="1"/>
  <c r="U7323" i="1"/>
  <c r="U7322" i="1"/>
  <c r="U7321" i="1"/>
  <c r="U7320" i="1"/>
  <c r="U7319" i="1"/>
  <c r="U7318" i="1"/>
  <c r="U7317" i="1"/>
  <c r="U7316" i="1"/>
  <c r="U7315" i="1"/>
  <c r="U7314" i="1"/>
  <c r="U7313" i="1"/>
  <c r="U7312" i="1"/>
  <c r="U7311" i="1"/>
  <c r="U7310" i="1"/>
  <c r="U7309" i="1"/>
  <c r="U7308" i="1"/>
  <c r="U7307" i="1"/>
  <c r="U7306" i="1"/>
  <c r="U7305" i="1"/>
  <c r="U7304" i="1"/>
  <c r="U7303" i="1"/>
  <c r="U7302" i="1"/>
  <c r="U7301" i="1"/>
  <c r="U7300" i="1"/>
  <c r="U7299" i="1"/>
  <c r="U7298" i="1"/>
  <c r="U7297" i="1"/>
  <c r="U7296" i="1"/>
  <c r="U7295" i="1"/>
  <c r="U7294" i="1"/>
  <c r="U7293" i="1"/>
  <c r="U7292" i="1"/>
  <c r="U7291" i="1"/>
  <c r="U7290" i="1"/>
  <c r="U7289" i="1"/>
  <c r="U7288" i="1"/>
  <c r="U7287" i="1"/>
  <c r="U7286" i="1"/>
  <c r="U7285" i="1"/>
  <c r="U7284" i="1"/>
  <c r="U7283" i="1"/>
  <c r="U7282" i="1"/>
  <c r="U7281" i="1"/>
  <c r="U7280" i="1"/>
  <c r="U7279" i="1"/>
  <c r="U7278" i="1"/>
  <c r="U7277" i="1"/>
  <c r="U7276" i="1"/>
  <c r="U7275" i="1"/>
  <c r="U7274" i="1"/>
  <c r="U7273" i="1"/>
  <c r="U7272" i="1"/>
  <c r="U7271" i="1"/>
  <c r="U7270" i="1"/>
  <c r="U7269" i="1"/>
  <c r="U7268" i="1"/>
  <c r="U7267" i="1"/>
  <c r="U7266" i="1"/>
  <c r="U7265" i="1"/>
  <c r="U7264" i="1"/>
  <c r="U7263" i="1"/>
  <c r="U7262" i="1"/>
  <c r="U7261" i="1"/>
  <c r="U7260" i="1"/>
  <c r="U7259" i="1"/>
  <c r="U7258" i="1"/>
  <c r="U7257" i="1"/>
  <c r="U7256" i="1"/>
  <c r="U7255" i="1"/>
  <c r="U7254" i="1"/>
  <c r="U7253" i="1"/>
  <c r="U7252" i="1"/>
  <c r="U7251" i="1"/>
  <c r="U7250" i="1"/>
  <c r="U7249" i="1"/>
  <c r="U7248" i="1"/>
  <c r="U7247" i="1"/>
  <c r="U7246" i="1"/>
  <c r="U7245" i="1"/>
  <c r="U7244" i="1"/>
  <c r="U7243" i="1"/>
  <c r="U7242" i="1"/>
  <c r="U7241" i="1"/>
  <c r="U7240" i="1"/>
  <c r="U7239" i="1"/>
  <c r="U7238" i="1"/>
  <c r="U7237" i="1"/>
  <c r="U7236" i="1"/>
  <c r="U7235" i="1"/>
  <c r="U7234" i="1"/>
  <c r="U7233" i="1"/>
  <c r="U7232" i="1"/>
  <c r="U7231" i="1"/>
  <c r="U7230" i="1"/>
  <c r="U7229" i="1"/>
  <c r="U7228" i="1"/>
  <c r="U7227" i="1"/>
  <c r="U7226" i="1"/>
  <c r="U7225" i="1"/>
  <c r="U7224" i="1"/>
  <c r="U7223" i="1"/>
  <c r="U7222" i="1"/>
  <c r="U7221" i="1"/>
  <c r="U7220" i="1"/>
  <c r="U7219" i="1"/>
  <c r="U7218" i="1"/>
  <c r="U7217" i="1"/>
  <c r="U7216" i="1"/>
  <c r="U7215" i="1"/>
  <c r="U7214" i="1"/>
  <c r="U7213" i="1"/>
  <c r="U7212" i="1"/>
  <c r="U7211" i="1"/>
  <c r="U7210" i="1"/>
  <c r="U7209" i="1"/>
  <c r="U7208" i="1"/>
  <c r="U7207" i="1"/>
  <c r="U7206" i="1"/>
  <c r="U7205" i="1"/>
  <c r="U7204" i="1"/>
  <c r="U7203" i="1"/>
  <c r="U7202" i="1"/>
  <c r="U7201" i="1"/>
  <c r="U7200" i="1"/>
  <c r="U7199" i="1"/>
  <c r="U7198" i="1"/>
  <c r="U7197" i="1"/>
  <c r="U7196" i="1"/>
  <c r="U7195" i="1"/>
  <c r="U7194" i="1"/>
  <c r="U7193" i="1"/>
  <c r="U7192" i="1"/>
  <c r="U7191" i="1"/>
  <c r="U7190" i="1"/>
  <c r="U7189" i="1"/>
  <c r="U7188" i="1"/>
  <c r="U7187" i="1"/>
  <c r="U7186" i="1"/>
  <c r="U7185" i="1"/>
  <c r="U7184" i="1"/>
  <c r="U7183" i="1"/>
  <c r="U7182" i="1"/>
  <c r="U7181" i="1"/>
  <c r="U7180" i="1"/>
  <c r="U7179" i="1"/>
  <c r="U7178" i="1"/>
  <c r="U7177" i="1"/>
  <c r="U7176" i="1"/>
  <c r="U7175" i="1"/>
  <c r="U7174" i="1"/>
  <c r="U7173" i="1"/>
  <c r="U7172" i="1"/>
  <c r="U7171" i="1"/>
  <c r="U7170" i="1"/>
  <c r="U7169" i="1"/>
  <c r="U7168" i="1"/>
  <c r="U7167" i="1"/>
  <c r="U7166" i="1"/>
  <c r="U7165" i="1"/>
  <c r="U7164" i="1"/>
  <c r="U7163" i="1"/>
  <c r="U7162" i="1"/>
  <c r="U7161" i="1"/>
  <c r="U7160" i="1"/>
  <c r="U7159" i="1"/>
  <c r="U7158" i="1"/>
  <c r="U7157" i="1"/>
  <c r="U7156" i="1"/>
  <c r="U7155" i="1"/>
  <c r="U7154" i="1"/>
  <c r="U7153" i="1"/>
  <c r="U7152" i="1"/>
  <c r="U7151" i="1"/>
  <c r="U7150" i="1"/>
  <c r="U7149" i="1"/>
  <c r="U7148" i="1"/>
  <c r="U7147" i="1"/>
  <c r="U7146" i="1"/>
  <c r="U7145" i="1"/>
  <c r="U7144" i="1"/>
  <c r="U7143" i="1"/>
  <c r="U7142" i="1"/>
  <c r="U7141" i="1"/>
  <c r="U7140" i="1"/>
  <c r="U7139" i="1"/>
  <c r="U7138" i="1"/>
  <c r="U7137" i="1"/>
  <c r="U7136" i="1"/>
  <c r="U7135" i="1"/>
  <c r="U7134" i="1"/>
  <c r="U7133" i="1"/>
  <c r="U7132" i="1"/>
  <c r="U7131" i="1"/>
  <c r="U7130" i="1"/>
  <c r="U7129" i="1"/>
  <c r="U7128" i="1"/>
  <c r="U7127" i="1"/>
  <c r="U7126" i="1"/>
  <c r="U7125" i="1"/>
  <c r="U7124" i="1"/>
  <c r="U7123" i="1"/>
  <c r="U7122" i="1"/>
  <c r="U7121" i="1"/>
  <c r="U7120" i="1"/>
  <c r="U7119" i="1"/>
  <c r="U7118" i="1"/>
  <c r="U7117" i="1"/>
  <c r="U7116" i="1"/>
  <c r="U7115" i="1"/>
  <c r="U7114" i="1"/>
  <c r="U7113" i="1"/>
  <c r="U7112" i="1"/>
  <c r="U7111" i="1"/>
  <c r="U7110" i="1"/>
  <c r="U7109" i="1"/>
  <c r="U7108" i="1"/>
  <c r="U7107" i="1"/>
  <c r="U7106" i="1"/>
  <c r="U7105" i="1"/>
  <c r="U7104" i="1"/>
  <c r="U7103" i="1"/>
  <c r="U7102" i="1"/>
  <c r="U7101" i="1"/>
  <c r="U7100" i="1"/>
  <c r="U7099" i="1"/>
  <c r="U7098" i="1"/>
  <c r="U7097" i="1"/>
  <c r="U7096" i="1"/>
  <c r="U7095" i="1"/>
  <c r="U7094" i="1"/>
  <c r="U7093" i="1"/>
  <c r="U7092" i="1"/>
  <c r="U7091" i="1"/>
  <c r="U7090" i="1"/>
  <c r="U7089" i="1"/>
  <c r="U7088" i="1"/>
  <c r="U7087" i="1"/>
  <c r="U7086" i="1"/>
  <c r="U7085" i="1"/>
  <c r="U7084" i="1"/>
  <c r="U7083" i="1"/>
  <c r="U7082" i="1"/>
  <c r="U7081" i="1"/>
  <c r="U7080" i="1"/>
  <c r="U7079" i="1"/>
  <c r="U7078" i="1"/>
  <c r="U7077" i="1"/>
  <c r="U7076" i="1"/>
  <c r="U7075" i="1"/>
  <c r="U7074" i="1"/>
  <c r="U7073" i="1"/>
  <c r="U7072" i="1"/>
  <c r="U7071" i="1"/>
  <c r="U7070" i="1"/>
  <c r="U7069" i="1"/>
  <c r="U7068" i="1"/>
  <c r="U7067" i="1"/>
  <c r="U7066" i="1"/>
  <c r="U7065" i="1"/>
  <c r="U7064" i="1"/>
  <c r="U7063" i="1"/>
  <c r="U7062" i="1"/>
  <c r="U7061" i="1"/>
  <c r="U7060" i="1"/>
  <c r="U7059" i="1"/>
  <c r="U7058" i="1"/>
  <c r="U7057" i="1"/>
  <c r="U7056" i="1"/>
  <c r="U7055" i="1"/>
  <c r="U7054" i="1"/>
  <c r="U7053" i="1"/>
  <c r="U7052" i="1"/>
  <c r="U7051" i="1"/>
  <c r="U7050" i="1"/>
  <c r="U7049" i="1"/>
  <c r="U7048" i="1"/>
  <c r="U7047" i="1"/>
  <c r="U7046" i="1"/>
  <c r="U7045" i="1"/>
  <c r="U7044" i="1"/>
  <c r="U7043" i="1"/>
  <c r="U7042" i="1"/>
  <c r="U7041" i="1"/>
  <c r="U7040" i="1"/>
  <c r="U7039" i="1"/>
  <c r="U7038" i="1"/>
  <c r="U7037" i="1"/>
  <c r="U7036" i="1"/>
  <c r="U7035" i="1"/>
  <c r="U7034" i="1"/>
  <c r="U7033" i="1"/>
  <c r="U7032" i="1"/>
  <c r="U7031" i="1"/>
  <c r="U7030" i="1"/>
  <c r="U7029" i="1"/>
  <c r="U7028" i="1"/>
  <c r="U7027" i="1"/>
  <c r="U7026" i="1"/>
  <c r="U7025" i="1"/>
  <c r="U7024" i="1"/>
  <c r="U7023" i="1"/>
  <c r="U7022" i="1"/>
  <c r="U7021" i="1"/>
  <c r="U7020" i="1"/>
  <c r="U7019" i="1"/>
  <c r="U7018" i="1"/>
  <c r="U7017" i="1"/>
  <c r="U7016" i="1"/>
  <c r="U7015" i="1"/>
  <c r="U7014" i="1"/>
  <c r="U7013" i="1"/>
  <c r="U7012" i="1"/>
  <c r="U7011" i="1"/>
  <c r="U7010" i="1"/>
  <c r="U7009" i="1"/>
  <c r="U7008" i="1"/>
  <c r="U7007" i="1"/>
  <c r="U7006" i="1"/>
  <c r="U7005" i="1"/>
  <c r="U7004" i="1"/>
  <c r="U7003" i="1"/>
  <c r="U7002" i="1"/>
  <c r="U7001" i="1"/>
  <c r="U7000" i="1"/>
  <c r="U6999" i="1"/>
  <c r="U6998" i="1"/>
  <c r="U6997" i="1"/>
  <c r="U6996" i="1"/>
  <c r="U6995" i="1"/>
  <c r="U6994" i="1"/>
  <c r="U6993" i="1"/>
  <c r="U6992" i="1"/>
  <c r="U6991" i="1"/>
  <c r="U6990" i="1"/>
  <c r="U6989" i="1"/>
  <c r="U6988" i="1"/>
  <c r="U6987" i="1"/>
  <c r="U6986" i="1"/>
  <c r="U6985" i="1"/>
  <c r="U6984" i="1"/>
  <c r="U6983" i="1"/>
  <c r="U6982" i="1"/>
  <c r="U6981" i="1"/>
  <c r="U6980" i="1"/>
  <c r="U6979" i="1"/>
  <c r="U6978" i="1"/>
  <c r="U6977" i="1"/>
  <c r="U6976" i="1"/>
  <c r="U6975" i="1"/>
  <c r="U6974" i="1"/>
  <c r="U6973" i="1"/>
  <c r="U6972" i="1"/>
  <c r="U6971" i="1"/>
  <c r="U6970" i="1"/>
  <c r="U6969" i="1"/>
  <c r="U6968" i="1"/>
  <c r="U6967" i="1"/>
  <c r="U6966" i="1"/>
  <c r="U6965" i="1"/>
  <c r="U6964" i="1"/>
  <c r="U6963" i="1"/>
  <c r="U6962" i="1"/>
  <c r="U6961" i="1"/>
  <c r="U6960" i="1"/>
  <c r="U6959" i="1"/>
  <c r="U6958" i="1"/>
  <c r="U6957" i="1"/>
  <c r="U6956" i="1"/>
  <c r="U6955" i="1"/>
  <c r="U6954" i="1"/>
  <c r="U6953" i="1"/>
  <c r="U6952" i="1"/>
  <c r="U6951" i="1"/>
  <c r="U6950" i="1"/>
  <c r="U6949" i="1"/>
  <c r="U6948" i="1"/>
  <c r="U6947" i="1"/>
  <c r="U6946" i="1"/>
  <c r="U6945" i="1"/>
  <c r="U6944" i="1"/>
  <c r="U6943" i="1"/>
  <c r="U6942" i="1"/>
  <c r="U6941" i="1"/>
  <c r="U6940" i="1"/>
  <c r="U6939" i="1"/>
  <c r="U6938" i="1"/>
  <c r="U6937" i="1"/>
  <c r="U6936" i="1"/>
  <c r="U6935" i="1"/>
  <c r="U6934" i="1"/>
  <c r="U6933" i="1"/>
  <c r="U6932" i="1"/>
  <c r="U6931" i="1"/>
  <c r="U6930" i="1"/>
  <c r="U6929" i="1"/>
  <c r="U6928" i="1"/>
  <c r="U6927" i="1"/>
  <c r="U6926" i="1"/>
  <c r="U6925" i="1"/>
  <c r="U6924" i="1"/>
  <c r="U6923" i="1"/>
  <c r="U6922" i="1"/>
  <c r="U6921" i="1"/>
  <c r="U6920" i="1"/>
  <c r="U6919" i="1"/>
  <c r="U6918" i="1"/>
  <c r="U6917" i="1"/>
  <c r="U6916" i="1"/>
  <c r="U6915" i="1"/>
  <c r="U6914" i="1"/>
  <c r="U6913" i="1"/>
  <c r="U6912" i="1"/>
  <c r="U6911" i="1"/>
  <c r="U6910" i="1"/>
  <c r="U6909" i="1"/>
  <c r="U6908" i="1"/>
  <c r="U6907" i="1"/>
  <c r="U6906" i="1"/>
  <c r="U6905" i="1"/>
  <c r="U6904" i="1"/>
  <c r="U6903" i="1"/>
  <c r="U6902" i="1"/>
  <c r="U6901" i="1"/>
  <c r="U6900" i="1"/>
  <c r="U6899" i="1"/>
  <c r="U6898" i="1"/>
  <c r="U6897" i="1"/>
  <c r="U6896" i="1"/>
  <c r="U6895" i="1"/>
  <c r="U6894" i="1"/>
  <c r="U6893" i="1"/>
  <c r="U6892" i="1"/>
  <c r="U6891" i="1"/>
  <c r="U6890" i="1"/>
  <c r="U6889" i="1"/>
  <c r="U6888" i="1"/>
  <c r="U6887" i="1"/>
  <c r="U6886" i="1"/>
  <c r="U6885" i="1"/>
  <c r="U6884" i="1"/>
  <c r="U6883" i="1"/>
  <c r="U6882" i="1"/>
  <c r="U6881" i="1"/>
  <c r="U6880" i="1"/>
  <c r="U6879" i="1"/>
  <c r="U6878" i="1"/>
  <c r="U6877" i="1"/>
  <c r="U6876" i="1"/>
  <c r="U6875" i="1"/>
  <c r="U6874" i="1"/>
  <c r="U6873" i="1"/>
  <c r="U6872" i="1"/>
  <c r="U6871" i="1"/>
  <c r="U6870" i="1"/>
  <c r="U6869" i="1"/>
  <c r="U6868" i="1"/>
  <c r="U6867" i="1"/>
  <c r="U6866" i="1"/>
  <c r="U6865" i="1"/>
  <c r="U6864" i="1"/>
  <c r="U6863" i="1"/>
  <c r="U6862" i="1"/>
  <c r="U6861" i="1"/>
  <c r="U6860" i="1"/>
  <c r="U6859" i="1"/>
  <c r="U6858" i="1"/>
  <c r="U6857" i="1"/>
  <c r="U6856" i="1"/>
  <c r="U6855" i="1"/>
  <c r="U6854" i="1"/>
  <c r="U6853" i="1"/>
  <c r="U6852" i="1"/>
  <c r="U6851" i="1"/>
  <c r="U6850" i="1"/>
  <c r="U6849" i="1"/>
  <c r="U6848" i="1"/>
  <c r="U6847" i="1"/>
  <c r="U6846" i="1"/>
  <c r="U6845" i="1"/>
  <c r="U6844" i="1"/>
  <c r="U6843" i="1"/>
  <c r="U6842" i="1"/>
  <c r="U6841" i="1"/>
  <c r="U6840" i="1"/>
  <c r="U6839" i="1"/>
  <c r="U6838" i="1"/>
  <c r="U6837" i="1"/>
  <c r="U6836" i="1"/>
  <c r="U6835" i="1"/>
  <c r="U6834" i="1"/>
  <c r="U6833" i="1"/>
  <c r="U6832" i="1"/>
  <c r="U6831" i="1"/>
  <c r="U6830" i="1"/>
  <c r="U6829" i="1"/>
  <c r="U6828" i="1"/>
  <c r="U6827" i="1"/>
  <c r="U6826" i="1"/>
  <c r="U6825" i="1"/>
  <c r="U6824" i="1"/>
  <c r="U6823" i="1"/>
  <c r="U6822" i="1"/>
  <c r="U6821" i="1"/>
  <c r="U6820" i="1"/>
  <c r="U6819" i="1"/>
  <c r="U6818" i="1"/>
  <c r="U6817" i="1"/>
  <c r="U6816" i="1"/>
  <c r="U6815" i="1"/>
  <c r="U6814" i="1"/>
  <c r="U6813" i="1"/>
  <c r="U6812" i="1"/>
  <c r="U6811" i="1"/>
  <c r="U6810" i="1"/>
  <c r="U6809" i="1"/>
  <c r="U6808" i="1"/>
  <c r="U6807" i="1"/>
  <c r="U6806" i="1"/>
  <c r="U6805" i="1"/>
  <c r="U6804" i="1"/>
  <c r="U6803" i="1"/>
  <c r="U6802" i="1"/>
  <c r="U6801" i="1"/>
  <c r="U6800" i="1"/>
  <c r="U6799" i="1"/>
  <c r="U6798" i="1"/>
  <c r="U6797" i="1"/>
  <c r="U6796" i="1"/>
  <c r="U6795" i="1"/>
  <c r="U6794" i="1"/>
  <c r="U6793" i="1"/>
  <c r="U6792" i="1"/>
  <c r="U6791" i="1"/>
  <c r="U6790" i="1"/>
  <c r="U6789" i="1"/>
  <c r="U6788" i="1"/>
  <c r="U6787" i="1"/>
  <c r="U6786" i="1"/>
  <c r="U6785" i="1"/>
  <c r="U6784" i="1"/>
  <c r="U6783" i="1"/>
  <c r="U6782" i="1"/>
  <c r="U6781" i="1"/>
  <c r="U6780" i="1"/>
  <c r="U6779" i="1"/>
  <c r="U6778" i="1"/>
  <c r="U6777" i="1"/>
  <c r="U6776" i="1"/>
  <c r="U6775" i="1"/>
  <c r="U6774" i="1"/>
  <c r="U6773" i="1"/>
  <c r="U6772" i="1"/>
  <c r="U6771" i="1"/>
  <c r="U6770" i="1"/>
  <c r="U6769" i="1"/>
  <c r="U6768" i="1"/>
  <c r="U6767" i="1"/>
  <c r="U6766" i="1"/>
  <c r="U6765" i="1"/>
  <c r="U6764" i="1"/>
  <c r="U6763" i="1"/>
  <c r="U6762" i="1"/>
  <c r="U6761" i="1"/>
  <c r="U6760" i="1"/>
  <c r="U6759" i="1"/>
  <c r="U6758" i="1"/>
  <c r="U6757" i="1"/>
  <c r="U6756" i="1"/>
  <c r="U6755" i="1"/>
  <c r="U6754" i="1"/>
  <c r="U6753" i="1"/>
  <c r="U6752" i="1"/>
  <c r="U6751" i="1"/>
  <c r="U6750" i="1"/>
  <c r="U6749" i="1"/>
  <c r="U6748" i="1"/>
  <c r="U6747" i="1"/>
  <c r="U6746" i="1"/>
  <c r="U6745" i="1"/>
  <c r="U6744" i="1"/>
  <c r="U6743" i="1"/>
  <c r="U6742" i="1"/>
  <c r="U6741" i="1"/>
  <c r="U6740" i="1"/>
  <c r="U6739" i="1"/>
  <c r="U6738" i="1"/>
  <c r="U6737" i="1"/>
  <c r="U6736" i="1"/>
  <c r="U6735" i="1"/>
  <c r="U6734" i="1"/>
  <c r="U6733" i="1"/>
  <c r="U6732" i="1"/>
  <c r="U6731" i="1"/>
  <c r="U6730" i="1"/>
  <c r="U6729" i="1"/>
  <c r="U6728" i="1"/>
  <c r="U6727" i="1"/>
  <c r="U6726" i="1"/>
  <c r="U6725" i="1"/>
  <c r="U6724" i="1"/>
  <c r="U6723" i="1"/>
  <c r="U6722" i="1"/>
  <c r="U6721" i="1"/>
  <c r="U6720" i="1"/>
  <c r="U6719" i="1"/>
  <c r="U6718" i="1"/>
  <c r="U6717" i="1"/>
  <c r="U6716" i="1"/>
  <c r="U6715" i="1"/>
  <c r="U6714" i="1"/>
  <c r="U6713" i="1"/>
  <c r="U6712" i="1"/>
  <c r="U6711" i="1"/>
  <c r="U6710" i="1"/>
  <c r="U6709" i="1"/>
  <c r="U6708" i="1"/>
  <c r="U6707" i="1"/>
  <c r="U6706" i="1"/>
  <c r="U6705" i="1"/>
  <c r="U6704" i="1"/>
  <c r="U6703" i="1"/>
  <c r="U6702" i="1"/>
  <c r="U6701" i="1"/>
  <c r="U6700" i="1"/>
  <c r="U6699" i="1"/>
  <c r="U6698" i="1"/>
  <c r="U6697" i="1"/>
  <c r="U6696" i="1"/>
  <c r="U6695" i="1"/>
  <c r="U6694" i="1"/>
  <c r="U6693" i="1"/>
  <c r="U6692" i="1"/>
  <c r="U6691" i="1"/>
  <c r="U6690" i="1"/>
  <c r="U6689" i="1"/>
  <c r="U6688" i="1"/>
  <c r="U6687" i="1"/>
  <c r="U6686" i="1"/>
  <c r="U6685" i="1"/>
  <c r="U6684" i="1"/>
  <c r="U6683" i="1"/>
  <c r="U6682" i="1"/>
  <c r="U6681" i="1"/>
  <c r="U6680" i="1"/>
  <c r="U6679" i="1"/>
  <c r="U6678" i="1"/>
  <c r="U6677" i="1"/>
  <c r="U6676" i="1"/>
  <c r="U6675" i="1"/>
  <c r="U6674" i="1"/>
  <c r="U6673" i="1"/>
  <c r="U6672" i="1"/>
  <c r="U6671" i="1"/>
  <c r="U6670" i="1"/>
  <c r="U6669" i="1"/>
  <c r="U6668" i="1"/>
  <c r="U6667" i="1"/>
  <c r="U6666" i="1"/>
  <c r="U6665" i="1"/>
  <c r="U6664" i="1"/>
  <c r="U6663" i="1"/>
  <c r="U6662" i="1"/>
  <c r="U6661" i="1"/>
  <c r="U6660" i="1"/>
  <c r="U6659" i="1"/>
  <c r="U6658" i="1"/>
  <c r="U6657" i="1"/>
  <c r="U6656" i="1"/>
  <c r="U6655" i="1"/>
  <c r="U6654" i="1"/>
  <c r="U6653" i="1"/>
  <c r="U6652" i="1"/>
  <c r="U6651" i="1"/>
  <c r="U6650" i="1"/>
  <c r="U6649" i="1"/>
  <c r="U6648" i="1"/>
  <c r="U6647" i="1"/>
  <c r="U6646" i="1"/>
  <c r="U6645" i="1"/>
  <c r="U6644" i="1"/>
  <c r="U6643" i="1"/>
  <c r="U6642" i="1"/>
  <c r="U6641" i="1"/>
  <c r="U6640" i="1"/>
  <c r="U6639" i="1"/>
  <c r="U6638" i="1"/>
  <c r="U6637" i="1"/>
  <c r="U6636" i="1"/>
  <c r="U6635" i="1"/>
  <c r="U6634" i="1"/>
  <c r="U6633" i="1"/>
  <c r="U6632" i="1"/>
  <c r="U6631" i="1"/>
  <c r="U6630" i="1"/>
  <c r="U6629" i="1"/>
  <c r="U6628" i="1"/>
  <c r="U6627" i="1"/>
  <c r="U6626" i="1"/>
  <c r="U6625" i="1"/>
  <c r="U6624" i="1"/>
  <c r="U6623" i="1"/>
  <c r="U6622" i="1"/>
  <c r="U6621" i="1"/>
  <c r="U6620" i="1"/>
  <c r="U6619" i="1"/>
  <c r="U6618" i="1"/>
  <c r="U6617" i="1"/>
  <c r="U6616" i="1"/>
  <c r="U6615" i="1"/>
  <c r="U6614" i="1"/>
  <c r="U6613" i="1"/>
  <c r="U6612" i="1"/>
  <c r="U6611" i="1"/>
  <c r="U6610" i="1"/>
  <c r="U6609" i="1"/>
  <c r="U6608" i="1"/>
  <c r="U6607" i="1"/>
  <c r="U6606" i="1"/>
  <c r="U6605" i="1"/>
  <c r="U6604" i="1"/>
  <c r="U6603" i="1"/>
  <c r="U6602" i="1"/>
  <c r="U6601" i="1"/>
  <c r="U6600" i="1"/>
  <c r="U6599" i="1"/>
  <c r="U6598" i="1"/>
  <c r="U6597" i="1"/>
  <c r="U6596" i="1"/>
  <c r="U6595" i="1"/>
  <c r="U6594" i="1"/>
  <c r="U6593" i="1"/>
  <c r="U6592" i="1"/>
  <c r="U6591" i="1"/>
  <c r="U6590" i="1"/>
  <c r="U6589" i="1"/>
  <c r="U6588" i="1"/>
  <c r="U6587" i="1"/>
  <c r="U6586" i="1"/>
  <c r="U6585" i="1"/>
  <c r="U6584" i="1"/>
  <c r="U6583" i="1"/>
  <c r="U6582" i="1"/>
  <c r="U6581" i="1"/>
  <c r="U6580" i="1"/>
  <c r="U6579" i="1"/>
  <c r="U6578" i="1"/>
  <c r="U6577" i="1"/>
  <c r="U6576" i="1"/>
  <c r="U6575" i="1"/>
  <c r="U6574" i="1"/>
  <c r="U6573" i="1"/>
  <c r="U6572" i="1"/>
  <c r="U6571" i="1"/>
  <c r="U6570" i="1"/>
  <c r="U6569" i="1"/>
  <c r="U6568" i="1"/>
  <c r="U6567" i="1"/>
  <c r="U6566" i="1"/>
  <c r="U6565" i="1"/>
  <c r="U6564" i="1"/>
  <c r="U6563" i="1"/>
  <c r="U6562" i="1"/>
  <c r="U6561" i="1"/>
  <c r="U6560" i="1"/>
  <c r="U6559" i="1"/>
  <c r="U6558" i="1"/>
  <c r="U6557" i="1"/>
  <c r="U6556" i="1"/>
  <c r="U6555" i="1"/>
  <c r="U6554" i="1"/>
  <c r="U6553" i="1"/>
  <c r="U6552" i="1"/>
  <c r="U6551" i="1"/>
  <c r="U6550" i="1"/>
  <c r="U6549" i="1"/>
  <c r="U6548" i="1"/>
  <c r="U6547" i="1"/>
  <c r="U6546" i="1"/>
  <c r="U6545" i="1"/>
  <c r="U6544" i="1"/>
  <c r="U6543" i="1"/>
  <c r="U6542" i="1"/>
  <c r="U6541" i="1"/>
  <c r="U6540" i="1"/>
  <c r="U6539" i="1"/>
  <c r="U6538" i="1"/>
  <c r="U6537" i="1"/>
  <c r="U6536" i="1"/>
  <c r="U6535" i="1"/>
  <c r="U6534" i="1"/>
  <c r="U6533" i="1"/>
  <c r="U6532" i="1"/>
  <c r="U6531" i="1"/>
  <c r="U6530" i="1"/>
  <c r="U6529" i="1"/>
  <c r="U6528" i="1"/>
  <c r="U6527" i="1"/>
  <c r="U6526" i="1"/>
  <c r="U6525" i="1"/>
  <c r="U6524" i="1"/>
  <c r="U6523" i="1"/>
  <c r="U6522" i="1"/>
  <c r="U6521" i="1"/>
  <c r="U6520" i="1"/>
  <c r="U6519" i="1"/>
  <c r="U6518" i="1"/>
  <c r="U6517" i="1"/>
  <c r="U6516" i="1"/>
  <c r="U6515" i="1"/>
  <c r="U6514" i="1"/>
  <c r="U6513" i="1"/>
  <c r="U6512" i="1"/>
  <c r="U6511" i="1"/>
  <c r="U6510" i="1"/>
  <c r="U6509" i="1"/>
  <c r="U6508" i="1"/>
  <c r="U6507" i="1"/>
  <c r="U6506" i="1"/>
  <c r="U6505" i="1"/>
  <c r="U6504" i="1"/>
  <c r="U6503" i="1"/>
  <c r="U6502" i="1"/>
  <c r="U6501" i="1"/>
  <c r="U6500" i="1"/>
  <c r="U6499" i="1"/>
  <c r="U6498" i="1"/>
  <c r="U6497" i="1"/>
  <c r="U6496" i="1"/>
  <c r="U6495" i="1"/>
  <c r="U6494" i="1"/>
  <c r="U6493" i="1"/>
  <c r="U6492" i="1"/>
  <c r="U6491" i="1"/>
  <c r="U6490" i="1"/>
  <c r="U6489" i="1"/>
  <c r="U6488" i="1"/>
  <c r="U6487" i="1"/>
  <c r="U6486" i="1"/>
  <c r="U6485" i="1"/>
  <c r="U6484" i="1"/>
  <c r="U6483" i="1"/>
  <c r="U6482" i="1"/>
  <c r="U6481" i="1"/>
  <c r="U6480" i="1"/>
  <c r="U6479" i="1"/>
  <c r="U6478" i="1"/>
  <c r="U6477" i="1"/>
  <c r="U6476" i="1"/>
  <c r="U6475" i="1"/>
  <c r="U6474" i="1"/>
  <c r="U6473" i="1"/>
  <c r="U6472" i="1"/>
  <c r="U6471" i="1"/>
  <c r="U6470" i="1"/>
  <c r="U6469" i="1"/>
  <c r="U6468" i="1"/>
  <c r="U6467" i="1"/>
  <c r="U6466" i="1"/>
  <c r="U6465" i="1"/>
  <c r="U6464" i="1"/>
  <c r="U6463" i="1"/>
  <c r="U6462" i="1"/>
  <c r="U6461" i="1"/>
  <c r="U6460" i="1"/>
  <c r="U6459" i="1"/>
  <c r="U6458" i="1"/>
  <c r="U6457" i="1"/>
  <c r="U6456" i="1"/>
  <c r="U6455" i="1"/>
  <c r="U6454" i="1"/>
  <c r="U6453" i="1"/>
  <c r="U6452" i="1"/>
  <c r="U6451" i="1"/>
  <c r="U6450" i="1"/>
  <c r="U6449" i="1"/>
  <c r="U6448" i="1"/>
  <c r="U6447" i="1"/>
  <c r="U6446" i="1"/>
  <c r="U6445" i="1"/>
  <c r="U6444" i="1"/>
  <c r="U6443" i="1"/>
  <c r="U6442" i="1"/>
  <c r="U6441" i="1"/>
  <c r="U6440" i="1"/>
  <c r="U6439" i="1"/>
  <c r="U6438" i="1"/>
  <c r="U6437" i="1"/>
  <c r="U6436" i="1"/>
  <c r="U6435" i="1"/>
  <c r="U6434" i="1"/>
  <c r="U6433" i="1"/>
  <c r="U6432" i="1"/>
  <c r="U6431" i="1"/>
  <c r="U6430" i="1"/>
  <c r="U6429" i="1"/>
  <c r="U6428" i="1"/>
  <c r="U6427" i="1"/>
  <c r="U6426" i="1"/>
  <c r="U6425" i="1"/>
  <c r="U6424" i="1"/>
  <c r="U6423" i="1"/>
  <c r="U6422" i="1"/>
  <c r="U6421" i="1"/>
  <c r="U6420" i="1"/>
  <c r="U6419" i="1"/>
  <c r="U6418" i="1"/>
  <c r="U6417" i="1"/>
  <c r="U6416" i="1"/>
  <c r="U6415" i="1"/>
  <c r="U6414" i="1"/>
  <c r="U6413" i="1"/>
  <c r="U6412" i="1"/>
  <c r="U6411" i="1"/>
  <c r="U6410" i="1"/>
  <c r="U6409" i="1"/>
  <c r="U6408" i="1"/>
  <c r="U6407" i="1"/>
  <c r="U6406" i="1"/>
  <c r="U6405" i="1"/>
  <c r="U6404" i="1"/>
  <c r="U6403" i="1"/>
  <c r="U6402" i="1"/>
  <c r="U6401" i="1"/>
  <c r="U6400" i="1"/>
  <c r="U6399" i="1"/>
  <c r="U6398" i="1"/>
  <c r="U6397" i="1"/>
  <c r="U6396" i="1"/>
  <c r="U6395" i="1"/>
  <c r="U6394" i="1"/>
  <c r="U6393" i="1"/>
  <c r="U6392" i="1"/>
  <c r="U6391" i="1"/>
  <c r="U6390" i="1"/>
  <c r="U6389" i="1"/>
  <c r="U6388" i="1"/>
  <c r="U6387" i="1"/>
  <c r="U6386" i="1"/>
  <c r="U6385" i="1"/>
  <c r="U6384" i="1"/>
  <c r="U6383" i="1"/>
  <c r="U6382" i="1"/>
  <c r="U6381" i="1"/>
  <c r="U6380" i="1"/>
  <c r="U6379" i="1"/>
  <c r="U6378" i="1"/>
  <c r="U6377" i="1"/>
  <c r="U6376" i="1"/>
  <c r="U6375" i="1"/>
  <c r="U6374" i="1"/>
  <c r="U6373" i="1"/>
  <c r="U6372" i="1"/>
  <c r="U6371" i="1"/>
  <c r="U6370" i="1"/>
  <c r="U6369" i="1"/>
  <c r="U6368" i="1"/>
  <c r="U6367" i="1"/>
  <c r="U6366" i="1"/>
  <c r="U6365" i="1"/>
  <c r="U6364" i="1"/>
  <c r="U6363" i="1"/>
  <c r="U6362" i="1"/>
  <c r="U6361" i="1"/>
  <c r="U6360" i="1"/>
  <c r="U6359" i="1"/>
  <c r="U6358" i="1"/>
  <c r="U6357" i="1"/>
  <c r="U6356" i="1"/>
  <c r="U6355" i="1"/>
  <c r="U6354" i="1"/>
  <c r="U6353" i="1"/>
  <c r="U6352" i="1"/>
  <c r="U6351" i="1"/>
  <c r="U6350" i="1"/>
  <c r="U6349" i="1"/>
  <c r="U6348" i="1"/>
  <c r="U6347" i="1"/>
  <c r="U6346" i="1"/>
  <c r="U6345" i="1"/>
  <c r="U6344" i="1"/>
  <c r="U6343" i="1"/>
  <c r="U6342" i="1"/>
  <c r="U6341" i="1"/>
  <c r="U6340" i="1"/>
  <c r="U6339" i="1"/>
  <c r="U6338" i="1"/>
  <c r="U6337" i="1"/>
  <c r="U6336" i="1"/>
  <c r="U6335" i="1"/>
  <c r="U6334" i="1"/>
  <c r="U6333" i="1"/>
  <c r="U6332" i="1"/>
  <c r="U6331" i="1"/>
  <c r="U6330" i="1"/>
  <c r="U6329" i="1"/>
  <c r="U6328" i="1"/>
  <c r="U6327" i="1"/>
  <c r="U6326" i="1"/>
  <c r="U6325" i="1"/>
  <c r="U6324" i="1"/>
  <c r="U6323" i="1"/>
  <c r="U6322" i="1"/>
  <c r="U6321" i="1"/>
  <c r="U6320" i="1"/>
  <c r="U6319" i="1"/>
  <c r="U6318" i="1"/>
  <c r="U6317" i="1"/>
  <c r="U6316" i="1"/>
  <c r="U6315" i="1"/>
  <c r="U6314" i="1"/>
  <c r="U6313" i="1"/>
  <c r="U6312" i="1"/>
  <c r="U6311" i="1"/>
  <c r="U6310" i="1"/>
  <c r="U6309" i="1"/>
  <c r="U6308" i="1"/>
  <c r="U6307" i="1"/>
  <c r="U6306" i="1"/>
  <c r="U6305" i="1"/>
  <c r="U6304" i="1"/>
  <c r="U6303" i="1"/>
  <c r="U6302" i="1"/>
  <c r="U6301" i="1"/>
  <c r="U6300" i="1"/>
  <c r="U6299" i="1"/>
  <c r="U6298" i="1"/>
  <c r="U6297" i="1"/>
  <c r="U6296" i="1"/>
  <c r="U6295" i="1"/>
  <c r="U6294" i="1"/>
  <c r="U6293" i="1"/>
  <c r="U6292" i="1"/>
  <c r="U6291" i="1"/>
  <c r="U6290" i="1"/>
  <c r="U6289" i="1"/>
  <c r="U6288" i="1"/>
  <c r="U6287" i="1"/>
  <c r="U6286" i="1"/>
  <c r="U6285" i="1"/>
  <c r="U6284" i="1"/>
  <c r="U6283" i="1"/>
  <c r="U6282" i="1"/>
  <c r="U6281" i="1"/>
  <c r="U6280" i="1"/>
  <c r="U6279" i="1"/>
  <c r="U6278" i="1"/>
  <c r="U6277" i="1"/>
  <c r="U6276" i="1"/>
  <c r="U6275" i="1"/>
  <c r="U6274" i="1"/>
  <c r="U6273" i="1"/>
  <c r="U6272" i="1"/>
  <c r="U6271" i="1"/>
  <c r="U6270" i="1"/>
  <c r="U6269" i="1"/>
  <c r="U6268" i="1"/>
  <c r="U6267" i="1"/>
  <c r="U6266" i="1"/>
  <c r="U6265" i="1"/>
  <c r="U6264" i="1"/>
  <c r="U6263" i="1"/>
  <c r="U6262" i="1"/>
  <c r="U6261" i="1"/>
  <c r="U6260" i="1"/>
  <c r="U6259" i="1"/>
  <c r="U6258" i="1"/>
  <c r="U6257" i="1"/>
  <c r="U6256" i="1"/>
  <c r="U6255" i="1"/>
  <c r="U6254" i="1"/>
  <c r="U6253" i="1"/>
  <c r="U6252" i="1"/>
  <c r="U6251" i="1"/>
  <c r="U6250" i="1"/>
  <c r="U6249" i="1"/>
  <c r="U6248" i="1"/>
  <c r="U6247" i="1"/>
  <c r="U6246" i="1"/>
  <c r="U6245" i="1"/>
  <c r="U6244" i="1"/>
  <c r="U6243" i="1"/>
  <c r="U6242" i="1"/>
  <c r="U6241" i="1"/>
  <c r="U6240" i="1"/>
  <c r="U6239" i="1"/>
  <c r="U6238" i="1"/>
  <c r="U6237" i="1"/>
  <c r="U6236" i="1"/>
  <c r="U6235" i="1"/>
  <c r="U6234" i="1"/>
  <c r="U6233" i="1"/>
  <c r="U6232" i="1"/>
  <c r="U6231" i="1"/>
  <c r="U6230" i="1"/>
  <c r="U6229" i="1"/>
  <c r="U6228" i="1"/>
  <c r="U6227" i="1"/>
  <c r="U6226" i="1"/>
  <c r="U6225" i="1"/>
  <c r="U6224" i="1"/>
  <c r="U6223" i="1"/>
  <c r="U6222" i="1"/>
  <c r="U6221" i="1"/>
  <c r="U6220" i="1"/>
  <c r="U6219" i="1"/>
  <c r="U6218" i="1"/>
  <c r="U6217" i="1"/>
  <c r="U6216" i="1"/>
  <c r="U6215" i="1"/>
  <c r="U6214" i="1"/>
  <c r="U6213" i="1"/>
  <c r="U6212" i="1"/>
  <c r="U6211" i="1"/>
  <c r="U6210" i="1"/>
  <c r="U6209" i="1"/>
  <c r="U6208" i="1"/>
  <c r="U6207" i="1"/>
  <c r="U6206" i="1"/>
  <c r="U6205" i="1"/>
  <c r="U6204" i="1"/>
  <c r="U6203" i="1"/>
  <c r="U6202" i="1"/>
  <c r="U6201" i="1"/>
  <c r="U6200" i="1"/>
  <c r="U6199" i="1"/>
  <c r="U6198" i="1"/>
  <c r="U6197" i="1"/>
  <c r="U6196" i="1"/>
  <c r="U6195" i="1"/>
  <c r="U6194" i="1"/>
  <c r="U6193" i="1"/>
  <c r="U6192" i="1"/>
  <c r="U6191" i="1"/>
  <c r="U6190" i="1"/>
  <c r="U6189" i="1"/>
  <c r="U6188" i="1"/>
  <c r="U6187" i="1"/>
  <c r="U6186" i="1"/>
  <c r="U6185" i="1"/>
  <c r="U6184" i="1"/>
  <c r="U6183" i="1"/>
  <c r="U6182" i="1"/>
  <c r="U6181" i="1"/>
  <c r="U6180" i="1"/>
  <c r="U6179" i="1"/>
  <c r="U6178" i="1"/>
  <c r="U6177" i="1"/>
  <c r="U6176" i="1"/>
  <c r="U6175" i="1"/>
  <c r="U6174" i="1"/>
  <c r="U6173" i="1"/>
  <c r="U6172" i="1"/>
  <c r="U6171" i="1"/>
  <c r="U6170" i="1"/>
  <c r="U6169" i="1"/>
  <c r="U6168" i="1"/>
  <c r="U6167" i="1"/>
  <c r="U6166" i="1"/>
  <c r="U6165" i="1"/>
  <c r="U6164" i="1"/>
  <c r="U6163" i="1"/>
  <c r="U6162" i="1"/>
  <c r="U6161" i="1"/>
  <c r="U6160" i="1"/>
  <c r="U6159" i="1"/>
  <c r="U6158" i="1"/>
  <c r="U6157" i="1"/>
  <c r="U6156" i="1"/>
  <c r="U6155" i="1"/>
  <c r="U6154" i="1"/>
  <c r="U6153" i="1"/>
  <c r="U6152" i="1"/>
  <c r="U6151" i="1"/>
  <c r="U6150" i="1"/>
  <c r="U6149" i="1"/>
  <c r="U6148" i="1"/>
  <c r="U6147" i="1"/>
  <c r="U6146" i="1"/>
  <c r="U6145" i="1"/>
  <c r="U6144" i="1"/>
  <c r="U6143" i="1"/>
  <c r="U6142" i="1"/>
  <c r="U6141" i="1"/>
  <c r="U6140" i="1"/>
  <c r="U6139" i="1"/>
  <c r="U6138" i="1"/>
  <c r="U6137" i="1"/>
  <c r="U6136" i="1"/>
  <c r="U6135" i="1"/>
  <c r="U6134" i="1"/>
  <c r="U6133" i="1"/>
  <c r="U6132" i="1"/>
  <c r="U6131" i="1"/>
  <c r="U6130" i="1"/>
  <c r="U6129" i="1"/>
  <c r="U6128" i="1"/>
  <c r="U6127" i="1"/>
  <c r="U6126" i="1"/>
  <c r="U6125" i="1"/>
  <c r="U6124" i="1"/>
  <c r="U6123" i="1"/>
  <c r="U6122" i="1"/>
  <c r="U6121" i="1"/>
  <c r="U6120" i="1"/>
  <c r="U6119" i="1"/>
  <c r="U6118" i="1"/>
  <c r="U6117" i="1"/>
  <c r="U6116" i="1"/>
  <c r="U6115" i="1"/>
  <c r="U6114" i="1"/>
  <c r="U6113" i="1"/>
  <c r="U6112" i="1"/>
  <c r="U6111" i="1"/>
  <c r="U6110" i="1"/>
  <c r="U6109" i="1"/>
  <c r="U6108" i="1"/>
  <c r="U6107" i="1"/>
  <c r="U6106" i="1"/>
  <c r="U6105" i="1"/>
  <c r="U6104" i="1"/>
  <c r="U6103" i="1"/>
  <c r="U6102" i="1"/>
  <c r="U6101" i="1"/>
  <c r="U6100" i="1"/>
  <c r="U6099" i="1"/>
  <c r="U6098" i="1"/>
  <c r="U6097" i="1"/>
  <c r="U6096" i="1"/>
  <c r="U6095" i="1"/>
  <c r="U6094" i="1"/>
  <c r="U6093" i="1"/>
  <c r="U6092" i="1"/>
  <c r="U6091" i="1"/>
  <c r="U6090" i="1"/>
  <c r="U6089" i="1"/>
  <c r="U6088" i="1"/>
  <c r="U6087" i="1"/>
  <c r="U6086" i="1"/>
  <c r="U6085" i="1"/>
  <c r="U6084" i="1"/>
  <c r="U6083" i="1"/>
  <c r="U6082" i="1"/>
  <c r="U6081" i="1"/>
  <c r="U6080" i="1"/>
  <c r="U6079" i="1"/>
  <c r="U6078" i="1"/>
  <c r="U6077" i="1"/>
  <c r="U6076" i="1"/>
  <c r="U6075" i="1"/>
  <c r="U6074" i="1"/>
  <c r="U6073" i="1"/>
  <c r="U6072" i="1"/>
  <c r="U6071" i="1"/>
  <c r="U6070" i="1"/>
  <c r="U6069" i="1"/>
  <c r="U6068" i="1"/>
  <c r="U6067" i="1"/>
  <c r="U6066" i="1"/>
  <c r="U6065" i="1"/>
  <c r="U6064" i="1"/>
  <c r="U6063" i="1"/>
  <c r="U6062" i="1"/>
  <c r="U6061" i="1"/>
  <c r="U6060" i="1"/>
  <c r="U6059" i="1"/>
  <c r="U6058" i="1"/>
  <c r="U6057" i="1"/>
  <c r="U6056" i="1"/>
  <c r="U6055" i="1"/>
  <c r="U6054" i="1"/>
  <c r="U6053" i="1"/>
  <c r="U6052" i="1"/>
  <c r="U6051" i="1"/>
  <c r="U6050" i="1"/>
  <c r="U6049" i="1"/>
  <c r="U6048" i="1"/>
  <c r="U6047" i="1"/>
  <c r="U6046" i="1"/>
  <c r="U6045" i="1"/>
  <c r="U6044" i="1"/>
  <c r="U6043" i="1"/>
  <c r="U6042" i="1"/>
  <c r="U6041" i="1"/>
  <c r="U6040" i="1"/>
  <c r="U6039" i="1"/>
  <c r="U6038" i="1"/>
  <c r="U6037" i="1"/>
  <c r="U6036" i="1"/>
  <c r="U6035" i="1"/>
  <c r="U6034" i="1"/>
  <c r="U6033" i="1"/>
  <c r="U6032" i="1"/>
  <c r="U6031" i="1"/>
  <c r="U6030" i="1"/>
  <c r="U6029" i="1"/>
  <c r="U6028" i="1"/>
  <c r="U6027" i="1"/>
  <c r="U6026" i="1"/>
  <c r="U6025" i="1"/>
  <c r="U6024" i="1"/>
  <c r="U6023" i="1"/>
  <c r="U6022" i="1"/>
  <c r="U6021" i="1"/>
  <c r="U6020" i="1"/>
  <c r="U6019" i="1"/>
  <c r="U6018" i="1"/>
  <c r="U6017" i="1"/>
  <c r="U6016" i="1"/>
  <c r="U6015" i="1"/>
  <c r="U6014" i="1"/>
  <c r="U6013" i="1"/>
  <c r="U6012" i="1"/>
  <c r="U6011" i="1"/>
  <c r="U6010" i="1"/>
  <c r="U6009" i="1"/>
  <c r="U6008" i="1"/>
  <c r="U6007" i="1"/>
  <c r="U6006" i="1"/>
  <c r="U6005" i="1"/>
  <c r="U6004" i="1"/>
  <c r="U6003" i="1"/>
  <c r="U6002" i="1"/>
  <c r="U6001" i="1"/>
  <c r="U6000" i="1"/>
  <c r="U5999" i="1"/>
  <c r="U5998" i="1"/>
  <c r="U5997" i="1"/>
  <c r="U5996" i="1"/>
  <c r="U5995" i="1"/>
  <c r="U5994" i="1"/>
  <c r="U5993" i="1"/>
  <c r="U5992" i="1"/>
  <c r="U5991" i="1"/>
  <c r="U5990" i="1"/>
  <c r="U5989" i="1"/>
  <c r="U5988" i="1"/>
  <c r="U5987" i="1"/>
  <c r="U5986" i="1"/>
  <c r="U5985" i="1"/>
  <c r="U5984" i="1"/>
  <c r="U5983" i="1"/>
  <c r="U5982" i="1"/>
  <c r="U5981" i="1"/>
  <c r="U5980" i="1"/>
  <c r="U5979" i="1"/>
  <c r="U5978" i="1"/>
  <c r="U5977" i="1"/>
  <c r="U5976" i="1"/>
  <c r="U5975" i="1"/>
  <c r="U5974" i="1"/>
  <c r="U5973" i="1"/>
  <c r="U5972" i="1"/>
  <c r="U5971" i="1"/>
  <c r="U5970" i="1"/>
  <c r="U5969" i="1"/>
  <c r="U5968" i="1"/>
  <c r="U5967" i="1"/>
  <c r="U5966" i="1"/>
  <c r="U5965" i="1"/>
  <c r="U5964" i="1"/>
  <c r="U5963" i="1"/>
  <c r="U5962" i="1"/>
  <c r="U5961" i="1"/>
  <c r="U5960" i="1"/>
  <c r="U5959" i="1"/>
  <c r="U5958" i="1"/>
  <c r="U5957" i="1"/>
  <c r="U5956" i="1"/>
  <c r="U5955" i="1"/>
  <c r="U5954" i="1"/>
  <c r="U5953" i="1"/>
  <c r="U5952" i="1"/>
  <c r="U5951" i="1"/>
  <c r="U5950" i="1"/>
  <c r="U5949" i="1"/>
  <c r="U5948" i="1"/>
  <c r="U5947" i="1"/>
  <c r="U5946" i="1"/>
  <c r="U5945" i="1"/>
  <c r="U5944" i="1"/>
  <c r="U5943" i="1"/>
  <c r="U5942" i="1"/>
  <c r="U5941" i="1"/>
  <c r="U5940" i="1"/>
  <c r="U5939" i="1"/>
  <c r="U5938" i="1"/>
  <c r="U5937" i="1"/>
  <c r="U5936" i="1"/>
  <c r="U5935" i="1"/>
  <c r="U5934" i="1"/>
  <c r="U5933" i="1"/>
  <c r="U5932" i="1"/>
  <c r="U5931" i="1"/>
  <c r="U5930" i="1"/>
  <c r="U5929" i="1"/>
  <c r="U5928" i="1"/>
  <c r="U5927" i="1"/>
  <c r="U5926" i="1"/>
  <c r="U5925" i="1"/>
  <c r="U5924" i="1"/>
  <c r="U5923" i="1"/>
  <c r="U5922" i="1"/>
  <c r="U5921" i="1"/>
  <c r="U5920" i="1"/>
  <c r="U5919" i="1"/>
  <c r="U5918" i="1"/>
  <c r="U5917" i="1"/>
  <c r="U5916" i="1"/>
  <c r="U5915" i="1"/>
  <c r="U5914" i="1"/>
  <c r="U5913" i="1"/>
  <c r="U5912" i="1"/>
  <c r="U5911" i="1"/>
  <c r="U5910" i="1"/>
  <c r="U5909" i="1"/>
  <c r="U5908" i="1"/>
  <c r="U5907" i="1"/>
  <c r="U5906" i="1"/>
  <c r="U5905" i="1"/>
  <c r="U5904" i="1"/>
  <c r="U5903" i="1"/>
  <c r="U5902" i="1"/>
  <c r="U5901" i="1"/>
  <c r="U5900" i="1"/>
  <c r="U5899" i="1"/>
  <c r="U5898" i="1"/>
  <c r="U5897" i="1"/>
  <c r="U5896" i="1"/>
  <c r="U5895" i="1"/>
  <c r="U5894" i="1"/>
  <c r="U5893" i="1"/>
  <c r="U5892" i="1"/>
  <c r="U5891" i="1"/>
  <c r="U5890" i="1"/>
  <c r="U5889" i="1"/>
  <c r="U5888" i="1"/>
  <c r="U5887" i="1"/>
  <c r="U5886" i="1"/>
  <c r="U5885" i="1"/>
  <c r="U5884" i="1"/>
  <c r="U5883" i="1"/>
  <c r="U5882" i="1"/>
  <c r="U5881" i="1"/>
  <c r="U5880" i="1"/>
  <c r="U5879" i="1"/>
  <c r="U5878" i="1"/>
  <c r="U5877" i="1"/>
  <c r="U5876" i="1"/>
  <c r="U5875" i="1"/>
  <c r="U5874" i="1"/>
  <c r="U5873" i="1"/>
  <c r="U5872" i="1"/>
  <c r="U5871" i="1"/>
  <c r="U5870" i="1"/>
  <c r="U5869" i="1"/>
  <c r="U5868" i="1"/>
  <c r="U5867" i="1"/>
  <c r="U5866" i="1"/>
  <c r="U5865" i="1"/>
  <c r="U5864" i="1"/>
  <c r="U5863" i="1"/>
  <c r="U5862" i="1"/>
  <c r="U5861" i="1"/>
  <c r="U5860" i="1"/>
  <c r="U5859" i="1"/>
  <c r="U5858" i="1"/>
  <c r="U5857" i="1"/>
  <c r="U5856" i="1"/>
  <c r="U5855" i="1"/>
  <c r="U5854" i="1"/>
  <c r="U5853" i="1"/>
  <c r="U5852" i="1"/>
  <c r="U5851" i="1"/>
  <c r="U5850" i="1"/>
  <c r="U5849" i="1"/>
  <c r="U5848" i="1"/>
  <c r="U5847" i="1"/>
  <c r="U5846" i="1"/>
  <c r="U5845" i="1"/>
  <c r="U5844" i="1"/>
  <c r="U5843" i="1"/>
  <c r="U5842" i="1"/>
  <c r="U5841" i="1"/>
  <c r="U5840" i="1"/>
  <c r="U5839" i="1"/>
  <c r="U5838" i="1"/>
  <c r="U5837" i="1"/>
  <c r="U5836" i="1"/>
  <c r="U5835" i="1"/>
  <c r="U5834" i="1"/>
  <c r="U5833" i="1"/>
  <c r="U5832" i="1"/>
  <c r="U5831" i="1"/>
  <c r="U5830" i="1"/>
  <c r="U5829" i="1"/>
  <c r="U5828" i="1"/>
  <c r="U5827" i="1"/>
  <c r="U5826" i="1"/>
  <c r="U5825" i="1"/>
  <c r="U5824" i="1"/>
  <c r="U5823" i="1"/>
  <c r="U5822" i="1"/>
  <c r="U5821" i="1"/>
  <c r="U5820" i="1"/>
  <c r="U5819" i="1"/>
  <c r="U5818" i="1"/>
  <c r="U5817" i="1"/>
  <c r="U5816" i="1"/>
  <c r="U5815" i="1"/>
  <c r="U5814" i="1"/>
  <c r="U5813" i="1"/>
  <c r="U5812" i="1"/>
  <c r="U5811" i="1"/>
  <c r="U5810" i="1"/>
  <c r="U5809" i="1"/>
  <c r="U5808" i="1"/>
  <c r="U5807" i="1"/>
  <c r="U5806" i="1"/>
  <c r="U5805" i="1"/>
  <c r="U5804" i="1"/>
  <c r="U5803" i="1"/>
  <c r="U5802" i="1"/>
  <c r="U5801" i="1"/>
  <c r="U5800" i="1"/>
  <c r="U5799" i="1"/>
  <c r="U5798" i="1"/>
  <c r="U5797" i="1"/>
  <c r="U5796" i="1"/>
  <c r="U5795" i="1"/>
  <c r="U5794" i="1"/>
  <c r="U5793" i="1"/>
  <c r="U5792" i="1"/>
  <c r="U5791" i="1"/>
  <c r="U5790" i="1"/>
  <c r="U5789" i="1"/>
  <c r="U5788" i="1"/>
  <c r="U5787" i="1"/>
  <c r="U5786" i="1"/>
  <c r="U5785" i="1"/>
  <c r="U5784" i="1"/>
  <c r="U5783" i="1"/>
  <c r="U5782" i="1"/>
  <c r="U5781" i="1"/>
  <c r="U5780" i="1"/>
  <c r="U5779" i="1"/>
  <c r="U5778" i="1"/>
  <c r="U5777" i="1"/>
  <c r="U5776" i="1"/>
  <c r="U5775" i="1"/>
  <c r="U5774" i="1"/>
  <c r="U5773" i="1"/>
  <c r="U5772" i="1"/>
  <c r="U5771" i="1"/>
  <c r="U5770" i="1"/>
  <c r="U5769" i="1"/>
  <c r="U5768" i="1"/>
  <c r="U5767" i="1"/>
  <c r="U5766" i="1"/>
  <c r="U5765" i="1"/>
  <c r="U5764" i="1"/>
  <c r="U5763" i="1"/>
  <c r="U5762" i="1"/>
  <c r="U5761" i="1"/>
  <c r="U5760" i="1"/>
  <c r="U5759" i="1"/>
  <c r="U5758" i="1"/>
  <c r="U5757" i="1"/>
  <c r="U5756" i="1"/>
  <c r="U5755" i="1"/>
  <c r="U5754" i="1"/>
  <c r="U5753" i="1"/>
  <c r="U5752" i="1"/>
  <c r="U5751" i="1"/>
  <c r="U5750" i="1"/>
  <c r="U5749" i="1"/>
  <c r="U5748" i="1"/>
  <c r="U5747" i="1"/>
  <c r="U5746" i="1"/>
  <c r="U5745" i="1"/>
  <c r="U5744" i="1"/>
  <c r="U5743" i="1"/>
  <c r="U5742" i="1"/>
  <c r="U5741" i="1"/>
  <c r="U5740" i="1"/>
  <c r="U5739" i="1"/>
  <c r="U5738" i="1"/>
  <c r="U5737" i="1"/>
  <c r="U5736" i="1"/>
  <c r="U5735" i="1"/>
  <c r="U5734" i="1"/>
  <c r="U5733" i="1"/>
  <c r="U5732" i="1"/>
  <c r="U5731" i="1"/>
  <c r="U5730" i="1"/>
  <c r="U5729" i="1"/>
  <c r="U5728" i="1"/>
  <c r="U5727" i="1"/>
  <c r="U5726" i="1"/>
  <c r="U5725" i="1"/>
  <c r="U5724" i="1"/>
  <c r="U5723" i="1"/>
  <c r="U5722" i="1"/>
  <c r="U5721" i="1"/>
  <c r="U5720" i="1"/>
  <c r="U5719" i="1"/>
  <c r="U5718" i="1"/>
  <c r="U5717" i="1"/>
  <c r="U5716" i="1"/>
  <c r="U5715" i="1"/>
  <c r="U5714" i="1"/>
  <c r="U5713" i="1"/>
  <c r="U5712" i="1"/>
  <c r="U5711" i="1"/>
  <c r="U5710" i="1"/>
  <c r="U5709" i="1"/>
  <c r="U5708" i="1"/>
  <c r="U5707" i="1"/>
  <c r="U5706" i="1"/>
  <c r="U5705" i="1"/>
  <c r="U5704" i="1"/>
  <c r="U5703" i="1"/>
  <c r="U5702" i="1"/>
  <c r="U5701" i="1"/>
  <c r="U5700" i="1"/>
  <c r="U5699" i="1"/>
  <c r="U5698" i="1"/>
  <c r="U5697" i="1"/>
  <c r="U5696" i="1"/>
  <c r="U5695" i="1"/>
  <c r="U5694" i="1"/>
  <c r="U5693" i="1"/>
  <c r="U5692" i="1"/>
  <c r="U5691" i="1"/>
  <c r="U5690" i="1"/>
  <c r="U5689" i="1"/>
  <c r="U5688" i="1"/>
  <c r="U5687" i="1"/>
  <c r="U5686" i="1"/>
  <c r="U5685" i="1"/>
  <c r="U5684" i="1"/>
  <c r="U5683" i="1"/>
  <c r="U5682" i="1"/>
  <c r="U5681" i="1"/>
  <c r="U5680" i="1"/>
  <c r="U5679" i="1"/>
  <c r="U5678" i="1"/>
  <c r="U5677" i="1"/>
  <c r="U5676" i="1"/>
  <c r="U5675" i="1"/>
  <c r="U5674" i="1"/>
  <c r="U5673" i="1"/>
  <c r="U5672" i="1"/>
  <c r="U5671" i="1"/>
  <c r="U5670" i="1"/>
  <c r="U5669" i="1"/>
  <c r="U5668" i="1"/>
  <c r="U5667" i="1"/>
  <c r="U5666" i="1"/>
  <c r="U5665" i="1"/>
  <c r="U5664" i="1"/>
  <c r="U5663" i="1"/>
  <c r="U5662" i="1"/>
  <c r="U5661" i="1"/>
  <c r="U5660" i="1"/>
  <c r="U5659" i="1"/>
  <c r="U5658" i="1"/>
  <c r="U5657" i="1"/>
  <c r="U5656" i="1"/>
  <c r="U5655" i="1"/>
  <c r="U5654" i="1"/>
  <c r="U5653" i="1"/>
  <c r="U5652" i="1"/>
  <c r="U5651" i="1"/>
  <c r="U5650" i="1"/>
  <c r="U5649" i="1"/>
  <c r="U5648" i="1"/>
  <c r="U5647" i="1"/>
  <c r="U5646" i="1"/>
  <c r="U5645" i="1"/>
  <c r="U5644" i="1"/>
  <c r="U5643" i="1"/>
  <c r="U5642" i="1"/>
  <c r="U5641" i="1"/>
  <c r="U5640" i="1"/>
  <c r="U5639" i="1"/>
  <c r="U5638" i="1"/>
  <c r="U5637" i="1"/>
  <c r="U5636" i="1"/>
  <c r="U5635" i="1"/>
  <c r="U5634" i="1"/>
  <c r="U5633" i="1"/>
  <c r="U5632" i="1"/>
  <c r="U5631" i="1"/>
  <c r="U5630" i="1"/>
  <c r="U5629" i="1"/>
  <c r="U5628" i="1"/>
  <c r="U5627" i="1"/>
  <c r="U5626" i="1"/>
  <c r="U5625" i="1"/>
  <c r="U5624" i="1"/>
  <c r="U5623" i="1"/>
  <c r="U5622" i="1"/>
  <c r="U5621" i="1"/>
  <c r="U5620" i="1"/>
  <c r="U5619" i="1"/>
  <c r="U5618" i="1"/>
  <c r="U5617" i="1"/>
  <c r="U5616" i="1"/>
  <c r="U5615" i="1"/>
  <c r="U5614" i="1"/>
  <c r="U5613" i="1"/>
  <c r="U5612" i="1"/>
  <c r="U5611" i="1"/>
  <c r="U5610" i="1"/>
  <c r="U5609" i="1"/>
  <c r="U5608" i="1"/>
  <c r="U5607" i="1"/>
  <c r="U5606" i="1"/>
  <c r="U5605" i="1"/>
  <c r="U5604" i="1"/>
  <c r="U5603" i="1"/>
  <c r="U5602" i="1"/>
  <c r="U5601" i="1"/>
  <c r="U5600" i="1"/>
  <c r="U5599" i="1"/>
  <c r="U5598" i="1"/>
  <c r="U5597" i="1"/>
  <c r="U5596" i="1"/>
  <c r="U5595" i="1"/>
  <c r="U5594" i="1"/>
  <c r="U5593" i="1"/>
  <c r="U5592" i="1"/>
  <c r="U5591" i="1"/>
  <c r="U5590" i="1"/>
  <c r="U5589" i="1"/>
  <c r="U5588" i="1"/>
  <c r="U5587" i="1"/>
  <c r="U5586" i="1"/>
  <c r="U5585" i="1"/>
  <c r="U5584" i="1"/>
  <c r="U5583" i="1"/>
  <c r="U5582" i="1"/>
  <c r="U5581" i="1"/>
  <c r="U5580" i="1"/>
  <c r="U5579" i="1"/>
  <c r="U5578" i="1"/>
  <c r="U5577" i="1"/>
  <c r="U5576" i="1"/>
  <c r="U5575" i="1"/>
  <c r="U5574" i="1"/>
  <c r="U5573" i="1"/>
  <c r="U5572" i="1"/>
  <c r="U5571" i="1"/>
  <c r="U5570" i="1"/>
  <c r="U5569" i="1"/>
  <c r="U5568" i="1"/>
  <c r="U5567" i="1"/>
  <c r="U5566" i="1"/>
  <c r="U5565" i="1"/>
  <c r="U5564" i="1"/>
  <c r="U5563" i="1"/>
  <c r="U5562" i="1"/>
  <c r="U5561" i="1"/>
  <c r="U5560" i="1"/>
  <c r="U5559" i="1"/>
  <c r="U5558" i="1"/>
  <c r="U5557" i="1"/>
  <c r="U5556" i="1"/>
  <c r="U5555" i="1"/>
  <c r="U5554" i="1"/>
  <c r="U5553" i="1"/>
  <c r="U5552" i="1"/>
  <c r="U5551" i="1"/>
  <c r="U5550" i="1"/>
  <c r="U5549" i="1"/>
  <c r="U5548" i="1"/>
  <c r="U5547" i="1"/>
  <c r="U5546" i="1"/>
  <c r="U5545" i="1"/>
  <c r="U5544" i="1"/>
  <c r="U5543" i="1"/>
  <c r="U5542" i="1"/>
  <c r="U5541" i="1"/>
  <c r="U5540" i="1"/>
  <c r="U5539" i="1"/>
  <c r="U5538" i="1"/>
  <c r="U5537" i="1"/>
  <c r="U5536" i="1"/>
  <c r="U5535" i="1"/>
  <c r="U5534" i="1"/>
  <c r="U5533" i="1"/>
  <c r="U5532" i="1"/>
  <c r="U5531" i="1"/>
  <c r="U5530" i="1"/>
  <c r="U5529" i="1"/>
  <c r="U5528" i="1"/>
  <c r="U5527" i="1"/>
  <c r="U5526" i="1"/>
  <c r="U5525" i="1"/>
  <c r="U5524" i="1"/>
  <c r="U5523" i="1"/>
  <c r="U5522" i="1"/>
  <c r="U5521" i="1"/>
  <c r="U5520" i="1"/>
  <c r="U5519" i="1"/>
  <c r="U5518" i="1"/>
  <c r="U5517" i="1"/>
  <c r="U5516" i="1"/>
  <c r="U5515" i="1"/>
  <c r="U5514" i="1"/>
  <c r="U5513" i="1"/>
  <c r="U5512" i="1"/>
  <c r="U5511" i="1"/>
  <c r="U5510" i="1"/>
  <c r="U5509" i="1"/>
  <c r="U5508" i="1"/>
  <c r="U5507" i="1"/>
  <c r="U5506" i="1"/>
  <c r="U5505" i="1"/>
  <c r="U5504" i="1"/>
  <c r="U5503" i="1"/>
  <c r="U5502" i="1"/>
  <c r="U5501" i="1"/>
  <c r="U5500" i="1"/>
  <c r="U5499" i="1"/>
  <c r="U5498" i="1"/>
  <c r="U5497" i="1"/>
  <c r="U5496" i="1"/>
  <c r="U5495" i="1"/>
  <c r="U5494" i="1"/>
  <c r="U5493" i="1"/>
  <c r="U5492" i="1"/>
  <c r="U5491" i="1"/>
  <c r="U5490" i="1"/>
  <c r="U5489" i="1"/>
  <c r="U5488" i="1"/>
  <c r="U5487" i="1"/>
  <c r="U5486" i="1"/>
  <c r="U5485" i="1"/>
  <c r="U5484" i="1"/>
  <c r="U5483" i="1"/>
  <c r="U5482" i="1"/>
  <c r="U5481" i="1"/>
  <c r="U5480" i="1"/>
  <c r="U5479" i="1"/>
  <c r="U5478" i="1"/>
  <c r="U5477" i="1"/>
  <c r="U5476" i="1"/>
  <c r="U5475" i="1"/>
  <c r="U5474" i="1"/>
  <c r="U5473" i="1"/>
  <c r="U5472" i="1"/>
  <c r="U5471" i="1"/>
  <c r="U5470" i="1"/>
  <c r="U5469" i="1"/>
  <c r="U5468" i="1"/>
  <c r="U5467" i="1"/>
  <c r="U5466" i="1"/>
  <c r="U5465" i="1"/>
  <c r="U5464" i="1"/>
  <c r="U5463" i="1"/>
  <c r="U5462" i="1"/>
  <c r="U5461" i="1"/>
  <c r="U5460" i="1"/>
  <c r="U5459" i="1"/>
  <c r="U5458" i="1"/>
  <c r="U5457" i="1"/>
  <c r="U5456" i="1"/>
  <c r="U5455" i="1"/>
  <c r="U5454" i="1"/>
  <c r="U5453" i="1"/>
  <c r="U5452" i="1"/>
  <c r="U5451" i="1"/>
  <c r="U5450" i="1"/>
  <c r="U5449" i="1"/>
  <c r="U5448" i="1"/>
  <c r="U5447" i="1"/>
  <c r="U5446" i="1"/>
  <c r="U5445" i="1"/>
  <c r="U5444" i="1"/>
  <c r="U5443" i="1"/>
  <c r="U5442" i="1"/>
  <c r="U5441" i="1"/>
  <c r="U5440" i="1"/>
  <c r="U5439" i="1"/>
  <c r="U5438" i="1"/>
  <c r="U5437" i="1"/>
  <c r="U5436" i="1"/>
  <c r="U5435" i="1"/>
  <c r="U5434" i="1"/>
  <c r="U5433" i="1"/>
  <c r="U5432" i="1"/>
  <c r="U5431" i="1"/>
  <c r="U5430" i="1"/>
  <c r="U5429" i="1"/>
  <c r="U5428" i="1"/>
  <c r="U5427" i="1"/>
  <c r="U5426" i="1"/>
  <c r="U5425" i="1"/>
  <c r="U5424" i="1"/>
  <c r="U5423" i="1"/>
  <c r="U5422" i="1"/>
  <c r="U5421" i="1"/>
  <c r="U5420" i="1"/>
  <c r="U5419" i="1"/>
  <c r="U5418" i="1"/>
  <c r="U5417" i="1"/>
  <c r="U5416" i="1"/>
  <c r="U5415" i="1"/>
  <c r="U5414" i="1"/>
  <c r="U5413" i="1"/>
  <c r="U5412" i="1"/>
  <c r="U5411" i="1"/>
  <c r="U5410" i="1"/>
  <c r="U5409" i="1"/>
  <c r="U5408" i="1"/>
  <c r="U5407" i="1"/>
  <c r="U5406" i="1"/>
  <c r="U5405" i="1"/>
  <c r="U5404" i="1"/>
  <c r="U5403" i="1"/>
  <c r="U5402" i="1"/>
  <c r="U5401" i="1"/>
  <c r="U5400" i="1"/>
  <c r="U5399" i="1"/>
  <c r="U5398" i="1"/>
  <c r="U5397" i="1"/>
  <c r="U5396" i="1"/>
  <c r="U5395" i="1"/>
  <c r="U5394" i="1"/>
  <c r="U5393" i="1"/>
  <c r="U5392" i="1"/>
  <c r="U5391" i="1"/>
  <c r="U5390" i="1"/>
  <c r="U5389" i="1"/>
  <c r="U5388" i="1"/>
  <c r="U5387" i="1"/>
  <c r="U5386" i="1"/>
  <c r="U5385" i="1"/>
  <c r="U5384" i="1"/>
  <c r="U5383" i="1"/>
  <c r="U5382" i="1"/>
  <c r="U5381" i="1"/>
  <c r="U5380" i="1"/>
  <c r="U5379" i="1"/>
  <c r="U5378" i="1"/>
  <c r="U5377" i="1"/>
  <c r="U5376" i="1"/>
  <c r="U5375" i="1"/>
  <c r="U5374" i="1"/>
  <c r="U5373" i="1"/>
  <c r="U5372" i="1"/>
  <c r="U5371" i="1"/>
  <c r="U5370" i="1"/>
  <c r="U5369" i="1"/>
  <c r="U5368" i="1"/>
  <c r="U5367" i="1"/>
  <c r="U5366" i="1"/>
  <c r="U5365" i="1"/>
  <c r="U5364" i="1"/>
  <c r="U5363" i="1"/>
  <c r="U5362" i="1"/>
  <c r="U5361" i="1"/>
  <c r="U5360" i="1"/>
  <c r="U5359" i="1"/>
  <c r="U5358" i="1"/>
  <c r="U5357" i="1"/>
  <c r="U5356" i="1"/>
  <c r="U5355" i="1"/>
  <c r="U5354" i="1"/>
  <c r="U5353" i="1"/>
  <c r="U5352" i="1"/>
  <c r="U5351" i="1"/>
  <c r="U5350" i="1"/>
  <c r="U5349" i="1"/>
  <c r="U5348" i="1"/>
  <c r="U5347" i="1"/>
  <c r="U5346" i="1"/>
  <c r="U5345" i="1"/>
  <c r="U5344" i="1"/>
  <c r="U5343" i="1"/>
  <c r="U5342" i="1"/>
  <c r="U5341" i="1"/>
  <c r="U5340" i="1"/>
  <c r="U5339" i="1"/>
  <c r="U5338" i="1"/>
  <c r="U5337" i="1"/>
  <c r="U5336" i="1"/>
  <c r="U5335" i="1"/>
  <c r="U5334" i="1"/>
  <c r="U5333" i="1"/>
  <c r="U5332" i="1"/>
  <c r="U5331" i="1"/>
  <c r="U5330" i="1"/>
  <c r="U5329" i="1"/>
  <c r="U5328" i="1"/>
  <c r="U5327" i="1"/>
  <c r="U5326" i="1"/>
  <c r="U5325" i="1"/>
  <c r="U5324" i="1"/>
  <c r="U5323" i="1"/>
  <c r="U5322" i="1"/>
  <c r="U5321" i="1"/>
  <c r="U5320" i="1"/>
  <c r="U5319" i="1"/>
  <c r="U5318" i="1"/>
  <c r="U5317" i="1"/>
  <c r="U5316" i="1"/>
  <c r="U5315" i="1"/>
  <c r="U5314" i="1"/>
  <c r="U5313" i="1"/>
  <c r="U5312" i="1"/>
  <c r="U5311" i="1"/>
  <c r="U5310" i="1"/>
  <c r="U5309" i="1"/>
  <c r="U5308" i="1"/>
  <c r="U5307" i="1"/>
  <c r="U5306" i="1"/>
  <c r="U5305" i="1"/>
  <c r="U5304" i="1"/>
  <c r="U5303" i="1"/>
  <c r="U5302" i="1"/>
  <c r="U5301" i="1"/>
  <c r="U5300" i="1"/>
  <c r="U5299" i="1"/>
  <c r="U5298" i="1"/>
  <c r="U5297" i="1"/>
  <c r="U5296" i="1"/>
  <c r="U5295" i="1"/>
  <c r="U5294" i="1"/>
  <c r="U5293" i="1"/>
  <c r="U5292" i="1"/>
  <c r="U5291" i="1"/>
  <c r="U5290" i="1"/>
  <c r="U5289" i="1"/>
  <c r="U5288" i="1"/>
  <c r="U5287" i="1"/>
  <c r="U5286" i="1"/>
  <c r="U5285" i="1"/>
  <c r="U5284" i="1"/>
  <c r="U5283" i="1"/>
  <c r="U5282" i="1"/>
  <c r="U5281" i="1"/>
  <c r="U5280" i="1"/>
  <c r="U5279" i="1"/>
  <c r="U5278" i="1"/>
  <c r="U5277" i="1"/>
  <c r="U5276" i="1"/>
  <c r="U5275" i="1"/>
  <c r="U5274" i="1"/>
  <c r="U5273" i="1"/>
  <c r="U5272" i="1"/>
  <c r="U5271" i="1"/>
  <c r="U5270" i="1"/>
  <c r="U5269" i="1"/>
  <c r="U5268" i="1"/>
  <c r="U5267" i="1"/>
  <c r="U5266" i="1"/>
  <c r="U5265" i="1"/>
  <c r="U5264" i="1"/>
  <c r="U5263" i="1"/>
  <c r="U5262" i="1"/>
  <c r="U5261" i="1"/>
  <c r="U5260" i="1"/>
  <c r="U5259" i="1"/>
  <c r="U5258" i="1"/>
  <c r="U5257" i="1"/>
  <c r="U5256" i="1"/>
  <c r="U5255" i="1"/>
  <c r="U5254" i="1"/>
  <c r="U5253" i="1"/>
  <c r="U5252" i="1"/>
  <c r="U5251" i="1"/>
  <c r="U5250" i="1"/>
  <c r="U5249" i="1"/>
  <c r="U5248" i="1"/>
  <c r="U5247" i="1"/>
  <c r="U5246" i="1"/>
  <c r="U5245" i="1"/>
  <c r="U5244" i="1"/>
  <c r="U5243" i="1"/>
  <c r="U5242" i="1"/>
  <c r="U5241" i="1"/>
  <c r="U5240" i="1"/>
  <c r="U5239" i="1"/>
  <c r="U5238" i="1"/>
  <c r="U5237" i="1"/>
  <c r="U5236" i="1"/>
  <c r="U5235" i="1"/>
  <c r="U5234" i="1"/>
  <c r="U5233" i="1"/>
  <c r="U5232" i="1"/>
  <c r="U5231" i="1"/>
  <c r="U5230" i="1"/>
  <c r="U5229" i="1"/>
  <c r="U5228" i="1"/>
  <c r="U5227" i="1"/>
  <c r="U5226" i="1"/>
  <c r="U5225" i="1"/>
  <c r="U5224" i="1"/>
  <c r="U5223" i="1"/>
  <c r="U5222" i="1"/>
  <c r="U5221" i="1"/>
  <c r="U5220" i="1"/>
  <c r="U5219" i="1"/>
  <c r="U5218" i="1"/>
  <c r="U5217" i="1"/>
  <c r="U5216" i="1"/>
  <c r="U5215" i="1"/>
  <c r="U5214" i="1"/>
  <c r="U5213" i="1"/>
  <c r="U5212" i="1"/>
  <c r="U5211" i="1"/>
  <c r="U5210" i="1"/>
  <c r="U5209" i="1"/>
  <c r="U5208" i="1"/>
  <c r="U5207" i="1"/>
  <c r="U5206" i="1"/>
  <c r="U5205" i="1"/>
  <c r="U5204" i="1"/>
  <c r="U5203" i="1"/>
  <c r="U5202" i="1"/>
  <c r="U5201" i="1"/>
  <c r="U5200" i="1"/>
  <c r="U5199" i="1"/>
  <c r="U5198" i="1"/>
  <c r="U5197" i="1"/>
  <c r="U5196" i="1"/>
  <c r="U5195" i="1"/>
  <c r="U5194" i="1"/>
  <c r="U5193" i="1"/>
  <c r="U5192" i="1"/>
  <c r="U5191" i="1"/>
  <c r="U5190" i="1"/>
  <c r="U5189" i="1"/>
  <c r="U5188" i="1"/>
  <c r="U5187" i="1"/>
  <c r="U5186" i="1"/>
  <c r="U5185" i="1"/>
  <c r="U5184" i="1"/>
  <c r="U5183" i="1"/>
  <c r="U5182" i="1"/>
  <c r="U5181" i="1"/>
  <c r="U5180" i="1"/>
  <c r="U5179" i="1"/>
  <c r="U5178" i="1"/>
  <c r="U5177" i="1"/>
  <c r="U5176" i="1"/>
  <c r="U5175" i="1"/>
  <c r="U5174" i="1"/>
  <c r="U5173" i="1"/>
  <c r="U5172" i="1"/>
  <c r="U5171" i="1"/>
  <c r="U5170" i="1"/>
  <c r="U5169" i="1"/>
  <c r="U5168" i="1"/>
  <c r="U5167" i="1"/>
  <c r="U5166" i="1"/>
  <c r="U5165" i="1"/>
  <c r="U5164" i="1"/>
  <c r="U5163" i="1"/>
  <c r="U5162" i="1"/>
  <c r="U5161" i="1"/>
  <c r="U5160" i="1"/>
  <c r="U5159" i="1"/>
  <c r="U5158" i="1"/>
  <c r="U5157" i="1"/>
  <c r="U5156" i="1"/>
  <c r="U5155" i="1"/>
  <c r="U5154" i="1"/>
  <c r="U5153" i="1"/>
  <c r="U5152" i="1"/>
  <c r="U5151" i="1"/>
  <c r="U5150" i="1"/>
  <c r="U5149" i="1"/>
  <c r="U5148" i="1"/>
  <c r="U5147" i="1"/>
  <c r="U5146" i="1"/>
  <c r="U5145" i="1"/>
  <c r="U5144" i="1"/>
  <c r="U5143" i="1"/>
  <c r="U5142" i="1"/>
  <c r="U5141" i="1"/>
  <c r="U5140" i="1"/>
  <c r="U5139" i="1"/>
  <c r="U5138" i="1"/>
  <c r="U5137" i="1"/>
  <c r="U5136" i="1"/>
  <c r="U5135" i="1"/>
  <c r="U5134" i="1"/>
  <c r="U5133" i="1"/>
  <c r="U5132" i="1"/>
  <c r="U5131" i="1"/>
  <c r="U5130" i="1"/>
  <c r="U5129" i="1"/>
  <c r="U5128" i="1"/>
  <c r="U5127" i="1"/>
  <c r="U5126" i="1"/>
  <c r="U5125" i="1"/>
  <c r="U5124" i="1"/>
  <c r="U5123" i="1"/>
  <c r="U5122" i="1"/>
  <c r="U5121" i="1"/>
  <c r="U5120" i="1"/>
  <c r="U5119" i="1"/>
  <c r="U5118" i="1"/>
  <c r="U5117" i="1"/>
  <c r="U5116" i="1"/>
  <c r="U5115" i="1"/>
  <c r="U5114" i="1"/>
  <c r="U5113" i="1"/>
  <c r="U5112" i="1"/>
  <c r="U5111" i="1"/>
  <c r="U5110" i="1"/>
  <c r="U5109" i="1"/>
  <c r="U5108" i="1"/>
  <c r="U5107" i="1"/>
  <c r="U5106" i="1"/>
  <c r="U5105" i="1"/>
  <c r="U5104" i="1"/>
  <c r="U5103" i="1"/>
  <c r="U5102" i="1"/>
  <c r="U5101" i="1"/>
  <c r="U5100" i="1"/>
  <c r="U5099" i="1"/>
  <c r="U5098" i="1"/>
  <c r="U5097" i="1"/>
  <c r="U5096" i="1"/>
  <c r="U5095" i="1"/>
  <c r="U5094" i="1"/>
  <c r="U5093" i="1"/>
  <c r="U5092" i="1"/>
  <c r="U5091" i="1"/>
  <c r="U5090" i="1"/>
  <c r="U5089" i="1"/>
  <c r="U5088" i="1"/>
  <c r="U5087" i="1"/>
  <c r="U5086" i="1"/>
  <c r="U5085" i="1"/>
  <c r="U5084" i="1"/>
  <c r="U5083" i="1"/>
  <c r="U5082" i="1"/>
  <c r="U5081" i="1"/>
  <c r="U5080" i="1"/>
  <c r="U5079" i="1"/>
  <c r="U5078" i="1"/>
  <c r="U5077" i="1"/>
  <c r="U5076" i="1"/>
  <c r="U5075" i="1"/>
  <c r="U5074" i="1"/>
  <c r="U5073" i="1"/>
  <c r="U5072" i="1"/>
  <c r="U5071" i="1"/>
  <c r="U5070" i="1"/>
  <c r="U5069" i="1"/>
  <c r="U5068" i="1"/>
  <c r="U5067" i="1"/>
  <c r="U5066" i="1"/>
  <c r="U5065" i="1"/>
  <c r="U5064" i="1"/>
  <c r="U5063" i="1"/>
  <c r="U5062" i="1"/>
  <c r="U5061" i="1"/>
  <c r="U5060" i="1"/>
  <c r="U5059" i="1"/>
  <c r="U5058" i="1"/>
  <c r="U5057" i="1"/>
  <c r="U5056" i="1"/>
  <c r="U5055" i="1"/>
  <c r="U5054" i="1"/>
  <c r="U5053" i="1"/>
  <c r="U5052" i="1"/>
  <c r="U5051" i="1"/>
  <c r="U5050" i="1"/>
  <c r="U5049" i="1"/>
  <c r="U5048" i="1"/>
  <c r="U5047" i="1"/>
  <c r="U5046" i="1"/>
  <c r="U5045" i="1"/>
  <c r="U5044" i="1"/>
  <c r="U5043" i="1"/>
  <c r="U5042" i="1"/>
  <c r="U5041" i="1"/>
  <c r="U5040" i="1"/>
  <c r="U5039" i="1"/>
  <c r="U5038" i="1"/>
  <c r="U5037" i="1"/>
  <c r="U5036" i="1"/>
  <c r="U5035" i="1"/>
  <c r="U5034" i="1"/>
  <c r="U5033" i="1"/>
  <c r="U5032" i="1"/>
  <c r="U5031" i="1"/>
  <c r="U5030" i="1"/>
  <c r="U5029" i="1"/>
  <c r="U5028" i="1"/>
  <c r="U5027" i="1"/>
  <c r="U5026" i="1"/>
  <c r="U5025" i="1"/>
  <c r="U5024" i="1"/>
  <c r="U5023" i="1"/>
  <c r="U5022" i="1"/>
  <c r="U5021" i="1"/>
  <c r="U5020" i="1"/>
  <c r="U5019" i="1"/>
  <c r="U5018" i="1"/>
  <c r="U5017" i="1"/>
  <c r="U5016" i="1"/>
  <c r="U5015" i="1"/>
  <c r="U5014" i="1"/>
  <c r="U5013" i="1"/>
  <c r="U5012" i="1"/>
  <c r="U5011" i="1"/>
  <c r="U5010" i="1"/>
  <c r="U5009" i="1"/>
  <c r="U5008" i="1"/>
  <c r="U5007" i="1"/>
  <c r="U5006" i="1"/>
  <c r="U5005" i="1"/>
  <c r="U5004" i="1"/>
  <c r="U5003" i="1"/>
  <c r="U5002" i="1"/>
  <c r="U5001" i="1"/>
  <c r="U5000" i="1"/>
  <c r="U4999" i="1"/>
  <c r="U4998" i="1"/>
  <c r="U4997" i="1"/>
  <c r="U4996" i="1"/>
  <c r="U4995" i="1"/>
  <c r="U4994" i="1"/>
  <c r="U4993" i="1"/>
  <c r="U4992" i="1"/>
  <c r="U4991" i="1"/>
  <c r="U4990" i="1"/>
  <c r="U4989" i="1"/>
  <c r="U4988" i="1"/>
  <c r="U4987" i="1"/>
  <c r="U4986" i="1"/>
  <c r="U4985" i="1"/>
  <c r="U4984" i="1"/>
  <c r="U4983" i="1"/>
  <c r="U4982" i="1"/>
  <c r="U4981" i="1"/>
  <c r="U4980" i="1"/>
  <c r="U4979" i="1"/>
  <c r="U4978" i="1"/>
  <c r="U4977" i="1"/>
  <c r="U4976" i="1"/>
  <c r="U4975" i="1"/>
  <c r="U4974" i="1"/>
  <c r="U4973" i="1"/>
  <c r="U4972" i="1"/>
  <c r="U4971" i="1"/>
  <c r="U4970" i="1"/>
  <c r="U4969" i="1"/>
  <c r="U4968" i="1"/>
  <c r="U4967" i="1"/>
  <c r="U4966" i="1"/>
  <c r="U4965" i="1"/>
  <c r="U4964" i="1"/>
  <c r="U4963" i="1"/>
  <c r="U4962" i="1"/>
  <c r="U4961" i="1"/>
  <c r="U4960" i="1"/>
  <c r="U4959" i="1"/>
  <c r="U4958" i="1"/>
  <c r="U4957" i="1"/>
  <c r="U4956" i="1"/>
  <c r="U4955" i="1"/>
  <c r="U4954" i="1"/>
  <c r="U4953" i="1"/>
  <c r="U4952" i="1"/>
  <c r="U4951" i="1"/>
  <c r="U4950" i="1"/>
  <c r="U4949" i="1"/>
  <c r="U4948" i="1"/>
  <c r="U4947" i="1"/>
  <c r="U4946" i="1"/>
  <c r="U4945" i="1"/>
  <c r="U4944" i="1"/>
  <c r="U4943" i="1"/>
  <c r="U4942" i="1"/>
  <c r="U4941" i="1"/>
  <c r="U4940" i="1"/>
  <c r="U4939" i="1"/>
  <c r="U4938" i="1"/>
  <c r="U4937" i="1"/>
  <c r="U4936" i="1"/>
  <c r="U4935" i="1"/>
  <c r="U4934" i="1"/>
  <c r="U4933" i="1"/>
  <c r="U4932" i="1"/>
  <c r="U4931" i="1"/>
  <c r="U4930" i="1"/>
  <c r="U4929" i="1"/>
  <c r="U4928" i="1"/>
  <c r="U4927" i="1"/>
  <c r="U4926" i="1"/>
  <c r="U4925" i="1"/>
  <c r="U4924" i="1"/>
  <c r="U4923" i="1"/>
  <c r="U4922" i="1"/>
  <c r="U4921" i="1"/>
  <c r="U4920" i="1"/>
  <c r="U4919" i="1"/>
  <c r="U4918" i="1"/>
  <c r="U4917" i="1"/>
  <c r="U4916" i="1"/>
  <c r="U4915" i="1"/>
  <c r="U4914" i="1"/>
  <c r="U4913" i="1"/>
  <c r="U4912" i="1"/>
  <c r="U4911" i="1"/>
  <c r="U4910" i="1"/>
  <c r="U4909" i="1"/>
  <c r="U4908" i="1"/>
  <c r="U4907" i="1"/>
  <c r="U4906" i="1"/>
  <c r="U4905" i="1"/>
  <c r="U4904" i="1"/>
  <c r="U4903" i="1"/>
  <c r="U4902" i="1"/>
  <c r="U4901" i="1"/>
  <c r="U4900" i="1"/>
  <c r="U4899" i="1"/>
  <c r="U4898" i="1"/>
  <c r="U4897" i="1"/>
  <c r="U4896" i="1"/>
  <c r="U4895" i="1"/>
  <c r="U4894" i="1"/>
  <c r="U4893" i="1"/>
  <c r="U4892" i="1"/>
  <c r="U4891" i="1"/>
  <c r="U4890" i="1"/>
  <c r="U4889" i="1"/>
  <c r="U4888" i="1"/>
  <c r="U4887" i="1"/>
  <c r="U4886" i="1"/>
  <c r="U4885" i="1"/>
  <c r="U4884" i="1"/>
  <c r="U4883" i="1"/>
  <c r="U4882" i="1"/>
  <c r="U4881" i="1"/>
  <c r="U4880" i="1"/>
  <c r="U4879" i="1"/>
  <c r="U4878" i="1"/>
  <c r="U4877" i="1"/>
  <c r="U4876" i="1"/>
  <c r="U4875" i="1"/>
  <c r="U4874" i="1"/>
  <c r="U4873" i="1"/>
  <c r="U4872" i="1"/>
  <c r="U4871" i="1"/>
  <c r="U4870" i="1"/>
  <c r="U4869" i="1"/>
  <c r="U4868" i="1"/>
  <c r="U4867" i="1"/>
  <c r="U4866" i="1"/>
  <c r="U4865" i="1"/>
  <c r="U4864" i="1"/>
  <c r="U4863" i="1"/>
  <c r="U4862" i="1"/>
  <c r="U4861" i="1"/>
  <c r="U4860" i="1"/>
  <c r="U4859" i="1"/>
  <c r="U4858" i="1"/>
  <c r="U4857" i="1"/>
  <c r="U4856" i="1"/>
  <c r="U4855" i="1"/>
  <c r="U4854" i="1"/>
  <c r="U4853" i="1"/>
  <c r="U4852" i="1"/>
  <c r="U4851" i="1"/>
  <c r="U4850" i="1"/>
  <c r="U4849" i="1"/>
  <c r="U4848" i="1"/>
  <c r="U4847" i="1"/>
  <c r="U4846" i="1"/>
  <c r="U4845" i="1"/>
  <c r="U4844" i="1"/>
  <c r="U4843" i="1"/>
  <c r="U4842" i="1"/>
  <c r="U4841" i="1"/>
  <c r="U4840" i="1"/>
  <c r="U4839" i="1"/>
  <c r="U4838" i="1"/>
  <c r="U4837" i="1"/>
  <c r="U4836" i="1"/>
  <c r="U4835" i="1"/>
  <c r="U4834" i="1"/>
  <c r="U4833" i="1"/>
  <c r="U4832" i="1"/>
  <c r="U4831" i="1"/>
  <c r="U4830" i="1"/>
  <c r="U4829" i="1"/>
  <c r="U4828" i="1"/>
  <c r="U4827" i="1"/>
  <c r="U4826" i="1"/>
  <c r="U4825" i="1"/>
  <c r="U4824" i="1"/>
  <c r="U4823" i="1"/>
  <c r="U4822" i="1"/>
  <c r="U4821" i="1"/>
  <c r="U4820" i="1"/>
  <c r="U4819" i="1"/>
  <c r="U4818" i="1"/>
  <c r="U4817" i="1"/>
  <c r="U4816" i="1"/>
  <c r="U4815" i="1"/>
  <c r="U4814" i="1"/>
  <c r="U4813" i="1"/>
  <c r="U4812" i="1"/>
  <c r="U4811" i="1"/>
  <c r="U4810" i="1"/>
  <c r="U4809" i="1"/>
  <c r="U4808" i="1"/>
  <c r="U4807" i="1"/>
  <c r="U4806" i="1"/>
  <c r="U4805" i="1"/>
  <c r="U4804" i="1"/>
  <c r="U4803" i="1"/>
  <c r="U4802" i="1"/>
  <c r="U4801" i="1"/>
  <c r="U4800" i="1"/>
  <c r="U4799" i="1"/>
  <c r="U4798" i="1"/>
  <c r="U4797" i="1"/>
  <c r="U4796" i="1"/>
  <c r="U4795" i="1"/>
  <c r="U4794" i="1"/>
  <c r="U4793" i="1"/>
  <c r="U4792" i="1"/>
  <c r="U4791" i="1"/>
  <c r="U4790" i="1"/>
  <c r="U4789" i="1"/>
  <c r="U4788" i="1"/>
  <c r="U4787" i="1"/>
  <c r="U4786" i="1"/>
  <c r="U4785" i="1"/>
  <c r="U4784" i="1"/>
  <c r="U4783" i="1"/>
  <c r="U4782" i="1"/>
  <c r="U4781" i="1"/>
  <c r="U4780" i="1"/>
  <c r="U4779" i="1"/>
  <c r="U4778" i="1"/>
  <c r="U4777" i="1"/>
  <c r="U4776" i="1"/>
  <c r="U4775" i="1"/>
  <c r="U4774" i="1"/>
  <c r="U4773" i="1"/>
  <c r="U4772" i="1"/>
  <c r="U4771" i="1"/>
  <c r="U4770" i="1"/>
  <c r="U4769" i="1"/>
  <c r="U4768" i="1"/>
  <c r="U4767" i="1"/>
  <c r="U4766" i="1"/>
  <c r="U4765" i="1"/>
  <c r="U4764" i="1"/>
  <c r="U4763" i="1"/>
  <c r="U4762" i="1"/>
  <c r="U4761" i="1"/>
  <c r="U4760" i="1"/>
  <c r="U4759" i="1"/>
  <c r="U4758" i="1"/>
  <c r="U4757" i="1"/>
  <c r="U4756" i="1"/>
  <c r="U4755" i="1"/>
  <c r="U4754" i="1"/>
  <c r="U4753" i="1"/>
  <c r="U4752" i="1"/>
  <c r="U4751" i="1"/>
  <c r="U4750" i="1"/>
  <c r="U4749" i="1"/>
  <c r="U4748" i="1"/>
  <c r="U4747" i="1"/>
  <c r="U4746" i="1"/>
  <c r="U4745" i="1"/>
  <c r="U4744" i="1"/>
  <c r="U4743" i="1"/>
  <c r="U4742" i="1"/>
  <c r="U4741" i="1"/>
  <c r="U4740" i="1"/>
  <c r="U4739" i="1"/>
  <c r="U4738" i="1"/>
  <c r="U4737" i="1"/>
  <c r="U4736" i="1"/>
  <c r="U4735" i="1"/>
  <c r="U4734" i="1"/>
  <c r="U4733" i="1"/>
  <c r="U4732" i="1"/>
  <c r="U4731" i="1"/>
  <c r="U4730" i="1"/>
  <c r="U4729" i="1"/>
  <c r="U4728" i="1"/>
  <c r="U4727" i="1"/>
  <c r="U4726" i="1"/>
  <c r="U4725" i="1"/>
  <c r="U4724" i="1"/>
  <c r="U4723" i="1"/>
  <c r="U4722" i="1"/>
  <c r="U4721" i="1"/>
  <c r="U4720" i="1"/>
  <c r="U4719" i="1"/>
  <c r="U4718" i="1"/>
  <c r="U4717" i="1"/>
  <c r="U4716" i="1"/>
  <c r="U4715" i="1"/>
  <c r="U4714" i="1"/>
  <c r="U4713" i="1"/>
  <c r="U4712" i="1"/>
  <c r="U4711" i="1"/>
  <c r="U4710" i="1"/>
  <c r="U4709" i="1"/>
  <c r="U4708" i="1"/>
  <c r="U4707" i="1"/>
  <c r="U4706" i="1"/>
  <c r="U4705" i="1"/>
  <c r="U4704" i="1"/>
  <c r="U4703" i="1"/>
  <c r="U4702" i="1"/>
  <c r="U4701" i="1"/>
  <c r="U4700" i="1"/>
  <c r="U4699" i="1"/>
  <c r="U4698" i="1"/>
  <c r="U4697" i="1"/>
  <c r="U4696" i="1"/>
  <c r="U4695" i="1"/>
  <c r="U4694" i="1"/>
  <c r="U4693" i="1"/>
  <c r="U4692" i="1"/>
  <c r="U4691" i="1"/>
  <c r="U4690" i="1"/>
  <c r="U4689" i="1"/>
  <c r="U4688" i="1"/>
  <c r="U4687" i="1"/>
  <c r="U4686" i="1"/>
  <c r="U4685" i="1"/>
  <c r="U4684" i="1"/>
  <c r="U4683" i="1"/>
  <c r="U4682" i="1"/>
  <c r="U4681" i="1"/>
  <c r="U4680" i="1"/>
  <c r="U4679" i="1"/>
  <c r="U4678" i="1"/>
  <c r="U4677" i="1"/>
  <c r="U4676" i="1"/>
  <c r="U4675" i="1"/>
  <c r="U4674" i="1"/>
  <c r="U4673" i="1"/>
  <c r="U4672" i="1"/>
  <c r="U4671" i="1"/>
  <c r="U4670" i="1"/>
  <c r="U4669" i="1"/>
  <c r="U4668" i="1"/>
  <c r="U4667" i="1"/>
  <c r="U4666" i="1"/>
  <c r="U4665" i="1"/>
  <c r="U4664" i="1"/>
  <c r="U4663" i="1"/>
  <c r="U4662" i="1"/>
  <c r="U4661" i="1"/>
  <c r="U4660" i="1"/>
  <c r="U4659" i="1"/>
  <c r="U4658" i="1"/>
  <c r="U4657" i="1"/>
  <c r="U4656" i="1"/>
  <c r="U4655" i="1"/>
  <c r="U4654" i="1"/>
  <c r="U4653" i="1"/>
  <c r="U4652" i="1"/>
  <c r="U4651" i="1"/>
  <c r="U4650" i="1"/>
  <c r="U4649" i="1"/>
  <c r="U4648" i="1"/>
  <c r="U4647" i="1"/>
  <c r="U4646" i="1"/>
  <c r="U4645" i="1"/>
  <c r="U4644" i="1"/>
  <c r="U4643" i="1"/>
  <c r="U4642" i="1"/>
  <c r="U4641" i="1"/>
  <c r="U4640" i="1"/>
  <c r="U4639" i="1"/>
  <c r="U4638" i="1"/>
  <c r="U4637" i="1"/>
  <c r="U4636" i="1"/>
  <c r="U4635" i="1"/>
  <c r="U4634" i="1"/>
  <c r="U4633" i="1"/>
  <c r="U4632" i="1"/>
  <c r="U4631" i="1"/>
  <c r="U4630" i="1"/>
  <c r="U4629" i="1"/>
  <c r="U4628" i="1"/>
  <c r="U4627" i="1"/>
  <c r="U4626" i="1"/>
  <c r="U4625" i="1"/>
  <c r="U4624" i="1"/>
  <c r="U4623" i="1"/>
  <c r="U4622" i="1"/>
  <c r="U4621" i="1"/>
  <c r="U4620" i="1"/>
  <c r="U4619" i="1"/>
  <c r="U4618" i="1"/>
  <c r="U4617" i="1"/>
  <c r="U4616" i="1"/>
  <c r="U4615" i="1"/>
  <c r="U4614" i="1"/>
  <c r="U4613" i="1"/>
  <c r="U4612" i="1"/>
  <c r="U4611" i="1"/>
  <c r="U4610" i="1"/>
  <c r="U4609" i="1"/>
  <c r="U4608" i="1"/>
  <c r="U4607" i="1"/>
  <c r="U4606" i="1"/>
  <c r="U4605" i="1"/>
  <c r="U4604" i="1"/>
  <c r="U4603" i="1"/>
  <c r="U4602" i="1"/>
  <c r="U4601" i="1"/>
  <c r="U4600" i="1"/>
  <c r="U4599" i="1"/>
  <c r="U4598" i="1"/>
  <c r="U4597" i="1"/>
  <c r="U4596" i="1"/>
  <c r="U4595" i="1"/>
  <c r="U4594" i="1"/>
  <c r="U4593" i="1"/>
  <c r="U4592" i="1"/>
  <c r="U4591" i="1"/>
  <c r="U4590" i="1"/>
  <c r="U4589" i="1"/>
  <c r="U4588" i="1"/>
  <c r="U4587" i="1"/>
  <c r="U4586" i="1"/>
  <c r="U4585" i="1"/>
  <c r="U4584" i="1"/>
  <c r="U4583" i="1"/>
  <c r="U4582" i="1"/>
  <c r="U4581" i="1"/>
  <c r="U4580" i="1"/>
  <c r="U4579" i="1"/>
  <c r="U4578" i="1"/>
  <c r="U4577" i="1"/>
  <c r="U4576" i="1"/>
  <c r="U4575" i="1"/>
  <c r="U4574" i="1"/>
  <c r="U4573" i="1"/>
  <c r="U4572" i="1"/>
  <c r="U4571" i="1"/>
  <c r="U4570" i="1"/>
  <c r="U4569" i="1"/>
  <c r="U4568" i="1"/>
  <c r="U4567" i="1"/>
  <c r="U4566" i="1"/>
  <c r="U4565" i="1"/>
  <c r="U4564" i="1"/>
  <c r="U4563" i="1"/>
  <c r="U4562" i="1"/>
  <c r="U4561" i="1"/>
  <c r="U4560" i="1"/>
  <c r="U4559" i="1"/>
  <c r="U4558" i="1"/>
  <c r="U4557" i="1"/>
  <c r="U4556" i="1"/>
  <c r="U4555" i="1"/>
  <c r="U4554" i="1"/>
  <c r="U4553" i="1"/>
  <c r="U4552" i="1"/>
  <c r="U4551" i="1"/>
  <c r="U4550" i="1"/>
  <c r="U4549" i="1"/>
  <c r="U4548" i="1"/>
  <c r="U4547" i="1"/>
  <c r="U4546" i="1"/>
  <c r="U4545" i="1"/>
  <c r="U4544" i="1"/>
  <c r="U4543" i="1"/>
  <c r="U4542" i="1"/>
  <c r="U4541" i="1"/>
  <c r="U4540" i="1"/>
  <c r="U4539" i="1"/>
  <c r="U4538" i="1"/>
  <c r="U4537" i="1"/>
  <c r="U4536" i="1"/>
  <c r="U4535" i="1"/>
  <c r="U4534" i="1"/>
  <c r="U4533" i="1"/>
  <c r="U4532" i="1"/>
  <c r="U4531" i="1"/>
  <c r="U4530" i="1"/>
  <c r="U4529" i="1"/>
  <c r="U4528" i="1"/>
  <c r="U4527" i="1"/>
  <c r="U4526" i="1"/>
  <c r="U4525" i="1"/>
  <c r="U4524" i="1"/>
  <c r="U4523" i="1"/>
  <c r="U4522" i="1"/>
  <c r="U4521" i="1"/>
  <c r="U4520" i="1"/>
  <c r="U4519" i="1"/>
  <c r="U4518" i="1"/>
  <c r="U4517" i="1"/>
  <c r="U4516" i="1"/>
  <c r="U4515" i="1"/>
  <c r="U4514" i="1"/>
  <c r="U4513" i="1"/>
  <c r="U4512" i="1"/>
  <c r="U4511" i="1"/>
  <c r="U4510" i="1"/>
  <c r="U4509" i="1"/>
  <c r="U4508" i="1"/>
  <c r="U4507" i="1"/>
  <c r="U4506" i="1"/>
  <c r="U4505" i="1"/>
  <c r="U4504" i="1"/>
  <c r="U4503" i="1"/>
  <c r="U4502" i="1"/>
  <c r="U4501" i="1"/>
  <c r="U4500" i="1"/>
  <c r="U4499" i="1"/>
  <c r="U4498" i="1"/>
  <c r="U4497" i="1"/>
  <c r="U4496" i="1"/>
  <c r="U4495" i="1"/>
  <c r="U4494" i="1"/>
  <c r="U4493" i="1"/>
  <c r="U4492" i="1"/>
  <c r="U4491" i="1"/>
  <c r="U4490" i="1"/>
  <c r="U4489" i="1"/>
  <c r="U4488" i="1"/>
  <c r="U4487" i="1"/>
  <c r="U4486" i="1"/>
  <c r="U4485" i="1"/>
  <c r="U4484" i="1"/>
  <c r="U4483" i="1"/>
  <c r="U4482" i="1"/>
  <c r="U4481" i="1"/>
  <c r="U4480" i="1"/>
  <c r="U4479" i="1"/>
  <c r="U4478" i="1"/>
  <c r="U4477" i="1"/>
  <c r="U4476" i="1"/>
  <c r="U4475" i="1"/>
  <c r="U4474" i="1"/>
  <c r="U4473" i="1"/>
  <c r="U4472" i="1"/>
  <c r="U4471" i="1"/>
  <c r="U4470" i="1"/>
  <c r="U4469" i="1"/>
  <c r="U4468" i="1"/>
  <c r="U4467" i="1"/>
  <c r="U4466" i="1"/>
  <c r="U4465" i="1"/>
  <c r="U4464" i="1"/>
  <c r="U4463" i="1"/>
  <c r="U4462" i="1"/>
  <c r="U4461" i="1"/>
  <c r="U4460" i="1"/>
  <c r="U4459" i="1"/>
  <c r="U4458" i="1"/>
  <c r="U4457" i="1"/>
  <c r="U4456" i="1"/>
  <c r="U4455" i="1"/>
  <c r="U4454" i="1"/>
  <c r="U4453" i="1"/>
  <c r="U4452" i="1"/>
  <c r="U4451" i="1"/>
  <c r="U4450" i="1"/>
  <c r="U4449" i="1"/>
  <c r="U4448" i="1"/>
  <c r="U4447" i="1"/>
  <c r="U4446" i="1"/>
  <c r="U4445" i="1"/>
  <c r="U4444" i="1"/>
  <c r="U4443" i="1"/>
  <c r="U4442" i="1"/>
  <c r="U4441" i="1"/>
  <c r="U4440" i="1"/>
  <c r="U4439" i="1"/>
  <c r="U4438" i="1"/>
  <c r="U4437" i="1"/>
  <c r="U4436" i="1"/>
  <c r="U4435" i="1"/>
  <c r="U4434" i="1"/>
  <c r="U4433" i="1"/>
  <c r="U4432" i="1"/>
  <c r="U4431" i="1"/>
  <c r="U4430" i="1"/>
  <c r="U4429" i="1"/>
  <c r="U4428" i="1"/>
  <c r="U4427" i="1"/>
  <c r="U4426" i="1"/>
  <c r="U4425" i="1"/>
  <c r="U4424" i="1"/>
  <c r="U4423" i="1"/>
  <c r="U4422" i="1"/>
  <c r="U4421" i="1"/>
  <c r="U4420" i="1"/>
  <c r="U4419" i="1"/>
  <c r="U4418" i="1"/>
  <c r="U4417" i="1"/>
  <c r="U4416" i="1"/>
  <c r="U4415" i="1"/>
  <c r="U4414" i="1"/>
  <c r="U4413" i="1"/>
  <c r="U4412" i="1"/>
  <c r="U4411" i="1"/>
  <c r="U4410" i="1"/>
  <c r="U4409" i="1"/>
  <c r="U4408" i="1"/>
  <c r="U4407" i="1"/>
  <c r="U4406" i="1"/>
  <c r="U4405" i="1"/>
  <c r="U4404" i="1"/>
  <c r="U4403" i="1"/>
  <c r="U4402" i="1"/>
  <c r="U4401" i="1"/>
  <c r="U4400" i="1"/>
  <c r="U4399" i="1"/>
  <c r="U4398" i="1"/>
  <c r="U4397" i="1"/>
  <c r="U4396" i="1"/>
  <c r="U4395" i="1"/>
  <c r="U4394" i="1"/>
  <c r="U4393" i="1"/>
  <c r="U4392" i="1"/>
  <c r="U4391" i="1"/>
  <c r="U4390" i="1"/>
  <c r="U4389" i="1"/>
  <c r="U4388" i="1"/>
  <c r="U4387" i="1"/>
  <c r="U4386" i="1"/>
  <c r="U4385" i="1"/>
  <c r="U4384" i="1"/>
  <c r="U4383" i="1"/>
  <c r="U4382" i="1"/>
  <c r="U4381" i="1"/>
  <c r="U4380" i="1"/>
  <c r="U4379" i="1"/>
  <c r="U4378" i="1"/>
  <c r="U4377" i="1"/>
  <c r="U4376" i="1"/>
  <c r="U4375" i="1"/>
  <c r="U4374" i="1"/>
  <c r="U4373" i="1"/>
  <c r="U4372" i="1"/>
  <c r="U4371" i="1"/>
  <c r="U4370" i="1"/>
  <c r="U4369" i="1"/>
  <c r="U4368" i="1"/>
  <c r="U4367" i="1"/>
  <c r="U4366" i="1"/>
  <c r="U4365" i="1"/>
  <c r="U4364" i="1"/>
  <c r="U4363" i="1"/>
  <c r="U4362" i="1"/>
  <c r="U4361" i="1"/>
  <c r="U4360" i="1"/>
  <c r="U4359" i="1"/>
  <c r="U4358" i="1"/>
  <c r="U4357" i="1"/>
  <c r="U4356" i="1"/>
  <c r="U4355" i="1"/>
  <c r="U4354" i="1"/>
  <c r="U4353" i="1"/>
  <c r="U4352" i="1"/>
  <c r="U4351" i="1"/>
  <c r="U4350" i="1"/>
  <c r="U4349" i="1"/>
  <c r="U4348" i="1"/>
  <c r="U4347" i="1"/>
  <c r="U4346" i="1"/>
  <c r="U4345" i="1"/>
  <c r="U4344" i="1"/>
  <c r="U4343" i="1"/>
  <c r="U4342" i="1"/>
  <c r="U4341" i="1"/>
  <c r="U4340" i="1"/>
  <c r="U4339" i="1"/>
  <c r="U4338" i="1"/>
  <c r="U4337" i="1"/>
  <c r="U4336" i="1"/>
  <c r="U4335" i="1"/>
  <c r="U4334" i="1"/>
  <c r="U4333" i="1"/>
  <c r="U4332" i="1"/>
  <c r="U4331" i="1"/>
  <c r="U4330" i="1"/>
  <c r="U4329" i="1"/>
  <c r="U4328" i="1"/>
  <c r="U4327" i="1"/>
  <c r="U4326" i="1"/>
  <c r="U4325" i="1"/>
  <c r="U4324" i="1"/>
  <c r="U4323" i="1"/>
  <c r="U4322" i="1"/>
  <c r="U4321" i="1"/>
  <c r="U4320" i="1"/>
  <c r="U4319" i="1"/>
  <c r="U4318" i="1"/>
  <c r="U4317" i="1"/>
  <c r="U4316" i="1"/>
  <c r="U4315" i="1"/>
  <c r="U4314" i="1"/>
  <c r="U4313" i="1"/>
  <c r="U4312" i="1"/>
  <c r="U4311" i="1"/>
  <c r="U4310" i="1"/>
  <c r="U4309" i="1"/>
  <c r="U4308" i="1"/>
  <c r="U4307" i="1"/>
  <c r="U4306" i="1"/>
  <c r="U4305" i="1"/>
  <c r="U4304" i="1"/>
  <c r="U4303" i="1"/>
  <c r="U4302" i="1"/>
  <c r="U4301" i="1"/>
  <c r="U4300" i="1"/>
  <c r="U4299" i="1"/>
  <c r="U4298" i="1"/>
  <c r="U4297" i="1"/>
  <c r="U4296" i="1"/>
  <c r="U4295" i="1"/>
  <c r="U4294" i="1"/>
  <c r="U4293" i="1"/>
  <c r="U4292" i="1"/>
  <c r="U4291" i="1"/>
  <c r="U4290" i="1"/>
  <c r="U4289" i="1"/>
  <c r="U4288" i="1"/>
  <c r="U4287" i="1"/>
  <c r="U4286" i="1"/>
  <c r="U4285" i="1"/>
  <c r="U4284" i="1"/>
  <c r="U4283" i="1"/>
  <c r="U4282" i="1"/>
  <c r="U4281" i="1"/>
  <c r="U4280" i="1"/>
  <c r="U4279" i="1"/>
  <c r="U4278" i="1"/>
  <c r="U4277" i="1"/>
  <c r="U4276" i="1"/>
  <c r="U4275" i="1"/>
  <c r="U4274" i="1"/>
  <c r="U4273" i="1"/>
  <c r="U4272" i="1"/>
  <c r="U4271" i="1"/>
  <c r="U4270" i="1"/>
  <c r="U4269" i="1"/>
  <c r="U4268" i="1"/>
  <c r="U4267" i="1"/>
  <c r="U4266" i="1"/>
  <c r="U4265" i="1"/>
  <c r="U4264" i="1"/>
  <c r="U4263" i="1"/>
  <c r="U4262" i="1"/>
  <c r="U4261" i="1"/>
  <c r="U4260" i="1"/>
  <c r="U4259" i="1"/>
  <c r="U4258" i="1"/>
  <c r="U4257" i="1"/>
  <c r="U4256" i="1"/>
  <c r="U4255" i="1"/>
  <c r="U4254" i="1"/>
  <c r="U4253" i="1"/>
  <c r="U4252" i="1"/>
  <c r="U4251" i="1"/>
  <c r="U4250" i="1"/>
  <c r="U4249" i="1"/>
  <c r="U4248" i="1"/>
  <c r="U4247" i="1"/>
  <c r="U4246" i="1"/>
  <c r="U4245" i="1"/>
  <c r="U4244" i="1"/>
  <c r="U4243" i="1"/>
  <c r="U4242" i="1"/>
  <c r="U4241" i="1"/>
  <c r="U4240" i="1"/>
  <c r="U4239" i="1"/>
  <c r="U4238" i="1"/>
  <c r="U4237" i="1"/>
  <c r="U4236" i="1"/>
  <c r="U4235" i="1"/>
  <c r="U4234" i="1"/>
  <c r="U4233" i="1"/>
  <c r="U4232" i="1"/>
  <c r="U4231" i="1"/>
  <c r="U4230" i="1"/>
  <c r="U4229" i="1"/>
  <c r="U4228" i="1"/>
  <c r="U4227" i="1"/>
  <c r="U4226" i="1"/>
  <c r="U4225" i="1"/>
  <c r="U4224" i="1"/>
  <c r="U4223" i="1"/>
  <c r="U4222" i="1"/>
  <c r="U4221" i="1"/>
  <c r="U4220" i="1"/>
  <c r="U4219" i="1"/>
  <c r="U4218" i="1"/>
  <c r="U4217" i="1"/>
  <c r="U4216" i="1"/>
  <c r="U4215" i="1"/>
  <c r="U4214" i="1"/>
  <c r="U4213" i="1"/>
  <c r="U4212" i="1"/>
  <c r="U4211" i="1"/>
  <c r="U4210" i="1"/>
  <c r="U4209" i="1"/>
  <c r="U4208" i="1"/>
  <c r="U4207" i="1"/>
  <c r="U4206" i="1"/>
  <c r="U4205" i="1"/>
  <c r="U4204" i="1"/>
  <c r="U4203" i="1"/>
  <c r="U4202" i="1"/>
  <c r="U4201" i="1"/>
  <c r="U4200" i="1"/>
  <c r="U4199" i="1"/>
  <c r="U4198" i="1"/>
  <c r="U4197" i="1"/>
  <c r="U4196" i="1"/>
  <c r="U4195" i="1"/>
  <c r="U4194" i="1"/>
  <c r="U4193" i="1"/>
  <c r="U4192" i="1"/>
  <c r="U4191" i="1"/>
  <c r="U4190" i="1"/>
  <c r="U4189" i="1"/>
  <c r="U4188" i="1"/>
  <c r="U4187" i="1"/>
  <c r="U4186" i="1"/>
  <c r="U4185" i="1"/>
  <c r="U4184" i="1"/>
  <c r="U4183" i="1"/>
  <c r="U4182" i="1"/>
  <c r="U4181" i="1"/>
  <c r="U4180" i="1"/>
  <c r="U4179" i="1"/>
  <c r="U4178" i="1"/>
  <c r="U4177" i="1"/>
  <c r="U4176" i="1"/>
  <c r="U4175" i="1"/>
  <c r="U4174" i="1"/>
  <c r="U4173" i="1"/>
  <c r="U4172" i="1"/>
  <c r="U4171" i="1"/>
  <c r="U4170" i="1"/>
  <c r="U4169" i="1"/>
  <c r="U4168" i="1"/>
  <c r="U4167" i="1"/>
  <c r="U4166" i="1"/>
  <c r="U4165" i="1"/>
  <c r="U4164" i="1"/>
  <c r="U4163" i="1"/>
  <c r="U4162" i="1"/>
  <c r="U4161" i="1"/>
  <c r="U4160" i="1"/>
  <c r="U4159" i="1"/>
  <c r="U4158" i="1"/>
  <c r="U4157" i="1"/>
  <c r="U4156" i="1"/>
  <c r="U4155" i="1"/>
  <c r="U4154" i="1"/>
  <c r="U4153" i="1"/>
  <c r="U4152" i="1"/>
  <c r="U4151" i="1"/>
  <c r="U4150" i="1"/>
  <c r="U4149" i="1"/>
  <c r="U4148" i="1"/>
  <c r="U4147" i="1"/>
  <c r="U4146" i="1"/>
  <c r="U4145" i="1"/>
  <c r="U4144" i="1"/>
  <c r="U4143" i="1"/>
  <c r="U4142" i="1"/>
  <c r="U4141" i="1"/>
  <c r="U4140" i="1"/>
  <c r="U4139" i="1"/>
  <c r="U4138" i="1"/>
  <c r="U4137" i="1"/>
  <c r="U4136" i="1"/>
  <c r="U4135" i="1"/>
  <c r="U4134" i="1"/>
  <c r="U4133" i="1"/>
  <c r="U4132" i="1"/>
  <c r="U4131" i="1"/>
  <c r="U4130" i="1"/>
  <c r="U4129" i="1"/>
  <c r="U4128" i="1"/>
  <c r="U4127" i="1"/>
  <c r="U4126" i="1"/>
  <c r="U4125" i="1"/>
  <c r="U4124" i="1"/>
  <c r="U4123" i="1"/>
  <c r="U4122" i="1"/>
  <c r="U4121" i="1"/>
  <c r="U4120" i="1"/>
  <c r="U4119" i="1"/>
  <c r="U4118" i="1"/>
  <c r="U4117" i="1"/>
  <c r="U4116" i="1"/>
  <c r="U4115" i="1"/>
  <c r="U4114" i="1"/>
  <c r="U4113" i="1"/>
  <c r="U4112" i="1"/>
  <c r="U4111" i="1"/>
  <c r="U4110" i="1"/>
  <c r="U4109" i="1"/>
  <c r="U4108" i="1"/>
  <c r="U4107" i="1"/>
  <c r="U4106" i="1"/>
  <c r="U4105" i="1"/>
  <c r="U4104" i="1"/>
  <c r="U4103" i="1"/>
  <c r="U4102" i="1"/>
  <c r="U4101" i="1"/>
  <c r="U4100" i="1"/>
  <c r="U4099" i="1"/>
  <c r="U4098" i="1"/>
  <c r="U4097" i="1"/>
  <c r="U4096" i="1"/>
  <c r="U4095" i="1"/>
  <c r="U4094" i="1"/>
  <c r="U4093" i="1"/>
  <c r="U4092" i="1"/>
  <c r="U4091" i="1"/>
  <c r="U4090" i="1"/>
  <c r="U4089" i="1"/>
  <c r="U4088" i="1"/>
  <c r="U4087" i="1"/>
  <c r="U4086" i="1"/>
  <c r="U4085" i="1"/>
  <c r="U4084" i="1"/>
  <c r="U4083" i="1"/>
  <c r="U4082" i="1"/>
  <c r="U4081" i="1"/>
  <c r="U4080" i="1"/>
  <c r="U4079" i="1"/>
  <c r="U4078" i="1"/>
  <c r="U4077" i="1"/>
  <c r="U4076" i="1"/>
  <c r="U4075" i="1"/>
  <c r="U4074" i="1"/>
  <c r="U4073" i="1"/>
  <c r="U4072" i="1"/>
  <c r="U4071" i="1"/>
  <c r="U4070" i="1"/>
  <c r="U4069" i="1"/>
  <c r="U4068" i="1"/>
  <c r="U4067" i="1"/>
  <c r="U4066" i="1"/>
  <c r="U4065" i="1"/>
  <c r="U4064" i="1"/>
  <c r="U4063" i="1"/>
  <c r="U4062" i="1"/>
  <c r="U4061" i="1"/>
  <c r="U4060" i="1"/>
  <c r="U4059" i="1"/>
  <c r="U4058" i="1"/>
  <c r="U4057" i="1"/>
  <c r="U4056" i="1"/>
  <c r="U4055" i="1"/>
  <c r="U4054" i="1"/>
  <c r="U4053" i="1"/>
  <c r="U4052" i="1"/>
  <c r="U4051" i="1"/>
  <c r="U4050" i="1"/>
  <c r="U4049" i="1"/>
  <c r="U4048" i="1"/>
  <c r="U4047" i="1"/>
  <c r="U4046" i="1"/>
  <c r="U4045" i="1"/>
  <c r="U4044" i="1"/>
  <c r="U4043" i="1"/>
  <c r="U4042" i="1"/>
  <c r="U4041" i="1"/>
  <c r="U4040" i="1"/>
  <c r="U4039" i="1"/>
  <c r="U4038" i="1"/>
  <c r="U4037" i="1"/>
  <c r="U4036" i="1"/>
  <c r="U4035" i="1"/>
  <c r="U4034" i="1"/>
  <c r="U4033" i="1"/>
  <c r="U4032" i="1"/>
  <c r="U4031" i="1"/>
  <c r="U4030" i="1"/>
  <c r="U4029" i="1"/>
  <c r="U4028" i="1"/>
  <c r="U4027" i="1"/>
  <c r="U4026" i="1"/>
  <c r="U4025" i="1"/>
  <c r="U4024" i="1"/>
  <c r="U4023" i="1"/>
  <c r="U4022" i="1"/>
  <c r="U4021" i="1"/>
  <c r="U4020" i="1"/>
  <c r="U4019" i="1"/>
  <c r="U4018" i="1"/>
  <c r="U4017" i="1"/>
  <c r="U4016" i="1"/>
  <c r="U4015" i="1"/>
  <c r="U4014" i="1"/>
  <c r="U4013" i="1"/>
  <c r="U4012" i="1"/>
  <c r="U4011" i="1"/>
  <c r="U4010" i="1"/>
  <c r="U4009" i="1"/>
  <c r="U4008" i="1"/>
  <c r="U4007" i="1"/>
  <c r="U4006" i="1"/>
  <c r="U4005" i="1"/>
  <c r="U4004" i="1"/>
  <c r="U4003" i="1"/>
  <c r="U4002" i="1"/>
  <c r="U4001" i="1"/>
  <c r="U4000" i="1"/>
  <c r="U3999" i="1"/>
  <c r="U3998" i="1"/>
  <c r="U3997" i="1"/>
  <c r="U3996" i="1"/>
  <c r="U3995" i="1"/>
  <c r="U3994" i="1"/>
  <c r="U3993" i="1"/>
  <c r="U3992" i="1"/>
  <c r="U3991" i="1"/>
  <c r="U3990" i="1"/>
  <c r="U3989" i="1"/>
  <c r="U3988" i="1"/>
  <c r="U3987" i="1"/>
  <c r="U3986" i="1"/>
  <c r="U3985" i="1"/>
  <c r="U3984" i="1"/>
  <c r="U3983" i="1"/>
  <c r="U3982" i="1"/>
  <c r="U3981" i="1"/>
  <c r="U3980" i="1"/>
  <c r="U3979" i="1"/>
  <c r="U3978" i="1"/>
  <c r="U3977" i="1"/>
  <c r="U3976" i="1"/>
  <c r="U3975" i="1"/>
  <c r="U3974" i="1"/>
  <c r="U3973" i="1"/>
  <c r="U3972" i="1"/>
  <c r="U3971" i="1"/>
  <c r="U3970" i="1"/>
  <c r="U3969" i="1"/>
  <c r="U3968" i="1"/>
  <c r="U3967" i="1"/>
  <c r="U3966" i="1"/>
  <c r="U3965" i="1"/>
  <c r="U3964" i="1"/>
  <c r="U3963" i="1"/>
  <c r="U3962" i="1"/>
  <c r="U3961" i="1"/>
  <c r="U3960" i="1"/>
  <c r="U3959" i="1"/>
  <c r="U3958" i="1"/>
  <c r="U3957" i="1"/>
  <c r="U3956" i="1"/>
  <c r="U3955" i="1"/>
  <c r="U3954" i="1"/>
  <c r="U3953" i="1"/>
  <c r="U3952" i="1"/>
  <c r="U3951" i="1"/>
  <c r="U3950" i="1"/>
  <c r="U3949" i="1"/>
  <c r="U3948" i="1"/>
  <c r="U3947" i="1"/>
  <c r="U3946" i="1"/>
  <c r="U3945" i="1"/>
  <c r="U3944" i="1"/>
  <c r="U3943" i="1"/>
  <c r="U3942" i="1"/>
  <c r="U3941" i="1"/>
  <c r="U3940" i="1"/>
  <c r="U3939" i="1"/>
  <c r="U3938" i="1"/>
  <c r="U3937" i="1"/>
  <c r="U3936" i="1"/>
  <c r="U3935" i="1"/>
  <c r="U3934" i="1"/>
  <c r="U3933" i="1"/>
  <c r="U3932" i="1"/>
  <c r="U3931" i="1"/>
  <c r="U3930" i="1"/>
  <c r="U3929" i="1"/>
  <c r="U3928" i="1"/>
  <c r="U3927" i="1"/>
  <c r="U3926" i="1"/>
  <c r="U3925" i="1"/>
  <c r="U3924" i="1"/>
  <c r="U3923" i="1"/>
  <c r="U3922" i="1"/>
  <c r="U3921" i="1"/>
  <c r="U3920" i="1"/>
  <c r="U3919" i="1"/>
  <c r="U3918" i="1"/>
  <c r="U3917" i="1"/>
  <c r="U3916" i="1"/>
  <c r="U3915" i="1"/>
  <c r="U3914" i="1"/>
  <c r="U3913" i="1"/>
  <c r="U3912" i="1"/>
  <c r="U3911" i="1"/>
  <c r="U3910" i="1"/>
  <c r="U3909" i="1"/>
  <c r="U3908" i="1"/>
  <c r="U3907" i="1"/>
  <c r="U3906" i="1"/>
  <c r="U3905" i="1"/>
  <c r="U3904" i="1"/>
  <c r="U3903" i="1"/>
  <c r="U3902" i="1"/>
  <c r="U3901" i="1"/>
  <c r="U3900" i="1"/>
  <c r="U3899" i="1"/>
  <c r="U3898" i="1"/>
  <c r="U3897" i="1"/>
  <c r="U3896" i="1"/>
  <c r="U3895" i="1"/>
  <c r="U3894" i="1"/>
  <c r="U3893" i="1"/>
  <c r="U3892" i="1"/>
  <c r="U3891" i="1"/>
  <c r="U3890" i="1"/>
  <c r="U3889" i="1"/>
  <c r="U3888" i="1"/>
  <c r="U3887" i="1"/>
  <c r="U3886" i="1"/>
  <c r="U3885" i="1"/>
  <c r="U3884" i="1"/>
  <c r="U3883" i="1"/>
  <c r="U3882" i="1"/>
  <c r="U3881" i="1"/>
  <c r="U3880" i="1"/>
  <c r="U3879" i="1"/>
  <c r="U3878" i="1"/>
  <c r="U3877" i="1"/>
  <c r="U3876" i="1"/>
  <c r="U3875" i="1"/>
  <c r="U3874" i="1"/>
  <c r="U3873" i="1"/>
  <c r="U3872" i="1"/>
  <c r="U3871" i="1"/>
  <c r="U3870" i="1"/>
  <c r="U3869" i="1"/>
  <c r="U3868" i="1"/>
  <c r="U3867" i="1"/>
  <c r="U3866" i="1"/>
  <c r="U3865" i="1"/>
  <c r="U3864" i="1"/>
  <c r="U3863" i="1"/>
  <c r="U3862" i="1"/>
  <c r="U3861" i="1"/>
  <c r="U3860" i="1"/>
  <c r="U3859" i="1"/>
  <c r="U3858" i="1"/>
  <c r="U3857" i="1"/>
  <c r="U3856" i="1"/>
  <c r="U3855" i="1"/>
  <c r="U3854" i="1"/>
  <c r="U3853" i="1"/>
  <c r="U3852" i="1"/>
  <c r="U3851" i="1"/>
  <c r="U3850" i="1"/>
  <c r="U3849" i="1"/>
  <c r="U3848" i="1"/>
  <c r="U3847" i="1"/>
  <c r="U3846" i="1"/>
  <c r="U3845" i="1"/>
  <c r="U3844" i="1"/>
  <c r="U3843" i="1"/>
  <c r="U3842" i="1"/>
  <c r="U3841" i="1"/>
  <c r="U3840" i="1"/>
  <c r="U3839" i="1"/>
  <c r="U3838" i="1"/>
  <c r="U3837" i="1"/>
  <c r="U3836" i="1"/>
  <c r="U3835" i="1"/>
  <c r="U3834" i="1"/>
  <c r="U3833" i="1"/>
  <c r="U3832" i="1"/>
  <c r="U3831" i="1"/>
  <c r="U3830" i="1"/>
  <c r="U3829" i="1"/>
  <c r="U3828" i="1"/>
  <c r="U3827" i="1"/>
  <c r="U3826" i="1"/>
  <c r="U3825" i="1"/>
  <c r="U3824" i="1"/>
  <c r="U3823" i="1"/>
  <c r="U3822" i="1"/>
  <c r="U3821" i="1"/>
  <c r="U3820" i="1"/>
  <c r="U3819" i="1"/>
  <c r="U3818" i="1"/>
  <c r="U3817" i="1"/>
  <c r="U3816" i="1"/>
  <c r="U3815" i="1"/>
  <c r="U3814" i="1"/>
  <c r="U3813" i="1"/>
  <c r="U3812" i="1"/>
  <c r="U3811" i="1"/>
  <c r="U3810" i="1"/>
  <c r="U3809" i="1"/>
  <c r="U3808" i="1"/>
  <c r="U3807" i="1"/>
  <c r="U3806" i="1"/>
  <c r="U3805" i="1"/>
  <c r="U3804" i="1"/>
  <c r="U3803" i="1"/>
  <c r="U3802" i="1"/>
  <c r="U3801" i="1"/>
  <c r="U3800" i="1"/>
  <c r="U3799" i="1"/>
  <c r="U3798" i="1"/>
  <c r="U3797" i="1"/>
  <c r="U3796" i="1"/>
  <c r="U3795" i="1"/>
  <c r="U3794" i="1"/>
  <c r="U3793" i="1"/>
  <c r="U3792" i="1"/>
  <c r="U3791" i="1"/>
  <c r="U3790" i="1"/>
  <c r="U3789" i="1"/>
  <c r="U3788" i="1"/>
  <c r="U3787" i="1"/>
  <c r="U3786" i="1"/>
  <c r="U3785" i="1"/>
  <c r="U3784" i="1"/>
  <c r="U3783" i="1"/>
  <c r="U3782" i="1"/>
  <c r="U3781" i="1"/>
  <c r="U3780" i="1"/>
  <c r="U3779" i="1"/>
  <c r="U3778" i="1"/>
  <c r="U3777" i="1"/>
  <c r="U3776" i="1"/>
  <c r="U3775" i="1"/>
  <c r="U3774" i="1"/>
  <c r="U3773" i="1"/>
  <c r="U3772" i="1"/>
  <c r="U3771" i="1"/>
  <c r="U3770" i="1"/>
  <c r="U3769" i="1"/>
  <c r="U3768" i="1"/>
  <c r="U3767" i="1"/>
  <c r="U3766" i="1"/>
  <c r="U3765" i="1"/>
  <c r="U3764" i="1"/>
  <c r="U3763" i="1"/>
  <c r="U3762" i="1"/>
  <c r="U3761" i="1"/>
  <c r="U3760" i="1"/>
  <c r="U3759" i="1"/>
  <c r="U3758" i="1"/>
  <c r="U3757" i="1"/>
  <c r="U3756" i="1"/>
  <c r="U3755" i="1"/>
  <c r="U3754" i="1"/>
  <c r="U3753" i="1"/>
  <c r="U3752" i="1"/>
  <c r="U3751" i="1"/>
  <c r="U3750" i="1"/>
  <c r="U3749" i="1"/>
  <c r="U3748" i="1"/>
  <c r="U3747" i="1"/>
  <c r="U3746" i="1"/>
  <c r="U3745" i="1"/>
  <c r="U3744" i="1"/>
  <c r="U3743" i="1"/>
  <c r="U3742" i="1"/>
  <c r="U3741" i="1"/>
  <c r="U3740" i="1"/>
  <c r="U3739" i="1"/>
  <c r="U3738" i="1"/>
  <c r="U3737" i="1"/>
  <c r="U3736" i="1"/>
  <c r="U3735" i="1"/>
  <c r="U3734" i="1"/>
  <c r="U3733" i="1"/>
  <c r="U3732" i="1"/>
  <c r="U3731" i="1"/>
  <c r="U3730" i="1"/>
  <c r="U3729" i="1"/>
  <c r="U3728" i="1"/>
  <c r="U3727" i="1"/>
  <c r="U3726" i="1"/>
  <c r="U3725" i="1"/>
  <c r="U3724" i="1"/>
  <c r="U3723" i="1"/>
  <c r="U3722" i="1"/>
  <c r="U3721" i="1"/>
  <c r="U3720" i="1"/>
  <c r="U3719" i="1"/>
  <c r="U3718" i="1"/>
  <c r="U3717" i="1"/>
  <c r="U3716" i="1"/>
  <c r="U3715" i="1"/>
  <c r="U3714" i="1"/>
  <c r="U3713" i="1"/>
  <c r="U3712" i="1"/>
  <c r="U3711" i="1"/>
  <c r="U3710" i="1"/>
  <c r="U3709" i="1"/>
  <c r="U3708" i="1"/>
  <c r="U3707" i="1"/>
  <c r="U3706" i="1"/>
  <c r="U3705" i="1"/>
  <c r="U3704" i="1"/>
  <c r="U3703" i="1"/>
  <c r="U3702" i="1"/>
  <c r="U3701" i="1"/>
  <c r="U3700" i="1"/>
  <c r="U3699" i="1"/>
  <c r="U3698" i="1"/>
  <c r="U3697" i="1"/>
  <c r="U3696" i="1"/>
  <c r="U3695" i="1"/>
  <c r="U3694" i="1"/>
  <c r="U3693" i="1"/>
  <c r="U3692" i="1"/>
  <c r="U3691" i="1"/>
  <c r="U3690" i="1"/>
  <c r="U3689" i="1"/>
  <c r="U3688" i="1"/>
  <c r="U3687" i="1"/>
  <c r="U3686" i="1"/>
  <c r="U3685" i="1"/>
  <c r="U3684" i="1"/>
  <c r="U3683" i="1"/>
  <c r="U3682" i="1"/>
  <c r="U3681" i="1"/>
  <c r="U3680" i="1"/>
  <c r="U3679" i="1"/>
  <c r="U3678" i="1"/>
  <c r="U3677" i="1"/>
  <c r="U3676" i="1"/>
  <c r="U3675" i="1"/>
  <c r="U3674" i="1"/>
  <c r="U3673" i="1"/>
  <c r="U3672" i="1"/>
  <c r="U3671" i="1"/>
  <c r="U3670" i="1"/>
  <c r="U3669" i="1"/>
  <c r="U3668" i="1"/>
  <c r="U3667" i="1"/>
  <c r="U3666" i="1"/>
  <c r="U3665" i="1"/>
  <c r="U3664" i="1"/>
  <c r="U3663" i="1"/>
  <c r="U3662" i="1"/>
  <c r="U3661" i="1"/>
  <c r="U3660" i="1"/>
  <c r="U3659" i="1"/>
  <c r="U3658" i="1"/>
  <c r="U3657" i="1"/>
  <c r="U3656" i="1"/>
  <c r="U3655" i="1"/>
  <c r="U3654" i="1"/>
  <c r="U3653" i="1"/>
  <c r="U3652" i="1"/>
  <c r="U3651" i="1"/>
  <c r="U3650" i="1"/>
  <c r="U3649" i="1"/>
  <c r="U3648" i="1"/>
  <c r="U3647" i="1"/>
  <c r="U3646" i="1"/>
  <c r="U3645" i="1"/>
  <c r="U3644" i="1"/>
  <c r="U3643" i="1"/>
  <c r="U3642" i="1"/>
  <c r="U3641" i="1"/>
  <c r="U3640" i="1"/>
  <c r="U3639" i="1"/>
  <c r="U3638" i="1"/>
  <c r="U3637" i="1"/>
  <c r="U3636" i="1"/>
  <c r="U3635" i="1"/>
  <c r="U3634" i="1"/>
  <c r="U3633" i="1"/>
  <c r="U3632" i="1"/>
  <c r="U3631" i="1"/>
  <c r="U3630" i="1"/>
  <c r="U3629" i="1"/>
  <c r="U3628" i="1"/>
  <c r="U3627" i="1"/>
  <c r="U3626" i="1"/>
  <c r="U3625" i="1"/>
  <c r="U3624" i="1"/>
  <c r="U3623" i="1"/>
  <c r="U3622" i="1"/>
  <c r="U3621" i="1"/>
  <c r="U3620" i="1"/>
  <c r="U3619" i="1"/>
  <c r="U3618" i="1"/>
  <c r="U3617" i="1"/>
  <c r="U3616" i="1"/>
  <c r="U3615" i="1"/>
  <c r="U3614" i="1"/>
  <c r="U3613" i="1"/>
  <c r="U3612" i="1"/>
  <c r="U3611" i="1"/>
  <c r="U3610" i="1"/>
  <c r="U3609" i="1"/>
  <c r="U3608" i="1"/>
  <c r="U3607" i="1"/>
  <c r="U3606" i="1"/>
  <c r="U3605" i="1"/>
  <c r="U3604" i="1"/>
  <c r="U3603" i="1"/>
  <c r="U3602" i="1"/>
  <c r="U3601" i="1"/>
  <c r="U3600" i="1"/>
  <c r="U3599" i="1"/>
  <c r="U3598" i="1"/>
  <c r="U3597" i="1"/>
  <c r="U3596" i="1"/>
  <c r="U3595" i="1"/>
  <c r="U3594" i="1"/>
  <c r="U3593" i="1"/>
  <c r="U3592" i="1"/>
  <c r="U3591" i="1"/>
  <c r="U3590" i="1"/>
  <c r="U3589" i="1"/>
  <c r="U3588" i="1"/>
  <c r="U3587" i="1"/>
  <c r="U3586" i="1"/>
  <c r="U3585" i="1"/>
  <c r="U3584" i="1"/>
  <c r="U3583" i="1"/>
  <c r="U3582" i="1"/>
  <c r="U3581" i="1"/>
  <c r="U3580" i="1"/>
  <c r="U3579" i="1"/>
  <c r="U3578" i="1"/>
  <c r="U3577" i="1"/>
  <c r="U3576" i="1"/>
  <c r="U3575" i="1"/>
  <c r="U3574" i="1"/>
  <c r="U3573" i="1"/>
  <c r="U3572" i="1"/>
  <c r="U3571" i="1"/>
  <c r="U3570" i="1"/>
  <c r="U3569" i="1"/>
  <c r="U3568" i="1"/>
  <c r="U3567" i="1"/>
  <c r="U3566" i="1"/>
  <c r="U3565" i="1"/>
  <c r="U3564" i="1"/>
  <c r="U3563" i="1"/>
  <c r="U3562" i="1"/>
  <c r="U3561" i="1"/>
  <c r="U3560" i="1"/>
  <c r="U3559" i="1"/>
  <c r="U3558" i="1"/>
  <c r="U3557" i="1"/>
  <c r="U3556" i="1"/>
  <c r="U3555" i="1"/>
  <c r="U3554" i="1"/>
  <c r="U3553" i="1"/>
  <c r="U3552" i="1"/>
  <c r="U3551" i="1"/>
  <c r="U3550" i="1"/>
  <c r="U3549" i="1"/>
  <c r="U3548" i="1"/>
  <c r="U3547" i="1"/>
  <c r="U3546" i="1"/>
  <c r="U3545" i="1"/>
  <c r="U3544" i="1"/>
  <c r="U3543" i="1"/>
  <c r="U3542" i="1"/>
  <c r="U3541" i="1"/>
  <c r="U3540" i="1"/>
  <c r="U3539" i="1"/>
  <c r="U3538" i="1"/>
  <c r="U3537" i="1"/>
  <c r="U3536" i="1"/>
  <c r="U3535" i="1"/>
  <c r="U3534" i="1"/>
  <c r="U3533" i="1"/>
  <c r="U3532" i="1"/>
  <c r="U3531" i="1"/>
  <c r="U3530" i="1"/>
  <c r="U3529" i="1"/>
  <c r="U3528" i="1"/>
  <c r="U3527" i="1"/>
  <c r="U3526" i="1"/>
  <c r="U3525" i="1"/>
  <c r="U3524" i="1"/>
  <c r="U3523" i="1"/>
  <c r="U3522" i="1"/>
  <c r="U3521" i="1"/>
  <c r="U3520" i="1"/>
  <c r="U3519" i="1"/>
  <c r="U3518" i="1"/>
  <c r="U3517" i="1"/>
  <c r="U3516" i="1"/>
  <c r="U3515" i="1"/>
  <c r="U3514" i="1"/>
  <c r="U3513" i="1"/>
  <c r="U3512" i="1"/>
  <c r="U3511" i="1"/>
  <c r="U3510" i="1"/>
  <c r="U3509" i="1"/>
  <c r="U3508" i="1"/>
  <c r="U3507" i="1"/>
  <c r="U3506" i="1"/>
  <c r="U3505" i="1"/>
  <c r="U3504" i="1"/>
  <c r="U3503" i="1"/>
  <c r="U3502" i="1"/>
  <c r="U3501" i="1"/>
  <c r="U3500" i="1"/>
  <c r="U3499" i="1"/>
  <c r="U3498" i="1"/>
  <c r="U3497" i="1"/>
  <c r="U3496" i="1"/>
  <c r="U3495" i="1"/>
  <c r="U3494" i="1"/>
  <c r="U3493" i="1"/>
  <c r="U3492" i="1"/>
  <c r="U3491" i="1"/>
  <c r="U3490" i="1"/>
  <c r="U3489" i="1"/>
  <c r="U3488" i="1"/>
  <c r="U3487" i="1"/>
  <c r="U3486" i="1"/>
  <c r="U3485" i="1"/>
  <c r="U3484" i="1"/>
  <c r="U3483" i="1"/>
  <c r="U3482" i="1"/>
  <c r="U3481" i="1"/>
  <c r="U3480" i="1"/>
  <c r="U3479" i="1"/>
  <c r="U3478" i="1"/>
  <c r="U3477" i="1"/>
  <c r="U3476" i="1"/>
  <c r="U3475" i="1"/>
  <c r="U3474" i="1"/>
  <c r="U3473" i="1"/>
  <c r="U3472" i="1"/>
  <c r="U3471" i="1"/>
  <c r="U3470" i="1"/>
  <c r="U3469" i="1"/>
  <c r="U3468" i="1"/>
  <c r="U3467" i="1"/>
  <c r="U3466" i="1"/>
  <c r="U3465" i="1"/>
  <c r="U3464" i="1"/>
  <c r="U3463" i="1"/>
  <c r="U3462" i="1"/>
  <c r="U3461" i="1"/>
  <c r="U3460" i="1"/>
  <c r="U3459" i="1"/>
  <c r="U3458" i="1"/>
  <c r="U3457" i="1"/>
  <c r="U3456" i="1"/>
  <c r="U3455" i="1"/>
  <c r="U3454" i="1"/>
  <c r="U3453" i="1"/>
  <c r="U3452" i="1"/>
  <c r="U3451" i="1"/>
  <c r="U3450" i="1"/>
  <c r="U3449" i="1"/>
  <c r="U3448" i="1"/>
  <c r="U3447" i="1"/>
  <c r="U3446" i="1"/>
  <c r="U3445" i="1"/>
  <c r="U3444" i="1"/>
  <c r="U3443" i="1"/>
  <c r="U3442" i="1"/>
  <c r="U3441" i="1"/>
  <c r="U3440" i="1"/>
  <c r="U3439" i="1"/>
  <c r="U3438" i="1"/>
  <c r="U3437" i="1"/>
  <c r="U3436" i="1"/>
  <c r="U3435" i="1"/>
  <c r="U3434" i="1"/>
  <c r="U3433" i="1"/>
  <c r="U3432" i="1"/>
  <c r="U3431" i="1"/>
  <c r="U3430" i="1"/>
  <c r="U3429" i="1"/>
  <c r="U3428" i="1"/>
  <c r="U3427" i="1"/>
  <c r="U3426" i="1"/>
  <c r="U3425" i="1"/>
  <c r="U3424" i="1"/>
  <c r="U3423" i="1"/>
  <c r="U3422" i="1"/>
  <c r="U3421" i="1"/>
  <c r="U3420" i="1"/>
  <c r="U3419" i="1"/>
  <c r="U3418" i="1"/>
  <c r="U3417" i="1"/>
  <c r="U3416" i="1"/>
  <c r="U3415" i="1"/>
  <c r="U3414" i="1"/>
  <c r="U3413" i="1"/>
  <c r="U3412" i="1"/>
  <c r="U3411" i="1"/>
  <c r="U3410" i="1"/>
  <c r="U3409" i="1"/>
  <c r="U3408" i="1"/>
  <c r="U3407" i="1"/>
  <c r="U3406" i="1"/>
  <c r="U3405" i="1"/>
  <c r="U3404" i="1"/>
  <c r="U3403" i="1"/>
  <c r="U3402" i="1"/>
  <c r="U3401" i="1"/>
  <c r="U3400" i="1"/>
  <c r="U3399" i="1"/>
  <c r="U3398" i="1"/>
  <c r="U3397" i="1"/>
  <c r="U3396" i="1"/>
  <c r="U3395" i="1"/>
  <c r="U3394" i="1"/>
  <c r="U3393" i="1"/>
  <c r="U3392" i="1"/>
  <c r="U3391" i="1"/>
  <c r="U3390" i="1"/>
  <c r="U3389" i="1"/>
  <c r="U3388" i="1"/>
  <c r="U3387" i="1"/>
  <c r="U3386" i="1"/>
  <c r="U3385" i="1"/>
  <c r="U3384" i="1"/>
  <c r="U3383" i="1"/>
  <c r="U3382" i="1"/>
  <c r="U3381" i="1"/>
  <c r="U3380" i="1"/>
  <c r="U3379" i="1"/>
  <c r="U3378" i="1"/>
  <c r="U3377" i="1"/>
  <c r="U3376" i="1"/>
  <c r="U3375" i="1"/>
  <c r="U3374" i="1"/>
  <c r="U3373" i="1"/>
  <c r="U3372" i="1"/>
  <c r="U3371" i="1"/>
  <c r="U3370" i="1"/>
  <c r="U3369" i="1"/>
  <c r="U3368" i="1"/>
  <c r="U3367" i="1"/>
  <c r="U3366" i="1"/>
  <c r="U3365" i="1"/>
  <c r="U3364" i="1"/>
  <c r="U3363" i="1"/>
  <c r="U3362" i="1"/>
  <c r="U3361" i="1"/>
  <c r="U3360" i="1"/>
  <c r="U3359" i="1"/>
  <c r="U3358" i="1"/>
  <c r="U3357" i="1"/>
  <c r="U3356" i="1"/>
  <c r="U3355" i="1"/>
  <c r="U3354" i="1"/>
  <c r="U3353" i="1"/>
  <c r="U3352" i="1"/>
  <c r="U3351" i="1"/>
  <c r="U3350" i="1"/>
  <c r="U3349" i="1"/>
  <c r="U3348" i="1"/>
  <c r="U3347" i="1"/>
  <c r="U3346" i="1"/>
  <c r="U3345" i="1"/>
  <c r="U3344" i="1"/>
  <c r="U3343" i="1"/>
  <c r="U3342" i="1"/>
  <c r="U3341" i="1"/>
  <c r="U3340" i="1"/>
  <c r="U3339" i="1"/>
  <c r="U3338" i="1"/>
  <c r="U3337" i="1"/>
  <c r="U3336" i="1"/>
  <c r="U3335" i="1"/>
  <c r="U3334" i="1"/>
  <c r="U3333" i="1"/>
  <c r="U3332" i="1"/>
  <c r="U3331" i="1"/>
  <c r="U3330" i="1"/>
  <c r="U3329" i="1"/>
  <c r="U3328" i="1"/>
  <c r="U3327" i="1"/>
  <c r="U3326" i="1"/>
  <c r="U3325" i="1"/>
  <c r="U3324" i="1"/>
  <c r="U3323" i="1"/>
  <c r="U3322" i="1"/>
  <c r="U3321" i="1"/>
  <c r="U3320" i="1"/>
  <c r="U3319" i="1"/>
  <c r="U3318" i="1"/>
  <c r="U3317" i="1"/>
  <c r="U3316" i="1"/>
  <c r="U3315" i="1"/>
  <c r="U3314" i="1"/>
  <c r="U3313" i="1"/>
  <c r="U3312" i="1"/>
  <c r="U3311" i="1"/>
  <c r="U3310" i="1"/>
  <c r="U3309" i="1"/>
  <c r="U3308" i="1"/>
  <c r="U3307" i="1"/>
  <c r="U3306" i="1"/>
  <c r="U3305" i="1"/>
  <c r="U3304" i="1"/>
  <c r="U3303" i="1"/>
  <c r="U3302" i="1"/>
  <c r="U3301" i="1"/>
  <c r="U3300" i="1"/>
  <c r="U3299" i="1"/>
  <c r="U3298" i="1"/>
  <c r="U3297" i="1"/>
  <c r="U3296" i="1"/>
  <c r="U3295" i="1"/>
  <c r="U3294" i="1"/>
  <c r="U3293" i="1"/>
  <c r="U3292" i="1"/>
  <c r="U3291" i="1"/>
  <c r="U3290" i="1"/>
  <c r="U3289" i="1"/>
  <c r="U3288" i="1"/>
  <c r="U3287" i="1"/>
  <c r="U3286" i="1"/>
  <c r="U3285" i="1"/>
  <c r="U3284" i="1"/>
  <c r="U3283" i="1"/>
  <c r="U3282" i="1"/>
  <c r="U3281" i="1"/>
  <c r="U3280" i="1"/>
  <c r="U3279" i="1"/>
  <c r="U3278" i="1"/>
  <c r="U3277" i="1"/>
  <c r="U3276" i="1"/>
  <c r="U3275" i="1"/>
  <c r="U3274" i="1"/>
  <c r="U3273" i="1"/>
  <c r="U3272" i="1"/>
  <c r="U3271" i="1"/>
  <c r="U3270" i="1"/>
  <c r="U3269" i="1"/>
  <c r="U3268" i="1"/>
  <c r="U3267" i="1"/>
  <c r="U3266" i="1"/>
  <c r="U3265" i="1"/>
  <c r="U3264" i="1"/>
  <c r="U3263" i="1"/>
  <c r="U3262" i="1"/>
  <c r="U3261" i="1"/>
  <c r="U3260" i="1"/>
  <c r="U3259" i="1"/>
  <c r="U3258" i="1"/>
  <c r="U3257" i="1"/>
  <c r="U3256" i="1"/>
  <c r="U3255" i="1"/>
  <c r="U3254" i="1"/>
  <c r="U3253" i="1"/>
  <c r="U3252" i="1"/>
  <c r="U3251" i="1"/>
  <c r="U3250" i="1"/>
  <c r="U3249" i="1"/>
  <c r="U3248" i="1"/>
  <c r="U3247" i="1"/>
  <c r="U3246" i="1"/>
  <c r="U3245" i="1"/>
  <c r="U3244" i="1"/>
  <c r="U3243" i="1"/>
  <c r="U3242" i="1"/>
  <c r="U3241" i="1"/>
  <c r="U3240" i="1"/>
  <c r="U3239" i="1"/>
  <c r="U3238" i="1"/>
  <c r="U3237" i="1"/>
  <c r="U3236" i="1"/>
  <c r="U3235" i="1"/>
  <c r="U3234" i="1"/>
  <c r="U3233" i="1"/>
  <c r="U3232" i="1"/>
  <c r="U3231" i="1"/>
  <c r="U3230" i="1"/>
  <c r="U3229" i="1"/>
  <c r="U3228" i="1"/>
  <c r="U3227" i="1"/>
  <c r="U3226" i="1"/>
  <c r="U3225" i="1"/>
  <c r="U3224" i="1"/>
  <c r="U3223" i="1"/>
  <c r="U3222" i="1"/>
  <c r="U3221" i="1"/>
  <c r="U3220" i="1"/>
  <c r="U3219" i="1"/>
  <c r="U3218" i="1"/>
  <c r="U3217" i="1"/>
  <c r="U3216" i="1"/>
  <c r="U3215" i="1"/>
  <c r="U3214" i="1"/>
  <c r="U3213" i="1"/>
  <c r="U3212" i="1"/>
  <c r="U3211" i="1"/>
  <c r="U3210" i="1"/>
  <c r="U3209" i="1"/>
  <c r="U3208" i="1"/>
  <c r="U3207" i="1"/>
  <c r="U3206" i="1"/>
  <c r="U3205" i="1"/>
  <c r="U3204" i="1"/>
  <c r="U3203" i="1"/>
  <c r="U3202" i="1"/>
  <c r="U3201" i="1"/>
  <c r="U3200" i="1"/>
  <c r="U3199" i="1"/>
  <c r="U3198" i="1"/>
  <c r="U3197" i="1"/>
  <c r="U3196" i="1"/>
  <c r="U3195" i="1"/>
  <c r="U3194" i="1"/>
  <c r="U3193" i="1"/>
  <c r="U3192" i="1"/>
  <c r="U3191" i="1"/>
  <c r="U3190" i="1"/>
  <c r="U3189" i="1"/>
  <c r="U3188" i="1"/>
  <c r="U3187" i="1"/>
  <c r="U3186" i="1"/>
  <c r="U3185" i="1"/>
  <c r="U3184" i="1"/>
  <c r="U3183" i="1"/>
  <c r="U3182" i="1"/>
  <c r="U3181" i="1"/>
  <c r="U3180" i="1"/>
  <c r="U3179" i="1"/>
  <c r="U3178" i="1"/>
  <c r="U3177" i="1"/>
  <c r="U3176" i="1"/>
  <c r="U3175" i="1"/>
  <c r="U3174" i="1"/>
  <c r="U3173" i="1"/>
  <c r="U3172" i="1"/>
  <c r="U3171" i="1"/>
  <c r="U3170" i="1"/>
  <c r="U3169" i="1"/>
  <c r="U3168" i="1"/>
  <c r="U3167" i="1"/>
  <c r="U3166" i="1"/>
  <c r="U3165" i="1"/>
  <c r="U3164" i="1"/>
  <c r="U3163" i="1"/>
  <c r="U3162" i="1"/>
  <c r="U3161" i="1"/>
  <c r="U3160" i="1"/>
  <c r="U3159" i="1"/>
  <c r="U3158" i="1"/>
  <c r="U3157" i="1"/>
  <c r="U3156" i="1"/>
  <c r="U3155" i="1"/>
  <c r="U3154" i="1"/>
  <c r="U3153" i="1"/>
  <c r="U3152" i="1"/>
  <c r="U3151" i="1"/>
  <c r="U3150" i="1"/>
  <c r="U3149" i="1"/>
  <c r="U3148" i="1"/>
  <c r="U3147" i="1"/>
  <c r="U3146" i="1"/>
  <c r="U3145" i="1"/>
  <c r="U3144" i="1"/>
  <c r="U3143" i="1"/>
  <c r="U3142" i="1"/>
  <c r="U3141" i="1"/>
  <c r="U3140" i="1"/>
  <c r="U3139" i="1"/>
  <c r="U3138" i="1"/>
  <c r="U3137" i="1"/>
  <c r="U3136" i="1"/>
  <c r="U3135" i="1"/>
  <c r="U3134" i="1"/>
  <c r="U3133" i="1"/>
  <c r="U3132" i="1"/>
  <c r="U3131" i="1"/>
  <c r="U3130" i="1"/>
  <c r="U3129" i="1"/>
  <c r="U3128" i="1"/>
  <c r="U3127" i="1"/>
  <c r="U3126" i="1"/>
  <c r="U3125" i="1"/>
  <c r="U3124" i="1"/>
  <c r="U3123" i="1"/>
  <c r="U3122" i="1"/>
  <c r="U3121" i="1"/>
  <c r="U3120" i="1"/>
  <c r="U3119" i="1"/>
  <c r="U3118" i="1"/>
  <c r="U3117" i="1"/>
  <c r="U3116" i="1"/>
  <c r="U3115" i="1"/>
  <c r="U3114" i="1"/>
  <c r="U3113" i="1"/>
  <c r="U3112" i="1"/>
  <c r="U3111" i="1"/>
  <c r="U3110" i="1"/>
  <c r="U3109" i="1"/>
  <c r="U3108" i="1"/>
  <c r="U3107" i="1"/>
  <c r="U3106" i="1"/>
  <c r="U3105" i="1"/>
  <c r="U3104" i="1"/>
  <c r="U3103" i="1"/>
  <c r="U3102" i="1"/>
  <c r="U3101" i="1"/>
  <c r="U3100" i="1"/>
  <c r="U3099" i="1"/>
  <c r="U3098" i="1"/>
  <c r="U3097" i="1"/>
  <c r="U3096" i="1"/>
  <c r="U3095" i="1"/>
  <c r="U3094" i="1"/>
  <c r="U3093" i="1"/>
  <c r="U3092" i="1"/>
  <c r="U3091" i="1"/>
  <c r="U3090" i="1"/>
  <c r="U3089" i="1"/>
  <c r="U3088" i="1"/>
  <c r="U3087" i="1"/>
  <c r="U3086" i="1"/>
  <c r="U3085" i="1"/>
  <c r="U3084" i="1"/>
  <c r="U3083" i="1"/>
  <c r="U3082" i="1"/>
  <c r="U3081" i="1"/>
  <c r="U3080" i="1"/>
  <c r="U3079" i="1"/>
  <c r="U3078" i="1"/>
  <c r="U3077" i="1"/>
  <c r="U3076" i="1"/>
  <c r="U3075" i="1"/>
  <c r="U3074" i="1"/>
  <c r="U3073" i="1"/>
  <c r="U3072" i="1"/>
  <c r="U3071" i="1"/>
  <c r="U3070" i="1"/>
  <c r="U3069" i="1"/>
  <c r="U3068" i="1"/>
  <c r="U3067" i="1"/>
  <c r="U3066" i="1"/>
  <c r="U3065" i="1"/>
  <c r="U3064" i="1"/>
  <c r="U3063" i="1"/>
  <c r="U3062" i="1"/>
  <c r="U3061" i="1"/>
  <c r="U3060" i="1"/>
  <c r="U3059" i="1"/>
  <c r="U3058" i="1"/>
  <c r="U3057" i="1"/>
  <c r="U3056" i="1"/>
  <c r="U3055" i="1"/>
  <c r="U3054" i="1"/>
  <c r="U3053" i="1"/>
  <c r="U3052" i="1"/>
  <c r="U3051" i="1"/>
  <c r="U3050" i="1"/>
  <c r="U3049" i="1"/>
  <c r="U3048" i="1"/>
  <c r="U3047" i="1"/>
  <c r="U3046" i="1"/>
  <c r="U3045" i="1"/>
  <c r="U3044" i="1"/>
  <c r="U3043" i="1"/>
  <c r="U3042" i="1"/>
  <c r="U3041" i="1"/>
  <c r="U3040" i="1"/>
  <c r="U3039" i="1"/>
  <c r="U3038" i="1"/>
  <c r="U3037" i="1"/>
  <c r="U3036" i="1"/>
  <c r="U3035" i="1"/>
  <c r="U3034" i="1"/>
  <c r="U3033" i="1"/>
  <c r="U3032" i="1"/>
  <c r="U3031" i="1"/>
  <c r="U3030" i="1"/>
  <c r="U3029" i="1"/>
  <c r="U3028" i="1"/>
  <c r="U3027" i="1"/>
  <c r="U3026" i="1"/>
  <c r="U3025" i="1"/>
  <c r="U3024" i="1"/>
  <c r="U3023" i="1"/>
  <c r="U3022" i="1"/>
  <c r="U3021" i="1"/>
  <c r="U3020" i="1"/>
  <c r="U3019" i="1"/>
  <c r="U3018" i="1"/>
  <c r="U3017" i="1"/>
  <c r="U3016" i="1"/>
  <c r="U3015" i="1"/>
  <c r="U3014" i="1"/>
  <c r="U3013" i="1"/>
  <c r="U3012" i="1"/>
  <c r="U3011" i="1"/>
  <c r="U3010" i="1"/>
  <c r="U3009" i="1"/>
  <c r="U3008" i="1"/>
  <c r="U3007" i="1"/>
  <c r="U3006" i="1"/>
  <c r="U3005" i="1"/>
  <c r="U3004" i="1"/>
  <c r="U3003" i="1"/>
  <c r="U3002" i="1"/>
  <c r="U3001" i="1"/>
  <c r="U3000" i="1"/>
  <c r="U2999" i="1"/>
  <c r="U2998" i="1"/>
  <c r="U2997" i="1"/>
  <c r="U2996" i="1"/>
  <c r="U2995" i="1"/>
  <c r="U2994" i="1"/>
  <c r="U2993" i="1"/>
  <c r="U2992" i="1"/>
  <c r="U2991" i="1"/>
  <c r="U2990" i="1"/>
  <c r="U2989" i="1"/>
  <c r="U2988" i="1"/>
  <c r="U2987" i="1"/>
  <c r="U2986" i="1"/>
  <c r="U2985" i="1"/>
  <c r="U2984" i="1"/>
  <c r="U2983" i="1"/>
  <c r="U2982" i="1"/>
  <c r="U2981" i="1"/>
  <c r="U2980" i="1"/>
  <c r="U2979" i="1"/>
  <c r="U2978" i="1"/>
  <c r="U2977" i="1"/>
  <c r="U2976" i="1"/>
  <c r="U2975" i="1"/>
  <c r="U2974" i="1"/>
  <c r="U2973" i="1"/>
  <c r="U2972" i="1"/>
  <c r="U2971" i="1"/>
  <c r="U2970" i="1"/>
  <c r="U2969" i="1"/>
  <c r="U2968" i="1"/>
  <c r="U2967" i="1"/>
  <c r="U2966" i="1"/>
  <c r="U2965" i="1"/>
  <c r="U2964" i="1"/>
  <c r="U2963" i="1"/>
  <c r="U2962" i="1"/>
  <c r="U2961" i="1"/>
  <c r="U2960" i="1"/>
  <c r="U2959" i="1"/>
  <c r="U2958" i="1"/>
  <c r="U2957" i="1"/>
  <c r="U2956" i="1"/>
  <c r="U2955" i="1"/>
  <c r="U2954" i="1"/>
  <c r="U2953" i="1"/>
  <c r="U2952" i="1"/>
  <c r="U2951" i="1"/>
  <c r="U2950" i="1"/>
  <c r="U2949" i="1"/>
  <c r="U2948" i="1"/>
  <c r="U2947" i="1"/>
  <c r="U2946" i="1"/>
  <c r="U2945" i="1"/>
  <c r="U2944" i="1"/>
  <c r="U2943" i="1"/>
  <c r="U2942" i="1"/>
  <c r="U2941" i="1"/>
  <c r="U2940" i="1"/>
  <c r="U2939" i="1"/>
  <c r="U2938" i="1"/>
  <c r="U2937" i="1"/>
  <c r="U2936" i="1"/>
  <c r="U2935" i="1"/>
  <c r="U2934" i="1"/>
  <c r="U2933" i="1"/>
  <c r="U2932" i="1"/>
  <c r="U2931" i="1"/>
  <c r="U2930" i="1"/>
  <c r="U2929" i="1"/>
  <c r="U2928" i="1"/>
  <c r="U2927" i="1"/>
  <c r="U2926" i="1"/>
  <c r="U2925" i="1"/>
  <c r="U2924" i="1"/>
  <c r="U2923" i="1"/>
  <c r="U2922" i="1"/>
  <c r="U2921" i="1"/>
  <c r="U2920" i="1"/>
  <c r="U2919" i="1"/>
  <c r="U2918" i="1"/>
  <c r="U2917" i="1"/>
  <c r="U2916" i="1"/>
  <c r="U2915" i="1"/>
  <c r="U2914" i="1"/>
  <c r="U2913" i="1"/>
  <c r="U2912" i="1"/>
  <c r="U2911" i="1"/>
  <c r="U2910" i="1"/>
  <c r="U2909" i="1"/>
  <c r="U2908" i="1"/>
  <c r="U2907" i="1"/>
  <c r="U2906" i="1"/>
  <c r="U2905" i="1"/>
  <c r="U2904" i="1"/>
  <c r="U2903" i="1"/>
  <c r="U2902" i="1"/>
  <c r="U2901" i="1"/>
  <c r="U2900" i="1"/>
  <c r="U2899" i="1"/>
  <c r="U2898" i="1"/>
  <c r="U2897" i="1"/>
  <c r="U2896" i="1"/>
  <c r="U2895" i="1"/>
  <c r="U2894" i="1"/>
  <c r="U2893" i="1"/>
  <c r="U2892" i="1"/>
  <c r="U2891" i="1"/>
  <c r="U2890" i="1"/>
  <c r="U2889" i="1"/>
  <c r="U2888" i="1"/>
  <c r="U2887" i="1"/>
  <c r="U2886" i="1"/>
  <c r="U2885" i="1"/>
  <c r="U2884" i="1"/>
  <c r="U2883" i="1"/>
  <c r="U2882" i="1"/>
  <c r="U2881" i="1"/>
  <c r="U2880" i="1"/>
  <c r="U2879" i="1"/>
  <c r="U2878" i="1"/>
  <c r="U2877" i="1"/>
  <c r="U2876" i="1"/>
  <c r="U2875" i="1"/>
  <c r="U2874" i="1"/>
  <c r="U2873" i="1"/>
  <c r="U2872" i="1"/>
  <c r="U2871" i="1"/>
  <c r="U2870" i="1"/>
  <c r="U2869" i="1"/>
  <c r="U2868" i="1"/>
  <c r="U2867" i="1"/>
  <c r="U2866" i="1"/>
  <c r="U2865" i="1"/>
  <c r="U2864" i="1"/>
  <c r="U2863" i="1"/>
  <c r="U2862" i="1"/>
  <c r="U2861" i="1"/>
  <c r="U2860" i="1"/>
  <c r="U2859" i="1"/>
  <c r="U2858" i="1"/>
  <c r="U2857" i="1"/>
  <c r="U2856" i="1"/>
  <c r="U2855" i="1"/>
  <c r="U2854" i="1"/>
  <c r="U2853" i="1"/>
  <c r="U2852" i="1"/>
  <c r="U2851" i="1"/>
  <c r="U2850" i="1"/>
  <c r="U2849" i="1"/>
  <c r="U2848" i="1"/>
  <c r="U2847" i="1"/>
  <c r="U2846" i="1"/>
  <c r="U2845" i="1"/>
  <c r="U2844" i="1"/>
  <c r="U2843" i="1"/>
  <c r="U2842" i="1"/>
  <c r="U2841" i="1"/>
  <c r="U2840" i="1"/>
  <c r="U2839" i="1"/>
  <c r="U2838" i="1"/>
  <c r="U2837" i="1"/>
  <c r="U2836" i="1"/>
  <c r="U2835" i="1"/>
  <c r="U2834" i="1"/>
  <c r="U2833" i="1"/>
  <c r="U2832" i="1"/>
  <c r="U2831" i="1"/>
  <c r="U2830" i="1"/>
  <c r="U2829" i="1"/>
  <c r="U2828" i="1"/>
  <c r="U2827" i="1"/>
  <c r="U2826" i="1"/>
  <c r="U2825" i="1"/>
  <c r="U2824" i="1"/>
  <c r="U2823" i="1"/>
  <c r="U2822" i="1"/>
  <c r="U2821" i="1"/>
  <c r="U2820" i="1"/>
  <c r="U2819" i="1"/>
  <c r="U2818" i="1"/>
  <c r="U2817" i="1"/>
  <c r="U2816" i="1"/>
  <c r="U2815" i="1"/>
  <c r="U2814" i="1"/>
  <c r="U2813" i="1"/>
  <c r="U2812" i="1"/>
  <c r="U2811" i="1"/>
  <c r="U2810" i="1"/>
  <c r="U2809" i="1"/>
  <c r="U2808" i="1"/>
  <c r="U2807" i="1"/>
  <c r="U2806" i="1"/>
  <c r="U2805" i="1"/>
  <c r="U2804" i="1"/>
  <c r="U2803" i="1"/>
  <c r="U2802" i="1"/>
  <c r="U2801" i="1"/>
  <c r="U2800" i="1"/>
  <c r="U2799" i="1"/>
  <c r="U2798" i="1"/>
  <c r="U2797" i="1"/>
  <c r="U2796" i="1"/>
  <c r="U2795" i="1"/>
  <c r="U2794" i="1"/>
  <c r="U2793" i="1"/>
  <c r="U2792" i="1"/>
  <c r="U2791" i="1"/>
  <c r="U2790" i="1"/>
  <c r="U2789" i="1"/>
  <c r="U2788" i="1"/>
  <c r="U2787" i="1"/>
  <c r="U2786" i="1"/>
  <c r="U2785" i="1"/>
  <c r="U2784" i="1"/>
  <c r="U2783" i="1"/>
  <c r="U2782" i="1"/>
  <c r="U2781" i="1"/>
  <c r="U2780" i="1"/>
  <c r="U2779" i="1"/>
  <c r="U2778" i="1"/>
  <c r="U2777" i="1"/>
  <c r="U2776" i="1"/>
  <c r="U2775" i="1"/>
  <c r="U2774" i="1"/>
  <c r="U2773" i="1"/>
  <c r="U2772" i="1"/>
  <c r="U2771" i="1"/>
  <c r="U2770" i="1"/>
  <c r="U2769" i="1"/>
  <c r="U2768" i="1"/>
  <c r="U2767" i="1"/>
  <c r="U2766" i="1"/>
  <c r="U2765" i="1"/>
  <c r="U2764" i="1"/>
  <c r="U2763" i="1"/>
  <c r="U2762" i="1"/>
  <c r="U2761" i="1"/>
  <c r="U2760" i="1"/>
  <c r="U2759" i="1"/>
  <c r="U2758" i="1"/>
  <c r="U2757" i="1"/>
  <c r="U2756" i="1"/>
  <c r="U2755" i="1"/>
  <c r="U2754" i="1"/>
  <c r="U2753" i="1"/>
  <c r="U2752" i="1"/>
  <c r="U2751" i="1"/>
  <c r="U2750" i="1"/>
  <c r="U2749" i="1"/>
  <c r="U2748" i="1"/>
  <c r="U2747" i="1"/>
  <c r="U2746" i="1"/>
  <c r="U2745" i="1"/>
  <c r="U2744" i="1"/>
  <c r="U2743" i="1"/>
  <c r="U2742" i="1"/>
  <c r="U2741" i="1"/>
  <c r="U2740" i="1"/>
  <c r="U2739" i="1"/>
  <c r="U2738" i="1"/>
  <c r="U2737" i="1"/>
  <c r="U2736" i="1"/>
  <c r="U2735" i="1"/>
  <c r="U2734" i="1"/>
  <c r="U2733" i="1"/>
  <c r="U2732" i="1"/>
  <c r="U2731" i="1"/>
  <c r="U2730" i="1"/>
  <c r="U2729" i="1"/>
  <c r="U2728" i="1"/>
  <c r="U2727" i="1"/>
  <c r="U2726" i="1"/>
  <c r="U2725" i="1"/>
  <c r="U2724" i="1"/>
  <c r="U2723" i="1"/>
  <c r="U2722" i="1"/>
  <c r="U2721" i="1"/>
  <c r="U2720" i="1"/>
  <c r="U2719" i="1"/>
  <c r="U2718" i="1"/>
  <c r="U2717" i="1"/>
  <c r="U2716" i="1"/>
  <c r="U2715" i="1"/>
  <c r="U2714" i="1"/>
  <c r="U2713" i="1"/>
  <c r="U2712" i="1"/>
  <c r="U2711" i="1"/>
  <c r="U2710" i="1"/>
  <c r="U2709" i="1"/>
  <c r="U2708" i="1"/>
  <c r="U2707" i="1"/>
  <c r="U2706" i="1"/>
  <c r="U2705" i="1"/>
  <c r="U2704" i="1"/>
  <c r="U2703" i="1"/>
  <c r="U2702" i="1"/>
  <c r="U2701" i="1"/>
  <c r="U2700" i="1"/>
  <c r="U2699" i="1"/>
  <c r="U2698" i="1"/>
  <c r="U2697" i="1"/>
  <c r="U2696" i="1"/>
  <c r="U2695" i="1"/>
  <c r="U2694" i="1"/>
  <c r="U2693" i="1"/>
  <c r="U2692" i="1"/>
  <c r="U2691" i="1"/>
  <c r="U2690" i="1"/>
  <c r="U2689" i="1"/>
  <c r="U2688" i="1"/>
  <c r="U2687" i="1"/>
  <c r="U2686" i="1"/>
  <c r="U2685" i="1"/>
  <c r="U2684" i="1"/>
  <c r="U2683" i="1"/>
  <c r="U2682" i="1"/>
  <c r="U2681" i="1"/>
  <c r="U2680" i="1"/>
  <c r="U2679" i="1"/>
  <c r="U2678" i="1"/>
  <c r="U2677" i="1"/>
  <c r="U2676" i="1"/>
  <c r="U2675" i="1"/>
  <c r="U2674" i="1"/>
  <c r="U2673" i="1"/>
  <c r="U2672" i="1"/>
  <c r="U2671" i="1"/>
  <c r="U2670" i="1"/>
  <c r="U2669" i="1"/>
  <c r="U2668" i="1"/>
  <c r="U2667" i="1"/>
  <c r="U2666" i="1"/>
  <c r="U2665" i="1"/>
  <c r="U2664" i="1"/>
  <c r="U2663" i="1"/>
  <c r="U2662" i="1"/>
  <c r="U2661" i="1"/>
  <c r="U2660" i="1"/>
  <c r="U2659" i="1"/>
  <c r="U2658" i="1"/>
  <c r="U2657" i="1"/>
  <c r="U2656" i="1"/>
  <c r="U2655" i="1"/>
  <c r="U2654" i="1"/>
  <c r="U2653" i="1"/>
  <c r="U2652" i="1"/>
  <c r="U2651" i="1"/>
  <c r="U2650" i="1"/>
  <c r="U2649" i="1"/>
  <c r="U2648" i="1"/>
  <c r="U2647" i="1"/>
  <c r="U2646" i="1"/>
  <c r="U2645" i="1"/>
  <c r="U2644" i="1"/>
  <c r="U2643" i="1"/>
  <c r="U2642" i="1"/>
  <c r="U2641" i="1"/>
  <c r="U2640" i="1"/>
  <c r="U2639" i="1"/>
  <c r="U2638" i="1"/>
  <c r="U2637" i="1"/>
  <c r="U2636" i="1"/>
  <c r="U2635" i="1"/>
  <c r="U2634" i="1"/>
  <c r="U2633" i="1"/>
  <c r="U2632" i="1"/>
  <c r="U2631" i="1"/>
  <c r="U2630" i="1"/>
  <c r="U2629" i="1"/>
  <c r="U2628" i="1"/>
  <c r="U2627" i="1"/>
  <c r="U2626" i="1"/>
  <c r="U2625" i="1"/>
  <c r="U2624" i="1"/>
  <c r="U2623" i="1"/>
  <c r="U2622" i="1"/>
  <c r="U2621" i="1"/>
  <c r="U2620" i="1"/>
  <c r="U2619" i="1"/>
  <c r="U2618" i="1"/>
  <c r="U2617" i="1"/>
  <c r="U2616" i="1"/>
  <c r="U2615" i="1"/>
  <c r="U2614" i="1"/>
  <c r="U2613" i="1"/>
  <c r="U2612" i="1"/>
  <c r="U2611" i="1"/>
  <c r="U2610" i="1"/>
  <c r="U2609" i="1"/>
  <c r="U2608" i="1"/>
  <c r="U2607" i="1"/>
  <c r="U2606" i="1"/>
  <c r="U2605" i="1"/>
  <c r="U2604" i="1"/>
  <c r="U2603" i="1"/>
  <c r="U2602" i="1"/>
  <c r="U2601" i="1"/>
  <c r="U2600" i="1"/>
  <c r="U2599" i="1"/>
  <c r="U2598" i="1"/>
  <c r="U2597" i="1"/>
  <c r="U2596" i="1"/>
  <c r="U2595" i="1"/>
  <c r="U2594" i="1"/>
  <c r="U2593" i="1"/>
  <c r="U2592" i="1"/>
  <c r="U2591" i="1"/>
  <c r="U2590" i="1"/>
  <c r="U2589" i="1"/>
  <c r="U2588" i="1"/>
  <c r="U2587" i="1"/>
  <c r="U2586" i="1"/>
  <c r="U2585" i="1"/>
  <c r="U2584" i="1"/>
  <c r="U2583" i="1"/>
  <c r="U2582" i="1"/>
  <c r="U2581" i="1"/>
  <c r="U2580" i="1"/>
  <c r="U2579" i="1"/>
  <c r="U2578" i="1"/>
  <c r="U2577" i="1"/>
  <c r="U2576" i="1"/>
  <c r="U2575" i="1"/>
  <c r="U2574" i="1"/>
  <c r="U2573" i="1"/>
  <c r="U2572" i="1"/>
  <c r="U2571" i="1"/>
  <c r="U2570" i="1"/>
  <c r="U2569" i="1"/>
  <c r="U2568" i="1"/>
  <c r="U2567" i="1"/>
  <c r="U2566" i="1"/>
  <c r="U2565" i="1"/>
  <c r="U2564" i="1"/>
  <c r="U2563" i="1"/>
  <c r="U2562" i="1"/>
  <c r="U2561" i="1"/>
  <c r="U2560" i="1"/>
  <c r="U2559" i="1"/>
  <c r="U2558" i="1"/>
  <c r="U2557" i="1"/>
  <c r="U2556" i="1"/>
  <c r="U2555" i="1"/>
  <c r="U2554" i="1"/>
  <c r="U2553" i="1"/>
  <c r="U2552" i="1"/>
  <c r="U2551" i="1"/>
  <c r="U2550" i="1"/>
  <c r="U2549" i="1"/>
  <c r="U2548" i="1"/>
  <c r="U2547" i="1"/>
  <c r="U2546" i="1"/>
  <c r="U2545" i="1"/>
  <c r="U2544" i="1"/>
  <c r="U2543" i="1"/>
  <c r="U2542" i="1"/>
  <c r="U2541" i="1"/>
  <c r="U2540" i="1"/>
  <c r="U2539" i="1"/>
  <c r="U2538" i="1"/>
  <c r="U2537" i="1"/>
  <c r="U2536" i="1"/>
  <c r="U2535" i="1"/>
  <c r="U2534" i="1"/>
  <c r="U2533" i="1"/>
  <c r="U2532" i="1"/>
  <c r="U2531" i="1"/>
  <c r="U2530" i="1"/>
  <c r="U2529" i="1"/>
  <c r="U2528" i="1"/>
  <c r="U2527" i="1"/>
  <c r="U2526" i="1"/>
  <c r="U2525" i="1"/>
  <c r="U2524" i="1"/>
  <c r="U2523" i="1"/>
  <c r="U2522" i="1"/>
  <c r="U2521" i="1"/>
  <c r="U2520" i="1"/>
  <c r="U2519" i="1"/>
  <c r="U2518" i="1"/>
  <c r="U2517" i="1"/>
  <c r="U2516" i="1"/>
  <c r="U2515" i="1"/>
  <c r="U2514" i="1"/>
  <c r="U2513" i="1"/>
  <c r="U2512" i="1"/>
  <c r="U2511" i="1"/>
  <c r="U2510" i="1"/>
  <c r="U2509" i="1"/>
  <c r="U2508" i="1"/>
  <c r="U2507" i="1"/>
  <c r="U2506" i="1"/>
  <c r="U2505" i="1"/>
  <c r="U2504" i="1"/>
  <c r="U2503" i="1"/>
  <c r="U2502" i="1"/>
  <c r="U2501" i="1"/>
  <c r="U2500" i="1"/>
  <c r="U2499" i="1"/>
  <c r="U2498" i="1"/>
  <c r="U2497" i="1"/>
  <c r="U2496" i="1"/>
  <c r="U2495" i="1"/>
  <c r="U2494" i="1"/>
  <c r="U2493" i="1"/>
  <c r="U2492" i="1"/>
  <c r="U2491" i="1"/>
  <c r="U2490" i="1"/>
  <c r="U2489" i="1"/>
  <c r="U2488" i="1"/>
  <c r="U2487" i="1"/>
  <c r="U2486" i="1"/>
  <c r="U2485" i="1"/>
  <c r="U2484" i="1"/>
  <c r="U2483" i="1"/>
  <c r="U2482" i="1"/>
  <c r="U2481" i="1"/>
  <c r="U2480" i="1"/>
  <c r="U2479" i="1"/>
  <c r="U2478" i="1"/>
  <c r="U2477" i="1"/>
  <c r="U2476" i="1"/>
  <c r="U2475" i="1"/>
  <c r="U2474" i="1"/>
  <c r="U2473" i="1"/>
  <c r="U2472" i="1"/>
  <c r="U2471" i="1"/>
  <c r="U2470" i="1"/>
  <c r="U2469" i="1"/>
  <c r="U2468" i="1"/>
  <c r="U2467" i="1"/>
  <c r="U2466" i="1"/>
  <c r="U2465" i="1"/>
  <c r="U2464" i="1"/>
  <c r="U2463" i="1"/>
  <c r="U2462" i="1"/>
  <c r="U2461" i="1"/>
  <c r="U2460" i="1"/>
  <c r="U2459" i="1"/>
  <c r="U2458" i="1"/>
  <c r="U2457" i="1"/>
  <c r="U2456" i="1"/>
  <c r="U2455" i="1"/>
  <c r="U2454" i="1"/>
  <c r="U2453" i="1"/>
  <c r="U2452" i="1"/>
  <c r="U2451" i="1"/>
  <c r="U2450" i="1"/>
  <c r="U2449" i="1"/>
  <c r="U2448" i="1"/>
  <c r="U2447" i="1"/>
  <c r="U2446" i="1"/>
  <c r="U2445" i="1"/>
  <c r="U2444" i="1"/>
  <c r="U2443" i="1"/>
  <c r="U2442" i="1"/>
  <c r="U2441" i="1"/>
  <c r="U2440" i="1"/>
  <c r="U2439" i="1"/>
  <c r="U2438" i="1"/>
  <c r="U2437" i="1"/>
  <c r="U2436" i="1"/>
  <c r="U2435" i="1"/>
  <c r="U2434" i="1"/>
  <c r="U2433" i="1"/>
  <c r="U2432" i="1"/>
  <c r="U2431" i="1"/>
  <c r="U2430" i="1"/>
  <c r="U2429" i="1"/>
  <c r="U2428" i="1"/>
  <c r="U2427" i="1"/>
  <c r="U2426" i="1"/>
  <c r="U2425" i="1"/>
  <c r="U2424" i="1"/>
  <c r="U2423" i="1"/>
  <c r="U2422" i="1"/>
  <c r="U2421" i="1"/>
  <c r="U2420" i="1"/>
  <c r="U2419" i="1"/>
  <c r="U2418" i="1"/>
  <c r="U2417" i="1"/>
  <c r="U2416" i="1"/>
  <c r="U2415" i="1"/>
  <c r="U2414" i="1"/>
  <c r="U2413" i="1"/>
  <c r="U2412" i="1"/>
  <c r="U2411" i="1"/>
  <c r="U2410" i="1"/>
  <c r="U2409" i="1"/>
  <c r="U2408" i="1"/>
  <c r="U2407" i="1"/>
  <c r="U2406" i="1"/>
  <c r="U2405" i="1"/>
  <c r="U2404" i="1"/>
  <c r="U2403" i="1"/>
  <c r="U2402" i="1"/>
  <c r="U2401" i="1"/>
  <c r="U2400" i="1"/>
  <c r="U2399" i="1"/>
  <c r="U2398" i="1"/>
  <c r="U2397" i="1"/>
  <c r="U2396" i="1"/>
  <c r="U2395" i="1"/>
  <c r="U2394" i="1"/>
  <c r="U2393" i="1"/>
  <c r="U2392" i="1"/>
  <c r="U2391" i="1"/>
  <c r="U2390" i="1"/>
  <c r="U2389" i="1"/>
  <c r="U2388" i="1"/>
  <c r="U2387" i="1"/>
  <c r="U2386" i="1"/>
  <c r="U2385" i="1"/>
  <c r="U2384" i="1"/>
  <c r="U2383" i="1"/>
  <c r="U2382" i="1"/>
  <c r="U2381" i="1"/>
  <c r="U2380" i="1"/>
  <c r="U2379" i="1"/>
  <c r="U2378" i="1"/>
  <c r="U2377" i="1"/>
  <c r="U2376" i="1"/>
  <c r="U2375" i="1"/>
  <c r="U2374" i="1"/>
  <c r="U2373" i="1"/>
  <c r="U2372" i="1"/>
  <c r="U2371" i="1"/>
  <c r="U2370" i="1"/>
  <c r="U2369" i="1"/>
  <c r="U2368" i="1"/>
  <c r="U2367" i="1"/>
  <c r="U2366" i="1"/>
  <c r="U2365" i="1"/>
  <c r="U2364" i="1"/>
  <c r="U2363" i="1"/>
  <c r="U2362" i="1"/>
  <c r="U2361" i="1"/>
  <c r="U2360" i="1"/>
  <c r="U2359" i="1"/>
  <c r="U2358" i="1"/>
  <c r="U2357" i="1"/>
  <c r="U2356" i="1"/>
  <c r="U2355" i="1"/>
  <c r="U2354" i="1"/>
  <c r="U2353" i="1"/>
  <c r="U2352" i="1"/>
  <c r="U2351" i="1"/>
  <c r="U2350" i="1"/>
  <c r="U2349" i="1"/>
  <c r="U2348" i="1"/>
  <c r="U2347" i="1"/>
  <c r="U2346" i="1"/>
  <c r="U2345" i="1"/>
  <c r="U2344" i="1"/>
  <c r="U2343" i="1"/>
  <c r="U2342" i="1"/>
  <c r="U2341" i="1"/>
  <c r="U2340" i="1"/>
  <c r="U2339" i="1"/>
  <c r="U2338" i="1"/>
  <c r="U2337" i="1"/>
  <c r="U2336" i="1"/>
  <c r="U2335" i="1"/>
  <c r="U2334" i="1"/>
  <c r="U2333" i="1"/>
  <c r="U2332" i="1"/>
  <c r="U2331" i="1"/>
  <c r="U2330" i="1"/>
  <c r="U2329" i="1"/>
  <c r="U2328" i="1"/>
  <c r="U2327" i="1"/>
  <c r="U2326" i="1"/>
  <c r="U2325" i="1"/>
  <c r="U2324" i="1"/>
  <c r="U2323" i="1"/>
  <c r="U2322" i="1"/>
  <c r="U2321" i="1"/>
  <c r="U2320" i="1"/>
  <c r="U2319" i="1"/>
  <c r="U2318" i="1"/>
  <c r="U2317" i="1"/>
  <c r="U2316" i="1"/>
  <c r="U2315" i="1"/>
  <c r="U2314" i="1"/>
  <c r="U2313" i="1"/>
  <c r="U2312" i="1"/>
  <c r="U2311" i="1"/>
  <c r="U2310" i="1"/>
  <c r="U2309" i="1"/>
  <c r="U2308" i="1"/>
  <c r="U2307" i="1"/>
  <c r="U2306" i="1"/>
  <c r="U2305" i="1"/>
  <c r="U2304" i="1"/>
  <c r="U2303" i="1"/>
  <c r="U2302" i="1"/>
  <c r="U2301" i="1"/>
  <c r="U2300" i="1"/>
  <c r="U2299" i="1"/>
  <c r="U2298" i="1"/>
  <c r="U2297" i="1"/>
  <c r="U2296" i="1"/>
  <c r="U2295" i="1"/>
  <c r="U2294" i="1"/>
  <c r="U2293" i="1"/>
  <c r="U2292" i="1"/>
  <c r="U2291" i="1"/>
  <c r="U2290" i="1"/>
  <c r="U2289" i="1"/>
  <c r="U2288" i="1"/>
  <c r="U2287" i="1"/>
  <c r="U2286" i="1"/>
  <c r="U2285" i="1"/>
  <c r="U2284" i="1"/>
  <c r="U2283" i="1"/>
  <c r="U2282" i="1"/>
  <c r="U2281" i="1"/>
  <c r="U2280" i="1"/>
  <c r="U2279" i="1"/>
  <c r="U2278" i="1"/>
  <c r="U2277" i="1"/>
  <c r="U2276" i="1"/>
  <c r="U2275" i="1"/>
  <c r="U2274" i="1"/>
  <c r="U2273" i="1"/>
  <c r="U2272" i="1"/>
  <c r="U2271" i="1"/>
  <c r="U2270" i="1"/>
  <c r="U2269" i="1"/>
  <c r="U2268" i="1"/>
  <c r="U2267" i="1"/>
  <c r="U2266" i="1"/>
  <c r="U2265" i="1"/>
  <c r="U2264" i="1"/>
  <c r="U2263" i="1"/>
  <c r="U2262" i="1"/>
  <c r="U2261" i="1"/>
  <c r="U2260" i="1"/>
  <c r="U2259" i="1"/>
  <c r="U2258" i="1"/>
  <c r="U2257" i="1"/>
  <c r="U2256" i="1"/>
  <c r="U2255" i="1"/>
  <c r="U2254" i="1"/>
  <c r="U2253" i="1"/>
  <c r="U2252" i="1"/>
  <c r="U2251" i="1"/>
  <c r="U2250" i="1"/>
  <c r="U2249" i="1"/>
  <c r="U2248" i="1"/>
  <c r="U2247" i="1"/>
  <c r="U2246" i="1"/>
  <c r="U2245" i="1"/>
  <c r="U2244" i="1"/>
  <c r="U2243" i="1"/>
  <c r="U2242" i="1"/>
  <c r="U2241" i="1"/>
  <c r="U2240" i="1"/>
  <c r="U2239" i="1"/>
  <c r="U2238" i="1"/>
  <c r="U2237" i="1"/>
  <c r="U2236" i="1"/>
  <c r="U2235" i="1"/>
  <c r="U2234" i="1"/>
  <c r="U2233" i="1"/>
  <c r="U2232" i="1"/>
  <c r="U2231" i="1"/>
  <c r="U2230" i="1"/>
  <c r="U2229" i="1"/>
  <c r="U2228" i="1"/>
  <c r="U2227" i="1"/>
  <c r="U2226" i="1"/>
  <c r="U2225" i="1"/>
  <c r="U2224" i="1"/>
  <c r="U2223" i="1"/>
  <c r="U2222" i="1"/>
  <c r="U2221" i="1"/>
  <c r="U2220" i="1"/>
  <c r="U2219" i="1"/>
  <c r="U2218" i="1"/>
  <c r="U2217" i="1"/>
  <c r="U2216" i="1"/>
  <c r="U2215" i="1"/>
  <c r="U2214" i="1"/>
  <c r="U2213" i="1"/>
  <c r="U2212" i="1"/>
  <c r="U2211" i="1"/>
  <c r="U2210" i="1"/>
  <c r="U2209" i="1"/>
  <c r="U2208" i="1"/>
  <c r="U2207" i="1"/>
  <c r="U2206" i="1"/>
  <c r="U2205" i="1"/>
  <c r="U2204" i="1"/>
  <c r="U2203" i="1"/>
  <c r="U2202" i="1"/>
  <c r="U2201" i="1"/>
  <c r="U2200" i="1"/>
  <c r="U2199" i="1"/>
  <c r="U2198" i="1"/>
  <c r="U2197" i="1"/>
  <c r="U2196" i="1"/>
  <c r="U2195" i="1"/>
  <c r="U2194" i="1"/>
  <c r="U2193" i="1"/>
  <c r="U2192" i="1"/>
  <c r="U2191" i="1"/>
  <c r="U2190" i="1"/>
  <c r="U2189" i="1"/>
  <c r="U2188" i="1"/>
  <c r="U2187" i="1"/>
  <c r="U2186" i="1"/>
  <c r="U2185" i="1"/>
  <c r="U2184" i="1"/>
  <c r="U2183" i="1"/>
  <c r="U2182" i="1"/>
  <c r="U2181" i="1"/>
  <c r="U2180" i="1"/>
  <c r="U2179" i="1"/>
  <c r="U2178" i="1"/>
  <c r="U2177" i="1"/>
  <c r="U2176" i="1"/>
  <c r="U2175" i="1"/>
  <c r="U2174" i="1"/>
  <c r="U2173" i="1"/>
  <c r="U2172" i="1"/>
  <c r="U2171" i="1"/>
  <c r="U2170" i="1"/>
  <c r="U2169" i="1"/>
  <c r="U2168" i="1"/>
  <c r="U2167" i="1"/>
  <c r="U2166" i="1"/>
  <c r="U2165" i="1"/>
  <c r="U2164" i="1"/>
  <c r="U2163" i="1"/>
  <c r="U2162" i="1"/>
  <c r="U2161" i="1"/>
  <c r="U2160" i="1"/>
  <c r="U2159" i="1"/>
  <c r="U2158" i="1"/>
  <c r="U2157" i="1"/>
  <c r="U2156" i="1"/>
  <c r="U2155" i="1"/>
  <c r="U2154" i="1"/>
  <c r="U2153" i="1"/>
  <c r="U2152" i="1"/>
  <c r="U2151" i="1"/>
  <c r="U2150" i="1"/>
  <c r="U2149" i="1"/>
  <c r="U2148" i="1"/>
  <c r="U2147" i="1"/>
  <c r="U2146" i="1"/>
  <c r="U2145" i="1"/>
  <c r="U2144" i="1"/>
  <c r="U2143" i="1"/>
  <c r="U2142" i="1"/>
  <c r="U2141" i="1"/>
  <c r="U2140" i="1"/>
  <c r="U2139" i="1"/>
  <c r="U2138" i="1"/>
  <c r="U2137" i="1"/>
  <c r="U2136" i="1"/>
  <c r="U2135" i="1"/>
  <c r="U2134" i="1"/>
  <c r="U2133" i="1"/>
  <c r="U2132" i="1"/>
  <c r="U2131" i="1"/>
  <c r="U2130" i="1"/>
  <c r="U2129" i="1"/>
  <c r="U2128" i="1"/>
  <c r="U2127" i="1"/>
  <c r="U2126" i="1"/>
  <c r="U2125" i="1"/>
  <c r="U2124" i="1"/>
  <c r="U2123" i="1"/>
  <c r="U2122" i="1"/>
  <c r="U2121" i="1"/>
  <c r="U2120" i="1"/>
  <c r="U2119" i="1"/>
  <c r="U2118" i="1"/>
  <c r="U2117" i="1"/>
  <c r="U2116" i="1"/>
  <c r="U2115" i="1"/>
  <c r="U2114" i="1"/>
  <c r="U2113" i="1"/>
  <c r="U2112" i="1"/>
  <c r="U2111" i="1"/>
  <c r="U2110" i="1"/>
  <c r="U2109" i="1"/>
  <c r="U2108" i="1"/>
  <c r="U2107" i="1"/>
  <c r="U2106" i="1"/>
  <c r="U2105" i="1"/>
  <c r="U2104" i="1"/>
  <c r="U2103" i="1"/>
  <c r="U2102" i="1"/>
  <c r="U2101" i="1"/>
  <c r="U2100" i="1"/>
  <c r="U2099" i="1"/>
  <c r="U2098" i="1"/>
  <c r="U2097" i="1"/>
  <c r="U2096" i="1"/>
  <c r="U2095" i="1"/>
  <c r="U2094" i="1"/>
  <c r="U2093" i="1"/>
  <c r="U2092" i="1"/>
  <c r="U2091" i="1"/>
  <c r="U2090" i="1"/>
  <c r="U2089" i="1"/>
  <c r="U2088" i="1"/>
  <c r="U2087" i="1"/>
  <c r="U2086" i="1"/>
  <c r="U2085" i="1"/>
  <c r="U2084" i="1"/>
  <c r="U2083" i="1"/>
  <c r="U2082" i="1"/>
  <c r="U2081" i="1"/>
  <c r="U2080" i="1"/>
  <c r="U2079" i="1"/>
  <c r="U2078" i="1"/>
  <c r="U2077" i="1"/>
  <c r="U2076" i="1"/>
  <c r="U2075" i="1"/>
  <c r="U2074" i="1"/>
  <c r="U2073" i="1"/>
  <c r="U2072" i="1"/>
  <c r="U2071" i="1"/>
  <c r="U2070" i="1"/>
  <c r="U2069" i="1"/>
  <c r="U2068" i="1"/>
  <c r="U2067" i="1"/>
  <c r="U2066" i="1"/>
  <c r="U2065" i="1"/>
  <c r="U2064" i="1"/>
  <c r="U2063" i="1"/>
  <c r="U2062" i="1"/>
  <c r="U2061" i="1"/>
  <c r="U2060" i="1"/>
  <c r="U2059" i="1"/>
  <c r="U2058" i="1"/>
  <c r="U2057" i="1"/>
  <c r="U2056" i="1"/>
  <c r="U2055" i="1"/>
  <c r="U2054" i="1"/>
  <c r="U2053" i="1"/>
  <c r="U2052" i="1"/>
  <c r="U2051" i="1"/>
  <c r="U2050" i="1"/>
  <c r="U2049" i="1"/>
  <c r="U2048" i="1"/>
  <c r="U2047" i="1"/>
  <c r="U2046" i="1"/>
  <c r="U2045" i="1"/>
  <c r="U2044" i="1"/>
  <c r="U2043" i="1"/>
  <c r="U2042" i="1"/>
  <c r="U2041" i="1"/>
  <c r="U2040" i="1"/>
  <c r="U2039" i="1"/>
  <c r="U2038" i="1"/>
  <c r="U2037" i="1"/>
  <c r="U2036" i="1"/>
  <c r="U2035" i="1"/>
  <c r="U2034" i="1"/>
  <c r="U2033" i="1"/>
  <c r="U2032" i="1"/>
  <c r="U2031" i="1"/>
  <c r="U2030" i="1"/>
  <c r="U2029" i="1"/>
  <c r="U2028" i="1"/>
  <c r="U2027" i="1"/>
  <c r="U2026" i="1"/>
  <c r="U2025" i="1"/>
  <c r="U2024" i="1"/>
  <c r="U2023" i="1"/>
  <c r="U2022" i="1"/>
  <c r="U2021" i="1"/>
  <c r="U2020" i="1"/>
  <c r="U2019" i="1"/>
  <c r="U2018" i="1"/>
  <c r="U2017" i="1"/>
  <c r="U2016" i="1"/>
  <c r="U2015" i="1"/>
  <c r="U2014" i="1"/>
  <c r="U2013" i="1"/>
  <c r="U2012" i="1"/>
  <c r="U2011" i="1"/>
  <c r="U2010" i="1"/>
  <c r="U2009" i="1"/>
  <c r="U2008" i="1"/>
  <c r="U2007" i="1"/>
  <c r="U2006" i="1"/>
  <c r="U2005" i="1"/>
  <c r="U2004" i="1"/>
  <c r="U2003" i="1"/>
  <c r="U2002" i="1"/>
  <c r="U2001" i="1"/>
  <c r="U2000" i="1"/>
  <c r="U1999" i="1"/>
  <c r="U1998" i="1"/>
  <c r="U1997" i="1"/>
  <c r="U1996" i="1"/>
  <c r="U1995" i="1"/>
  <c r="U1994" i="1"/>
  <c r="U1993" i="1"/>
  <c r="U1992" i="1"/>
  <c r="U1991" i="1"/>
  <c r="U1990" i="1"/>
  <c r="U1989" i="1"/>
  <c r="U1988" i="1"/>
  <c r="U1987" i="1"/>
  <c r="U1986" i="1"/>
  <c r="U1985" i="1"/>
  <c r="U1984" i="1"/>
  <c r="U1983" i="1"/>
  <c r="U1982" i="1"/>
  <c r="U1981" i="1"/>
  <c r="U1980" i="1"/>
  <c r="U1979" i="1"/>
  <c r="U1978" i="1"/>
  <c r="U1977" i="1"/>
  <c r="U1976" i="1"/>
  <c r="U1975" i="1"/>
  <c r="U1974" i="1"/>
  <c r="U1973" i="1"/>
  <c r="U1972" i="1"/>
  <c r="U1971" i="1"/>
  <c r="U1970" i="1"/>
  <c r="U1969" i="1"/>
  <c r="U1968" i="1"/>
  <c r="U1967" i="1"/>
  <c r="U1966" i="1"/>
  <c r="U1965" i="1"/>
  <c r="U1964" i="1"/>
  <c r="U1963" i="1"/>
  <c r="U1962" i="1"/>
  <c r="U1961" i="1"/>
  <c r="U1960" i="1"/>
  <c r="U1959" i="1"/>
  <c r="U1958" i="1"/>
  <c r="U1957" i="1"/>
  <c r="U1956" i="1"/>
  <c r="U1955" i="1"/>
  <c r="U1954" i="1"/>
  <c r="U1953" i="1"/>
  <c r="U1952" i="1"/>
  <c r="U1951" i="1"/>
  <c r="U1950" i="1"/>
  <c r="U1949" i="1"/>
  <c r="U1948" i="1"/>
  <c r="U1947" i="1"/>
  <c r="U1946" i="1"/>
  <c r="U1945" i="1"/>
  <c r="U1944" i="1"/>
  <c r="U1943" i="1"/>
  <c r="U1942" i="1"/>
  <c r="U1941" i="1"/>
  <c r="U1940" i="1"/>
  <c r="U1939" i="1"/>
  <c r="U1938" i="1"/>
  <c r="U1937" i="1"/>
  <c r="U1936" i="1"/>
  <c r="U1935" i="1"/>
  <c r="U1934" i="1"/>
  <c r="U1933" i="1"/>
  <c r="U1932" i="1"/>
  <c r="U1931" i="1"/>
  <c r="U1930" i="1"/>
  <c r="U1929" i="1"/>
  <c r="U1928" i="1"/>
  <c r="U1927" i="1"/>
  <c r="U1926" i="1"/>
  <c r="U1925" i="1"/>
  <c r="U1924" i="1"/>
  <c r="U1923" i="1"/>
  <c r="U1922" i="1"/>
  <c r="U1921" i="1"/>
  <c r="U1920" i="1"/>
  <c r="U1919" i="1"/>
  <c r="U1918" i="1"/>
  <c r="U1917" i="1"/>
  <c r="U1916" i="1"/>
  <c r="U1915" i="1"/>
  <c r="U1914" i="1"/>
  <c r="U1913" i="1"/>
  <c r="U1912" i="1"/>
  <c r="U1911" i="1"/>
  <c r="U1910" i="1"/>
  <c r="U1909" i="1"/>
  <c r="U1908" i="1"/>
  <c r="U1907" i="1"/>
  <c r="U1906" i="1"/>
  <c r="U1905" i="1"/>
  <c r="U1904" i="1"/>
  <c r="U1903" i="1"/>
  <c r="U1902" i="1"/>
  <c r="U1901" i="1"/>
  <c r="U1900" i="1"/>
  <c r="U1899" i="1"/>
  <c r="U1898" i="1"/>
  <c r="U1897" i="1"/>
  <c r="U1896" i="1"/>
  <c r="U1895" i="1"/>
  <c r="U1894" i="1"/>
  <c r="U1893" i="1"/>
  <c r="U1892" i="1"/>
  <c r="U1891" i="1"/>
  <c r="U1890" i="1"/>
  <c r="U1889" i="1"/>
  <c r="U1888" i="1"/>
  <c r="U1887" i="1"/>
  <c r="U1886" i="1"/>
  <c r="U1885" i="1"/>
  <c r="U1884" i="1"/>
  <c r="U1883" i="1"/>
  <c r="U1882" i="1"/>
  <c r="U1881" i="1"/>
  <c r="U1880" i="1"/>
  <c r="U1879" i="1"/>
  <c r="U1878" i="1"/>
  <c r="U1877" i="1"/>
  <c r="U1876" i="1"/>
  <c r="U1875" i="1"/>
  <c r="U1874" i="1"/>
  <c r="U1873" i="1"/>
  <c r="U1872" i="1"/>
  <c r="U1871" i="1"/>
  <c r="U1870" i="1"/>
  <c r="U1869" i="1"/>
  <c r="U1868" i="1"/>
  <c r="U1867" i="1"/>
  <c r="U1866" i="1"/>
  <c r="U1865" i="1"/>
  <c r="U1864" i="1"/>
  <c r="U1863" i="1"/>
  <c r="U1862" i="1"/>
  <c r="U1861" i="1"/>
  <c r="U1860" i="1"/>
  <c r="U1859" i="1"/>
  <c r="U1858" i="1"/>
  <c r="U1857" i="1"/>
  <c r="U1856" i="1"/>
  <c r="U1855" i="1"/>
  <c r="U1854" i="1"/>
  <c r="U1853" i="1"/>
  <c r="U1852" i="1"/>
  <c r="U1851" i="1"/>
  <c r="U1850" i="1"/>
  <c r="U1849" i="1"/>
  <c r="U1848" i="1"/>
  <c r="U1847" i="1"/>
  <c r="U1846" i="1"/>
  <c r="U1845" i="1"/>
  <c r="U1844" i="1"/>
  <c r="U1843" i="1"/>
  <c r="U1842" i="1"/>
  <c r="U1841" i="1"/>
  <c r="U1840" i="1"/>
  <c r="U1839" i="1"/>
  <c r="U1838" i="1"/>
  <c r="U1837" i="1"/>
  <c r="U1836" i="1"/>
  <c r="U1835" i="1"/>
  <c r="U1834" i="1"/>
  <c r="U1833" i="1"/>
  <c r="U1832" i="1"/>
  <c r="U1831" i="1"/>
  <c r="U1830" i="1"/>
  <c r="U1829" i="1"/>
  <c r="U1828" i="1"/>
  <c r="U1827" i="1"/>
  <c r="U1826" i="1"/>
  <c r="U1825" i="1"/>
  <c r="U1824" i="1"/>
  <c r="U1823" i="1"/>
  <c r="U1822" i="1"/>
  <c r="U1821" i="1"/>
  <c r="U1820" i="1"/>
  <c r="U1819" i="1"/>
  <c r="U1818" i="1"/>
  <c r="U1817" i="1"/>
  <c r="U1816" i="1"/>
  <c r="U1815" i="1"/>
  <c r="U1814" i="1"/>
  <c r="U1813" i="1"/>
  <c r="U1812" i="1"/>
  <c r="U1811" i="1"/>
  <c r="U1810" i="1"/>
  <c r="U1809" i="1"/>
  <c r="U1808" i="1"/>
  <c r="U1807" i="1"/>
  <c r="U1806" i="1"/>
  <c r="U1805" i="1"/>
  <c r="U1804" i="1"/>
  <c r="U1803" i="1"/>
  <c r="U1802" i="1"/>
  <c r="U1801" i="1"/>
  <c r="U1800" i="1"/>
  <c r="U1799" i="1"/>
  <c r="U1798" i="1"/>
  <c r="U1797" i="1"/>
  <c r="U1796" i="1"/>
  <c r="U1795" i="1"/>
  <c r="U1794" i="1"/>
  <c r="U1793" i="1"/>
  <c r="U1792" i="1"/>
  <c r="U1791" i="1"/>
  <c r="U1790" i="1"/>
  <c r="U1789" i="1"/>
  <c r="U1788" i="1"/>
  <c r="U1787" i="1"/>
  <c r="U1786" i="1"/>
  <c r="U1785" i="1"/>
  <c r="U1784" i="1"/>
  <c r="U1783" i="1"/>
  <c r="U1782" i="1"/>
  <c r="U1781" i="1"/>
  <c r="U1780" i="1"/>
  <c r="U1779" i="1"/>
  <c r="U1778" i="1"/>
  <c r="U1777" i="1"/>
  <c r="U1776" i="1"/>
  <c r="U1775" i="1"/>
  <c r="U1774" i="1"/>
  <c r="U1773" i="1"/>
  <c r="U1772" i="1"/>
  <c r="U1771" i="1"/>
  <c r="U1770" i="1"/>
  <c r="U1769" i="1"/>
  <c r="U1768" i="1"/>
  <c r="U1767" i="1"/>
  <c r="U1766" i="1"/>
  <c r="U1765" i="1"/>
  <c r="U1764" i="1"/>
  <c r="U1763" i="1"/>
  <c r="U1762" i="1"/>
  <c r="U1761" i="1"/>
  <c r="U1760" i="1"/>
  <c r="U1759" i="1"/>
  <c r="U1758" i="1"/>
  <c r="U1757" i="1"/>
  <c r="U1756" i="1"/>
  <c r="U1755" i="1"/>
  <c r="U1754" i="1"/>
  <c r="U1753" i="1"/>
  <c r="U1752" i="1"/>
  <c r="U1751" i="1"/>
  <c r="U1750" i="1"/>
  <c r="U1749" i="1"/>
  <c r="U1748" i="1"/>
  <c r="U1747" i="1"/>
  <c r="U1746" i="1"/>
  <c r="U1745" i="1"/>
  <c r="U1744" i="1"/>
  <c r="U1743" i="1"/>
  <c r="U1742" i="1"/>
  <c r="U1741" i="1"/>
  <c r="U1740" i="1"/>
  <c r="U1739" i="1"/>
  <c r="U1738" i="1"/>
  <c r="U1737" i="1"/>
  <c r="U1736" i="1"/>
  <c r="U1735" i="1"/>
  <c r="U1734" i="1"/>
  <c r="U1733" i="1"/>
  <c r="U1732" i="1"/>
  <c r="U1731" i="1"/>
  <c r="U1730" i="1"/>
  <c r="U1729" i="1"/>
  <c r="U1728" i="1"/>
  <c r="U1727" i="1"/>
  <c r="U1726" i="1"/>
  <c r="U1725" i="1"/>
  <c r="U1724" i="1"/>
  <c r="U1723" i="1"/>
  <c r="U1722" i="1"/>
  <c r="U1721" i="1"/>
  <c r="U1720" i="1"/>
  <c r="U1719" i="1"/>
  <c r="U1718" i="1"/>
  <c r="U1717" i="1"/>
  <c r="U1716" i="1"/>
  <c r="U1715" i="1"/>
  <c r="U1714" i="1"/>
  <c r="U1713" i="1"/>
  <c r="U1712" i="1"/>
  <c r="U1711" i="1"/>
  <c r="U1710" i="1"/>
  <c r="U1709" i="1"/>
  <c r="U1708" i="1"/>
  <c r="U1707" i="1"/>
  <c r="U1706" i="1"/>
  <c r="U1705" i="1"/>
  <c r="U1704" i="1"/>
  <c r="U1703" i="1"/>
  <c r="U1702" i="1"/>
  <c r="U1701" i="1"/>
  <c r="U1700" i="1"/>
  <c r="U1699" i="1"/>
  <c r="U1698" i="1"/>
  <c r="U1697" i="1"/>
  <c r="U1696" i="1"/>
  <c r="U1695" i="1"/>
  <c r="U1694" i="1"/>
  <c r="U1693" i="1"/>
  <c r="U1692" i="1"/>
  <c r="U1691" i="1"/>
  <c r="U1690" i="1"/>
  <c r="U1689" i="1"/>
  <c r="U1688" i="1"/>
  <c r="U1687" i="1"/>
  <c r="U1686" i="1"/>
  <c r="U1685" i="1"/>
  <c r="U1684" i="1"/>
  <c r="U1683" i="1"/>
  <c r="U1682" i="1"/>
  <c r="U1681" i="1"/>
  <c r="U1680" i="1"/>
  <c r="U1679" i="1"/>
  <c r="U1678" i="1"/>
  <c r="U1677" i="1"/>
  <c r="U1676" i="1"/>
  <c r="U1675" i="1"/>
  <c r="U1674" i="1"/>
  <c r="U1673" i="1"/>
  <c r="U1672" i="1"/>
  <c r="U1671" i="1"/>
  <c r="U1670" i="1"/>
  <c r="U1669" i="1"/>
  <c r="U1668" i="1"/>
  <c r="U1667" i="1"/>
  <c r="U1666" i="1"/>
  <c r="U1665" i="1"/>
  <c r="U1664" i="1"/>
  <c r="U1663" i="1"/>
  <c r="U1662" i="1"/>
  <c r="U1661" i="1"/>
  <c r="U1660" i="1"/>
  <c r="U1659" i="1"/>
  <c r="U1658" i="1"/>
  <c r="U1657" i="1"/>
  <c r="U1656" i="1"/>
  <c r="U1655" i="1"/>
  <c r="U1654" i="1"/>
  <c r="U1653" i="1"/>
  <c r="U1652" i="1"/>
  <c r="U1651" i="1"/>
  <c r="U1650" i="1"/>
  <c r="U1649" i="1"/>
  <c r="U1648" i="1"/>
  <c r="U1647" i="1"/>
  <c r="U1646" i="1"/>
  <c r="U1645" i="1"/>
  <c r="U1644" i="1"/>
  <c r="U1643" i="1"/>
  <c r="U1642" i="1"/>
  <c r="U1641" i="1"/>
  <c r="U1640" i="1"/>
  <c r="U1639" i="1"/>
  <c r="U1638" i="1"/>
  <c r="U1637" i="1"/>
  <c r="U1636" i="1"/>
  <c r="U1635" i="1"/>
  <c r="U1634" i="1"/>
  <c r="U1633" i="1"/>
  <c r="U1632" i="1"/>
  <c r="U1631" i="1"/>
  <c r="U1630" i="1"/>
  <c r="U1629" i="1"/>
  <c r="U1628" i="1"/>
  <c r="U1627" i="1"/>
  <c r="U1626" i="1"/>
  <c r="U1625" i="1"/>
  <c r="U1624" i="1"/>
  <c r="U1623" i="1"/>
  <c r="U1622" i="1"/>
  <c r="U1621" i="1"/>
  <c r="U1620" i="1"/>
  <c r="U1619" i="1"/>
  <c r="U1618" i="1"/>
  <c r="U1617" i="1"/>
  <c r="U1616" i="1"/>
  <c r="U1615" i="1"/>
  <c r="U1614" i="1"/>
  <c r="U1613" i="1"/>
  <c r="U1612" i="1"/>
  <c r="U1611" i="1"/>
  <c r="U1610" i="1"/>
  <c r="U1609" i="1"/>
  <c r="U1608" i="1"/>
  <c r="U1607" i="1"/>
  <c r="U1606" i="1"/>
  <c r="U1605" i="1"/>
  <c r="U1604" i="1"/>
  <c r="U1603" i="1"/>
  <c r="U1602" i="1"/>
  <c r="U1601" i="1"/>
  <c r="U1600" i="1"/>
  <c r="U1599" i="1"/>
  <c r="U1598" i="1"/>
  <c r="U1597" i="1"/>
  <c r="U1596" i="1"/>
  <c r="U1595" i="1"/>
  <c r="U1594" i="1"/>
  <c r="U1593" i="1"/>
  <c r="U1592" i="1"/>
  <c r="U1591" i="1"/>
  <c r="U1590" i="1"/>
  <c r="U1589" i="1"/>
  <c r="U1588" i="1"/>
  <c r="U1587" i="1"/>
  <c r="U1586" i="1"/>
  <c r="U1585" i="1"/>
  <c r="U1584" i="1"/>
  <c r="U1583" i="1"/>
  <c r="U1582" i="1"/>
  <c r="U1581" i="1"/>
  <c r="U1580" i="1"/>
  <c r="U1579" i="1"/>
  <c r="U1578" i="1"/>
  <c r="U1577" i="1"/>
  <c r="U1576" i="1"/>
  <c r="U1575" i="1"/>
  <c r="U1574" i="1"/>
  <c r="U1573" i="1"/>
  <c r="U1572" i="1"/>
  <c r="U1571" i="1"/>
  <c r="U1570" i="1"/>
  <c r="U1569" i="1"/>
  <c r="U1568" i="1"/>
  <c r="U1567" i="1"/>
  <c r="U1566" i="1"/>
  <c r="U1565" i="1"/>
  <c r="U1564" i="1"/>
  <c r="U1563" i="1"/>
  <c r="U1562" i="1"/>
  <c r="U1561" i="1"/>
  <c r="U1560" i="1"/>
  <c r="U1559" i="1"/>
  <c r="U1558" i="1"/>
  <c r="U1557" i="1"/>
  <c r="U1556" i="1"/>
  <c r="U1555" i="1"/>
  <c r="U1554" i="1"/>
  <c r="U1553" i="1"/>
  <c r="U1552" i="1"/>
  <c r="U1551" i="1"/>
  <c r="U1550" i="1"/>
  <c r="U1549" i="1"/>
  <c r="U1548" i="1"/>
  <c r="U1547" i="1"/>
  <c r="U1546" i="1"/>
  <c r="U1545" i="1"/>
  <c r="U1544" i="1"/>
  <c r="U1543" i="1"/>
  <c r="U1542" i="1"/>
  <c r="U1541" i="1"/>
  <c r="U1540" i="1"/>
  <c r="U1539" i="1"/>
  <c r="U1538" i="1"/>
  <c r="U1537" i="1"/>
  <c r="U1536" i="1"/>
  <c r="U1535" i="1"/>
  <c r="U1534" i="1"/>
  <c r="U1533" i="1"/>
  <c r="U1532" i="1"/>
  <c r="U1531" i="1"/>
  <c r="U1530" i="1"/>
  <c r="U1529" i="1"/>
  <c r="U1528" i="1"/>
  <c r="U1527" i="1"/>
  <c r="U1526" i="1"/>
  <c r="U1525" i="1"/>
  <c r="U1524" i="1"/>
  <c r="U1523" i="1"/>
  <c r="U1522" i="1"/>
  <c r="U1521" i="1"/>
  <c r="U1520" i="1"/>
  <c r="U1519" i="1"/>
  <c r="U1518" i="1"/>
  <c r="U1517" i="1"/>
  <c r="U1516" i="1"/>
  <c r="U1515" i="1"/>
  <c r="U1514" i="1"/>
  <c r="U1513" i="1"/>
  <c r="U1512" i="1"/>
  <c r="U1511" i="1"/>
  <c r="U1510" i="1"/>
  <c r="U1509" i="1"/>
  <c r="U1508" i="1"/>
  <c r="U1507" i="1"/>
  <c r="U1506" i="1"/>
  <c r="U1505" i="1"/>
  <c r="U1504" i="1"/>
  <c r="U1503" i="1"/>
  <c r="U1502" i="1"/>
  <c r="U1501" i="1"/>
  <c r="U1500" i="1"/>
  <c r="U1499" i="1"/>
  <c r="U1498" i="1"/>
  <c r="U1497" i="1"/>
  <c r="U1496" i="1"/>
  <c r="U1495" i="1"/>
  <c r="U1494" i="1"/>
  <c r="U1493" i="1"/>
  <c r="U1492" i="1"/>
  <c r="U1491" i="1"/>
  <c r="U1490" i="1"/>
  <c r="U1489" i="1"/>
  <c r="U1488" i="1"/>
  <c r="U1487" i="1"/>
  <c r="U1486" i="1"/>
  <c r="U1485" i="1"/>
  <c r="U1484" i="1"/>
  <c r="U1483" i="1"/>
  <c r="U1482" i="1"/>
  <c r="U1481" i="1"/>
  <c r="U1480" i="1"/>
  <c r="U1479" i="1"/>
  <c r="U1478" i="1"/>
  <c r="U1477" i="1"/>
  <c r="U1476" i="1"/>
  <c r="U1475" i="1"/>
  <c r="U1474" i="1"/>
  <c r="U1473" i="1"/>
  <c r="U1472" i="1"/>
  <c r="U1471" i="1"/>
  <c r="U1470" i="1"/>
  <c r="U1469" i="1"/>
  <c r="U1468" i="1"/>
  <c r="U1467" i="1"/>
  <c r="U1466" i="1"/>
  <c r="U1465" i="1"/>
  <c r="U1464" i="1"/>
  <c r="U1463" i="1"/>
  <c r="U1462" i="1"/>
  <c r="U1461" i="1"/>
  <c r="U1460" i="1"/>
  <c r="U1459" i="1"/>
  <c r="U1458" i="1"/>
  <c r="U1457" i="1"/>
  <c r="U1456" i="1"/>
  <c r="U1455" i="1"/>
  <c r="U1454" i="1"/>
  <c r="U1453" i="1"/>
  <c r="U1452" i="1"/>
  <c r="U1451" i="1"/>
  <c r="U1450" i="1"/>
  <c r="U1449" i="1"/>
  <c r="U1448" i="1"/>
  <c r="U1447" i="1"/>
  <c r="U1446" i="1"/>
  <c r="U1445" i="1"/>
  <c r="U1444" i="1"/>
  <c r="U1443" i="1"/>
  <c r="U1442" i="1"/>
  <c r="U1441" i="1"/>
  <c r="U1440" i="1"/>
  <c r="U1439" i="1"/>
  <c r="U1438" i="1"/>
  <c r="U1437" i="1"/>
  <c r="U1436" i="1"/>
  <c r="U1435" i="1"/>
  <c r="U1434" i="1"/>
  <c r="U1433" i="1"/>
  <c r="U1432" i="1"/>
  <c r="U1431" i="1"/>
  <c r="U1430" i="1"/>
  <c r="U1429" i="1"/>
  <c r="U1428" i="1"/>
  <c r="U1427" i="1"/>
  <c r="U1426" i="1"/>
  <c r="U1425" i="1"/>
  <c r="U1424" i="1"/>
  <c r="U1423" i="1"/>
  <c r="U1422" i="1"/>
  <c r="U1421" i="1"/>
  <c r="U1420" i="1"/>
  <c r="U1419" i="1"/>
  <c r="U1418" i="1"/>
  <c r="U1417" i="1"/>
  <c r="U1416" i="1"/>
  <c r="U1415" i="1"/>
  <c r="U1414" i="1"/>
  <c r="U1413" i="1"/>
  <c r="U1412" i="1"/>
  <c r="U1411" i="1"/>
  <c r="U1410" i="1"/>
  <c r="U1409" i="1"/>
  <c r="U1408" i="1"/>
  <c r="U1407" i="1"/>
  <c r="U1406" i="1"/>
  <c r="U1405" i="1"/>
  <c r="U1404" i="1"/>
  <c r="U1403" i="1"/>
  <c r="U1402" i="1"/>
  <c r="U1401" i="1"/>
  <c r="U1400" i="1"/>
  <c r="U1399" i="1"/>
  <c r="U1398" i="1"/>
  <c r="U1397" i="1"/>
  <c r="U1396" i="1"/>
  <c r="U1395" i="1"/>
  <c r="U1394" i="1"/>
  <c r="U1393" i="1"/>
  <c r="U1392" i="1"/>
  <c r="U1391" i="1"/>
  <c r="U1390" i="1"/>
  <c r="U1389" i="1"/>
  <c r="U1388" i="1"/>
  <c r="U1387" i="1"/>
  <c r="U1386" i="1"/>
  <c r="U1385" i="1"/>
  <c r="U1384" i="1"/>
  <c r="U1383" i="1"/>
  <c r="U1382" i="1"/>
  <c r="U1381" i="1"/>
  <c r="U1380" i="1"/>
  <c r="U1379" i="1"/>
  <c r="U1378" i="1"/>
  <c r="U1377" i="1"/>
  <c r="U1376" i="1"/>
  <c r="U1375" i="1"/>
  <c r="U1374" i="1"/>
  <c r="U1373" i="1"/>
  <c r="U1372" i="1"/>
  <c r="U1371" i="1"/>
  <c r="U1370" i="1"/>
  <c r="U1369" i="1"/>
  <c r="U1368" i="1"/>
  <c r="U1367" i="1"/>
  <c r="U1366" i="1"/>
  <c r="U1365" i="1"/>
  <c r="U1364" i="1"/>
  <c r="U1363" i="1"/>
  <c r="U1362" i="1"/>
  <c r="U1361" i="1"/>
  <c r="U1360" i="1"/>
  <c r="U1359" i="1"/>
  <c r="U1358" i="1"/>
  <c r="U1357" i="1"/>
  <c r="U1356" i="1"/>
  <c r="U1355" i="1"/>
  <c r="U1354" i="1"/>
  <c r="U1353" i="1"/>
  <c r="U1352" i="1"/>
  <c r="U1351" i="1"/>
  <c r="U1350" i="1"/>
  <c r="U1349" i="1"/>
  <c r="U1348" i="1"/>
  <c r="U1347" i="1"/>
  <c r="U1346" i="1"/>
  <c r="U1345" i="1"/>
  <c r="U1344" i="1"/>
  <c r="U1343" i="1"/>
  <c r="U1342" i="1"/>
  <c r="U1341" i="1"/>
  <c r="U1340" i="1"/>
  <c r="U1339" i="1"/>
  <c r="U1338" i="1"/>
  <c r="U1337" i="1"/>
  <c r="U1336" i="1"/>
  <c r="U1335" i="1"/>
  <c r="U1334" i="1"/>
  <c r="U1333" i="1"/>
  <c r="U1332" i="1"/>
  <c r="U1331" i="1"/>
  <c r="U1330" i="1"/>
  <c r="U1329" i="1"/>
  <c r="U1328" i="1"/>
  <c r="U1327" i="1"/>
  <c r="U1326" i="1"/>
  <c r="U1325" i="1"/>
  <c r="U1324" i="1"/>
  <c r="U1323" i="1"/>
  <c r="U1322" i="1"/>
  <c r="U1321" i="1"/>
  <c r="U1320" i="1"/>
  <c r="U1319" i="1"/>
  <c r="U1318" i="1"/>
  <c r="U1317" i="1"/>
  <c r="U1316" i="1"/>
  <c r="U1315" i="1"/>
  <c r="U1314" i="1"/>
  <c r="U1313" i="1"/>
  <c r="U1312" i="1"/>
  <c r="U1311" i="1"/>
  <c r="U1310" i="1"/>
  <c r="U1309" i="1"/>
  <c r="U1308" i="1"/>
  <c r="U1307" i="1"/>
  <c r="U1306" i="1"/>
  <c r="U1305" i="1"/>
  <c r="U1304" i="1"/>
  <c r="U1303" i="1"/>
  <c r="U1302" i="1"/>
  <c r="U1301" i="1"/>
  <c r="U1300" i="1"/>
  <c r="U1299" i="1"/>
  <c r="U1298" i="1"/>
  <c r="U1297" i="1"/>
  <c r="U1296" i="1"/>
  <c r="U1295" i="1"/>
  <c r="U1294" i="1"/>
  <c r="U1293" i="1"/>
  <c r="U1292" i="1"/>
  <c r="U1291" i="1"/>
  <c r="U1290" i="1"/>
  <c r="U1289" i="1"/>
  <c r="U1288" i="1"/>
  <c r="U1287" i="1"/>
  <c r="U1286" i="1"/>
  <c r="U1285" i="1"/>
  <c r="U1284" i="1"/>
  <c r="U1283" i="1"/>
  <c r="U1282" i="1"/>
  <c r="U1281" i="1"/>
  <c r="U1280" i="1"/>
  <c r="U1279" i="1"/>
  <c r="U1278" i="1"/>
  <c r="U1277" i="1"/>
  <c r="U1276" i="1"/>
  <c r="U1275" i="1"/>
  <c r="U1274" i="1"/>
  <c r="U1273" i="1"/>
  <c r="U1272" i="1"/>
  <c r="U1271" i="1"/>
  <c r="U1270" i="1"/>
  <c r="U1269" i="1"/>
  <c r="U1268" i="1"/>
  <c r="U1267" i="1"/>
  <c r="U1266" i="1"/>
  <c r="U1265" i="1"/>
  <c r="U1264" i="1"/>
  <c r="U1263" i="1"/>
  <c r="U1262" i="1"/>
  <c r="U1261" i="1"/>
  <c r="U1260" i="1"/>
  <c r="U1259" i="1"/>
  <c r="U1258" i="1"/>
  <c r="U1257" i="1"/>
  <c r="U1256" i="1"/>
  <c r="U1255" i="1"/>
  <c r="U1254" i="1"/>
  <c r="U1253" i="1"/>
  <c r="U1252" i="1"/>
  <c r="U1251" i="1"/>
  <c r="U1250" i="1"/>
  <c r="U1249" i="1"/>
  <c r="U1248" i="1"/>
  <c r="U1247" i="1"/>
  <c r="U1246" i="1"/>
  <c r="U1245" i="1"/>
  <c r="U1244" i="1"/>
  <c r="U1243" i="1"/>
  <c r="U1242" i="1"/>
  <c r="U1241" i="1"/>
  <c r="U1240" i="1"/>
  <c r="U1239" i="1"/>
  <c r="U1238" i="1"/>
  <c r="U1237" i="1"/>
  <c r="U1236" i="1"/>
  <c r="U1235" i="1"/>
  <c r="U1234" i="1"/>
  <c r="U1233" i="1"/>
  <c r="U1232" i="1"/>
  <c r="U1231" i="1"/>
  <c r="U1230" i="1"/>
  <c r="U1229" i="1"/>
  <c r="U1228" i="1"/>
  <c r="U1227" i="1"/>
  <c r="U1226" i="1"/>
  <c r="U1225" i="1"/>
  <c r="U1224" i="1"/>
  <c r="U1223" i="1"/>
  <c r="U1222" i="1"/>
  <c r="U1221" i="1"/>
  <c r="U1220" i="1"/>
  <c r="U1219" i="1"/>
  <c r="U1218" i="1"/>
  <c r="U1217" i="1"/>
  <c r="U1216" i="1"/>
  <c r="U1215" i="1"/>
  <c r="U1214" i="1"/>
  <c r="U1213" i="1"/>
  <c r="U1212" i="1"/>
  <c r="U1211" i="1"/>
  <c r="U1210" i="1"/>
  <c r="U1209" i="1"/>
  <c r="U1208" i="1"/>
  <c r="U1207" i="1"/>
  <c r="U1206" i="1"/>
  <c r="U1205" i="1"/>
  <c r="U1204" i="1"/>
  <c r="U1203" i="1"/>
  <c r="U1202" i="1"/>
  <c r="U1201" i="1"/>
  <c r="U1200" i="1"/>
  <c r="U1199" i="1"/>
  <c r="U1198" i="1"/>
  <c r="U1197" i="1"/>
  <c r="U1196" i="1"/>
  <c r="U1195" i="1"/>
  <c r="U1194" i="1"/>
  <c r="U1193" i="1"/>
  <c r="U1192" i="1"/>
  <c r="U1191" i="1"/>
  <c r="U1190" i="1"/>
  <c r="U1189" i="1"/>
  <c r="U1188" i="1"/>
  <c r="U1187" i="1"/>
  <c r="U1186" i="1"/>
  <c r="U1185" i="1"/>
  <c r="U1184" i="1"/>
  <c r="U1183" i="1"/>
  <c r="U1182" i="1"/>
  <c r="U1181" i="1"/>
  <c r="U1180" i="1"/>
  <c r="U1179" i="1"/>
  <c r="U1178" i="1"/>
  <c r="U1177" i="1"/>
  <c r="U1176" i="1"/>
  <c r="U1175" i="1"/>
  <c r="U1174" i="1"/>
  <c r="U1173" i="1"/>
  <c r="U1172" i="1"/>
  <c r="U1171" i="1"/>
  <c r="U1170" i="1"/>
  <c r="U1169" i="1"/>
  <c r="U1168" i="1"/>
  <c r="U1167" i="1"/>
  <c r="U1166" i="1"/>
  <c r="U1165" i="1"/>
  <c r="U1164" i="1"/>
  <c r="U1163" i="1"/>
  <c r="U1162" i="1"/>
  <c r="U1161" i="1"/>
  <c r="U1160" i="1"/>
  <c r="U1159" i="1"/>
  <c r="U1158" i="1"/>
  <c r="U1157" i="1"/>
  <c r="U1156" i="1"/>
  <c r="U1155" i="1"/>
  <c r="U1154" i="1"/>
  <c r="U1153" i="1"/>
  <c r="U1152" i="1"/>
  <c r="U1151" i="1"/>
  <c r="U1150" i="1"/>
  <c r="U1149" i="1"/>
  <c r="U1148" i="1"/>
  <c r="U1147" i="1"/>
  <c r="U1146" i="1"/>
  <c r="U1145" i="1"/>
  <c r="U1144" i="1"/>
  <c r="U1143" i="1"/>
  <c r="U1142" i="1"/>
  <c r="U1141" i="1"/>
  <c r="U1140" i="1"/>
  <c r="U1139" i="1"/>
  <c r="U1138" i="1"/>
  <c r="U1137" i="1"/>
  <c r="U1136" i="1"/>
  <c r="U1135" i="1"/>
  <c r="U1134" i="1"/>
  <c r="U1133" i="1"/>
  <c r="U1132" i="1"/>
  <c r="U1131" i="1"/>
  <c r="U1130" i="1"/>
  <c r="U1129" i="1"/>
  <c r="U1128" i="1"/>
  <c r="U1127" i="1"/>
  <c r="U1126" i="1"/>
  <c r="U1125" i="1"/>
  <c r="U1124" i="1"/>
  <c r="U1123" i="1"/>
  <c r="U1122" i="1"/>
  <c r="U1121" i="1"/>
  <c r="U1120" i="1"/>
  <c r="U1119" i="1"/>
  <c r="U1118" i="1"/>
  <c r="U1117" i="1"/>
  <c r="U1116" i="1"/>
  <c r="U1115" i="1"/>
  <c r="U1114" i="1"/>
  <c r="U1113" i="1"/>
  <c r="U1112" i="1"/>
  <c r="U1111" i="1"/>
  <c r="U1110" i="1"/>
  <c r="U1109" i="1"/>
  <c r="U1108" i="1"/>
  <c r="U1107" i="1"/>
  <c r="U1106" i="1"/>
  <c r="U1105" i="1"/>
  <c r="U1104" i="1"/>
  <c r="U1103" i="1"/>
  <c r="U1102" i="1"/>
  <c r="U1101" i="1"/>
  <c r="U1100" i="1"/>
  <c r="U1099" i="1"/>
  <c r="U1098" i="1"/>
  <c r="U1097" i="1"/>
  <c r="U1096" i="1"/>
  <c r="U1095" i="1"/>
  <c r="U1094" i="1"/>
  <c r="U1093" i="1"/>
  <c r="U1092" i="1"/>
  <c r="U1091" i="1"/>
  <c r="U1090" i="1"/>
  <c r="U1089" i="1"/>
  <c r="U1088" i="1"/>
  <c r="U1087" i="1"/>
  <c r="U1086" i="1"/>
  <c r="U1085" i="1"/>
  <c r="U1084" i="1"/>
  <c r="U1083" i="1"/>
  <c r="U1082" i="1"/>
  <c r="U1081" i="1"/>
  <c r="U1080" i="1"/>
  <c r="U1079" i="1"/>
  <c r="U1078" i="1"/>
  <c r="U1077" i="1"/>
  <c r="U1076" i="1"/>
  <c r="U1075" i="1"/>
  <c r="U1074" i="1"/>
  <c r="U1073" i="1"/>
  <c r="U1072" i="1"/>
  <c r="U1071" i="1"/>
  <c r="U1070" i="1"/>
  <c r="U1069" i="1"/>
  <c r="U1068" i="1"/>
  <c r="U1067" i="1"/>
  <c r="U1066" i="1"/>
  <c r="U1065" i="1"/>
  <c r="U1064" i="1"/>
  <c r="U1063" i="1"/>
  <c r="U1062" i="1"/>
  <c r="U1061" i="1"/>
  <c r="U1060" i="1"/>
  <c r="U1059" i="1"/>
  <c r="U1058" i="1"/>
  <c r="U1057" i="1"/>
  <c r="U1056" i="1"/>
  <c r="U1055" i="1"/>
  <c r="U1054" i="1"/>
  <c r="U1053" i="1"/>
  <c r="U1052" i="1"/>
  <c r="U1051" i="1"/>
  <c r="U1050" i="1"/>
  <c r="U1049" i="1"/>
  <c r="U1048" i="1"/>
  <c r="U1047" i="1"/>
  <c r="U1046" i="1"/>
  <c r="U1045" i="1"/>
  <c r="U1044" i="1"/>
  <c r="U1043" i="1"/>
  <c r="U1042" i="1"/>
  <c r="U1041" i="1"/>
  <c r="U1040" i="1"/>
  <c r="U1039" i="1"/>
  <c r="U1038" i="1"/>
  <c r="U1037" i="1"/>
  <c r="U1036" i="1"/>
  <c r="U1035" i="1"/>
  <c r="U1034" i="1"/>
  <c r="U1033" i="1"/>
  <c r="U1032" i="1"/>
  <c r="U1031" i="1"/>
  <c r="U1030" i="1"/>
  <c r="U1029" i="1"/>
  <c r="U1028" i="1"/>
  <c r="U1027" i="1"/>
  <c r="U1026" i="1"/>
  <c r="U1025" i="1"/>
  <c r="U1024" i="1"/>
  <c r="U1023" i="1"/>
  <c r="U1022" i="1"/>
  <c r="U1021" i="1"/>
  <c r="U1020" i="1"/>
  <c r="U1019" i="1"/>
  <c r="U1018" i="1"/>
  <c r="U1017" i="1"/>
  <c r="U1016" i="1"/>
  <c r="U1015" i="1"/>
  <c r="U1014" i="1"/>
  <c r="U1013" i="1"/>
  <c r="U1012" i="1"/>
  <c r="U1011" i="1"/>
  <c r="U1010" i="1"/>
  <c r="U1009" i="1"/>
  <c r="U1008" i="1"/>
  <c r="U1007" i="1"/>
  <c r="U1006" i="1"/>
  <c r="U1005" i="1"/>
  <c r="U1004" i="1"/>
  <c r="U1003" i="1"/>
  <c r="U1002" i="1"/>
  <c r="U1001" i="1"/>
  <c r="U1000" i="1"/>
  <c r="U999" i="1"/>
  <c r="U998" i="1"/>
  <c r="U997" i="1"/>
  <c r="U996" i="1"/>
  <c r="U995" i="1"/>
  <c r="U994" i="1"/>
  <c r="U993" i="1"/>
  <c r="U992" i="1"/>
  <c r="U991" i="1"/>
  <c r="U990" i="1"/>
  <c r="U989" i="1"/>
  <c r="U988" i="1"/>
  <c r="U987" i="1"/>
  <c r="U986" i="1"/>
  <c r="U985" i="1"/>
  <c r="U984" i="1"/>
  <c r="U983" i="1"/>
  <c r="U982" i="1"/>
  <c r="U981" i="1"/>
  <c r="U980" i="1"/>
  <c r="U979" i="1"/>
  <c r="U978" i="1"/>
  <c r="U977" i="1"/>
  <c r="U976" i="1"/>
  <c r="U975" i="1"/>
  <c r="U974" i="1"/>
  <c r="U973" i="1"/>
  <c r="U972" i="1"/>
  <c r="U971" i="1"/>
  <c r="U970" i="1"/>
  <c r="U969" i="1"/>
  <c r="U968" i="1"/>
  <c r="U967" i="1"/>
  <c r="U966" i="1"/>
  <c r="U965" i="1"/>
  <c r="U964" i="1"/>
  <c r="U963" i="1"/>
  <c r="U962" i="1"/>
  <c r="U961" i="1"/>
  <c r="U960" i="1"/>
  <c r="U959" i="1"/>
  <c r="U958" i="1"/>
  <c r="U957" i="1"/>
  <c r="U956" i="1"/>
  <c r="U955" i="1"/>
  <c r="U954" i="1"/>
  <c r="U953" i="1"/>
  <c r="U952" i="1"/>
  <c r="U951" i="1"/>
  <c r="U950" i="1"/>
  <c r="U949" i="1"/>
  <c r="U948" i="1"/>
  <c r="U947" i="1"/>
  <c r="U946" i="1"/>
  <c r="U945" i="1"/>
  <c r="U944" i="1"/>
  <c r="U943" i="1"/>
  <c r="U942" i="1"/>
  <c r="U941" i="1"/>
  <c r="U940" i="1"/>
  <c r="U939" i="1"/>
  <c r="U938" i="1"/>
  <c r="U937" i="1"/>
  <c r="U936" i="1"/>
  <c r="U935" i="1"/>
  <c r="U934" i="1"/>
  <c r="U933" i="1"/>
  <c r="U932" i="1"/>
  <c r="U931" i="1"/>
  <c r="U930" i="1"/>
  <c r="U929" i="1"/>
  <c r="U928" i="1"/>
  <c r="U927" i="1"/>
  <c r="U926" i="1"/>
  <c r="U925" i="1"/>
  <c r="U924" i="1"/>
  <c r="U923" i="1"/>
  <c r="U922" i="1"/>
  <c r="U921" i="1"/>
  <c r="U920" i="1"/>
  <c r="U919" i="1"/>
  <c r="U918" i="1"/>
  <c r="U917" i="1"/>
  <c r="U916" i="1"/>
  <c r="U915" i="1"/>
  <c r="U914" i="1"/>
  <c r="U913" i="1"/>
  <c r="U912" i="1"/>
  <c r="U911" i="1"/>
  <c r="U910" i="1"/>
  <c r="U909" i="1"/>
  <c r="U908" i="1"/>
  <c r="U907" i="1"/>
  <c r="U906" i="1"/>
  <c r="U905" i="1"/>
  <c r="U904" i="1"/>
  <c r="U903" i="1"/>
  <c r="U902" i="1"/>
  <c r="U901" i="1"/>
  <c r="U900" i="1"/>
  <c r="U899" i="1"/>
  <c r="U898" i="1"/>
  <c r="U897" i="1"/>
  <c r="U896" i="1"/>
  <c r="U895" i="1"/>
  <c r="U894" i="1"/>
  <c r="U893" i="1"/>
  <c r="U892" i="1"/>
  <c r="U891" i="1"/>
  <c r="U890" i="1"/>
  <c r="U889" i="1"/>
  <c r="U888" i="1"/>
  <c r="U887" i="1"/>
  <c r="U886" i="1"/>
  <c r="U885" i="1"/>
  <c r="U884" i="1"/>
  <c r="U883" i="1"/>
  <c r="U882" i="1"/>
  <c r="U881" i="1"/>
  <c r="U880" i="1"/>
  <c r="U879" i="1"/>
  <c r="U878" i="1"/>
  <c r="U877" i="1"/>
  <c r="U876" i="1"/>
  <c r="U875" i="1"/>
  <c r="U874" i="1"/>
  <c r="U873" i="1"/>
  <c r="U872" i="1"/>
  <c r="U871" i="1"/>
  <c r="U870" i="1"/>
  <c r="U869" i="1"/>
  <c r="U868" i="1"/>
  <c r="U867" i="1"/>
  <c r="U866" i="1"/>
  <c r="U865" i="1"/>
  <c r="U864" i="1"/>
  <c r="U863" i="1"/>
  <c r="U862" i="1"/>
  <c r="U861" i="1"/>
  <c r="U860" i="1"/>
  <c r="U859" i="1"/>
  <c r="U858" i="1"/>
  <c r="U857" i="1"/>
  <c r="U856" i="1"/>
  <c r="U855" i="1"/>
  <c r="U854" i="1"/>
  <c r="U853" i="1"/>
  <c r="U852" i="1"/>
  <c r="U851" i="1"/>
  <c r="U850" i="1"/>
  <c r="U849" i="1"/>
  <c r="U848" i="1"/>
  <c r="U847" i="1"/>
  <c r="U846" i="1"/>
  <c r="U845" i="1"/>
  <c r="U844" i="1"/>
  <c r="U843" i="1"/>
  <c r="U842" i="1"/>
  <c r="U841" i="1"/>
  <c r="U840" i="1"/>
  <c r="U839" i="1"/>
  <c r="U838" i="1"/>
  <c r="U837" i="1"/>
  <c r="U836" i="1"/>
  <c r="U835" i="1"/>
  <c r="U834" i="1"/>
  <c r="U833" i="1"/>
  <c r="U832" i="1"/>
  <c r="U831" i="1"/>
  <c r="U830" i="1"/>
  <c r="U829" i="1"/>
  <c r="U828" i="1"/>
  <c r="U827" i="1"/>
  <c r="U826" i="1"/>
  <c r="U825" i="1"/>
  <c r="U824" i="1"/>
  <c r="U823" i="1"/>
  <c r="U822" i="1"/>
  <c r="U821" i="1"/>
  <c r="U820" i="1"/>
  <c r="U819" i="1"/>
  <c r="U818" i="1"/>
  <c r="U817" i="1"/>
  <c r="U816" i="1"/>
  <c r="U815" i="1"/>
  <c r="U814" i="1"/>
  <c r="U813" i="1"/>
  <c r="U812" i="1"/>
  <c r="U811" i="1"/>
  <c r="U810" i="1"/>
  <c r="U809" i="1"/>
  <c r="U808" i="1"/>
  <c r="U807" i="1"/>
  <c r="U806" i="1"/>
  <c r="U805" i="1"/>
  <c r="U804" i="1"/>
  <c r="U803" i="1"/>
  <c r="U802" i="1"/>
  <c r="U801" i="1"/>
  <c r="U800" i="1"/>
  <c r="U799" i="1"/>
  <c r="U798" i="1"/>
  <c r="U797" i="1"/>
  <c r="U796" i="1"/>
  <c r="U795" i="1"/>
  <c r="U794" i="1"/>
  <c r="U793" i="1"/>
  <c r="U792" i="1"/>
  <c r="U791" i="1"/>
  <c r="U790" i="1"/>
  <c r="U789" i="1"/>
  <c r="U788" i="1"/>
  <c r="U787" i="1"/>
  <c r="U786" i="1"/>
  <c r="U785" i="1"/>
  <c r="U784" i="1"/>
  <c r="U783" i="1"/>
  <c r="U782" i="1"/>
  <c r="U781" i="1"/>
  <c r="U780" i="1"/>
  <c r="U779" i="1"/>
  <c r="U778" i="1"/>
  <c r="U777" i="1"/>
  <c r="U776" i="1"/>
  <c r="U775" i="1"/>
  <c r="U774" i="1"/>
  <c r="U773" i="1"/>
  <c r="U772" i="1"/>
  <c r="U771" i="1"/>
  <c r="U770" i="1"/>
  <c r="U769" i="1"/>
  <c r="U768" i="1"/>
  <c r="U767" i="1"/>
  <c r="U766" i="1"/>
  <c r="U765" i="1"/>
  <c r="U764" i="1"/>
  <c r="U763" i="1"/>
  <c r="U762" i="1"/>
  <c r="U761" i="1"/>
  <c r="U760" i="1"/>
  <c r="U759" i="1"/>
  <c r="U758" i="1"/>
  <c r="U757" i="1"/>
  <c r="U756" i="1"/>
  <c r="U755" i="1"/>
  <c r="U754" i="1"/>
  <c r="U753" i="1"/>
  <c r="U752" i="1"/>
  <c r="U751" i="1"/>
  <c r="U750" i="1"/>
  <c r="U749" i="1"/>
  <c r="U748" i="1"/>
  <c r="U747" i="1"/>
  <c r="U746" i="1"/>
  <c r="U745" i="1"/>
  <c r="U744" i="1"/>
  <c r="U743" i="1"/>
  <c r="U742" i="1"/>
  <c r="U741" i="1"/>
  <c r="U740" i="1"/>
  <c r="U739" i="1"/>
  <c r="U738" i="1"/>
  <c r="U737" i="1"/>
  <c r="U736" i="1"/>
  <c r="U735" i="1"/>
  <c r="U734" i="1"/>
  <c r="U733" i="1"/>
  <c r="U732" i="1"/>
  <c r="U731" i="1"/>
  <c r="U730" i="1"/>
  <c r="U729" i="1"/>
  <c r="U728" i="1"/>
  <c r="U727" i="1"/>
  <c r="U726" i="1"/>
  <c r="U725" i="1"/>
  <c r="U724" i="1"/>
  <c r="U723" i="1"/>
  <c r="U722" i="1"/>
  <c r="U721" i="1"/>
  <c r="U720" i="1"/>
  <c r="U719" i="1"/>
  <c r="U718" i="1"/>
  <c r="U717" i="1"/>
  <c r="U716" i="1"/>
  <c r="U715" i="1"/>
  <c r="U714" i="1"/>
  <c r="U713" i="1"/>
  <c r="U712" i="1"/>
  <c r="U711" i="1"/>
  <c r="U710" i="1"/>
  <c r="U709" i="1"/>
  <c r="U708" i="1"/>
  <c r="U707" i="1"/>
  <c r="U706" i="1"/>
  <c r="U705" i="1"/>
  <c r="U704" i="1"/>
  <c r="U703" i="1"/>
  <c r="U702" i="1"/>
  <c r="U701" i="1"/>
  <c r="U700" i="1"/>
  <c r="U699" i="1"/>
  <c r="U698" i="1"/>
  <c r="U697" i="1"/>
  <c r="U696" i="1"/>
  <c r="U695" i="1"/>
  <c r="U694" i="1"/>
  <c r="U693" i="1"/>
  <c r="U692" i="1"/>
  <c r="U691" i="1"/>
  <c r="U690" i="1"/>
  <c r="U689" i="1"/>
  <c r="U688" i="1"/>
  <c r="U687" i="1"/>
  <c r="U686" i="1"/>
  <c r="U685" i="1"/>
  <c r="U684" i="1"/>
  <c r="U683" i="1"/>
  <c r="U682" i="1"/>
  <c r="U681" i="1"/>
  <c r="U680" i="1"/>
  <c r="U679" i="1"/>
  <c r="U678" i="1"/>
  <c r="U677" i="1"/>
  <c r="U676" i="1"/>
  <c r="U675" i="1"/>
  <c r="U674" i="1"/>
  <c r="U673" i="1"/>
  <c r="U672" i="1"/>
  <c r="U671" i="1"/>
  <c r="U670" i="1"/>
  <c r="U669" i="1"/>
  <c r="U668" i="1"/>
  <c r="U667" i="1"/>
  <c r="U666" i="1"/>
  <c r="U665" i="1"/>
  <c r="U664" i="1"/>
  <c r="U663" i="1"/>
  <c r="U662" i="1"/>
  <c r="U661" i="1"/>
  <c r="U660" i="1"/>
  <c r="U659" i="1"/>
  <c r="U658" i="1"/>
  <c r="U657" i="1"/>
  <c r="U656" i="1"/>
  <c r="U655" i="1"/>
  <c r="U654" i="1"/>
  <c r="U653" i="1"/>
  <c r="U652" i="1"/>
  <c r="U651" i="1"/>
  <c r="U650" i="1"/>
  <c r="U649" i="1"/>
  <c r="U648" i="1"/>
  <c r="U647" i="1"/>
  <c r="U646" i="1"/>
  <c r="U645" i="1"/>
  <c r="U644" i="1"/>
  <c r="U643" i="1"/>
  <c r="U642" i="1"/>
  <c r="U641" i="1"/>
  <c r="U640" i="1"/>
  <c r="U639" i="1"/>
  <c r="U638" i="1"/>
  <c r="U637" i="1"/>
  <c r="U636" i="1"/>
  <c r="U635" i="1"/>
  <c r="U634" i="1"/>
  <c r="U633" i="1"/>
  <c r="U632" i="1"/>
  <c r="U631" i="1"/>
  <c r="U630" i="1"/>
  <c r="U629" i="1"/>
  <c r="U628" i="1"/>
  <c r="U627" i="1"/>
  <c r="U626" i="1"/>
  <c r="U625" i="1"/>
  <c r="U624" i="1"/>
  <c r="U623" i="1"/>
  <c r="U622" i="1"/>
  <c r="U621" i="1"/>
  <c r="U620" i="1"/>
  <c r="U619" i="1"/>
  <c r="U618" i="1"/>
  <c r="U617" i="1"/>
  <c r="U616" i="1"/>
  <c r="U615" i="1"/>
  <c r="U614" i="1"/>
  <c r="U613" i="1"/>
  <c r="U612" i="1"/>
  <c r="U611" i="1"/>
  <c r="U610" i="1"/>
  <c r="U609" i="1"/>
  <c r="U608" i="1"/>
  <c r="U607" i="1"/>
  <c r="U606" i="1"/>
  <c r="U605" i="1"/>
  <c r="U604" i="1"/>
  <c r="U603" i="1"/>
  <c r="U602" i="1"/>
  <c r="U601" i="1"/>
  <c r="U600" i="1"/>
  <c r="U599" i="1"/>
  <c r="U598" i="1"/>
  <c r="U597" i="1"/>
  <c r="U596" i="1"/>
  <c r="U595" i="1"/>
  <c r="U594" i="1"/>
  <c r="U593" i="1"/>
  <c r="U592" i="1"/>
  <c r="U591" i="1"/>
  <c r="U590" i="1"/>
  <c r="U589" i="1"/>
  <c r="U588" i="1"/>
  <c r="U587" i="1"/>
  <c r="U586" i="1"/>
  <c r="U585" i="1"/>
  <c r="U584" i="1"/>
  <c r="U583" i="1"/>
  <c r="U582" i="1"/>
  <c r="U581" i="1"/>
  <c r="U580" i="1"/>
  <c r="U579" i="1"/>
  <c r="U578" i="1"/>
  <c r="U577" i="1"/>
  <c r="U576" i="1"/>
  <c r="U575" i="1"/>
  <c r="U574" i="1"/>
  <c r="U573" i="1"/>
  <c r="U572" i="1"/>
  <c r="U571" i="1"/>
  <c r="U570" i="1"/>
  <c r="U569" i="1"/>
  <c r="U568" i="1"/>
  <c r="U567" i="1"/>
  <c r="U566" i="1"/>
  <c r="U565" i="1"/>
  <c r="U564" i="1"/>
  <c r="U563" i="1"/>
  <c r="U562" i="1"/>
  <c r="U561" i="1"/>
  <c r="U560" i="1"/>
  <c r="U559" i="1"/>
  <c r="U558" i="1"/>
  <c r="U557" i="1"/>
  <c r="U556" i="1"/>
  <c r="U555" i="1"/>
  <c r="U554" i="1"/>
  <c r="U553" i="1"/>
  <c r="U552" i="1"/>
  <c r="U551" i="1"/>
  <c r="U550" i="1"/>
  <c r="U549" i="1"/>
  <c r="U548" i="1"/>
  <c r="U547" i="1"/>
  <c r="U546" i="1"/>
  <c r="U545" i="1"/>
  <c r="U544" i="1"/>
  <c r="U543" i="1"/>
  <c r="U542" i="1"/>
  <c r="U541" i="1"/>
  <c r="U540" i="1"/>
  <c r="U539" i="1"/>
  <c r="U538" i="1"/>
  <c r="U537" i="1"/>
  <c r="U536" i="1"/>
  <c r="U535" i="1"/>
  <c r="U534" i="1"/>
  <c r="U533" i="1"/>
  <c r="U532" i="1"/>
  <c r="U531" i="1"/>
  <c r="U530" i="1"/>
  <c r="U529" i="1"/>
  <c r="U528" i="1"/>
  <c r="U527" i="1"/>
  <c r="U526" i="1"/>
  <c r="U525" i="1"/>
  <c r="U524" i="1"/>
  <c r="U523" i="1"/>
  <c r="U522" i="1"/>
  <c r="U521" i="1"/>
  <c r="U520" i="1"/>
  <c r="U519" i="1"/>
  <c r="U518" i="1"/>
  <c r="U517" i="1"/>
  <c r="U516" i="1"/>
  <c r="U515" i="1"/>
  <c r="U514" i="1"/>
  <c r="U513" i="1"/>
  <c r="U512" i="1"/>
  <c r="U511" i="1"/>
  <c r="U510" i="1"/>
  <c r="U509" i="1"/>
  <c r="U508" i="1"/>
  <c r="U507" i="1"/>
  <c r="U506" i="1"/>
  <c r="U505" i="1"/>
  <c r="U504" i="1"/>
  <c r="U503" i="1"/>
  <c r="U502" i="1"/>
  <c r="U501" i="1"/>
  <c r="U500" i="1"/>
  <c r="U499" i="1"/>
  <c r="U498" i="1"/>
  <c r="U497" i="1"/>
  <c r="U496" i="1"/>
  <c r="U495" i="1"/>
  <c r="U494" i="1"/>
  <c r="U493" i="1"/>
  <c r="U492" i="1"/>
  <c r="U491" i="1"/>
  <c r="U490" i="1"/>
  <c r="U489" i="1"/>
  <c r="U488" i="1"/>
  <c r="U487" i="1"/>
  <c r="U486" i="1"/>
  <c r="U485" i="1"/>
  <c r="U484" i="1"/>
  <c r="U483" i="1"/>
  <c r="U482" i="1"/>
  <c r="U481" i="1"/>
  <c r="U480" i="1"/>
  <c r="U479" i="1"/>
  <c r="U478" i="1"/>
  <c r="U477" i="1"/>
  <c r="U476" i="1"/>
  <c r="U475" i="1"/>
  <c r="U474" i="1"/>
  <c r="U473" i="1"/>
  <c r="U472" i="1"/>
  <c r="U471" i="1"/>
  <c r="U470" i="1"/>
  <c r="U469" i="1"/>
  <c r="U468" i="1"/>
  <c r="U467" i="1"/>
  <c r="U466" i="1"/>
  <c r="U465" i="1"/>
  <c r="U464" i="1"/>
  <c r="U463" i="1"/>
  <c r="U462" i="1"/>
  <c r="U461" i="1"/>
  <c r="U460" i="1"/>
  <c r="U459" i="1"/>
  <c r="U458" i="1"/>
  <c r="U457" i="1"/>
  <c r="U456" i="1"/>
  <c r="U455" i="1"/>
  <c r="U454" i="1"/>
  <c r="U453" i="1"/>
  <c r="U452" i="1"/>
  <c r="U451" i="1"/>
  <c r="U450" i="1"/>
  <c r="U449" i="1"/>
  <c r="U448" i="1"/>
  <c r="U447" i="1"/>
  <c r="U446" i="1"/>
  <c r="U445" i="1"/>
  <c r="U444" i="1"/>
  <c r="U443" i="1"/>
  <c r="U442" i="1"/>
  <c r="U441" i="1"/>
  <c r="U440" i="1"/>
  <c r="U439" i="1"/>
  <c r="U438" i="1"/>
  <c r="U437" i="1"/>
  <c r="U436" i="1"/>
  <c r="U435" i="1"/>
  <c r="U434" i="1"/>
  <c r="U433" i="1"/>
  <c r="U432" i="1"/>
  <c r="U431" i="1"/>
  <c r="U430" i="1"/>
  <c r="U429" i="1"/>
  <c r="U428" i="1"/>
  <c r="U427" i="1"/>
  <c r="U426" i="1"/>
  <c r="U425" i="1"/>
  <c r="U424" i="1"/>
  <c r="U423" i="1"/>
  <c r="U422" i="1"/>
  <c r="U421" i="1"/>
  <c r="U420" i="1"/>
  <c r="U419" i="1"/>
  <c r="U418" i="1"/>
  <c r="U417" i="1"/>
  <c r="U416" i="1"/>
  <c r="U415" i="1"/>
  <c r="U414" i="1"/>
  <c r="U413" i="1"/>
  <c r="U412" i="1"/>
  <c r="U411" i="1"/>
  <c r="U410" i="1"/>
  <c r="U409" i="1"/>
  <c r="U408" i="1"/>
  <c r="U407" i="1"/>
  <c r="U406" i="1"/>
  <c r="U405" i="1"/>
  <c r="U404" i="1"/>
  <c r="U403" i="1"/>
  <c r="U402" i="1"/>
  <c r="U401" i="1"/>
  <c r="U400" i="1"/>
  <c r="U399" i="1"/>
  <c r="U398" i="1"/>
  <c r="U397" i="1"/>
  <c r="U396" i="1"/>
  <c r="U395" i="1"/>
  <c r="U394" i="1"/>
  <c r="U393" i="1"/>
  <c r="U392" i="1"/>
  <c r="U391" i="1"/>
  <c r="U390" i="1"/>
  <c r="U389" i="1"/>
  <c r="U388" i="1"/>
  <c r="U387" i="1"/>
  <c r="U386" i="1"/>
  <c r="U385" i="1"/>
  <c r="U384" i="1"/>
  <c r="U383" i="1"/>
  <c r="U382" i="1"/>
  <c r="U381" i="1"/>
  <c r="U380" i="1"/>
  <c r="U379" i="1"/>
  <c r="U378" i="1"/>
  <c r="U377" i="1"/>
  <c r="U376" i="1"/>
  <c r="U375" i="1"/>
  <c r="U374" i="1"/>
  <c r="U373" i="1"/>
  <c r="U372" i="1"/>
  <c r="U371" i="1"/>
  <c r="U370" i="1"/>
  <c r="U369" i="1"/>
  <c r="U368" i="1"/>
  <c r="U367" i="1"/>
  <c r="U366" i="1"/>
  <c r="U365" i="1"/>
  <c r="U364" i="1"/>
  <c r="U363" i="1"/>
  <c r="U362" i="1"/>
  <c r="U361" i="1"/>
  <c r="U360" i="1"/>
  <c r="U359" i="1"/>
  <c r="U358" i="1"/>
  <c r="U357" i="1"/>
  <c r="U356" i="1"/>
  <c r="U355" i="1"/>
  <c r="U354" i="1"/>
  <c r="U353" i="1"/>
  <c r="U352" i="1"/>
  <c r="U351" i="1"/>
  <c r="U350" i="1"/>
  <c r="U349" i="1"/>
  <c r="U348" i="1"/>
  <c r="U347" i="1"/>
  <c r="U346" i="1"/>
  <c r="U345" i="1"/>
  <c r="U344" i="1"/>
  <c r="U343" i="1"/>
  <c r="U342" i="1"/>
  <c r="U341" i="1"/>
  <c r="U340" i="1"/>
  <c r="U339" i="1"/>
  <c r="U338" i="1"/>
  <c r="U337" i="1"/>
  <c r="U336" i="1"/>
  <c r="U335" i="1"/>
  <c r="U334" i="1"/>
  <c r="U333" i="1"/>
  <c r="U332" i="1"/>
  <c r="U331" i="1"/>
  <c r="U330" i="1"/>
  <c r="U329" i="1"/>
  <c r="U328" i="1"/>
  <c r="U327" i="1"/>
  <c r="U326" i="1"/>
  <c r="U325" i="1"/>
  <c r="U324" i="1"/>
  <c r="U323" i="1"/>
  <c r="U322" i="1"/>
  <c r="U321" i="1"/>
  <c r="U320" i="1"/>
  <c r="U319" i="1"/>
  <c r="U318" i="1"/>
  <c r="U317" i="1"/>
  <c r="U316" i="1"/>
  <c r="U315" i="1"/>
  <c r="U314" i="1"/>
  <c r="U313" i="1"/>
  <c r="U312" i="1"/>
  <c r="U311" i="1"/>
  <c r="U310" i="1"/>
  <c r="U309" i="1"/>
  <c r="U308" i="1"/>
  <c r="U307" i="1"/>
  <c r="U306" i="1"/>
  <c r="U305" i="1"/>
  <c r="U304" i="1"/>
  <c r="U303" i="1"/>
  <c r="U302" i="1"/>
  <c r="U301" i="1"/>
  <c r="U300" i="1"/>
  <c r="U299" i="1"/>
  <c r="U298" i="1"/>
  <c r="U297" i="1"/>
  <c r="U296" i="1"/>
  <c r="U295" i="1"/>
  <c r="U294" i="1"/>
  <c r="U293" i="1"/>
  <c r="U292" i="1"/>
  <c r="U291" i="1"/>
  <c r="U290" i="1"/>
  <c r="U289" i="1"/>
  <c r="U288" i="1"/>
  <c r="U287" i="1"/>
  <c r="U286" i="1"/>
  <c r="U285" i="1"/>
  <c r="U284" i="1"/>
  <c r="U283" i="1"/>
  <c r="U282" i="1"/>
  <c r="U281" i="1"/>
  <c r="U280" i="1"/>
  <c r="U279" i="1"/>
  <c r="U278" i="1"/>
  <c r="U277" i="1"/>
  <c r="U276" i="1"/>
  <c r="U275" i="1"/>
  <c r="U274" i="1"/>
  <c r="U273" i="1"/>
  <c r="U272" i="1"/>
  <c r="U271" i="1"/>
  <c r="U270" i="1"/>
  <c r="U269" i="1"/>
  <c r="U268" i="1"/>
  <c r="U267" i="1"/>
  <c r="U266" i="1"/>
  <c r="U265" i="1"/>
  <c r="U264" i="1"/>
  <c r="U263" i="1"/>
  <c r="U262" i="1"/>
  <c r="U261" i="1"/>
  <c r="U260" i="1"/>
  <c r="U259" i="1"/>
  <c r="U258" i="1"/>
  <c r="U257" i="1"/>
  <c r="U256" i="1"/>
  <c r="U255" i="1"/>
  <c r="U254" i="1"/>
  <c r="U253" i="1"/>
  <c r="U252" i="1"/>
  <c r="U251" i="1"/>
  <c r="U250" i="1"/>
  <c r="U249" i="1"/>
  <c r="U248" i="1"/>
  <c r="U247" i="1"/>
  <c r="U246" i="1"/>
  <c r="U245" i="1"/>
  <c r="U244" i="1"/>
  <c r="U243" i="1"/>
  <c r="U242" i="1"/>
  <c r="U241" i="1"/>
  <c r="U240" i="1"/>
  <c r="U239" i="1"/>
  <c r="U238" i="1"/>
  <c r="U237" i="1"/>
  <c r="U236" i="1"/>
  <c r="U235" i="1"/>
  <c r="U234" i="1"/>
  <c r="U233" i="1"/>
  <c r="U232" i="1"/>
  <c r="U231" i="1"/>
  <c r="U230" i="1"/>
  <c r="U229" i="1"/>
  <c r="U228" i="1"/>
  <c r="U227" i="1"/>
  <c r="U226" i="1"/>
  <c r="U225" i="1"/>
  <c r="U224" i="1"/>
  <c r="U223" i="1"/>
  <c r="U222" i="1"/>
  <c r="U221" i="1"/>
  <c r="U220" i="1"/>
  <c r="U219" i="1"/>
  <c r="U218" i="1"/>
  <c r="U217" i="1"/>
  <c r="U216" i="1"/>
  <c r="U215" i="1"/>
  <c r="U214" i="1"/>
  <c r="U213" i="1"/>
  <c r="U212" i="1"/>
  <c r="U211" i="1"/>
  <c r="U210" i="1"/>
  <c r="U209" i="1"/>
  <c r="U208" i="1"/>
  <c r="U207" i="1"/>
  <c r="U206" i="1"/>
  <c r="U205" i="1"/>
  <c r="U204" i="1"/>
  <c r="U203" i="1"/>
  <c r="U202" i="1"/>
  <c r="U201" i="1"/>
  <c r="U200" i="1"/>
  <c r="U199" i="1"/>
  <c r="U198" i="1"/>
  <c r="U197" i="1"/>
  <c r="U196" i="1"/>
  <c r="U195" i="1"/>
  <c r="U194" i="1"/>
  <c r="U193" i="1"/>
  <c r="U192" i="1"/>
  <c r="U191" i="1"/>
  <c r="U190" i="1"/>
  <c r="U189" i="1"/>
  <c r="U188" i="1"/>
  <c r="U187" i="1"/>
  <c r="U186" i="1"/>
  <c r="U185" i="1"/>
  <c r="U184" i="1"/>
  <c r="U183" i="1"/>
  <c r="U182" i="1"/>
  <c r="U181" i="1"/>
  <c r="U180" i="1"/>
  <c r="U179" i="1"/>
  <c r="U178" i="1"/>
  <c r="U177" i="1"/>
  <c r="U176" i="1"/>
  <c r="U175" i="1"/>
  <c r="U174" i="1"/>
  <c r="U173" i="1"/>
  <c r="U172" i="1"/>
  <c r="U171" i="1"/>
  <c r="U170" i="1"/>
  <c r="U169" i="1"/>
  <c r="U168" i="1"/>
  <c r="U167" i="1"/>
  <c r="U166" i="1"/>
  <c r="U165" i="1"/>
  <c r="U164" i="1"/>
  <c r="U163" i="1"/>
  <c r="U162" i="1"/>
  <c r="U161" i="1"/>
  <c r="U160" i="1"/>
  <c r="U159" i="1"/>
  <c r="U158" i="1"/>
  <c r="U157" i="1"/>
  <c r="U156" i="1"/>
  <c r="U155" i="1"/>
  <c r="U154" i="1"/>
  <c r="U153" i="1"/>
  <c r="U152" i="1"/>
  <c r="U151" i="1"/>
  <c r="U150" i="1"/>
  <c r="U149" i="1"/>
  <c r="U148" i="1"/>
  <c r="U147" i="1"/>
  <c r="U146" i="1"/>
  <c r="U145" i="1"/>
  <c r="U144" i="1"/>
  <c r="U143" i="1"/>
  <c r="U142" i="1"/>
  <c r="U141" i="1"/>
  <c r="U140" i="1"/>
  <c r="U139" i="1"/>
  <c r="U138" i="1"/>
  <c r="U137" i="1"/>
  <c r="U136" i="1"/>
  <c r="U135" i="1"/>
  <c r="U134" i="1"/>
  <c r="U133" i="1"/>
  <c r="U132" i="1"/>
  <c r="U131" i="1"/>
  <c r="U130" i="1"/>
  <c r="U129" i="1"/>
  <c r="U128" i="1"/>
  <c r="U127" i="1"/>
  <c r="U126" i="1"/>
  <c r="U125" i="1"/>
  <c r="U124" i="1"/>
  <c r="U123" i="1"/>
  <c r="U122" i="1"/>
  <c r="U121" i="1"/>
  <c r="U120" i="1"/>
  <c r="U119" i="1"/>
  <c r="U118" i="1"/>
  <c r="U117" i="1"/>
  <c r="U116" i="1"/>
  <c r="U115" i="1"/>
  <c r="U114" i="1"/>
  <c r="U113" i="1"/>
  <c r="U112" i="1"/>
  <c r="U111" i="1"/>
  <c r="U110" i="1"/>
  <c r="U109" i="1"/>
  <c r="U108" i="1"/>
  <c r="U107" i="1"/>
  <c r="U106" i="1"/>
  <c r="U105" i="1"/>
  <c r="U104" i="1"/>
  <c r="U103" i="1"/>
  <c r="U102" i="1"/>
  <c r="U101" i="1"/>
  <c r="U100" i="1"/>
  <c r="U99" i="1"/>
  <c r="U98" i="1"/>
  <c r="U97" i="1"/>
  <c r="U96" i="1"/>
  <c r="U95" i="1"/>
  <c r="U94" i="1"/>
  <c r="U93" i="1"/>
  <c r="U92" i="1"/>
  <c r="U91" i="1"/>
  <c r="U90" i="1"/>
  <c r="U89" i="1"/>
  <c r="U88" i="1"/>
  <c r="U87" i="1"/>
  <c r="U86" i="1"/>
  <c r="U85" i="1"/>
  <c r="U84" i="1"/>
  <c r="U83" i="1"/>
  <c r="U82" i="1"/>
  <c r="U81" i="1"/>
  <c r="U80" i="1"/>
  <c r="U79" i="1"/>
  <c r="U78" i="1"/>
  <c r="U77" i="1"/>
  <c r="U76" i="1"/>
  <c r="U75" i="1"/>
  <c r="U74" i="1"/>
  <c r="U73" i="1"/>
  <c r="U72" i="1"/>
  <c r="U71" i="1"/>
  <c r="U70" i="1"/>
  <c r="U69" i="1"/>
  <c r="U68" i="1"/>
  <c r="U67" i="1"/>
  <c r="U66" i="1"/>
  <c r="U65" i="1"/>
  <c r="U64" i="1"/>
  <c r="U63" i="1"/>
  <c r="U62" i="1"/>
  <c r="U61" i="1"/>
  <c r="U60" i="1"/>
  <c r="U59" i="1"/>
  <c r="U58" i="1"/>
  <c r="U57" i="1"/>
  <c r="U56" i="1"/>
  <c r="U55" i="1"/>
  <c r="U54" i="1"/>
  <c r="U53" i="1"/>
  <c r="U52" i="1"/>
  <c r="U51" i="1"/>
  <c r="U50" i="1"/>
  <c r="U49" i="1"/>
  <c r="U48" i="1"/>
  <c r="U47" i="1"/>
  <c r="U46" i="1"/>
  <c r="U45" i="1"/>
  <c r="U44" i="1"/>
  <c r="U43" i="1"/>
  <c r="U42" i="1"/>
  <c r="U41" i="1"/>
  <c r="U40" i="1"/>
  <c r="U39" i="1"/>
  <c r="U38" i="1"/>
  <c r="U37" i="1"/>
  <c r="U36" i="1"/>
  <c r="U35" i="1"/>
  <c r="U34" i="1"/>
  <c r="U33" i="1"/>
  <c r="U32" i="1"/>
  <c r="U31" i="1"/>
  <c r="U30" i="1"/>
  <c r="U29" i="1"/>
  <c r="U28" i="1"/>
  <c r="U27" i="1"/>
  <c r="U26" i="1"/>
  <c r="U25" i="1"/>
  <c r="U24" i="1"/>
  <c r="U23" i="1"/>
  <c r="U22" i="1"/>
  <c r="U21" i="1"/>
  <c r="U20" i="1"/>
  <c r="U19" i="1"/>
  <c r="U18" i="1"/>
  <c r="U17" i="1"/>
  <c r="U16" i="1"/>
  <c r="U15" i="1"/>
  <c r="U14" i="1"/>
  <c r="U13" i="1"/>
  <c r="U12" i="1"/>
  <c r="U11" i="1"/>
  <c r="U10" i="1"/>
  <c r="U9" i="1"/>
  <c r="U8" i="1"/>
  <c r="U7" i="1"/>
  <c r="U6" i="1"/>
  <c r="U5" i="1"/>
  <c r="U4" i="1"/>
  <c r="U3" i="1"/>
  <c r="A3" i="1"/>
  <c r="A4" i="1" s="1"/>
  <c r="A5" i="1" s="1"/>
  <c r="A6" i="1" s="1"/>
  <c r="A7" i="1" s="1"/>
  <c r="A8" i="1" s="1"/>
  <c r="A9" i="1" s="1"/>
  <c r="A10" i="1" s="1"/>
  <c r="A11" i="1" s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s="1"/>
  <c r="A43" i="1" s="1"/>
  <c r="A44" i="1" s="1"/>
  <c r="A45" i="1" s="1"/>
  <c r="A46" i="1" s="1"/>
  <c r="A47" i="1" s="1"/>
  <c r="A48" i="1" s="1"/>
  <c r="A49" i="1" s="1"/>
  <c r="A50" i="1" s="1"/>
  <c r="A51" i="1" s="1"/>
  <c r="A52" i="1" s="1"/>
  <c r="A53" i="1" s="1"/>
  <c r="A54" i="1" s="1"/>
  <c r="A55" i="1" s="1"/>
  <c r="A56" i="1" s="1"/>
  <c r="A57" i="1" s="1"/>
  <c r="A58" i="1" s="1"/>
  <c r="A59" i="1" s="1"/>
  <c r="A60" i="1" s="1"/>
  <c r="A61" i="1" s="1"/>
  <c r="A62" i="1" s="1"/>
  <c r="A63" i="1" s="1"/>
  <c r="A64" i="1" s="1"/>
  <c r="A65" i="1" s="1"/>
  <c r="A66" i="1" s="1"/>
  <c r="A67" i="1" s="1"/>
  <c r="A68" i="1" s="1"/>
  <c r="A69" i="1" s="1"/>
  <c r="A70" i="1" s="1"/>
  <c r="A71" i="1" s="1"/>
  <c r="A72" i="1" s="1"/>
  <c r="A73" i="1" s="1"/>
  <c r="A74" i="1" s="1"/>
  <c r="A75" i="1" s="1"/>
  <c r="A76" i="1" s="1"/>
  <c r="A77" i="1" s="1"/>
  <c r="A78" i="1" s="1"/>
  <c r="A79" i="1" s="1"/>
  <c r="A80" i="1" s="1"/>
  <c r="A81" i="1" s="1"/>
  <c r="A82" i="1" s="1"/>
  <c r="A83" i="1" s="1"/>
  <c r="A84" i="1" s="1"/>
  <c r="A85" i="1" s="1"/>
  <c r="A86" i="1" s="1"/>
  <c r="A87" i="1" s="1"/>
  <c r="A88" i="1" s="1"/>
  <c r="A89" i="1" s="1"/>
  <c r="A90" i="1" s="1"/>
  <c r="A91" i="1" s="1"/>
  <c r="A92" i="1" s="1"/>
  <c r="A93" i="1" s="1"/>
  <c r="A94" i="1" s="1"/>
  <c r="A95" i="1" s="1"/>
  <c r="A96" i="1" s="1"/>
  <c r="A97" i="1" s="1"/>
  <c r="A98" i="1" s="1"/>
  <c r="A99" i="1" s="1"/>
  <c r="A100" i="1" s="1"/>
  <c r="A101" i="1" s="1"/>
  <c r="A102" i="1" s="1"/>
  <c r="A103" i="1" s="1"/>
  <c r="A104" i="1" s="1"/>
  <c r="A105" i="1" s="1"/>
  <c r="A106" i="1" s="1"/>
  <c r="A107" i="1" s="1"/>
  <c r="A108" i="1" s="1"/>
  <c r="A109" i="1" s="1"/>
  <c r="A110" i="1" s="1"/>
  <c r="A111" i="1" s="1"/>
  <c r="A112" i="1" s="1"/>
  <c r="A113" i="1" s="1"/>
  <c r="A114" i="1" s="1"/>
  <c r="A115" i="1" s="1"/>
  <c r="A116" i="1" s="1"/>
  <c r="A117" i="1" s="1"/>
  <c r="A118" i="1" s="1"/>
  <c r="A119" i="1" s="1"/>
  <c r="A120" i="1" s="1"/>
  <c r="A121" i="1" s="1"/>
  <c r="A122" i="1" s="1"/>
  <c r="A123" i="1" s="1"/>
  <c r="A124" i="1" s="1"/>
  <c r="A125" i="1" s="1"/>
  <c r="A126" i="1" s="1"/>
  <c r="A127" i="1" s="1"/>
  <c r="A128" i="1" s="1"/>
  <c r="A129" i="1" s="1"/>
  <c r="A130" i="1" s="1"/>
  <c r="A131" i="1" s="1"/>
  <c r="A132" i="1" s="1"/>
  <c r="A133" i="1" s="1"/>
  <c r="A134" i="1" s="1"/>
  <c r="A135" i="1" s="1"/>
  <c r="A136" i="1" s="1"/>
  <c r="A137" i="1" s="1"/>
  <c r="A138" i="1" s="1"/>
  <c r="A139" i="1" s="1"/>
  <c r="A140" i="1" s="1"/>
  <c r="A141" i="1" s="1"/>
  <c r="A142" i="1" s="1"/>
  <c r="A143" i="1" s="1"/>
  <c r="A144" i="1" s="1"/>
  <c r="A145" i="1" s="1"/>
  <c r="A146" i="1" s="1"/>
  <c r="A147" i="1" s="1"/>
  <c r="A148" i="1" s="1"/>
  <c r="A149" i="1" s="1"/>
  <c r="A150" i="1" s="1"/>
  <c r="A151" i="1" s="1"/>
  <c r="A152" i="1" s="1"/>
  <c r="A153" i="1" s="1"/>
  <c r="A154" i="1" s="1"/>
  <c r="A155" i="1" s="1"/>
  <c r="A156" i="1" s="1"/>
  <c r="A157" i="1" s="1"/>
  <c r="A158" i="1" s="1"/>
  <c r="A159" i="1" s="1"/>
  <c r="A160" i="1" s="1"/>
  <c r="A161" i="1" s="1"/>
  <c r="A162" i="1" s="1"/>
  <c r="A163" i="1" s="1"/>
  <c r="A164" i="1" s="1"/>
  <c r="A165" i="1" s="1"/>
  <c r="A166" i="1" s="1"/>
  <c r="A167" i="1" s="1"/>
  <c r="A168" i="1" s="1"/>
  <c r="A169" i="1" s="1"/>
  <c r="A170" i="1" s="1"/>
  <c r="A171" i="1" s="1"/>
  <c r="A172" i="1" s="1"/>
  <c r="A173" i="1" s="1"/>
  <c r="A174" i="1" s="1"/>
  <c r="A175" i="1" s="1"/>
  <c r="A176" i="1" s="1"/>
  <c r="A177" i="1" s="1"/>
  <c r="A178" i="1" s="1"/>
  <c r="A179" i="1" s="1"/>
  <c r="A180" i="1" s="1"/>
  <c r="A181" i="1" s="1"/>
  <c r="A182" i="1" s="1"/>
  <c r="A183" i="1" s="1"/>
  <c r="A184" i="1" s="1"/>
  <c r="A185" i="1" s="1"/>
  <c r="A186" i="1" s="1"/>
  <c r="A187" i="1" s="1"/>
  <c r="A188" i="1" s="1"/>
  <c r="A189" i="1" s="1"/>
  <c r="A190" i="1" s="1"/>
  <c r="A191" i="1" s="1"/>
  <c r="A192" i="1" s="1"/>
  <c r="A193" i="1" s="1"/>
  <c r="A194" i="1" s="1"/>
  <c r="A195" i="1" s="1"/>
  <c r="A196" i="1" s="1"/>
  <c r="A197" i="1" s="1"/>
  <c r="A198" i="1" s="1"/>
  <c r="A199" i="1" s="1"/>
  <c r="A200" i="1" s="1"/>
  <c r="A201" i="1" s="1"/>
  <c r="A202" i="1" s="1"/>
  <c r="A203" i="1" s="1"/>
  <c r="A204" i="1" s="1"/>
  <c r="A205" i="1" s="1"/>
  <c r="A206" i="1" s="1"/>
  <c r="A207" i="1" s="1"/>
  <c r="A208" i="1" s="1"/>
  <c r="A209" i="1" s="1"/>
  <c r="A210" i="1" s="1"/>
  <c r="A211" i="1" s="1"/>
  <c r="A212" i="1" s="1"/>
  <c r="A213" i="1" s="1"/>
  <c r="A214" i="1" s="1"/>
  <c r="A215" i="1" s="1"/>
  <c r="A216" i="1" s="1"/>
  <c r="A217" i="1" s="1"/>
  <c r="A218" i="1" s="1"/>
  <c r="A219" i="1" s="1"/>
  <c r="A220" i="1" s="1"/>
  <c r="A221" i="1" s="1"/>
  <c r="A222" i="1" s="1"/>
  <c r="A223" i="1" s="1"/>
  <c r="A224" i="1" s="1"/>
  <c r="A225" i="1" s="1"/>
  <c r="A226" i="1" s="1"/>
  <c r="A227" i="1" s="1"/>
  <c r="A228" i="1" s="1"/>
  <c r="A229" i="1" s="1"/>
  <c r="A230" i="1" s="1"/>
  <c r="A231" i="1" s="1"/>
  <c r="A232" i="1" s="1"/>
  <c r="A233" i="1" s="1"/>
  <c r="A234" i="1" s="1"/>
  <c r="A235" i="1" s="1"/>
  <c r="A236" i="1" s="1"/>
  <c r="A237" i="1" s="1"/>
  <c r="A238" i="1" s="1"/>
  <c r="A239" i="1" s="1"/>
  <c r="A240" i="1" s="1"/>
  <c r="A241" i="1" s="1"/>
  <c r="A242" i="1" s="1"/>
  <c r="A243" i="1" s="1"/>
  <c r="A244" i="1" s="1"/>
  <c r="A245" i="1" s="1"/>
  <c r="A246" i="1" s="1"/>
  <c r="A247" i="1" s="1"/>
  <c r="A248" i="1" s="1"/>
  <c r="A249" i="1" s="1"/>
  <c r="A250" i="1" s="1"/>
  <c r="A251" i="1" s="1"/>
  <c r="A252" i="1" s="1"/>
  <c r="A253" i="1" s="1"/>
  <c r="A254" i="1" s="1"/>
  <c r="A255" i="1" s="1"/>
  <c r="A256" i="1" s="1"/>
  <c r="A257" i="1" s="1"/>
  <c r="A258" i="1" s="1"/>
  <c r="A259" i="1" s="1"/>
  <c r="A260" i="1" s="1"/>
  <c r="A261" i="1" s="1"/>
  <c r="A262" i="1" s="1"/>
  <c r="A263" i="1" s="1"/>
  <c r="A264" i="1" s="1"/>
  <c r="A265" i="1" s="1"/>
  <c r="A266" i="1" s="1"/>
  <c r="A267" i="1" s="1"/>
  <c r="A268" i="1" s="1"/>
  <c r="A269" i="1" s="1"/>
  <c r="A270" i="1" s="1"/>
  <c r="A271" i="1" s="1"/>
  <c r="A272" i="1" s="1"/>
  <c r="A273" i="1" s="1"/>
  <c r="A274" i="1" s="1"/>
  <c r="A275" i="1" s="1"/>
  <c r="A276" i="1" s="1"/>
  <c r="A277" i="1" s="1"/>
  <c r="A278" i="1" s="1"/>
  <c r="A279" i="1" s="1"/>
  <c r="A280" i="1" s="1"/>
  <c r="A281" i="1" s="1"/>
  <c r="A282" i="1" s="1"/>
  <c r="A283" i="1" s="1"/>
  <c r="A284" i="1" s="1"/>
  <c r="A285" i="1" s="1"/>
  <c r="A286" i="1" s="1"/>
  <c r="A287" i="1" s="1"/>
  <c r="A288" i="1" s="1"/>
  <c r="A289" i="1" s="1"/>
  <c r="A290" i="1" s="1"/>
  <c r="A291" i="1" s="1"/>
  <c r="A292" i="1" s="1"/>
  <c r="A293" i="1" s="1"/>
  <c r="A294" i="1" s="1"/>
  <c r="A295" i="1" s="1"/>
  <c r="A296" i="1" s="1"/>
  <c r="A297" i="1" s="1"/>
  <c r="A298" i="1" s="1"/>
  <c r="A299" i="1" s="1"/>
  <c r="A300" i="1" s="1"/>
  <c r="A301" i="1" s="1"/>
  <c r="A302" i="1" s="1"/>
  <c r="A303" i="1" s="1"/>
  <c r="A304" i="1" s="1"/>
  <c r="A305" i="1" s="1"/>
  <c r="A306" i="1" s="1"/>
  <c r="A307" i="1" s="1"/>
  <c r="A308" i="1" s="1"/>
  <c r="A309" i="1" s="1"/>
  <c r="A310" i="1" s="1"/>
  <c r="A311" i="1" s="1"/>
  <c r="A312" i="1" s="1"/>
  <c r="A313" i="1" s="1"/>
  <c r="A314" i="1" s="1"/>
  <c r="A315" i="1" s="1"/>
  <c r="A316" i="1" s="1"/>
  <c r="A317" i="1" s="1"/>
  <c r="A318" i="1" s="1"/>
  <c r="A319" i="1" s="1"/>
  <c r="A320" i="1" s="1"/>
  <c r="A321" i="1" s="1"/>
  <c r="A322" i="1" s="1"/>
  <c r="A323" i="1" s="1"/>
  <c r="A324" i="1" s="1"/>
  <c r="A325" i="1" s="1"/>
  <c r="A326" i="1" s="1"/>
  <c r="A327" i="1" s="1"/>
  <c r="A328" i="1" s="1"/>
  <c r="A329" i="1" s="1"/>
  <c r="A330" i="1" s="1"/>
  <c r="A331" i="1" s="1"/>
  <c r="A332" i="1" s="1"/>
  <c r="A333" i="1" s="1"/>
  <c r="A334" i="1" s="1"/>
  <c r="A335" i="1" s="1"/>
  <c r="A336" i="1" s="1"/>
  <c r="A337" i="1" s="1"/>
  <c r="A338" i="1" s="1"/>
  <c r="A339" i="1" s="1"/>
  <c r="A340" i="1" s="1"/>
  <c r="A341" i="1" s="1"/>
  <c r="A342" i="1" s="1"/>
  <c r="A343" i="1" s="1"/>
  <c r="A344" i="1" s="1"/>
  <c r="A345" i="1" s="1"/>
  <c r="A346" i="1" s="1"/>
  <c r="A347" i="1" s="1"/>
  <c r="A348" i="1" s="1"/>
  <c r="A349" i="1" s="1"/>
  <c r="A350" i="1" s="1"/>
  <c r="A351" i="1" s="1"/>
  <c r="A352" i="1" s="1"/>
  <c r="A353" i="1" s="1"/>
  <c r="A354" i="1" s="1"/>
  <c r="A355" i="1" s="1"/>
  <c r="A356" i="1" s="1"/>
  <c r="A357" i="1" s="1"/>
  <c r="A358" i="1" s="1"/>
  <c r="A359" i="1" s="1"/>
  <c r="A360" i="1" s="1"/>
  <c r="A361" i="1" s="1"/>
  <c r="A362" i="1" s="1"/>
  <c r="A363" i="1" s="1"/>
  <c r="A364" i="1" s="1"/>
  <c r="A365" i="1" s="1"/>
  <c r="A366" i="1" s="1"/>
  <c r="A367" i="1" s="1"/>
  <c r="A368" i="1" s="1"/>
  <c r="A369" i="1" s="1"/>
  <c r="A370" i="1" s="1"/>
  <c r="A371" i="1" s="1"/>
  <c r="A372" i="1" s="1"/>
  <c r="A373" i="1" s="1"/>
  <c r="A374" i="1" s="1"/>
  <c r="A375" i="1" s="1"/>
  <c r="A376" i="1" s="1"/>
  <c r="A377" i="1" s="1"/>
  <c r="A378" i="1" s="1"/>
  <c r="A379" i="1" s="1"/>
  <c r="A380" i="1" s="1"/>
  <c r="A381" i="1" s="1"/>
  <c r="A382" i="1" s="1"/>
  <c r="A383" i="1" s="1"/>
  <c r="A384" i="1" s="1"/>
  <c r="A385" i="1" s="1"/>
  <c r="A386" i="1" s="1"/>
  <c r="A387" i="1" s="1"/>
  <c r="A388" i="1" s="1"/>
  <c r="A389" i="1" s="1"/>
  <c r="A390" i="1" s="1"/>
  <c r="A391" i="1" s="1"/>
  <c r="A392" i="1" s="1"/>
  <c r="A393" i="1" s="1"/>
  <c r="A394" i="1" s="1"/>
  <c r="A395" i="1" s="1"/>
  <c r="A396" i="1" s="1"/>
  <c r="A397" i="1" s="1"/>
  <c r="A398" i="1" s="1"/>
  <c r="A399" i="1" s="1"/>
  <c r="A400" i="1" s="1"/>
  <c r="A401" i="1" s="1"/>
  <c r="A402" i="1" s="1"/>
  <c r="A403" i="1" s="1"/>
  <c r="A404" i="1" s="1"/>
  <c r="A405" i="1" s="1"/>
  <c r="A406" i="1" s="1"/>
  <c r="A407" i="1" s="1"/>
  <c r="A408" i="1" s="1"/>
  <c r="A409" i="1" s="1"/>
  <c r="A410" i="1" s="1"/>
  <c r="A411" i="1" s="1"/>
  <c r="A412" i="1" s="1"/>
  <c r="A413" i="1" s="1"/>
  <c r="A414" i="1" s="1"/>
  <c r="A415" i="1" s="1"/>
  <c r="A416" i="1" s="1"/>
  <c r="A417" i="1" s="1"/>
  <c r="A418" i="1" s="1"/>
  <c r="A419" i="1" s="1"/>
  <c r="A420" i="1" s="1"/>
  <c r="A421" i="1" s="1"/>
  <c r="A422" i="1" s="1"/>
  <c r="A423" i="1" s="1"/>
  <c r="A424" i="1" s="1"/>
  <c r="A425" i="1" s="1"/>
  <c r="A426" i="1" s="1"/>
  <c r="A427" i="1" s="1"/>
  <c r="A428" i="1" s="1"/>
  <c r="A429" i="1" s="1"/>
  <c r="A430" i="1" s="1"/>
  <c r="A431" i="1" s="1"/>
  <c r="A432" i="1" s="1"/>
  <c r="A433" i="1" s="1"/>
  <c r="A434" i="1" s="1"/>
  <c r="A435" i="1" s="1"/>
  <c r="A436" i="1" s="1"/>
  <c r="A437" i="1" s="1"/>
  <c r="A438" i="1" s="1"/>
  <c r="A439" i="1" s="1"/>
  <c r="A440" i="1" s="1"/>
  <c r="A441" i="1" s="1"/>
  <c r="A442" i="1" s="1"/>
  <c r="A443" i="1" s="1"/>
  <c r="A444" i="1" s="1"/>
  <c r="A445" i="1" s="1"/>
  <c r="A446" i="1" s="1"/>
  <c r="A447" i="1" s="1"/>
  <c r="A448" i="1" s="1"/>
  <c r="A449" i="1" s="1"/>
  <c r="A450" i="1" s="1"/>
  <c r="A451" i="1" s="1"/>
  <c r="A452" i="1" s="1"/>
  <c r="A453" i="1" s="1"/>
  <c r="A454" i="1" s="1"/>
  <c r="A455" i="1" s="1"/>
  <c r="A456" i="1" s="1"/>
  <c r="A457" i="1" s="1"/>
  <c r="A458" i="1" s="1"/>
  <c r="A459" i="1" s="1"/>
  <c r="A460" i="1" s="1"/>
  <c r="A461" i="1" s="1"/>
  <c r="A462" i="1" s="1"/>
  <c r="A463" i="1" s="1"/>
  <c r="A464" i="1" s="1"/>
  <c r="A465" i="1" s="1"/>
  <c r="A466" i="1" s="1"/>
  <c r="A467" i="1" s="1"/>
  <c r="A468" i="1" s="1"/>
  <c r="A469" i="1" s="1"/>
  <c r="A470" i="1" s="1"/>
  <c r="A471" i="1" s="1"/>
  <c r="A472" i="1" s="1"/>
  <c r="A473" i="1" s="1"/>
  <c r="A474" i="1" s="1"/>
  <c r="A475" i="1" s="1"/>
  <c r="A476" i="1" s="1"/>
  <c r="A477" i="1" s="1"/>
  <c r="A478" i="1" s="1"/>
  <c r="A479" i="1" s="1"/>
  <c r="A480" i="1" s="1"/>
  <c r="A481" i="1" s="1"/>
  <c r="A482" i="1" s="1"/>
  <c r="A483" i="1" s="1"/>
  <c r="A484" i="1" s="1"/>
  <c r="A485" i="1" s="1"/>
  <c r="A486" i="1" s="1"/>
  <c r="A487" i="1" s="1"/>
  <c r="A488" i="1" s="1"/>
  <c r="A489" i="1" s="1"/>
  <c r="A490" i="1" s="1"/>
  <c r="A491" i="1" s="1"/>
  <c r="A492" i="1" s="1"/>
  <c r="A493" i="1" s="1"/>
  <c r="A494" i="1" s="1"/>
  <c r="A495" i="1" s="1"/>
  <c r="A496" i="1" s="1"/>
  <c r="A497" i="1" s="1"/>
  <c r="A498" i="1" s="1"/>
  <c r="A499" i="1" s="1"/>
  <c r="A500" i="1" s="1"/>
  <c r="A501" i="1" s="1"/>
  <c r="A502" i="1" s="1"/>
  <c r="A503" i="1" s="1"/>
  <c r="A504" i="1" s="1"/>
  <c r="A505" i="1" s="1"/>
  <c r="A506" i="1" s="1"/>
  <c r="A507" i="1" s="1"/>
  <c r="A508" i="1" s="1"/>
  <c r="A509" i="1" s="1"/>
  <c r="A510" i="1" s="1"/>
  <c r="A511" i="1" s="1"/>
  <c r="A512" i="1" s="1"/>
  <c r="A513" i="1" s="1"/>
  <c r="A514" i="1" s="1"/>
  <c r="A515" i="1" s="1"/>
  <c r="A516" i="1" s="1"/>
  <c r="A517" i="1" s="1"/>
  <c r="A518" i="1" s="1"/>
  <c r="A519" i="1" s="1"/>
  <c r="A520" i="1" s="1"/>
  <c r="A521" i="1" s="1"/>
  <c r="A522" i="1" s="1"/>
  <c r="A523" i="1" s="1"/>
  <c r="A524" i="1" s="1"/>
  <c r="A525" i="1" s="1"/>
  <c r="A526" i="1" s="1"/>
  <c r="A527" i="1" s="1"/>
  <c r="A528" i="1" s="1"/>
  <c r="A529" i="1" s="1"/>
  <c r="A530" i="1" s="1"/>
  <c r="A531" i="1" s="1"/>
  <c r="A532" i="1" s="1"/>
  <c r="A533" i="1" s="1"/>
  <c r="A534" i="1" s="1"/>
  <c r="A535" i="1" s="1"/>
  <c r="A536" i="1" s="1"/>
  <c r="A537" i="1" s="1"/>
  <c r="A538" i="1" s="1"/>
  <c r="A539" i="1" s="1"/>
  <c r="A540" i="1" s="1"/>
  <c r="A541" i="1" s="1"/>
  <c r="A542" i="1" s="1"/>
  <c r="A543" i="1" s="1"/>
  <c r="A544" i="1" s="1"/>
  <c r="A545" i="1" s="1"/>
  <c r="A546" i="1" s="1"/>
  <c r="A547" i="1" s="1"/>
  <c r="A548" i="1" s="1"/>
  <c r="A549" i="1" s="1"/>
  <c r="A550" i="1" s="1"/>
  <c r="A551" i="1" s="1"/>
  <c r="A552" i="1" s="1"/>
  <c r="A553" i="1" s="1"/>
  <c r="A554" i="1" s="1"/>
  <c r="A555" i="1" s="1"/>
  <c r="A556" i="1" s="1"/>
  <c r="A557" i="1" s="1"/>
  <c r="A558" i="1" s="1"/>
  <c r="A559" i="1" s="1"/>
  <c r="A560" i="1" s="1"/>
  <c r="A561" i="1" s="1"/>
  <c r="A562" i="1" s="1"/>
  <c r="A563" i="1" s="1"/>
  <c r="A564" i="1" s="1"/>
  <c r="A565" i="1" s="1"/>
  <c r="A566" i="1" s="1"/>
  <c r="A567" i="1" s="1"/>
  <c r="A568" i="1" s="1"/>
  <c r="A569" i="1" s="1"/>
  <c r="A570" i="1" s="1"/>
  <c r="A571" i="1" s="1"/>
  <c r="A572" i="1" s="1"/>
  <c r="A573" i="1" s="1"/>
  <c r="A574" i="1" s="1"/>
  <c r="A575" i="1" s="1"/>
  <c r="A576" i="1" s="1"/>
  <c r="A577" i="1" s="1"/>
  <c r="A578" i="1" s="1"/>
  <c r="A579" i="1" s="1"/>
  <c r="A580" i="1" s="1"/>
  <c r="A581" i="1" s="1"/>
  <c r="A582" i="1" s="1"/>
  <c r="A583" i="1" s="1"/>
  <c r="A584" i="1" s="1"/>
  <c r="A585" i="1" s="1"/>
  <c r="A586" i="1" s="1"/>
  <c r="A587" i="1" s="1"/>
  <c r="A588" i="1" s="1"/>
  <c r="A589" i="1" s="1"/>
  <c r="A590" i="1" s="1"/>
  <c r="A591" i="1" s="1"/>
  <c r="A592" i="1" s="1"/>
  <c r="A593" i="1" s="1"/>
  <c r="A594" i="1" s="1"/>
  <c r="A595" i="1" s="1"/>
  <c r="A596" i="1" s="1"/>
  <c r="A597" i="1" s="1"/>
  <c r="A598" i="1" s="1"/>
  <c r="A599" i="1" s="1"/>
  <c r="A600" i="1" s="1"/>
  <c r="A601" i="1" s="1"/>
  <c r="A602" i="1" s="1"/>
  <c r="A603" i="1" s="1"/>
  <c r="A604" i="1" s="1"/>
  <c r="A605" i="1" s="1"/>
  <c r="A606" i="1" s="1"/>
  <c r="A607" i="1" s="1"/>
  <c r="A608" i="1" s="1"/>
  <c r="A609" i="1" s="1"/>
  <c r="A610" i="1" s="1"/>
  <c r="A611" i="1" s="1"/>
  <c r="A612" i="1" s="1"/>
  <c r="A613" i="1" s="1"/>
  <c r="A614" i="1" s="1"/>
  <c r="A615" i="1" s="1"/>
  <c r="A616" i="1" s="1"/>
  <c r="A617" i="1" s="1"/>
  <c r="A618" i="1" s="1"/>
  <c r="A619" i="1" s="1"/>
  <c r="A620" i="1" s="1"/>
  <c r="A621" i="1" s="1"/>
  <c r="A622" i="1" s="1"/>
  <c r="A623" i="1" s="1"/>
  <c r="A624" i="1" s="1"/>
  <c r="A625" i="1" s="1"/>
  <c r="A626" i="1" s="1"/>
  <c r="A627" i="1" s="1"/>
  <c r="A628" i="1" s="1"/>
  <c r="A629" i="1" s="1"/>
  <c r="A630" i="1" s="1"/>
  <c r="A631" i="1" s="1"/>
  <c r="A632" i="1" s="1"/>
  <c r="A633" i="1" s="1"/>
  <c r="A634" i="1" s="1"/>
  <c r="A635" i="1" s="1"/>
  <c r="A636" i="1" s="1"/>
  <c r="A637" i="1" s="1"/>
  <c r="A638" i="1" s="1"/>
  <c r="A639" i="1" s="1"/>
  <c r="A640" i="1" s="1"/>
  <c r="A641" i="1" s="1"/>
  <c r="A642" i="1" s="1"/>
  <c r="A643" i="1" s="1"/>
  <c r="A644" i="1" s="1"/>
  <c r="A645" i="1" s="1"/>
  <c r="A646" i="1" s="1"/>
  <c r="A647" i="1" s="1"/>
  <c r="A648" i="1" s="1"/>
  <c r="A649" i="1" s="1"/>
  <c r="A650" i="1" s="1"/>
  <c r="A651" i="1" s="1"/>
  <c r="A652" i="1" s="1"/>
  <c r="A653" i="1" s="1"/>
  <c r="A654" i="1" s="1"/>
  <c r="A655" i="1" s="1"/>
  <c r="A656" i="1" s="1"/>
  <c r="A657" i="1" s="1"/>
  <c r="A658" i="1" s="1"/>
  <c r="A659" i="1" s="1"/>
  <c r="A660" i="1" s="1"/>
  <c r="A661" i="1" s="1"/>
  <c r="A662" i="1" s="1"/>
  <c r="A663" i="1" s="1"/>
  <c r="A664" i="1" s="1"/>
  <c r="A665" i="1" s="1"/>
  <c r="A666" i="1" s="1"/>
  <c r="A667" i="1" s="1"/>
  <c r="A668" i="1" s="1"/>
  <c r="A669" i="1" s="1"/>
  <c r="A670" i="1" s="1"/>
  <c r="A671" i="1" s="1"/>
  <c r="A672" i="1" s="1"/>
  <c r="A673" i="1" s="1"/>
  <c r="A674" i="1" s="1"/>
  <c r="A675" i="1" s="1"/>
  <c r="A676" i="1" s="1"/>
  <c r="A677" i="1" s="1"/>
  <c r="A678" i="1" s="1"/>
  <c r="A679" i="1" s="1"/>
  <c r="A680" i="1" s="1"/>
  <c r="A681" i="1" s="1"/>
  <c r="A682" i="1" s="1"/>
  <c r="A683" i="1" s="1"/>
  <c r="A684" i="1" s="1"/>
  <c r="A685" i="1" s="1"/>
  <c r="A686" i="1" s="1"/>
  <c r="A687" i="1" s="1"/>
  <c r="A688" i="1" s="1"/>
  <c r="A689" i="1" s="1"/>
  <c r="A690" i="1" s="1"/>
  <c r="A691" i="1" s="1"/>
  <c r="A692" i="1" s="1"/>
  <c r="A693" i="1" s="1"/>
  <c r="A694" i="1" s="1"/>
  <c r="A695" i="1" s="1"/>
  <c r="A696" i="1" s="1"/>
  <c r="A697" i="1" s="1"/>
  <c r="A698" i="1" s="1"/>
  <c r="A699" i="1" s="1"/>
  <c r="A700" i="1" s="1"/>
  <c r="A701" i="1" s="1"/>
  <c r="A702" i="1" s="1"/>
  <c r="A703" i="1" s="1"/>
  <c r="A704" i="1" s="1"/>
  <c r="A705" i="1" s="1"/>
  <c r="A706" i="1" s="1"/>
  <c r="A707" i="1" s="1"/>
  <c r="A708" i="1" s="1"/>
  <c r="A709" i="1" s="1"/>
  <c r="A710" i="1" s="1"/>
  <c r="A711" i="1" s="1"/>
  <c r="A712" i="1" s="1"/>
  <c r="A713" i="1" s="1"/>
  <c r="A714" i="1" s="1"/>
  <c r="A715" i="1" s="1"/>
  <c r="A716" i="1" s="1"/>
  <c r="A717" i="1" s="1"/>
  <c r="A718" i="1" s="1"/>
  <c r="A719" i="1" s="1"/>
  <c r="A720" i="1" s="1"/>
  <c r="A721" i="1" s="1"/>
  <c r="A722" i="1" s="1"/>
  <c r="A723" i="1" s="1"/>
  <c r="A724" i="1" s="1"/>
  <c r="A725" i="1" s="1"/>
  <c r="A726" i="1" s="1"/>
  <c r="A727" i="1" s="1"/>
  <c r="A728" i="1" s="1"/>
  <c r="A729" i="1" s="1"/>
  <c r="A730" i="1" s="1"/>
  <c r="A731" i="1" s="1"/>
  <c r="A732" i="1" s="1"/>
  <c r="A733" i="1" s="1"/>
  <c r="A734" i="1" s="1"/>
  <c r="A735" i="1" s="1"/>
  <c r="A736" i="1" s="1"/>
  <c r="A737" i="1" s="1"/>
  <c r="A738" i="1" s="1"/>
  <c r="A739" i="1" s="1"/>
  <c r="A740" i="1" s="1"/>
  <c r="A741" i="1" s="1"/>
  <c r="A742" i="1" s="1"/>
  <c r="A743" i="1" s="1"/>
  <c r="A744" i="1" s="1"/>
  <c r="A745" i="1" s="1"/>
  <c r="A746" i="1" s="1"/>
  <c r="A747" i="1" s="1"/>
  <c r="A748" i="1" s="1"/>
  <c r="A749" i="1" s="1"/>
  <c r="A750" i="1" s="1"/>
  <c r="A751" i="1" s="1"/>
  <c r="A752" i="1" s="1"/>
  <c r="A753" i="1" s="1"/>
  <c r="A754" i="1" s="1"/>
  <c r="A755" i="1" s="1"/>
  <c r="A756" i="1" s="1"/>
  <c r="A757" i="1" s="1"/>
  <c r="A758" i="1" s="1"/>
  <c r="A759" i="1" s="1"/>
  <c r="A760" i="1" s="1"/>
  <c r="A761" i="1" s="1"/>
  <c r="A762" i="1" s="1"/>
  <c r="A763" i="1" s="1"/>
  <c r="A764" i="1" s="1"/>
  <c r="A765" i="1" s="1"/>
  <c r="A766" i="1" s="1"/>
  <c r="A767" i="1" s="1"/>
  <c r="A768" i="1" s="1"/>
  <c r="A769" i="1" s="1"/>
  <c r="A770" i="1" s="1"/>
  <c r="A771" i="1" s="1"/>
  <c r="A772" i="1" s="1"/>
  <c r="A773" i="1" s="1"/>
  <c r="A774" i="1" s="1"/>
  <c r="A775" i="1" s="1"/>
  <c r="A776" i="1" s="1"/>
  <c r="A777" i="1" s="1"/>
  <c r="A778" i="1" s="1"/>
  <c r="A779" i="1" s="1"/>
  <c r="A780" i="1" s="1"/>
  <c r="A781" i="1" s="1"/>
  <c r="A782" i="1" s="1"/>
  <c r="A783" i="1" s="1"/>
  <c r="A784" i="1" s="1"/>
  <c r="A785" i="1" s="1"/>
  <c r="A786" i="1" s="1"/>
  <c r="A787" i="1" s="1"/>
  <c r="A788" i="1" s="1"/>
  <c r="A789" i="1" s="1"/>
  <c r="A790" i="1" s="1"/>
  <c r="A791" i="1" s="1"/>
  <c r="A792" i="1" s="1"/>
  <c r="A793" i="1" s="1"/>
  <c r="A794" i="1" s="1"/>
  <c r="A795" i="1" s="1"/>
  <c r="A796" i="1" s="1"/>
  <c r="A797" i="1" s="1"/>
  <c r="A798" i="1" s="1"/>
  <c r="A799" i="1" s="1"/>
  <c r="A800" i="1" s="1"/>
  <c r="A801" i="1" s="1"/>
  <c r="A802" i="1" s="1"/>
  <c r="A803" i="1" s="1"/>
  <c r="A804" i="1" s="1"/>
  <c r="A805" i="1" s="1"/>
  <c r="A806" i="1" s="1"/>
  <c r="A807" i="1" s="1"/>
  <c r="A808" i="1" s="1"/>
  <c r="A809" i="1" s="1"/>
  <c r="A810" i="1" s="1"/>
  <c r="A811" i="1" s="1"/>
  <c r="A812" i="1" s="1"/>
  <c r="A813" i="1" s="1"/>
  <c r="A814" i="1" s="1"/>
  <c r="A815" i="1" s="1"/>
  <c r="A816" i="1" s="1"/>
  <c r="A817" i="1" s="1"/>
  <c r="A818" i="1" s="1"/>
  <c r="A819" i="1" s="1"/>
  <c r="A820" i="1" s="1"/>
  <c r="A821" i="1" s="1"/>
  <c r="A822" i="1" s="1"/>
  <c r="A823" i="1" s="1"/>
  <c r="A824" i="1" s="1"/>
  <c r="A825" i="1" s="1"/>
  <c r="A826" i="1" s="1"/>
  <c r="A827" i="1" s="1"/>
  <c r="A828" i="1" s="1"/>
  <c r="A829" i="1" s="1"/>
  <c r="A830" i="1" s="1"/>
  <c r="A831" i="1" s="1"/>
  <c r="A832" i="1" s="1"/>
  <c r="A833" i="1" s="1"/>
  <c r="A834" i="1" s="1"/>
  <c r="A835" i="1" s="1"/>
  <c r="A836" i="1" s="1"/>
  <c r="A837" i="1" s="1"/>
  <c r="A838" i="1" s="1"/>
  <c r="A839" i="1" s="1"/>
  <c r="A840" i="1" s="1"/>
  <c r="A841" i="1" s="1"/>
  <c r="A842" i="1" s="1"/>
  <c r="A843" i="1" s="1"/>
  <c r="A844" i="1" s="1"/>
  <c r="A845" i="1" s="1"/>
  <c r="A846" i="1" s="1"/>
  <c r="A847" i="1" s="1"/>
  <c r="A848" i="1" s="1"/>
  <c r="A849" i="1" s="1"/>
  <c r="A850" i="1" s="1"/>
  <c r="A851" i="1" s="1"/>
  <c r="A852" i="1" s="1"/>
  <c r="A853" i="1" s="1"/>
  <c r="A854" i="1" s="1"/>
  <c r="A855" i="1" s="1"/>
  <c r="A856" i="1" s="1"/>
  <c r="A857" i="1" s="1"/>
  <c r="A858" i="1" s="1"/>
  <c r="A859" i="1" s="1"/>
  <c r="A860" i="1" s="1"/>
  <c r="A861" i="1" s="1"/>
  <c r="A862" i="1" s="1"/>
  <c r="A863" i="1" s="1"/>
  <c r="A864" i="1" s="1"/>
  <c r="A865" i="1" s="1"/>
  <c r="A866" i="1" s="1"/>
  <c r="A867" i="1" s="1"/>
  <c r="A868" i="1" s="1"/>
  <c r="A869" i="1" s="1"/>
  <c r="A870" i="1" s="1"/>
  <c r="A871" i="1" s="1"/>
  <c r="A872" i="1" s="1"/>
  <c r="A873" i="1" s="1"/>
  <c r="A874" i="1" s="1"/>
  <c r="A875" i="1" s="1"/>
  <c r="A876" i="1" s="1"/>
  <c r="A877" i="1" s="1"/>
  <c r="A878" i="1" s="1"/>
  <c r="A879" i="1" s="1"/>
  <c r="A880" i="1" s="1"/>
  <c r="A881" i="1" s="1"/>
  <c r="A882" i="1" s="1"/>
  <c r="A883" i="1" s="1"/>
  <c r="A884" i="1" s="1"/>
  <c r="A885" i="1" s="1"/>
  <c r="A886" i="1" s="1"/>
  <c r="A887" i="1" s="1"/>
  <c r="A888" i="1" s="1"/>
  <c r="A889" i="1" s="1"/>
  <c r="A890" i="1" s="1"/>
  <c r="A891" i="1" s="1"/>
  <c r="A892" i="1" s="1"/>
  <c r="A893" i="1" s="1"/>
  <c r="A894" i="1" s="1"/>
  <c r="A895" i="1" s="1"/>
  <c r="A896" i="1" s="1"/>
  <c r="A897" i="1" s="1"/>
  <c r="A898" i="1" s="1"/>
  <c r="A899" i="1" s="1"/>
  <c r="A900" i="1" s="1"/>
  <c r="A901" i="1" s="1"/>
  <c r="A902" i="1" s="1"/>
  <c r="A903" i="1" s="1"/>
  <c r="A904" i="1" s="1"/>
  <c r="A905" i="1" s="1"/>
  <c r="A906" i="1" s="1"/>
  <c r="A907" i="1" s="1"/>
  <c r="A908" i="1" s="1"/>
  <c r="A909" i="1" s="1"/>
  <c r="A910" i="1" s="1"/>
  <c r="A911" i="1" s="1"/>
  <c r="A912" i="1" s="1"/>
  <c r="A913" i="1" s="1"/>
  <c r="A914" i="1" s="1"/>
  <c r="A915" i="1" s="1"/>
  <c r="A916" i="1" s="1"/>
  <c r="A917" i="1" s="1"/>
  <c r="A918" i="1" s="1"/>
  <c r="A919" i="1" s="1"/>
  <c r="A920" i="1" s="1"/>
  <c r="A921" i="1" s="1"/>
  <c r="A922" i="1" s="1"/>
  <c r="A923" i="1" s="1"/>
  <c r="A924" i="1" s="1"/>
  <c r="A925" i="1" s="1"/>
  <c r="A926" i="1" s="1"/>
  <c r="A927" i="1" s="1"/>
  <c r="A928" i="1" s="1"/>
  <c r="A929" i="1" s="1"/>
  <c r="A930" i="1" s="1"/>
  <c r="A931" i="1" s="1"/>
  <c r="A932" i="1" s="1"/>
  <c r="A933" i="1" s="1"/>
  <c r="A934" i="1" s="1"/>
  <c r="A935" i="1" s="1"/>
  <c r="A936" i="1" s="1"/>
  <c r="A937" i="1" s="1"/>
  <c r="A938" i="1" s="1"/>
  <c r="A939" i="1" s="1"/>
  <c r="A940" i="1" s="1"/>
  <c r="A941" i="1" s="1"/>
  <c r="A942" i="1" s="1"/>
  <c r="A943" i="1" s="1"/>
  <c r="A944" i="1" s="1"/>
  <c r="A945" i="1" s="1"/>
  <c r="A946" i="1" s="1"/>
  <c r="A947" i="1" s="1"/>
  <c r="A948" i="1" s="1"/>
  <c r="A949" i="1" s="1"/>
  <c r="A950" i="1" s="1"/>
  <c r="A951" i="1" s="1"/>
  <c r="A952" i="1" s="1"/>
  <c r="A953" i="1" s="1"/>
  <c r="A954" i="1" s="1"/>
  <c r="A955" i="1" s="1"/>
  <c r="A956" i="1" s="1"/>
  <c r="A957" i="1" s="1"/>
  <c r="A958" i="1" s="1"/>
  <c r="A959" i="1" s="1"/>
  <c r="A960" i="1" s="1"/>
  <c r="A961" i="1" s="1"/>
  <c r="A962" i="1" s="1"/>
  <c r="A963" i="1" s="1"/>
  <c r="A964" i="1" s="1"/>
  <c r="A965" i="1" s="1"/>
  <c r="A966" i="1" s="1"/>
  <c r="A967" i="1" s="1"/>
  <c r="A968" i="1" s="1"/>
  <c r="A969" i="1" s="1"/>
  <c r="A970" i="1" s="1"/>
  <c r="A971" i="1" s="1"/>
  <c r="A972" i="1" s="1"/>
  <c r="A973" i="1" s="1"/>
  <c r="A974" i="1" s="1"/>
  <c r="A975" i="1" s="1"/>
  <c r="A976" i="1" s="1"/>
  <c r="A977" i="1" s="1"/>
  <c r="A978" i="1" s="1"/>
  <c r="A979" i="1" s="1"/>
  <c r="A980" i="1" s="1"/>
  <c r="A981" i="1" s="1"/>
  <c r="A982" i="1" s="1"/>
  <c r="A983" i="1" s="1"/>
  <c r="A984" i="1" s="1"/>
  <c r="A985" i="1" s="1"/>
  <c r="A986" i="1" s="1"/>
  <c r="A987" i="1" s="1"/>
  <c r="A988" i="1" s="1"/>
  <c r="A989" i="1" s="1"/>
  <c r="A990" i="1" s="1"/>
  <c r="A991" i="1" s="1"/>
  <c r="A992" i="1" s="1"/>
  <c r="A993" i="1" s="1"/>
  <c r="A994" i="1" s="1"/>
  <c r="A995" i="1" s="1"/>
  <c r="A996" i="1" s="1"/>
  <c r="A997" i="1" s="1"/>
  <c r="A998" i="1" s="1"/>
  <c r="A999" i="1" s="1"/>
  <c r="A1000" i="1" s="1"/>
  <c r="A1001" i="1" s="1"/>
  <c r="A1002" i="1" s="1"/>
  <c r="A1003" i="1" s="1"/>
  <c r="A1004" i="1" s="1"/>
  <c r="A1005" i="1" s="1"/>
  <c r="A1006" i="1" s="1"/>
  <c r="A1007" i="1" s="1"/>
  <c r="A1008" i="1" s="1"/>
  <c r="A1009" i="1" s="1"/>
  <c r="A1010" i="1" s="1"/>
  <c r="A1011" i="1" s="1"/>
  <c r="A1012" i="1" s="1"/>
  <c r="A1013" i="1" s="1"/>
  <c r="A1014" i="1" s="1"/>
  <c r="A1015" i="1" s="1"/>
  <c r="A1016" i="1" s="1"/>
  <c r="A1017" i="1" s="1"/>
  <c r="A1018" i="1" s="1"/>
  <c r="A1019" i="1" s="1"/>
  <c r="A1020" i="1" s="1"/>
  <c r="A1021" i="1" s="1"/>
  <c r="A1022" i="1" s="1"/>
  <c r="A1023" i="1" s="1"/>
  <c r="A1024" i="1" s="1"/>
  <c r="A1025" i="1" s="1"/>
  <c r="A1026" i="1" s="1"/>
  <c r="A1027" i="1" s="1"/>
  <c r="A1028" i="1" s="1"/>
  <c r="A1029" i="1" s="1"/>
  <c r="A1030" i="1" s="1"/>
  <c r="A1031" i="1" s="1"/>
  <c r="A1032" i="1" s="1"/>
  <c r="A1033" i="1" s="1"/>
  <c r="A1034" i="1" s="1"/>
  <c r="A1035" i="1" s="1"/>
  <c r="A1036" i="1" s="1"/>
  <c r="A1037" i="1" s="1"/>
  <c r="A1038" i="1" s="1"/>
  <c r="A1039" i="1" s="1"/>
  <c r="A1040" i="1" s="1"/>
  <c r="A1041" i="1" s="1"/>
  <c r="A1042" i="1" s="1"/>
  <c r="A1043" i="1" s="1"/>
  <c r="A1044" i="1" s="1"/>
  <c r="A1045" i="1" s="1"/>
  <c r="A1046" i="1" s="1"/>
  <c r="A1047" i="1" s="1"/>
  <c r="A1048" i="1" s="1"/>
  <c r="A1049" i="1" s="1"/>
  <c r="A1050" i="1" s="1"/>
  <c r="A1051" i="1" s="1"/>
  <c r="A1052" i="1" s="1"/>
  <c r="A1053" i="1" s="1"/>
  <c r="A1054" i="1" s="1"/>
  <c r="A1055" i="1" s="1"/>
  <c r="A1056" i="1" s="1"/>
  <c r="A1057" i="1" s="1"/>
  <c r="A1058" i="1" s="1"/>
  <c r="A1059" i="1" s="1"/>
  <c r="A1060" i="1" s="1"/>
  <c r="A1061" i="1" s="1"/>
  <c r="A1062" i="1" s="1"/>
  <c r="A1063" i="1" s="1"/>
  <c r="A1064" i="1" s="1"/>
  <c r="A1065" i="1" s="1"/>
  <c r="A1066" i="1" s="1"/>
  <c r="A1067" i="1" s="1"/>
  <c r="A1068" i="1" s="1"/>
  <c r="A1069" i="1" s="1"/>
  <c r="A1070" i="1" s="1"/>
  <c r="A1071" i="1" s="1"/>
  <c r="A1072" i="1" s="1"/>
  <c r="A1073" i="1" s="1"/>
  <c r="A1074" i="1" s="1"/>
  <c r="A1075" i="1" s="1"/>
  <c r="A1076" i="1" s="1"/>
  <c r="A1077" i="1" s="1"/>
  <c r="A1078" i="1" s="1"/>
  <c r="A1079" i="1" s="1"/>
  <c r="A1080" i="1" s="1"/>
  <c r="A1081" i="1" s="1"/>
  <c r="A1082" i="1" s="1"/>
  <c r="A1083" i="1" s="1"/>
  <c r="A1084" i="1" s="1"/>
  <c r="A1085" i="1" s="1"/>
  <c r="A1086" i="1" s="1"/>
  <c r="A1087" i="1" s="1"/>
  <c r="A1088" i="1" s="1"/>
  <c r="A1089" i="1" s="1"/>
  <c r="A1090" i="1" s="1"/>
  <c r="A1091" i="1" s="1"/>
  <c r="A1092" i="1" s="1"/>
  <c r="A1093" i="1" s="1"/>
  <c r="A1094" i="1" s="1"/>
  <c r="A1095" i="1" s="1"/>
  <c r="A1096" i="1" s="1"/>
  <c r="A1097" i="1" s="1"/>
  <c r="A1098" i="1" s="1"/>
  <c r="A1099" i="1" s="1"/>
  <c r="A1100" i="1" s="1"/>
  <c r="A1101" i="1" s="1"/>
  <c r="A1102" i="1" s="1"/>
  <c r="A1103" i="1" s="1"/>
  <c r="A1104" i="1" s="1"/>
  <c r="A1105" i="1" s="1"/>
  <c r="A1106" i="1" s="1"/>
  <c r="A1107" i="1" s="1"/>
  <c r="A1108" i="1" s="1"/>
  <c r="A1109" i="1" s="1"/>
  <c r="A1110" i="1" s="1"/>
  <c r="A1111" i="1" s="1"/>
  <c r="A1112" i="1" s="1"/>
  <c r="A1113" i="1" s="1"/>
  <c r="A1114" i="1" s="1"/>
  <c r="A1115" i="1" s="1"/>
  <c r="A1116" i="1" s="1"/>
  <c r="A1117" i="1" s="1"/>
  <c r="A1118" i="1" s="1"/>
  <c r="A1119" i="1" s="1"/>
  <c r="A1120" i="1" s="1"/>
  <c r="A1121" i="1" s="1"/>
  <c r="A1122" i="1" s="1"/>
  <c r="A1123" i="1" s="1"/>
  <c r="A1124" i="1" s="1"/>
  <c r="A1125" i="1" s="1"/>
  <c r="A1126" i="1" s="1"/>
  <c r="A1127" i="1" s="1"/>
  <c r="A1128" i="1" s="1"/>
  <c r="A1129" i="1" s="1"/>
  <c r="A1130" i="1" s="1"/>
  <c r="A1131" i="1" s="1"/>
  <c r="A1132" i="1" s="1"/>
  <c r="A1133" i="1" s="1"/>
  <c r="A1134" i="1" s="1"/>
  <c r="A1135" i="1" s="1"/>
  <c r="A1136" i="1" s="1"/>
  <c r="A1137" i="1" s="1"/>
  <c r="A1138" i="1" s="1"/>
  <c r="A1139" i="1" s="1"/>
  <c r="A1140" i="1" s="1"/>
  <c r="A1141" i="1" s="1"/>
  <c r="A1142" i="1" s="1"/>
  <c r="A1143" i="1" s="1"/>
  <c r="A1144" i="1" s="1"/>
  <c r="A1145" i="1" s="1"/>
  <c r="A1146" i="1" s="1"/>
  <c r="A1147" i="1" s="1"/>
  <c r="A1148" i="1" s="1"/>
  <c r="A1149" i="1" s="1"/>
  <c r="A1150" i="1" s="1"/>
  <c r="A1151" i="1" s="1"/>
  <c r="A1152" i="1" s="1"/>
  <c r="A1153" i="1" s="1"/>
  <c r="A1154" i="1" s="1"/>
  <c r="A1155" i="1" s="1"/>
  <c r="A1156" i="1" s="1"/>
  <c r="A1157" i="1" s="1"/>
  <c r="A1158" i="1" s="1"/>
  <c r="A1159" i="1" s="1"/>
  <c r="A1160" i="1" s="1"/>
  <c r="A1161" i="1" s="1"/>
  <c r="A1162" i="1" s="1"/>
  <c r="A1163" i="1" s="1"/>
  <c r="A1164" i="1" s="1"/>
  <c r="A1165" i="1" s="1"/>
  <c r="A1166" i="1" s="1"/>
  <c r="A1167" i="1" s="1"/>
  <c r="A1168" i="1" s="1"/>
  <c r="A1169" i="1" s="1"/>
  <c r="A1170" i="1" s="1"/>
  <c r="A1171" i="1" s="1"/>
  <c r="A1172" i="1" s="1"/>
  <c r="A1173" i="1" s="1"/>
  <c r="A1174" i="1" s="1"/>
  <c r="A1175" i="1" s="1"/>
  <c r="A1176" i="1" s="1"/>
  <c r="A1177" i="1" s="1"/>
  <c r="A1178" i="1" s="1"/>
  <c r="A1179" i="1" s="1"/>
  <c r="A1180" i="1" s="1"/>
  <c r="A1181" i="1" s="1"/>
  <c r="A1182" i="1" s="1"/>
  <c r="A1183" i="1" s="1"/>
  <c r="A1184" i="1" s="1"/>
  <c r="A1185" i="1" s="1"/>
  <c r="A1186" i="1" s="1"/>
  <c r="A1187" i="1" s="1"/>
  <c r="A1188" i="1" s="1"/>
  <c r="A1189" i="1" s="1"/>
  <c r="A1190" i="1" s="1"/>
  <c r="A1191" i="1" s="1"/>
  <c r="A1192" i="1" s="1"/>
  <c r="A1193" i="1" s="1"/>
  <c r="A1194" i="1" s="1"/>
  <c r="A1195" i="1" s="1"/>
  <c r="A1196" i="1" s="1"/>
  <c r="A1197" i="1" s="1"/>
  <c r="A1198" i="1" s="1"/>
  <c r="A1199" i="1" s="1"/>
  <c r="A1200" i="1" s="1"/>
  <c r="A1201" i="1" s="1"/>
  <c r="A1202" i="1" s="1"/>
  <c r="A1203" i="1" s="1"/>
  <c r="A1204" i="1" s="1"/>
  <c r="A1205" i="1" s="1"/>
  <c r="A1206" i="1" s="1"/>
  <c r="A1207" i="1" s="1"/>
  <c r="A1208" i="1" s="1"/>
  <c r="A1209" i="1" s="1"/>
  <c r="A1210" i="1" s="1"/>
  <c r="A1211" i="1" s="1"/>
  <c r="A1212" i="1" s="1"/>
  <c r="A1213" i="1" s="1"/>
  <c r="A1214" i="1" s="1"/>
  <c r="A1215" i="1" s="1"/>
  <c r="A1216" i="1" s="1"/>
  <c r="A1217" i="1" s="1"/>
  <c r="A1218" i="1" s="1"/>
  <c r="A1219" i="1" s="1"/>
  <c r="A1220" i="1" s="1"/>
  <c r="A1221" i="1" s="1"/>
  <c r="A1222" i="1" s="1"/>
  <c r="A1223" i="1" s="1"/>
  <c r="A1224" i="1" s="1"/>
  <c r="A1225" i="1" s="1"/>
  <c r="A1226" i="1" s="1"/>
  <c r="A1227" i="1" s="1"/>
  <c r="A1228" i="1" s="1"/>
  <c r="A1229" i="1" s="1"/>
  <c r="A1230" i="1" s="1"/>
  <c r="A1231" i="1" s="1"/>
  <c r="A1232" i="1" s="1"/>
  <c r="A1233" i="1" s="1"/>
  <c r="A1234" i="1" s="1"/>
  <c r="A1235" i="1" s="1"/>
  <c r="A1236" i="1" s="1"/>
  <c r="A1237" i="1" s="1"/>
  <c r="A1238" i="1" s="1"/>
  <c r="A1239" i="1" s="1"/>
  <c r="A1240" i="1" s="1"/>
  <c r="A1241" i="1" s="1"/>
  <c r="A1242" i="1" s="1"/>
  <c r="A1243" i="1" s="1"/>
  <c r="A1244" i="1" s="1"/>
  <c r="A1245" i="1" s="1"/>
  <c r="A1246" i="1" s="1"/>
  <c r="A1247" i="1" s="1"/>
  <c r="A1248" i="1" s="1"/>
  <c r="A1249" i="1" s="1"/>
  <c r="A1250" i="1" s="1"/>
  <c r="A1251" i="1" s="1"/>
  <c r="A1252" i="1" s="1"/>
  <c r="A1253" i="1" s="1"/>
  <c r="A1254" i="1" s="1"/>
  <c r="A1255" i="1" s="1"/>
  <c r="A1256" i="1" s="1"/>
  <c r="A1257" i="1" s="1"/>
  <c r="A1258" i="1" s="1"/>
  <c r="A1259" i="1" s="1"/>
  <c r="A1260" i="1" s="1"/>
  <c r="A1261" i="1" s="1"/>
  <c r="A1262" i="1" s="1"/>
  <c r="A1263" i="1" s="1"/>
  <c r="A1264" i="1" s="1"/>
  <c r="A1265" i="1" s="1"/>
  <c r="A1266" i="1" s="1"/>
  <c r="A1267" i="1" s="1"/>
  <c r="A1268" i="1" s="1"/>
  <c r="A1269" i="1" s="1"/>
  <c r="A1270" i="1" s="1"/>
  <c r="A1271" i="1" s="1"/>
  <c r="A1272" i="1" s="1"/>
  <c r="A1273" i="1" s="1"/>
  <c r="A1274" i="1" s="1"/>
  <c r="A1275" i="1" s="1"/>
  <c r="A1276" i="1" s="1"/>
  <c r="A1277" i="1" s="1"/>
  <c r="A1278" i="1" s="1"/>
  <c r="A1279" i="1" s="1"/>
  <c r="A1280" i="1" s="1"/>
  <c r="A1281" i="1" s="1"/>
  <c r="A1282" i="1" s="1"/>
  <c r="A1283" i="1" s="1"/>
  <c r="A1284" i="1" s="1"/>
  <c r="A1285" i="1" s="1"/>
  <c r="A1286" i="1" s="1"/>
  <c r="A1287" i="1" s="1"/>
  <c r="A1288" i="1" s="1"/>
  <c r="A1289" i="1" s="1"/>
  <c r="A1290" i="1" s="1"/>
  <c r="A1291" i="1" s="1"/>
  <c r="A1292" i="1" s="1"/>
  <c r="A1293" i="1" s="1"/>
  <c r="A1294" i="1" s="1"/>
  <c r="A1295" i="1" s="1"/>
  <c r="A1296" i="1" s="1"/>
  <c r="A1297" i="1" s="1"/>
  <c r="A1298" i="1" s="1"/>
  <c r="A1299" i="1" s="1"/>
  <c r="A1300" i="1" s="1"/>
  <c r="A1301" i="1" s="1"/>
  <c r="A1302" i="1" s="1"/>
  <c r="A1303" i="1" s="1"/>
  <c r="A1304" i="1" s="1"/>
  <c r="A1305" i="1" s="1"/>
  <c r="A1306" i="1" s="1"/>
  <c r="A1307" i="1" s="1"/>
  <c r="A1308" i="1" s="1"/>
  <c r="A1309" i="1" s="1"/>
  <c r="A1310" i="1" s="1"/>
  <c r="A1311" i="1" s="1"/>
  <c r="A1312" i="1" s="1"/>
  <c r="A1313" i="1" s="1"/>
  <c r="A1314" i="1" s="1"/>
  <c r="A1315" i="1" s="1"/>
  <c r="A1316" i="1" s="1"/>
  <c r="A1317" i="1" s="1"/>
  <c r="A1318" i="1" s="1"/>
  <c r="A1319" i="1" s="1"/>
  <c r="A1320" i="1" s="1"/>
  <c r="A1321" i="1" s="1"/>
  <c r="A1322" i="1" s="1"/>
  <c r="A1323" i="1" s="1"/>
  <c r="A1324" i="1" s="1"/>
  <c r="A1325" i="1" s="1"/>
  <c r="A1326" i="1" s="1"/>
  <c r="A1327" i="1" s="1"/>
  <c r="A1328" i="1" s="1"/>
  <c r="A1329" i="1" s="1"/>
  <c r="A1330" i="1" s="1"/>
  <c r="A1331" i="1" s="1"/>
  <c r="A1332" i="1" s="1"/>
  <c r="A1333" i="1" s="1"/>
  <c r="A1334" i="1" s="1"/>
  <c r="A1335" i="1" s="1"/>
  <c r="A1336" i="1" s="1"/>
  <c r="A1337" i="1" s="1"/>
  <c r="A1338" i="1" s="1"/>
  <c r="A1339" i="1" s="1"/>
  <c r="A1340" i="1" s="1"/>
  <c r="A1341" i="1" s="1"/>
  <c r="A1342" i="1" s="1"/>
  <c r="A1343" i="1" s="1"/>
  <c r="A1344" i="1" s="1"/>
  <c r="A1345" i="1" s="1"/>
  <c r="A1346" i="1" s="1"/>
  <c r="A1347" i="1" s="1"/>
  <c r="A1348" i="1" s="1"/>
  <c r="A1349" i="1" s="1"/>
  <c r="A1350" i="1" s="1"/>
  <c r="A1351" i="1" s="1"/>
  <c r="A1352" i="1" s="1"/>
  <c r="A1353" i="1" s="1"/>
  <c r="A1354" i="1" s="1"/>
  <c r="A1355" i="1" s="1"/>
  <c r="A1356" i="1" s="1"/>
  <c r="A1357" i="1" s="1"/>
  <c r="A1358" i="1" s="1"/>
  <c r="A1359" i="1" s="1"/>
  <c r="A1360" i="1" s="1"/>
  <c r="A1361" i="1" s="1"/>
  <c r="A1362" i="1" s="1"/>
  <c r="A1363" i="1" s="1"/>
  <c r="A1364" i="1" s="1"/>
  <c r="A1365" i="1" s="1"/>
  <c r="A1366" i="1" s="1"/>
  <c r="A1367" i="1" s="1"/>
  <c r="A1368" i="1" s="1"/>
  <c r="A1369" i="1" s="1"/>
  <c r="A1370" i="1" s="1"/>
  <c r="A1371" i="1" s="1"/>
  <c r="A1372" i="1" s="1"/>
  <c r="A1373" i="1" s="1"/>
  <c r="A1374" i="1" s="1"/>
  <c r="A1375" i="1" s="1"/>
  <c r="A1376" i="1" s="1"/>
  <c r="A1377" i="1" s="1"/>
  <c r="A1378" i="1" s="1"/>
  <c r="A1379" i="1" s="1"/>
  <c r="A1380" i="1" s="1"/>
  <c r="A1381" i="1" s="1"/>
  <c r="A1382" i="1" s="1"/>
  <c r="A1383" i="1" s="1"/>
  <c r="A1384" i="1" s="1"/>
  <c r="A1385" i="1" s="1"/>
  <c r="A1386" i="1" s="1"/>
  <c r="A1387" i="1" s="1"/>
  <c r="A1388" i="1" s="1"/>
  <c r="A1389" i="1" s="1"/>
  <c r="A1390" i="1" s="1"/>
  <c r="A1391" i="1" s="1"/>
  <c r="A1392" i="1" s="1"/>
  <c r="A1393" i="1" s="1"/>
  <c r="A1394" i="1" s="1"/>
  <c r="A1395" i="1" s="1"/>
  <c r="A1396" i="1" s="1"/>
  <c r="A1397" i="1" s="1"/>
  <c r="A1398" i="1" s="1"/>
  <c r="A1399" i="1" s="1"/>
  <c r="A1400" i="1" s="1"/>
  <c r="A1401" i="1" s="1"/>
  <c r="A1402" i="1" s="1"/>
  <c r="A1403" i="1" s="1"/>
  <c r="A1404" i="1" s="1"/>
  <c r="A1405" i="1" s="1"/>
  <c r="A1406" i="1" s="1"/>
  <c r="A1407" i="1" s="1"/>
  <c r="A1408" i="1" s="1"/>
  <c r="A1409" i="1" s="1"/>
  <c r="A1410" i="1" s="1"/>
  <c r="A1411" i="1" s="1"/>
  <c r="A1412" i="1" s="1"/>
  <c r="A1413" i="1" s="1"/>
  <c r="A1414" i="1" s="1"/>
  <c r="A1415" i="1" s="1"/>
  <c r="A1416" i="1" s="1"/>
  <c r="A1417" i="1" s="1"/>
  <c r="A1418" i="1" s="1"/>
  <c r="A1419" i="1" s="1"/>
  <c r="A1420" i="1" s="1"/>
  <c r="A1421" i="1" s="1"/>
  <c r="A1422" i="1" s="1"/>
  <c r="A1423" i="1" s="1"/>
  <c r="A1424" i="1" s="1"/>
  <c r="A1425" i="1" s="1"/>
  <c r="A1426" i="1" s="1"/>
  <c r="A1427" i="1" s="1"/>
  <c r="A1428" i="1" s="1"/>
  <c r="A1429" i="1" s="1"/>
  <c r="A1430" i="1" s="1"/>
  <c r="A1431" i="1" s="1"/>
  <c r="A1432" i="1" s="1"/>
  <c r="A1433" i="1" s="1"/>
  <c r="A1434" i="1" s="1"/>
  <c r="A1435" i="1" s="1"/>
  <c r="A1436" i="1" s="1"/>
  <c r="A1437" i="1" s="1"/>
  <c r="A1438" i="1" s="1"/>
  <c r="A1439" i="1" s="1"/>
  <c r="A1440" i="1" s="1"/>
  <c r="A1441" i="1" s="1"/>
  <c r="A1442" i="1" s="1"/>
  <c r="A1443" i="1" s="1"/>
  <c r="A1444" i="1" s="1"/>
  <c r="A1445" i="1" s="1"/>
  <c r="A1446" i="1" s="1"/>
  <c r="A1447" i="1" s="1"/>
  <c r="A1448" i="1" s="1"/>
  <c r="A1449" i="1" s="1"/>
  <c r="A1450" i="1" s="1"/>
  <c r="A1451" i="1" s="1"/>
  <c r="A1452" i="1" s="1"/>
  <c r="A1453" i="1" s="1"/>
  <c r="A1454" i="1" s="1"/>
  <c r="A1455" i="1" s="1"/>
  <c r="A1456" i="1" s="1"/>
  <c r="A1457" i="1" s="1"/>
  <c r="A1458" i="1" s="1"/>
  <c r="A1459" i="1" s="1"/>
  <c r="A1460" i="1" s="1"/>
  <c r="A1461" i="1" s="1"/>
  <c r="A1462" i="1" s="1"/>
  <c r="A1463" i="1" s="1"/>
  <c r="A1464" i="1" s="1"/>
  <c r="A1465" i="1" s="1"/>
  <c r="A1466" i="1" s="1"/>
  <c r="A1467" i="1" s="1"/>
  <c r="A1468" i="1" s="1"/>
  <c r="A1469" i="1" s="1"/>
  <c r="A1470" i="1" s="1"/>
  <c r="A1471" i="1" s="1"/>
  <c r="A1472" i="1" s="1"/>
  <c r="A1473" i="1" s="1"/>
  <c r="A1474" i="1" s="1"/>
  <c r="A1475" i="1" s="1"/>
  <c r="A1476" i="1" s="1"/>
  <c r="A1477" i="1" s="1"/>
  <c r="A1478" i="1" s="1"/>
  <c r="A1479" i="1" s="1"/>
  <c r="A1480" i="1" s="1"/>
  <c r="A1481" i="1" s="1"/>
  <c r="A1482" i="1" s="1"/>
  <c r="A1483" i="1" s="1"/>
  <c r="A1484" i="1" s="1"/>
  <c r="A1485" i="1" s="1"/>
  <c r="A1486" i="1" s="1"/>
  <c r="A1487" i="1" s="1"/>
  <c r="A1488" i="1" s="1"/>
  <c r="A1489" i="1" s="1"/>
  <c r="A1490" i="1" s="1"/>
  <c r="A1491" i="1" s="1"/>
  <c r="A1492" i="1" s="1"/>
  <c r="A1493" i="1" s="1"/>
  <c r="A1494" i="1" s="1"/>
  <c r="A1495" i="1" s="1"/>
  <c r="A1496" i="1" s="1"/>
  <c r="A1497" i="1" s="1"/>
  <c r="A1498" i="1" s="1"/>
  <c r="A1499" i="1" s="1"/>
  <c r="A1500" i="1" s="1"/>
  <c r="A1501" i="1" s="1"/>
  <c r="A1502" i="1" s="1"/>
  <c r="A1503" i="1" s="1"/>
  <c r="A1504" i="1" s="1"/>
  <c r="A1505" i="1" s="1"/>
  <c r="A1506" i="1" s="1"/>
  <c r="A1507" i="1" s="1"/>
  <c r="A1508" i="1" s="1"/>
  <c r="A1509" i="1" s="1"/>
  <c r="A1510" i="1" s="1"/>
  <c r="A1511" i="1" s="1"/>
  <c r="A1512" i="1" s="1"/>
  <c r="A1513" i="1" s="1"/>
  <c r="A1514" i="1" s="1"/>
  <c r="A1515" i="1" s="1"/>
  <c r="A1516" i="1" s="1"/>
  <c r="A1517" i="1" s="1"/>
  <c r="A1518" i="1" s="1"/>
  <c r="A1519" i="1" s="1"/>
  <c r="A1520" i="1" s="1"/>
  <c r="A1521" i="1" s="1"/>
  <c r="A1522" i="1" s="1"/>
  <c r="A1523" i="1" s="1"/>
  <c r="A1524" i="1" s="1"/>
  <c r="A1525" i="1" s="1"/>
  <c r="A1526" i="1" s="1"/>
  <c r="A1527" i="1" s="1"/>
  <c r="A1528" i="1" s="1"/>
  <c r="A1529" i="1" s="1"/>
  <c r="A1530" i="1" s="1"/>
  <c r="A1531" i="1" s="1"/>
  <c r="A1532" i="1" s="1"/>
  <c r="A1533" i="1" s="1"/>
  <c r="A1534" i="1" s="1"/>
  <c r="A1535" i="1" s="1"/>
  <c r="A1536" i="1" s="1"/>
  <c r="A1537" i="1" s="1"/>
  <c r="A1538" i="1" s="1"/>
  <c r="A1539" i="1" s="1"/>
  <c r="A1540" i="1" s="1"/>
  <c r="A1541" i="1" s="1"/>
  <c r="A1542" i="1" s="1"/>
  <c r="A1543" i="1" s="1"/>
  <c r="A1544" i="1" s="1"/>
  <c r="A1545" i="1" s="1"/>
  <c r="A1546" i="1" s="1"/>
  <c r="A1547" i="1" s="1"/>
  <c r="A1548" i="1" s="1"/>
  <c r="A1549" i="1" s="1"/>
  <c r="A1550" i="1" s="1"/>
  <c r="A1551" i="1" s="1"/>
  <c r="A1552" i="1" s="1"/>
  <c r="A1553" i="1" s="1"/>
  <c r="A1554" i="1" s="1"/>
  <c r="A1555" i="1" s="1"/>
  <c r="A1556" i="1" s="1"/>
  <c r="A1557" i="1" s="1"/>
  <c r="A1558" i="1" s="1"/>
  <c r="A1559" i="1" s="1"/>
  <c r="A1560" i="1" s="1"/>
  <c r="A1561" i="1" s="1"/>
  <c r="A1562" i="1" s="1"/>
  <c r="A1563" i="1" s="1"/>
  <c r="A1564" i="1" s="1"/>
  <c r="A1565" i="1" s="1"/>
  <c r="A1566" i="1" s="1"/>
  <c r="A1567" i="1" s="1"/>
  <c r="A1568" i="1" s="1"/>
  <c r="A1569" i="1" s="1"/>
  <c r="A1570" i="1" s="1"/>
  <c r="A1571" i="1" s="1"/>
  <c r="A1572" i="1" s="1"/>
  <c r="A1573" i="1" s="1"/>
  <c r="A1574" i="1" s="1"/>
  <c r="A1575" i="1" s="1"/>
  <c r="A1576" i="1" s="1"/>
  <c r="A1577" i="1" s="1"/>
  <c r="A1578" i="1" s="1"/>
  <c r="A1579" i="1" s="1"/>
  <c r="A1580" i="1" s="1"/>
  <c r="A1581" i="1" s="1"/>
  <c r="A1582" i="1" s="1"/>
  <c r="A1583" i="1" s="1"/>
  <c r="A1584" i="1" s="1"/>
  <c r="A1585" i="1" s="1"/>
  <c r="A1586" i="1" s="1"/>
  <c r="A1587" i="1" s="1"/>
  <c r="A1588" i="1" s="1"/>
  <c r="A1589" i="1" s="1"/>
  <c r="A1590" i="1" s="1"/>
  <c r="A1591" i="1" s="1"/>
  <c r="A1592" i="1" s="1"/>
  <c r="A1593" i="1" s="1"/>
  <c r="A1594" i="1" s="1"/>
  <c r="A1595" i="1" s="1"/>
  <c r="A1596" i="1" s="1"/>
  <c r="A1597" i="1" s="1"/>
  <c r="A1598" i="1" s="1"/>
  <c r="A1599" i="1" s="1"/>
  <c r="A1600" i="1" s="1"/>
  <c r="A1601" i="1" s="1"/>
  <c r="A1602" i="1" s="1"/>
  <c r="A1603" i="1" s="1"/>
  <c r="A1604" i="1" s="1"/>
  <c r="A1605" i="1" s="1"/>
  <c r="A1606" i="1" s="1"/>
  <c r="A1607" i="1" s="1"/>
  <c r="A1608" i="1" s="1"/>
  <c r="A1609" i="1" s="1"/>
  <c r="A1610" i="1" s="1"/>
  <c r="A1611" i="1" s="1"/>
  <c r="A1612" i="1" s="1"/>
  <c r="A1613" i="1" s="1"/>
  <c r="A1614" i="1" s="1"/>
  <c r="A1615" i="1" s="1"/>
  <c r="A1616" i="1" s="1"/>
  <c r="A1617" i="1" s="1"/>
  <c r="A1618" i="1" s="1"/>
  <c r="A1619" i="1" s="1"/>
  <c r="A1620" i="1" s="1"/>
  <c r="A1621" i="1" s="1"/>
  <c r="A1622" i="1" s="1"/>
  <c r="A1623" i="1" s="1"/>
  <c r="A1624" i="1" s="1"/>
  <c r="A1625" i="1" s="1"/>
  <c r="A1626" i="1" s="1"/>
  <c r="A1627" i="1" s="1"/>
  <c r="A1628" i="1" s="1"/>
  <c r="A1629" i="1" s="1"/>
  <c r="A1630" i="1" s="1"/>
  <c r="A1631" i="1" s="1"/>
  <c r="A1632" i="1" s="1"/>
  <c r="A1633" i="1" s="1"/>
  <c r="A1634" i="1" s="1"/>
  <c r="A1635" i="1" s="1"/>
  <c r="A1636" i="1" s="1"/>
  <c r="A1637" i="1" s="1"/>
  <c r="A1638" i="1" s="1"/>
  <c r="A1639" i="1" s="1"/>
  <c r="A1640" i="1" s="1"/>
  <c r="A1641" i="1" s="1"/>
  <c r="A1642" i="1" s="1"/>
  <c r="A1643" i="1" s="1"/>
  <c r="A1644" i="1" s="1"/>
  <c r="A1645" i="1" s="1"/>
  <c r="A1646" i="1" s="1"/>
  <c r="A1647" i="1" s="1"/>
  <c r="A1648" i="1" s="1"/>
  <c r="A1649" i="1" s="1"/>
  <c r="A1650" i="1" s="1"/>
  <c r="A1651" i="1" s="1"/>
  <c r="A1652" i="1" s="1"/>
  <c r="A1653" i="1" s="1"/>
  <c r="A1654" i="1" s="1"/>
  <c r="A1655" i="1" s="1"/>
  <c r="A1656" i="1" s="1"/>
  <c r="A1657" i="1" s="1"/>
  <c r="A1658" i="1" s="1"/>
  <c r="A1659" i="1" s="1"/>
  <c r="A1660" i="1" s="1"/>
  <c r="A1661" i="1" s="1"/>
  <c r="A1662" i="1" s="1"/>
  <c r="A1663" i="1" s="1"/>
  <c r="A1664" i="1" s="1"/>
  <c r="A1665" i="1" s="1"/>
  <c r="A1666" i="1" s="1"/>
  <c r="A1667" i="1" s="1"/>
  <c r="A1668" i="1" s="1"/>
  <c r="A1669" i="1" s="1"/>
  <c r="A1670" i="1" s="1"/>
  <c r="A1671" i="1" s="1"/>
  <c r="A1672" i="1" s="1"/>
  <c r="A1673" i="1" s="1"/>
  <c r="A1674" i="1" s="1"/>
  <c r="A1675" i="1" s="1"/>
  <c r="A1676" i="1" s="1"/>
  <c r="A1677" i="1" s="1"/>
  <c r="A1678" i="1" s="1"/>
  <c r="A1679" i="1" s="1"/>
  <c r="A1680" i="1" s="1"/>
  <c r="A1681" i="1" s="1"/>
  <c r="A1682" i="1" s="1"/>
  <c r="A1683" i="1" s="1"/>
  <c r="A1684" i="1" s="1"/>
  <c r="A1685" i="1" s="1"/>
  <c r="A1686" i="1" s="1"/>
  <c r="A1687" i="1" s="1"/>
  <c r="A1688" i="1" s="1"/>
  <c r="A1689" i="1" s="1"/>
  <c r="A1690" i="1" s="1"/>
  <c r="A1691" i="1" s="1"/>
  <c r="A1692" i="1" s="1"/>
  <c r="A1693" i="1" s="1"/>
  <c r="A1694" i="1" s="1"/>
  <c r="A1695" i="1" s="1"/>
  <c r="A1696" i="1" s="1"/>
  <c r="A1697" i="1" s="1"/>
  <c r="A1698" i="1" s="1"/>
  <c r="A1699" i="1" s="1"/>
  <c r="A1700" i="1" s="1"/>
  <c r="A1701" i="1" s="1"/>
  <c r="A1702" i="1" s="1"/>
  <c r="A1703" i="1" s="1"/>
  <c r="A1704" i="1" s="1"/>
  <c r="A1705" i="1" s="1"/>
  <c r="A1706" i="1" s="1"/>
  <c r="A1707" i="1" s="1"/>
  <c r="A1708" i="1" s="1"/>
  <c r="A1709" i="1" s="1"/>
  <c r="A1710" i="1" s="1"/>
  <c r="A1711" i="1" s="1"/>
  <c r="A1712" i="1" s="1"/>
  <c r="A1713" i="1" s="1"/>
  <c r="A1714" i="1" s="1"/>
  <c r="A1715" i="1" s="1"/>
  <c r="A1716" i="1" s="1"/>
  <c r="A1717" i="1" s="1"/>
  <c r="A1718" i="1" s="1"/>
  <c r="A1719" i="1" s="1"/>
  <c r="A1720" i="1" s="1"/>
  <c r="A1721" i="1" s="1"/>
  <c r="A1722" i="1" s="1"/>
  <c r="A1723" i="1" s="1"/>
  <c r="A1724" i="1" s="1"/>
  <c r="A1725" i="1" s="1"/>
  <c r="A1726" i="1" s="1"/>
  <c r="A1727" i="1" s="1"/>
  <c r="A1728" i="1" s="1"/>
  <c r="A1729" i="1" s="1"/>
  <c r="A1730" i="1" s="1"/>
  <c r="A1731" i="1" s="1"/>
  <c r="A1732" i="1" s="1"/>
  <c r="A1733" i="1" s="1"/>
  <c r="A1734" i="1" s="1"/>
  <c r="A1735" i="1" s="1"/>
  <c r="A1736" i="1" s="1"/>
  <c r="A1737" i="1" s="1"/>
  <c r="A1738" i="1" s="1"/>
  <c r="A1739" i="1" s="1"/>
  <c r="A1740" i="1" s="1"/>
  <c r="A1741" i="1" s="1"/>
  <c r="A1742" i="1" s="1"/>
  <c r="A1743" i="1" s="1"/>
  <c r="A1744" i="1" s="1"/>
  <c r="A1745" i="1" s="1"/>
  <c r="A1746" i="1" s="1"/>
  <c r="A1747" i="1" s="1"/>
  <c r="A1748" i="1" s="1"/>
  <c r="A1749" i="1" s="1"/>
  <c r="A1750" i="1" s="1"/>
  <c r="A1751" i="1" s="1"/>
  <c r="A1752" i="1" s="1"/>
  <c r="A1753" i="1" s="1"/>
  <c r="A1754" i="1" s="1"/>
  <c r="A1755" i="1" s="1"/>
  <c r="A1756" i="1" s="1"/>
  <c r="A1757" i="1" s="1"/>
  <c r="A1758" i="1" s="1"/>
  <c r="A1759" i="1" s="1"/>
  <c r="A1760" i="1" s="1"/>
  <c r="A1761" i="1" s="1"/>
  <c r="A1762" i="1" s="1"/>
  <c r="A1763" i="1" s="1"/>
  <c r="A1764" i="1" s="1"/>
  <c r="A1765" i="1" s="1"/>
  <c r="A1766" i="1" s="1"/>
  <c r="A1767" i="1" s="1"/>
  <c r="A1768" i="1" s="1"/>
  <c r="A1769" i="1" s="1"/>
  <c r="A1770" i="1" s="1"/>
  <c r="A1771" i="1" s="1"/>
  <c r="A1772" i="1" s="1"/>
  <c r="A1773" i="1" s="1"/>
  <c r="A1774" i="1" s="1"/>
  <c r="A1775" i="1" s="1"/>
  <c r="A1776" i="1" s="1"/>
  <c r="A1777" i="1" s="1"/>
  <c r="A1778" i="1" s="1"/>
  <c r="A1779" i="1" s="1"/>
  <c r="A1780" i="1" s="1"/>
  <c r="A1781" i="1" s="1"/>
  <c r="A1782" i="1" s="1"/>
  <c r="A1783" i="1" s="1"/>
  <c r="A1784" i="1" s="1"/>
  <c r="A1785" i="1" s="1"/>
  <c r="A1786" i="1" s="1"/>
  <c r="A1787" i="1" s="1"/>
  <c r="A1788" i="1" s="1"/>
  <c r="A1789" i="1" s="1"/>
  <c r="A1790" i="1" s="1"/>
  <c r="A1791" i="1" s="1"/>
  <c r="A1792" i="1" s="1"/>
  <c r="A1793" i="1" s="1"/>
  <c r="A1794" i="1" s="1"/>
  <c r="A1795" i="1" s="1"/>
  <c r="A1796" i="1" s="1"/>
  <c r="A1797" i="1" s="1"/>
  <c r="A1798" i="1" s="1"/>
  <c r="A1799" i="1" s="1"/>
  <c r="A1800" i="1" s="1"/>
  <c r="A1801" i="1" s="1"/>
  <c r="A1802" i="1" s="1"/>
  <c r="A1803" i="1" s="1"/>
  <c r="A1804" i="1" s="1"/>
  <c r="A1805" i="1" s="1"/>
  <c r="A1806" i="1" s="1"/>
  <c r="A1807" i="1" s="1"/>
  <c r="A1808" i="1" s="1"/>
  <c r="A1809" i="1" s="1"/>
  <c r="A1810" i="1" s="1"/>
  <c r="A1811" i="1" s="1"/>
  <c r="A1812" i="1" s="1"/>
  <c r="A1813" i="1" s="1"/>
  <c r="A1814" i="1" s="1"/>
  <c r="A1815" i="1" s="1"/>
  <c r="A1816" i="1" s="1"/>
  <c r="A1817" i="1" s="1"/>
  <c r="A1818" i="1" s="1"/>
  <c r="A1819" i="1" s="1"/>
  <c r="A1820" i="1" s="1"/>
  <c r="A1821" i="1" s="1"/>
  <c r="A1822" i="1" s="1"/>
  <c r="A1823" i="1" s="1"/>
  <c r="A1824" i="1" s="1"/>
  <c r="A1825" i="1" s="1"/>
  <c r="A1826" i="1" s="1"/>
  <c r="A1827" i="1" s="1"/>
  <c r="A1828" i="1" s="1"/>
  <c r="A1829" i="1" s="1"/>
  <c r="A1830" i="1" s="1"/>
  <c r="A1831" i="1" s="1"/>
  <c r="A1832" i="1" s="1"/>
  <c r="A1833" i="1" s="1"/>
  <c r="A1834" i="1" s="1"/>
  <c r="A1835" i="1" s="1"/>
  <c r="A1836" i="1" s="1"/>
  <c r="A1837" i="1" s="1"/>
  <c r="A1838" i="1" s="1"/>
  <c r="A1839" i="1" s="1"/>
  <c r="A1840" i="1" s="1"/>
  <c r="A1841" i="1" s="1"/>
  <c r="A1842" i="1" s="1"/>
  <c r="A1843" i="1" s="1"/>
  <c r="A1844" i="1" s="1"/>
  <c r="A1845" i="1" s="1"/>
  <c r="A1846" i="1" s="1"/>
  <c r="A1847" i="1" s="1"/>
  <c r="A1848" i="1" s="1"/>
  <c r="A1849" i="1" s="1"/>
  <c r="A1850" i="1" s="1"/>
  <c r="A1851" i="1" s="1"/>
  <c r="A1852" i="1" s="1"/>
  <c r="A1853" i="1" s="1"/>
  <c r="A1854" i="1" s="1"/>
  <c r="A1855" i="1" s="1"/>
  <c r="A1856" i="1" s="1"/>
  <c r="A1857" i="1" s="1"/>
  <c r="A1858" i="1" s="1"/>
  <c r="A1859" i="1" s="1"/>
  <c r="A1860" i="1" s="1"/>
  <c r="A1861" i="1" s="1"/>
  <c r="A1862" i="1" s="1"/>
  <c r="A1863" i="1" s="1"/>
  <c r="A1864" i="1" s="1"/>
  <c r="A1865" i="1" s="1"/>
  <c r="A1866" i="1" s="1"/>
  <c r="A1867" i="1" s="1"/>
  <c r="A1868" i="1" s="1"/>
  <c r="A1869" i="1" s="1"/>
  <c r="A1870" i="1" s="1"/>
  <c r="A1871" i="1" s="1"/>
  <c r="A1872" i="1" s="1"/>
  <c r="A1873" i="1" s="1"/>
  <c r="A1874" i="1" s="1"/>
  <c r="A1875" i="1" s="1"/>
  <c r="A1876" i="1" s="1"/>
  <c r="A1877" i="1" s="1"/>
  <c r="A1878" i="1" s="1"/>
  <c r="A1879" i="1" s="1"/>
  <c r="A1880" i="1" s="1"/>
  <c r="A1881" i="1" s="1"/>
  <c r="A1882" i="1" s="1"/>
  <c r="A1883" i="1" s="1"/>
  <c r="A1884" i="1" s="1"/>
  <c r="A1885" i="1" s="1"/>
  <c r="A1886" i="1" s="1"/>
  <c r="A1887" i="1" s="1"/>
  <c r="A1888" i="1" s="1"/>
  <c r="A1889" i="1" s="1"/>
  <c r="A1890" i="1" s="1"/>
  <c r="A1891" i="1" s="1"/>
  <c r="A1892" i="1" s="1"/>
  <c r="A1893" i="1" s="1"/>
  <c r="A1894" i="1" s="1"/>
  <c r="A1895" i="1" s="1"/>
  <c r="A1896" i="1" s="1"/>
  <c r="A1897" i="1" s="1"/>
  <c r="A1898" i="1" s="1"/>
  <c r="A1899" i="1" s="1"/>
  <c r="A1900" i="1" s="1"/>
  <c r="A1901" i="1" s="1"/>
  <c r="A1902" i="1" s="1"/>
  <c r="A1903" i="1" s="1"/>
  <c r="A1904" i="1" s="1"/>
  <c r="A1905" i="1" s="1"/>
  <c r="A1906" i="1" s="1"/>
  <c r="A1907" i="1" s="1"/>
  <c r="A1908" i="1" s="1"/>
  <c r="A1909" i="1" s="1"/>
  <c r="A1910" i="1" s="1"/>
  <c r="A1911" i="1" s="1"/>
  <c r="A1912" i="1" s="1"/>
  <c r="A1913" i="1" s="1"/>
  <c r="A1914" i="1" s="1"/>
  <c r="A1915" i="1" s="1"/>
  <c r="A1916" i="1" s="1"/>
  <c r="A1917" i="1" s="1"/>
  <c r="A1918" i="1" s="1"/>
  <c r="A1919" i="1" s="1"/>
  <c r="A1920" i="1" s="1"/>
  <c r="A1921" i="1" s="1"/>
  <c r="A1922" i="1" s="1"/>
  <c r="A1923" i="1" s="1"/>
  <c r="A1924" i="1" s="1"/>
  <c r="A1925" i="1" s="1"/>
  <c r="A1926" i="1" s="1"/>
  <c r="A1927" i="1" s="1"/>
  <c r="A1928" i="1" s="1"/>
  <c r="A1929" i="1" s="1"/>
  <c r="A1930" i="1" s="1"/>
  <c r="A1931" i="1" s="1"/>
  <c r="A1932" i="1" s="1"/>
  <c r="A1933" i="1" s="1"/>
  <c r="A1934" i="1" s="1"/>
  <c r="A1935" i="1" s="1"/>
  <c r="A1936" i="1" s="1"/>
  <c r="A1937" i="1" s="1"/>
  <c r="A1938" i="1" s="1"/>
  <c r="A1939" i="1" s="1"/>
  <c r="A1940" i="1" s="1"/>
  <c r="A1941" i="1" s="1"/>
  <c r="A1942" i="1" s="1"/>
  <c r="A1943" i="1" s="1"/>
  <c r="A1944" i="1" s="1"/>
  <c r="A1945" i="1" s="1"/>
  <c r="A1946" i="1" s="1"/>
  <c r="A1947" i="1" s="1"/>
  <c r="A1948" i="1" s="1"/>
  <c r="A1949" i="1" s="1"/>
  <c r="A1950" i="1" s="1"/>
  <c r="A1951" i="1" s="1"/>
  <c r="A1952" i="1" s="1"/>
  <c r="A1953" i="1" s="1"/>
  <c r="A1954" i="1" s="1"/>
  <c r="A1955" i="1" s="1"/>
  <c r="A1956" i="1" s="1"/>
  <c r="A1957" i="1" s="1"/>
  <c r="A1958" i="1" s="1"/>
  <c r="A1959" i="1" s="1"/>
  <c r="A1960" i="1" s="1"/>
  <c r="A1961" i="1" s="1"/>
  <c r="A1962" i="1" s="1"/>
  <c r="A1963" i="1" s="1"/>
  <c r="A1964" i="1" s="1"/>
  <c r="A1965" i="1" s="1"/>
  <c r="A1966" i="1" s="1"/>
  <c r="A1967" i="1" s="1"/>
  <c r="A1968" i="1" s="1"/>
  <c r="A1969" i="1" s="1"/>
  <c r="A1970" i="1" s="1"/>
  <c r="A1971" i="1" s="1"/>
  <c r="A1972" i="1" s="1"/>
  <c r="A1973" i="1" s="1"/>
  <c r="A1974" i="1" s="1"/>
  <c r="A1975" i="1" s="1"/>
  <c r="A1976" i="1" s="1"/>
  <c r="A1977" i="1" s="1"/>
  <c r="A1978" i="1" s="1"/>
  <c r="A1979" i="1" s="1"/>
  <c r="A1980" i="1" s="1"/>
  <c r="A1981" i="1" s="1"/>
  <c r="A1982" i="1" s="1"/>
  <c r="A1983" i="1" s="1"/>
  <c r="A1984" i="1" s="1"/>
  <c r="A1985" i="1" s="1"/>
  <c r="A1986" i="1" s="1"/>
  <c r="A1987" i="1" s="1"/>
  <c r="A1988" i="1" s="1"/>
  <c r="A1989" i="1" s="1"/>
  <c r="A1990" i="1" s="1"/>
  <c r="A1991" i="1" s="1"/>
  <c r="A1992" i="1" s="1"/>
  <c r="A1993" i="1" s="1"/>
  <c r="A1994" i="1" s="1"/>
  <c r="A1995" i="1" s="1"/>
  <c r="A1996" i="1" s="1"/>
  <c r="A1997" i="1" s="1"/>
  <c r="A1998" i="1" s="1"/>
  <c r="A1999" i="1" s="1"/>
  <c r="A2000" i="1" s="1"/>
  <c r="A2001" i="1" s="1"/>
  <c r="A2002" i="1" s="1"/>
  <c r="A2003" i="1" s="1"/>
  <c r="A2004" i="1" s="1"/>
  <c r="A2005" i="1" s="1"/>
  <c r="A2006" i="1" s="1"/>
  <c r="A2007" i="1" s="1"/>
  <c r="A2008" i="1" s="1"/>
  <c r="A2009" i="1" s="1"/>
  <c r="A2010" i="1" s="1"/>
  <c r="A2011" i="1" s="1"/>
  <c r="A2012" i="1" s="1"/>
  <c r="A2013" i="1" s="1"/>
  <c r="A2014" i="1" s="1"/>
  <c r="A2015" i="1" s="1"/>
  <c r="A2016" i="1" s="1"/>
  <c r="A2017" i="1" s="1"/>
  <c r="A2018" i="1" s="1"/>
  <c r="A2019" i="1" s="1"/>
  <c r="A2020" i="1" s="1"/>
  <c r="A2021" i="1" s="1"/>
  <c r="A2022" i="1" s="1"/>
  <c r="A2023" i="1" s="1"/>
  <c r="A2024" i="1" s="1"/>
  <c r="A2025" i="1" s="1"/>
  <c r="A2026" i="1" s="1"/>
  <c r="A2027" i="1" s="1"/>
  <c r="A2028" i="1" s="1"/>
  <c r="A2029" i="1" s="1"/>
  <c r="A2030" i="1" s="1"/>
  <c r="A2031" i="1" s="1"/>
  <c r="A2032" i="1" s="1"/>
  <c r="A2033" i="1" s="1"/>
  <c r="A2034" i="1" s="1"/>
  <c r="A2035" i="1" s="1"/>
  <c r="A2036" i="1" s="1"/>
  <c r="A2037" i="1" s="1"/>
  <c r="A2038" i="1" s="1"/>
  <c r="A2039" i="1" s="1"/>
  <c r="A2040" i="1" s="1"/>
  <c r="A2041" i="1" s="1"/>
  <c r="A2042" i="1" s="1"/>
  <c r="A2043" i="1" s="1"/>
  <c r="A2044" i="1" s="1"/>
  <c r="A2045" i="1" s="1"/>
  <c r="A2046" i="1" s="1"/>
  <c r="A2047" i="1" s="1"/>
  <c r="A2048" i="1" s="1"/>
  <c r="A2049" i="1" s="1"/>
  <c r="A2050" i="1" s="1"/>
  <c r="A2051" i="1" s="1"/>
  <c r="A2052" i="1" s="1"/>
  <c r="A2053" i="1" s="1"/>
  <c r="A2054" i="1" s="1"/>
  <c r="A2055" i="1" s="1"/>
  <c r="A2056" i="1" s="1"/>
  <c r="A2057" i="1" s="1"/>
  <c r="A2058" i="1" s="1"/>
  <c r="A2059" i="1" s="1"/>
  <c r="A2060" i="1" s="1"/>
  <c r="A2061" i="1" s="1"/>
  <c r="A2062" i="1" s="1"/>
  <c r="A2063" i="1" s="1"/>
  <c r="A2064" i="1" s="1"/>
  <c r="A2065" i="1" s="1"/>
  <c r="A2066" i="1" s="1"/>
  <c r="A2067" i="1" s="1"/>
  <c r="A2068" i="1" s="1"/>
  <c r="A2069" i="1" s="1"/>
  <c r="A2070" i="1" s="1"/>
  <c r="A2071" i="1" s="1"/>
  <c r="A2072" i="1" s="1"/>
  <c r="A2073" i="1" s="1"/>
  <c r="A2074" i="1" s="1"/>
  <c r="A2075" i="1" s="1"/>
  <c r="A2076" i="1" s="1"/>
  <c r="A2077" i="1" s="1"/>
  <c r="A2078" i="1" s="1"/>
  <c r="A2079" i="1" s="1"/>
  <c r="A2080" i="1" s="1"/>
  <c r="A2081" i="1" s="1"/>
  <c r="A2082" i="1" s="1"/>
  <c r="A2083" i="1" s="1"/>
  <c r="A2084" i="1" s="1"/>
  <c r="A2085" i="1" s="1"/>
  <c r="A2086" i="1" s="1"/>
  <c r="A2087" i="1" s="1"/>
  <c r="A2088" i="1" s="1"/>
  <c r="A2089" i="1" s="1"/>
  <c r="A2090" i="1" s="1"/>
  <c r="A2091" i="1" s="1"/>
  <c r="A2092" i="1" s="1"/>
  <c r="A2093" i="1" s="1"/>
  <c r="A2094" i="1" s="1"/>
  <c r="A2095" i="1" s="1"/>
  <c r="A2096" i="1" s="1"/>
  <c r="A2097" i="1" s="1"/>
  <c r="A2098" i="1" s="1"/>
  <c r="A2099" i="1" s="1"/>
  <c r="A2100" i="1" s="1"/>
  <c r="A2101" i="1" s="1"/>
  <c r="A2102" i="1" s="1"/>
  <c r="A2103" i="1" s="1"/>
  <c r="A2104" i="1" s="1"/>
  <c r="A2105" i="1" s="1"/>
  <c r="A2106" i="1" s="1"/>
  <c r="A2107" i="1" s="1"/>
  <c r="A2108" i="1" s="1"/>
  <c r="A2109" i="1" s="1"/>
  <c r="A2110" i="1" s="1"/>
  <c r="A2111" i="1" s="1"/>
  <c r="A2112" i="1" s="1"/>
  <c r="A2113" i="1" s="1"/>
  <c r="A2114" i="1" s="1"/>
  <c r="A2115" i="1" s="1"/>
  <c r="A2116" i="1" s="1"/>
  <c r="A2117" i="1" s="1"/>
  <c r="A2118" i="1" s="1"/>
  <c r="A2119" i="1" s="1"/>
  <c r="A2120" i="1" s="1"/>
  <c r="A2121" i="1" s="1"/>
  <c r="A2122" i="1" s="1"/>
  <c r="A2123" i="1" s="1"/>
  <c r="A2124" i="1" s="1"/>
  <c r="A2125" i="1" s="1"/>
  <c r="A2126" i="1" s="1"/>
  <c r="A2127" i="1" s="1"/>
  <c r="A2128" i="1" s="1"/>
  <c r="A2129" i="1" s="1"/>
  <c r="A2130" i="1" s="1"/>
  <c r="A2131" i="1" s="1"/>
  <c r="A2132" i="1" s="1"/>
  <c r="A2133" i="1" s="1"/>
  <c r="A2134" i="1" s="1"/>
  <c r="A2135" i="1" s="1"/>
  <c r="A2136" i="1" s="1"/>
  <c r="A2137" i="1" s="1"/>
  <c r="A2138" i="1" s="1"/>
  <c r="A2139" i="1" s="1"/>
  <c r="A2140" i="1" s="1"/>
  <c r="A2141" i="1" s="1"/>
  <c r="A2142" i="1" s="1"/>
  <c r="A2143" i="1" s="1"/>
  <c r="A2144" i="1" s="1"/>
  <c r="A2145" i="1" s="1"/>
  <c r="A2146" i="1" s="1"/>
  <c r="A2147" i="1" s="1"/>
  <c r="A2148" i="1" s="1"/>
  <c r="A2149" i="1" s="1"/>
  <c r="A2150" i="1" s="1"/>
  <c r="A2151" i="1" s="1"/>
  <c r="A2152" i="1" s="1"/>
  <c r="A2153" i="1" s="1"/>
  <c r="A2154" i="1" s="1"/>
  <c r="A2155" i="1" s="1"/>
  <c r="A2156" i="1" s="1"/>
  <c r="A2157" i="1" s="1"/>
  <c r="A2158" i="1" s="1"/>
  <c r="A2159" i="1" s="1"/>
  <c r="A2160" i="1" s="1"/>
  <c r="A2161" i="1" s="1"/>
  <c r="A2162" i="1" s="1"/>
  <c r="A2163" i="1" s="1"/>
  <c r="A2164" i="1" s="1"/>
  <c r="A2165" i="1" s="1"/>
  <c r="A2166" i="1" s="1"/>
  <c r="A2167" i="1" s="1"/>
  <c r="A2168" i="1" s="1"/>
  <c r="A2169" i="1" s="1"/>
  <c r="A2170" i="1" s="1"/>
  <c r="A2171" i="1" s="1"/>
  <c r="A2172" i="1" s="1"/>
  <c r="A2173" i="1" s="1"/>
  <c r="A2174" i="1" s="1"/>
  <c r="A2175" i="1" s="1"/>
  <c r="A2176" i="1" s="1"/>
  <c r="A2177" i="1" s="1"/>
  <c r="A2178" i="1" s="1"/>
  <c r="A2179" i="1" s="1"/>
  <c r="A2180" i="1" s="1"/>
  <c r="A2181" i="1" s="1"/>
  <c r="A2182" i="1" s="1"/>
  <c r="A2183" i="1" s="1"/>
  <c r="A2184" i="1" s="1"/>
  <c r="A2185" i="1" s="1"/>
  <c r="A2186" i="1" s="1"/>
  <c r="A2187" i="1" s="1"/>
  <c r="A2188" i="1" s="1"/>
  <c r="A2189" i="1" s="1"/>
  <c r="A2190" i="1" s="1"/>
  <c r="A2191" i="1" s="1"/>
  <c r="A2192" i="1" s="1"/>
  <c r="A2193" i="1" s="1"/>
  <c r="A2194" i="1" s="1"/>
  <c r="A2195" i="1" s="1"/>
  <c r="A2196" i="1" s="1"/>
  <c r="A2197" i="1" s="1"/>
  <c r="A2198" i="1" s="1"/>
  <c r="A2199" i="1" s="1"/>
  <c r="A2200" i="1" s="1"/>
  <c r="A2201" i="1" s="1"/>
  <c r="A2202" i="1" s="1"/>
  <c r="A2203" i="1" s="1"/>
  <c r="A2204" i="1" s="1"/>
  <c r="A2205" i="1" s="1"/>
  <c r="A2206" i="1" s="1"/>
  <c r="A2207" i="1" s="1"/>
  <c r="A2208" i="1" s="1"/>
  <c r="A2209" i="1" s="1"/>
  <c r="A2210" i="1" s="1"/>
  <c r="A2211" i="1" s="1"/>
  <c r="A2212" i="1" s="1"/>
  <c r="A2213" i="1" s="1"/>
  <c r="A2214" i="1" s="1"/>
  <c r="A2215" i="1" s="1"/>
  <c r="A2216" i="1" s="1"/>
  <c r="A2217" i="1" s="1"/>
  <c r="A2218" i="1" s="1"/>
  <c r="A2219" i="1" s="1"/>
  <c r="A2220" i="1" s="1"/>
  <c r="A2221" i="1" s="1"/>
  <c r="A2222" i="1" s="1"/>
  <c r="A2223" i="1" s="1"/>
  <c r="A2224" i="1" s="1"/>
  <c r="A2225" i="1" s="1"/>
  <c r="A2226" i="1" s="1"/>
  <c r="A2227" i="1" s="1"/>
  <c r="A2228" i="1" s="1"/>
  <c r="A2229" i="1" s="1"/>
  <c r="A2230" i="1" s="1"/>
  <c r="A2231" i="1" s="1"/>
  <c r="A2232" i="1" s="1"/>
  <c r="A2233" i="1" s="1"/>
  <c r="A2234" i="1" s="1"/>
  <c r="A2235" i="1" s="1"/>
  <c r="A2236" i="1" s="1"/>
  <c r="A2237" i="1" s="1"/>
  <c r="A2238" i="1" s="1"/>
  <c r="A2239" i="1" s="1"/>
  <c r="A2240" i="1" s="1"/>
  <c r="A2241" i="1" s="1"/>
  <c r="A2242" i="1" s="1"/>
  <c r="A2243" i="1" s="1"/>
  <c r="A2244" i="1" s="1"/>
  <c r="A2245" i="1" s="1"/>
  <c r="A2246" i="1" s="1"/>
  <c r="A2247" i="1" s="1"/>
  <c r="A2248" i="1" s="1"/>
  <c r="A2249" i="1" s="1"/>
  <c r="A2250" i="1" s="1"/>
  <c r="A2251" i="1" s="1"/>
  <c r="A2252" i="1" s="1"/>
  <c r="A2253" i="1" s="1"/>
  <c r="A2254" i="1" s="1"/>
  <c r="A2255" i="1" s="1"/>
  <c r="A2256" i="1" s="1"/>
  <c r="A2257" i="1" s="1"/>
  <c r="A2258" i="1" s="1"/>
  <c r="A2259" i="1" s="1"/>
  <c r="A2260" i="1" s="1"/>
  <c r="A2261" i="1" s="1"/>
  <c r="A2262" i="1" s="1"/>
  <c r="A2263" i="1" s="1"/>
  <c r="A2264" i="1" s="1"/>
  <c r="A2265" i="1" s="1"/>
  <c r="A2266" i="1" s="1"/>
  <c r="A2267" i="1" s="1"/>
  <c r="A2268" i="1" s="1"/>
  <c r="A2269" i="1" s="1"/>
  <c r="A2270" i="1" s="1"/>
  <c r="A2271" i="1" s="1"/>
  <c r="A2272" i="1" s="1"/>
  <c r="A2273" i="1" s="1"/>
  <c r="A2274" i="1" s="1"/>
  <c r="A2275" i="1" s="1"/>
  <c r="A2276" i="1" s="1"/>
  <c r="A2277" i="1" s="1"/>
  <c r="A2278" i="1" s="1"/>
  <c r="A2279" i="1" s="1"/>
  <c r="A2280" i="1" s="1"/>
  <c r="A2281" i="1" s="1"/>
  <c r="A2282" i="1" s="1"/>
  <c r="A2283" i="1" s="1"/>
  <c r="A2284" i="1" s="1"/>
  <c r="A2285" i="1" s="1"/>
  <c r="A2286" i="1" s="1"/>
  <c r="A2287" i="1" s="1"/>
  <c r="A2288" i="1" s="1"/>
  <c r="A2289" i="1" s="1"/>
  <c r="A2290" i="1" s="1"/>
  <c r="A2291" i="1" s="1"/>
  <c r="A2292" i="1" s="1"/>
  <c r="A2293" i="1" s="1"/>
  <c r="A2294" i="1" s="1"/>
  <c r="A2295" i="1" s="1"/>
  <c r="A2296" i="1" s="1"/>
  <c r="A2297" i="1" s="1"/>
  <c r="A2298" i="1" s="1"/>
  <c r="A2299" i="1" s="1"/>
  <c r="A2300" i="1" s="1"/>
  <c r="A2301" i="1" s="1"/>
  <c r="A2302" i="1" s="1"/>
  <c r="A2303" i="1" s="1"/>
  <c r="A2304" i="1" s="1"/>
  <c r="A2305" i="1" s="1"/>
  <c r="A2306" i="1" s="1"/>
  <c r="A2307" i="1" s="1"/>
  <c r="A2308" i="1" s="1"/>
  <c r="A2309" i="1" s="1"/>
  <c r="A2310" i="1" s="1"/>
  <c r="A2311" i="1" s="1"/>
  <c r="A2312" i="1" s="1"/>
  <c r="A2313" i="1" s="1"/>
  <c r="A2314" i="1" s="1"/>
  <c r="A2315" i="1" s="1"/>
  <c r="A2316" i="1" s="1"/>
  <c r="A2317" i="1" s="1"/>
  <c r="A2318" i="1" s="1"/>
  <c r="A2319" i="1" s="1"/>
  <c r="A2320" i="1" s="1"/>
  <c r="A2321" i="1" s="1"/>
  <c r="A2322" i="1" s="1"/>
  <c r="A2323" i="1" s="1"/>
  <c r="A2324" i="1" s="1"/>
  <c r="A2325" i="1" s="1"/>
  <c r="A2326" i="1" s="1"/>
  <c r="A2327" i="1" s="1"/>
  <c r="A2328" i="1" s="1"/>
  <c r="A2329" i="1" s="1"/>
  <c r="A2330" i="1" s="1"/>
  <c r="A2331" i="1" s="1"/>
  <c r="A2332" i="1" s="1"/>
  <c r="A2333" i="1" s="1"/>
  <c r="A2334" i="1" s="1"/>
  <c r="A2335" i="1" s="1"/>
  <c r="A2336" i="1" s="1"/>
  <c r="A2337" i="1" s="1"/>
  <c r="A2338" i="1" s="1"/>
  <c r="A2339" i="1" s="1"/>
  <c r="A2340" i="1" s="1"/>
  <c r="A2341" i="1" s="1"/>
  <c r="A2342" i="1" s="1"/>
  <c r="A2343" i="1" s="1"/>
  <c r="A2344" i="1" s="1"/>
  <c r="A2345" i="1" s="1"/>
  <c r="A2346" i="1" s="1"/>
  <c r="A2347" i="1" s="1"/>
  <c r="A2348" i="1" s="1"/>
  <c r="A2349" i="1" s="1"/>
  <c r="A2350" i="1" s="1"/>
  <c r="A2351" i="1" s="1"/>
  <c r="A2352" i="1" s="1"/>
  <c r="A2353" i="1" s="1"/>
  <c r="A2354" i="1" s="1"/>
  <c r="A2355" i="1" s="1"/>
  <c r="A2356" i="1" s="1"/>
  <c r="A2357" i="1" s="1"/>
  <c r="A2358" i="1" s="1"/>
  <c r="A2359" i="1" s="1"/>
  <c r="A2360" i="1" s="1"/>
  <c r="A2361" i="1" s="1"/>
  <c r="A2362" i="1" s="1"/>
  <c r="A2363" i="1" s="1"/>
  <c r="A2364" i="1" s="1"/>
  <c r="A2365" i="1" s="1"/>
  <c r="A2366" i="1" s="1"/>
  <c r="A2367" i="1" s="1"/>
  <c r="A2368" i="1" s="1"/>
  <c r="A2369" i="1" s="1"/>
  <c r="A2370" i="1" s="1"/>
  <c r="A2371" i="1" s="1"/>
  <c r="A2372" i="1" s="1"/>
  <c r="A2373" i="1" s="1"/>
  <c r="A2374" i="1" s="1"/>
  <c r="A2375" i="1" s="1"/>
  <c r="A2376" i="1" s="1"/>
  <c r="A2377" i="1" s="1"/>
  <c r="A2378" i="1" s="1"/>
  <c r="A2379" i="1" s="1"/>
  <c r="A2380" i="1" s="1"/>
  <c r="A2381" i="1" s="1"/>
  <c r="A2382" i="1" s="1"/>
  <c r="A2383" i="1" s="1"/>
  <c r="A2384" i="1" s="1"/>
  <c r="A2385" i="1" s="1"/>
  <c r="A2386" i="1" s="1"/>
  <c r="A2387" i="1" s="1"/>
  <c r="A2388" i="1" s="1"/>
  <c r="A2389" i="1" s="1"/>
  <c r="A2390" i="1" s="1"/>
  <c r="A2391" i="1" s="1"/>
  <c r="A2392" i="1" s="1"/>
  <c r="A2393" i="1" s="1"/>
  <c r="A2394" i="1" s="1"/>
  <c r="A2395" i="1" s="1"/>
  <c r="A2396" i="1" s="1"/>
  <c r="A2397" i="1" s="1"/>
  <c r="A2398" i="1" s="1"/>
  <c r="A2399" i="1" s="1"/>
  <c r="A2400" i="1" s="1"/>
  <c r="A2401" i="1" s="1"/>
  <c r="A2402" i="1" s="1"/>
  <c r="A2403" i="1" s="1"/>
  <c r="A2404" i="1" s="1"/>
  <c r="A2405" i="1" s="1"/>
  <c r="A2406" i="1" s="1"/>
  <c r="A2407" i="1" s="1"/>
  <c r="A2408" i="1" s="1"/>
  <c r="A2409" i="1" s="1"/>
  <c r="A2410" i="1" s="1"/>
  <c r="A2411" i="1" s="1"/>
  <c r="A2412" i="1" s="1"/>
  <c r="A2413" i="1" s="1"/>
  <c r="A2414" i="1" s="1"/>
  <c r="A2415" i="1" s="1"/>
  <c r="A2416" i="1" s="1"/>
  <c r="A2417" i="1" s="1"/>
  <c r="A2418" i="1" s="1"/>
  <c r="A2419" i="1" s="1"/>
  <c r="A2420" i="1" s="1"/>
  <c r="A2421" i="1" s="1"/>
  <c r="A2422" i="1" s="1"/>
  <c r="A2423" i="1" s="1"/>
  <c r="A2424" i="1" s="1"/>
  <c r="A2425" i="1" s="1"/>
  <c r="A2426" i="1" s="1"/>
  <c r="A2427" i="1" s="1"/>
  <c r="A2428" i="1" s="1"/>
  <c r="A2429" i="1" s="1"/>
  <c r="A2430" i="1" s="1"/>
  <c r="A2431" i="1" s="1"/>
  <c r="A2432" i="1" s="1"/>
  <c r="A2433" i="1" s="1"/>
  <c r="A2434" i="1" s="1"/>
  <c r="A2435" i="1" s="1"/>
  <c r="A2436" i="1" s="1"/>
  <c r="A2437" i="1" s="1"/>
  <c r="A2438" i="1" s="1"/>
  <c r="A2439" i="1" s="1"/>
  <c r="A2440" i="1" s="1"/>
  <c r="A2441" i="1" s="1"/>
  <c r="A2442" i="1" s="1"/>
  <c r="A2443" i="1" s="1"/>
  <c r="A2444" i="1" s="1"/>
  <c r="A2445" i="1" s="1"/>
  <c r="A2446" i="1" s="1"/>
  <c r="A2447" i="1" s="1"/>
  <c r="A2448" i="1" s="1"/>
  <c r="A2449" i="1" s="1"/>
  <c r="A2450" i="1" s="1"/>
  <c r="A2451" i="1" s="1"/>
  <c r="A2452" i="1" s="1"/>
  <c r="A2453" i="1" s="1"/>
  <c r="A2454" i="1" s="1"/>
  <c r="A2455" i="1" s="1"/>
  <c r="A2456" i="1" s="1"/>
  <c r="A2457" i="1" s="1"/>
  <c r="A2458" i="1" s="1"/>
  <c r="A2459" i="1" s="1"/>
  <c r="A2460" i="1" s="1"/>
  <c r="A2461" i="1" s="1"/>
  <c r="A2462" i="1" s="1"/>
  <c r="A2463" i="1" s="1"/>
  <c r="A2464" i="1" s="1"/>
  <c r="A2465" i="1" s="1"/>
  <c r="A2466" i="1" s="1"/>
  <c r="A2467" i="1" s="1"/>
  <c r="A2468" i="1" s="1"/>
  <c r="A2469" i="1" s="1"/>
  <c r="A2470" i="1" s="1"/>
  <c r="A2471" i="1" s="1"/>
  <c r="A2472" i="1" s="1"/>
  <c r="A2473" i="1" s="1"/>
  <c r="A2474" i="1" s="1"/>
  <c r="A2475" i="1" s="1"/>
  <c r="A2476" i="1" s="1"/>
  <c r="A2477" i="1" s="1"/>
  <c r="A2478" i="1" s="1"/>
  <c r="A2479" i="1" s="1"/>
  <c r="A2480" i="1" s="1"/>
  <c r="A2481" i="1" s="1"/>
  <c r="A2482" i="1" s="1"/>
  <c r="A2483" i="1" s="1"/>
  <c r="A2484" i="1" s="1"/>
  <c r="A2485" i="1" s="1"/>
  <c r="A2486" i="1" s="1"/>
  <c r="A2487" i="1" s="1"/>
  <c r="A2488" i="1" s="1"/>
  <c r="A2489" i="1" s="1"/>
  <c r="A2490" i="1" s="1"/>
  <c r="A2491" i="1" s="1"/>
  <c r="A2492" i="1" s="1"/>
  <c r="A2493" i="1" s="1"/>
  <c r="A2494" i="1" s="1"/>
  <c r="A2495" i="1" s="1"/>
  <c r="A2496" i="1" s="1"/>
  <c r="A2497" i="1" s="1"/>
  <c r="A2498" i="1" s="1"/>
  <c r="A2499" i="1" s="1"/>
  <c r="A2500" i="1" s="1"/>
  <c r="A2501" i="1" s="1"/>
  <c r="A2502" i="1" s="1"/>
  <c r="A2503" i="1" s="1"/>
  <c r="A2504" i="1" s="1"/>
  <c r="A2505" i="1" s="1"/>
  <c r="A2506" i="1" s="1"/>
  <c r="A2507" i="1" s="1"/>
  <c r="A2508" i="1" s="1"/>
  <c r="A2509" i="1" s="1"/>
  <c r="A2510" i="1" s="1"/>
  <c r="A2511" i="1" s="1"/>
  <c r="A2512" i="1" s="1"/>
  <c r="A2513" i="1" s="1"/>
  <c r="A2514" i="1" s="1"/>
  <c r="A2515" i="1" s="1"/>
  <c r="A2516" i="1" s="1"/>
  <c r="A2517" i="1" s="1"/>
  <c r="A2518" i="1" s="1"/>
  <c r="A2519" i="1" s="1"/>
  <c r="A2520" i="1" s="1"/>
  <c r="A2521" i="1" s="1"/>
  <c r="A2522" i="1" s="1"/>
  <c r="A2523" i="1" s="1"/>
  <c r="A2524" i="1" s="1"/>
  <c r="A2525" i="1" s="1"/>
  <c r="A2526" i="1" s="1"/>
  <c r="A2527" i="1" s="1"/>
  <c r="A2528" i="1" s="1"/>
  <c r="A2529" i="1" s="1"/>
  <c r="A2530" i="1" s="1"/>
  <c r="A2531" i="1" s="1"/>
  <c r="A2532" i="1" s="1"/>
  <c r="A2533" i="1" s="1"/>
  <c r="A2534" i="1" s="1"/>
  <c r="A2535" i="1" s="1"/>
  <c r="A2536" i="1" s="1"/>
  <c r="A2537" i="1" s="1"/>
  <c r="A2538" i="1" s="1"/>
  <c r="A2539" i="1" s="1"/>
  <c r="A2540" i="1" s="1"/>
  <c r="A2541" i="1" s="1"/>
  <c r="A2542" i="1" s="1"/>
  <c r="A2543" i="1" s="1"/>
  <c r="A2544" i="1" s="1"/>
  <c r="A2545" i="1" s="1"/>
  <c r="A2546" i="1" s="1"/>
  <c r="A2547" i="1" s="1"/>
  <c r="A2548" i="1" s="1"/>
  <c r="A2549" i="1" s="1"/>
  <c r="A2550" i="1" s="1"/>
  <c r="A2551" i="1" s="1"/>
  <c r="A2552" i="1" s="1"/>
  <c r="A2553" i="1" s="1"/>
  <c r="A2554" i="1" s="1"/>
  <c r="A2555" i="1" s="1"/>
  <c r="A2556" i="1" s="1"/>
  <c r="A2557" i="1" s="1"/>
  <c r="A2558" i="1" s="1"/>
  <c r="A2559" i="1" s="1"/>
  <c r="A2560" i="1" s="1"/>
  <c r="A2561" i="1" s="1"/>
  <c r="A2562" i="1" s="1"/>
  <c r="A2563" i="1" s="1"/>
  <c r="A2564" i="1" s="1"/>
  <c r="A2565" i="1" s="1"/>
  <c r="A2566" i="1" s="1"/>
  <c r="A2567" i="1" s="1"/>
  <c r="A2568" i="1" s="1"/>
  <c r="A2569" i="1" s="1"/>
  <c r="A2570" i="1" s="1"/>
  <c r="A2571" i="1" s="1"/>
  <c r="A2572" i="1" s="1"/>
  <c r="A2573" i="1" s="1"/>
  <c r="A2574" i="1" s="1"/>
  <c r="A2575" i="1" s="1"/>
  <c r="A2576" i="1" s="1"/>
  <c r="A2577" i="1" s="1"/>
  <c r="A2578" i="1" s="1"/>
  <c r="A2579" i="1" s="1"/>
  <c r="A2580" i="1" s="1"/>
  <c r="A2581" i="1" s="1"/>
  <c r="A2582" i="1" s="1"/>
  <c r="A2583" i="1" s="1"/>
  <c r="A2584" i="1" s="1"/>
  <c r="A2585" i="1" s="1"/>
  <c r="A2586" i="1" s="1"/>
  <c r="A2587" i="1" s="1"/>
  <c r="A2588" i="1" s="1"/>
  <c r="A2589" i="1" s="1"/>
  <c r="A2590" i="1" s="1"/>
  <c r="A2591" i="1" s="1"/>
  <c r="A2592" i="1" s="1"/>
  <c r="A2593" i="1" s="1"/>
  <c r="A2594" i="1" s="1"/>
  <c r="A2595" i="1" s="1"/>
  <c r="A2596" i="1" s="1"/>
  <c r="A2597" i="1" s="1"/>
  <c r="A2598" i="1" s="1"/>
  <c r="A2599" i="1" s="1"/>
  <c r="A2600" i="1" s="1"/>
  <c r="A2601" i="1" s="1"/>
  <c r="A2602" i="1" s="1"/>
  <c r="A2603" i="1" s="1"/>
  <c r="A2604" i="1" s="1"/>
  <c r="A2605" i="1" s="1"/>
  <c r="A2606" i="1" s="1"/>
  <c r="A2607" i="1" s="1"/>
  <c r="A2608" i="1" s="1"/>
  <c r="A2609" i="1" s="1"/>
  <c r="A2610" i="1" s="1"/>
  <c r="A2611" i="1" s="1"/>
  <c r="A2612" i="1" s="1"/>
  <c r="A2613" i="1" s="1"/>
  <c r="A2614" i="1" s="1"/>
  <c r="A2615" i="1" s="1"/>
  <c r="A2616" i="1" s="1"/>
  <c r="A2617" i="1" s="1"/>
  <c r="A2618" i="1" s="1"/>
  <c r="A2619" i="1" s="1"/>
  <c r="A2620" i="1" s="1"/>
  <c r="A2621" i="1" s="1"/>
  <c r="A2622" i="1" s="1"/>
  <c r="A2623" i="1" s="1"/>
  <c r="A2624" i="1" s="1"/>
  <c r="A2625" i="1" s="1"/>
  <c r="A2626" i="1" s="1"/>
  <c r="A2627" i="1" s="1"/>
  <c r="A2628" i="1" s="1"/>
  <c r="A2629" i="1" s="1"/>
  <c r="A2630" i="1" s="1"/>
  <c r="A2631" i="1" s="1"/>
  <c r="A2632" i="1" s="1"/>
  <c r="A2633" i="1" s="1"/>
  <c r="A2634" i="1" s="1"/>
  <c r="A2635" i="1" s="1"/>
  <c r="A2636" i="1" s="1"/>
  <c r="A2637" i="1" s="1"/>
  <c r="A2638" i="1" s="1"/>
  <c r="A2639" i="1" s="1"/>
  <c r="A2640" i="1" s="1"/>
  <c r="A2641" i="1" s="1"/>
  <c r="A2642" i="1" s="1"/>
  <c r="A2643" i="1" s="1"/>
  <c r="A2644" i="1" s="1"/>
  <c r="A2645" i="1" s="1"/>
  <c r="A2646" i="1" s="1"/>
  <c r="A2647" i="1" s="1"/>
  <c r="A2648" i="1" s="1"/>
  <c r="A2649" i="1" s="1"/>
  <c r="A2650" i="1" s="1"/>
  <c r="A2651" i="1" s="1"/>
  <c r="A2652" i="1" s="1"/>
  <c r="A2653" i="1" s="1"/>
  <c r="A2654" i="1" s="1"/>
  <c r="A2655" i="1" s="1"/>
  <c r="A2656" i="1" s="1"/>
  <c r="A2657" i="1" s="1"/>
  <c r="A2658" i="1" s="1"/>
  <c r="A2659" i="1" s="1"/>
  <c r="A2660" i="1" s="1"/>
  <c r="A2661" i="1" s="1"/>
  <c r="A2662" i="1" s="1"/>
  <c r="A2663" i="1" s="1"/>
  <c r="A2664" i="1" s="1"/>
  <c r="A2665" i="1" s="1"/>
  <c r="A2666" i="1" s="1"/>
  <c r="A2667" i="1" s="1"/>
  <c r="A2668" i="1" s="1"/>
  <c r="A2669" i="1" s="1"/>
  <c r="A2670" i="1" s="1"/>
  <c r="A2671" i="1" s="1"/>
  <c r="A2672" i="1" s="1"/>
  <c r="A2673" i="1" s="1"/>
  <c r="A2674" i="1" s="1"/>
  <c r="A2675" i="1" s="1"/>
  <c r="A2676" i="1" s="1"/>
  <c r="A2677" i="1" s="1"/>
  <c r="A2678" i="1" s="1"/>
  <c r="A2679" i="1" s="1"/>
  <c r="A2680" i="1" s="1"/>
  <c r="A2681" i="1" s="1"/>
  <c r="A2682" i="1" s="1"/>
  <c r="A2683" i="1" s="1"/>
  <c r="A2684" i="1" s="1"/>
  <c r="A2685" i="1" s="1"/>
  <c r="A2686" i="1" s="1"/>
  <c r="A2687" i="1" s="1"/>
  <c r="A2688" i="1" s="1"/>
  <c r="A2689" i="1" s="1"/>
  <c r="A2690" i="1" s="1"/>
  <c r="A2691" i="1" s="1"/>
  <c r="A2692" i="1" s="1"/>
  <c r="A2693" i="1" s="1"/>
  <c r="A2694" i="1" s="1"/>
  <c r="A2695" i="1" s="1"/>
  <c r="A2696" i="1" s="1"/>
  <c r="A2697" i="1" s="1"/>
  <c r="A2698" i="1" s="1"/>
  <c r="A2699" i="1" s="1"/>
  <c r="A2700" i="1" s="1"/>
  <c r="A2701" i="1" s="1"/>
  <c r="A2702" i="1" s="1"/>
  <c r="A2703" i="1" s="1"/>
  <c r="A2704" i="1" s="1"/>
  <c r="A2705" i="1" s="1"/>
  <c r="A2706" i="1" s="1"/>
  <c r="A2707" i="1" s="1"/>
  <c r="A2708" i="1" s="1"/>
  <c r="A2709" i="1" s="1"/>
  <c r="A2710" i="1" s="1"/>
  <c r="A2711" i="1" s="1"/>
  <c r="A2712" i="1" s="1"/>
  <c r="A2713" i="1" s="1"/>
  <c r="A2714" i="1" s="1"/>
  <c r="A2715" i="1" s="1"/>
  <c r="A2716" i="1" s="1"/>
  <c r="A2717" i="1" s="1"/>
  <c r="A2718" i="1" s="1"/>
  <c r="A2719" i="1" s="1"/>
  <c r="A2720" i="1" s="1"/>
  <c r="A2721" i="1" s="1"/>
  <c r="A2722" i="1" s="1"/>
  <c r="A2723" i="1" s="1"/>
  <c r="A2724" i="1" s="1"/>
  <c r="A2725" i="1" s="1"/>
  <c r="A2726" i="1" s="1"/>
  <c r="A2727" i="1" s="1"/>
  <c r="A2728" i="1" s="1"/>
  <c r="A2729" i="1" s="1"/>
  <c r="A2730" i="1" s="1"/>
  <c r="A2731" i="1" s="1"/>
  <c r="A2732" i="1" s="1"/>
  <c r="A2733" i="1" s="1"/>
  <c r="A2734" i="1" s="1"/>
  <c r="A2735" i="1" s="1"/>
  <c r="A2736" i="1" s="1"/>
  <c r="A2737" i="1" s="1"/>
  <c r="A2738" i="1" s="1"/>
  <c r="A2739" i="1" s="1"/>
  <c r="A2740" i="1" s="1"/>
  <c r="A2741" i="1" s="1"/>
  <c r="A2742" i="1" s="1"/>
  <c r="A2743" i="1" s="1"/>
  <c r="A2744" i="1" s="1"/>
  <c r="A2745" i="1" s="1"/>
  <c r="A2746" i="1" s="1"/>
  <c r="A2747" i="1" s="1"/>
  <c r="A2748" i="1" s="1"/>
  <c r="A2749" i="1" s="1"/>
  <c r="A2750" i="1" s="1"/>
  <c r="A2751" i="1" s="1"/>
  <c r="A2752" i="1" s="1"/>
  <c r="A2753" i="1" s="1"/>
  <c r="A2754" i="1" s="1"/>
  <c r="A2755" i="1" s="1"/>
  <c r="A2756" i="1" s="1"/>
  <c r="A2757" i="1" s="1"/>
  <c r="A2758" i="1" s="1"/>
  <c r="A2759" i="1" s="1"/>
  <c r="A2760" i="1" s="1"/>
  <c r="A2761" i="1" s="1"/>
  <c r="A2762" i="1" s="1"/>
  <c r="A2763" i="1" s="1"/>
  <c r="A2764" i="1" s="1"/>
  <c r="A2765" i="1" s="1"/>
  <c r="A2766" i="1" s="1"/>
  <c r="A2767" i="1" s="1"/>
  <c r="A2768" i="1" s="1"/>
  <c r="A2769" i="1" s="1"/>
  <c r="A2770" i="1" s="1"/>
  <c r="A2771" i="1" s="1"/>
  <c r="A2772" i="1" s="1"/>
  <c r="A2773" i="1" s="1"/>
  <c r="A2774" i="1" s="1"/>
  <c r="A2775" i="1" s="1"/>
  <c r="A2776" i="1" s="1"/>
  <c r="A2777" i="1" s="1"/>
  <c r="A2778" i="1" s="1"/>
  <c r="A2779" i="1" s="1"/>
  <c r="A2780" i="1" s="1"/>
  <c r="A2781" i="1" s="1"/>
  <c r="A2782" i="1" s="1"/>
  <c r="A2783" i="1" s="1"/>
  <c r="A2784" i="1" s="1"/>
  <c r="A2785" i="1" s="1"/>
  <c r="A2786" i="1" s="1"/>
  <c r="A2787" i="1" s="1"/>
  <c r="A2788" i="1" s="1"/>
  <c r="A2789" i="1" s="1"/>
  <c r="A2790" i="1" s="1"/>
  <c r="A2791" i="1" s="1"/>
  <c r="A2792" i="1" s="1"/>
  <c r="A2793" i="1" s="1"/>
  <c r="A2794" i="1" s="1"/>
  <c r="A2795" i="1" s="1"/>
  <c r="A2796" i="1" s="1"/>
  <c r="A2797" i="1" s="1"/>
  <c r="A2798" i="1" s="1"/>
  <c r="A2799" i="1" s="1"/>
  <c r="A2800" i="1" s="1"/>
  <c r="A2801" i="1" s="1"/>
  <c r="A2802" i="1" s="1"/>
  <c r="A2803" i="1" s="1"/>
  <c r="A2804" i="1" s="1"/>
  <c r="A2805" i="1" s="1"/>
  <c r="A2806" i="1" s="1"/>
  <c r="A2807" i="1" s="1"/>
  <c r="A2808" i="1" s="1"/>
  <c r="A2809" i="1" s="1"/>
  <c r="A2810" i="1" s="1"/>
  <c r="A2811" i="1" s="1"/>
  <c r="A2812" i="1" s="1"/>
  <c r="A2813" i="1" s="1"/>
  <c r="A2814" i="1" s="1"/>
  <c r="A2815" i="1" s="1"/>
  <c r="A2816" i="1" s="1"/>
  <c r="A2817" i="1" s="1"/>
  <c r="A2818" i="1" s="1"/>
  <c r="A2819" i="1" s="1"/>
  <c r="A2820" i="1" s="1"/>
  <c r="A2821" i="1" s="1"/>
  <c r="A2822" i="1" s="1"/>
  <c r="A2823" i="1" s="1"/>
  <c r="A2824" i="1" s="1"/>
  <c r="A2825" i="1" s="1"/>
  <c r="A2826" i="1" s="1"/>
  <c r="A2827" i="1" s="1"/>
  <c r="A2828" i="1" s="1"/>
  <c r="A2829" i="1" s="1"/>
  <c r="A2830" i="1" s="1"/>
  <c r="A2831" i="1" s="1"/>
  <c r="A2832" i="1" s="1"/>
  <c r="A2833" i="1" s="1"/>
  <c r="A2834" i="1" s="1"/>
  <c r="A2835" i="1" s="1"/>
  <c r="A2836" i="1" s="1"/>
  <c r="A2837" i="1" s="1"/>
  <c r="A2838" i="1" s="1"/>
  <c r="A2839" i="1" s="1"/>
  <c r="A2840" i="1" s="1"/>
  <c r="A2841" i="1" s="1"/>
  <c r="A2842" i="1" s="1"/>
  <c r="A2843" i="1" s="1"/>
  <c r="A2844" i="1" s="1"/>
  <c r="A2845" i="1" s="1"/>
  <c r="A2846" i="1" s="1"/>
  <c r="A2847" i="1" s="1"/>
  <c r="A2848" i="1" s="1"/>
  <c r="A2849" i="1" s="1"/>
  <c r="A2850" i="1" s="1"/>
  <c r="A2851" i="1" s="1"/>
  <c r="A2852" i="1" s="1"/>
  <c r="A2853" i="1" s="1"/>
  <c r="A2854" i="1" s="1"/>
  <c r="A2855" i="1" s="1"/>
  <c r="A2856" i="1" s="1"/>
  <c r="A2857" i="1" s="1"/>
  <c r="A2858" i="1" s="1"/>
  <c r="A2859" i="1" s="1"/>
  <c r="A2860" i="1" s="1"/>
  <c r="A2861" i="1" s="1"/>
  <c r="A2862" i="1" s="1"/>
  <c r="A2863" i="1" s="1"/>
  <c r="A2864" i="1" s="1"/>
  <c r="A2865" i="1" s="1"/>
  <c r="A2866" i="1" s="1"/>
  <c r="A2867" i="1" s="1"/>
  <c r="A2868" i="1" s="1"/>
  <c r="A2869" i="1" s="1"/>
  <c r="A2870" i="1" s="1"/>
  <c r="A2871" i="1" s="1"/>
  <c r="A2872" i="1" s="1"/>
  <c r="A2873" i="1" s="1"/>
  <c r="A2874" i="1" s="1"/>
  <c r="A2875" i="1" s="1"/>
  <c r="A2876" i="1" s="1"/>
  <c r="A2877" i="1" s="1"/>
  <c r="A2878" i="1" s="1"/>
  <c r="A2879" i="1" s="1"/>
  <c r="A2880" i="1" s="1"/>
  <c r="A2881" i="1" s="1"/>
  <c r="A2882" i="1" s="1"/>
  <c r="A2883" i="1" s="1"/>
  <c r="A2884" i="1" s="1"/>
  <c r="A2885" i="1" s="1"/>
  <c r="A2886" i="1" s="1"/>
  <c r="A2887" i="1" s="1"/>
  <c r="A2888" i="1" s="1"/>
  <c r="A2889" i="1" s="1"/>
  <c r="A2890" i="1" s="1"/>
  <c r="A2891" i="1" s="1"/>
  <c r="A2892" i="1" s="1"/>
  <c r="A2893" i="1" s="1"/>
  <c r="A2894" i="1" s="1"/>
  <c r="A2895" i="1" s="1"/>
  <c r="A2896" i="1" s="1"/>
  <c r="A2897" i="1" s="1"/>
  <c r="A2898" i="1" s="1"/>
  <c r="A2899" i="1" s="1"/>
  <c r="A2900" i="1" s="1"/>
  <c r="A2901" i="1" s="1"/>
  <c r="A2902" i="1" s="1"/>
  <c r="A2903" i="1" s="1"/>
  <c r="A2904" i="1" s="1"/>
  <c r="A2905" i="1" s="1"/>
  <c r="A2906" i="1" s="1"/>
  <c r="A2907" i="1" s="1"/>
  <c r="A2908" i="1" s="1"/>
  <c r="A2909" i="1" s="1"/>
  <c r="A2910" i="1" s="1"/>
  <c r="A2911" i="1" s="1"/>
  <c r="A2912" i="1" s="1"/>
  <c r="A2913" i="1" s="1"/>
  <c r="A2914" i="1" s="1"/>
  <c r="A2915" i="1" s="1"/>
  <c r="A2916" i="1" s="1"/>
  <c r="A2917" i="1" s="1"/>
  <c r="A2918" i="1" s="1"/>
  <c r="A2919" i="1" s="1"/>
  <c r="A2920" i="1" s="1"/>
  <c r="A2921" i="1" s="1"/>
  <c r="A2922" i="1" s="1"/>
  <c r="A2923" i="1" s="1"/>
  <c r="A2924" i="1" s="1"/>
  <c r="A2925" i="1" s="1"/>
  <c r="A2926" i="1" s="1"/>
  <c r="A2927" i="1" s="1"/>
  <c r="A2928" i="1" s="1"/>
  <c r="A2929" i="1" s="1"/>
  <c r="A2930" i="1" s="1"/>
  <c r="A2931" i="1" s="1"/>
  <c r="A2932" i="1" s="1"/>
  <c r="A2933" i="1" s="1"/>
  <c r="A2934" i="1" s="1"/>
  <c r="A2935" i="1" s="1"/>
  <c r="A2936" i="1" s="1"/>
  <c r="A2937" i="1" s="1"/>
  <c r="A2938" i="1" s="1"/>
  <c r="A2939" i="1" s="1"/>
  <c r="A2940" i="1" s="1"/>
  <c r="A2941" i="1" s="1"/>
  <c r="A2942" i="1" s="1"/>
  <c r="A2943" i="1" s="1"/>
  <c r="A2944" i="1" s="1"/>
  <c r="A2945" i="1" s="1"/>
  <c r="A2946" i="1" s="1"/>
  <c r="A2947" i="1" s="1"/>
  <c r="A2948" i="1" s="1"/>
  <c r="A2949" i="1" s="1"/>
  <c r="A2950" i="1" s="1"/>
  <c r="A2951" i="1" s="1"/>
  <c r="A2952" i="1" s="1"/>
  <c r="A2953" i="1" s="1"/>
  <c r="A2954" i="1" s="1"/>
  <c r="A2955" i="1" s="1"/>
  <c r="A2956" i="1" s="1"/>
  <c r="A2957" i="1" s="1"/>
  <c r="A2958" i="1" s="1"/>
  <c r="A2959" i="1" s="1"/>
  <c r="A2960" i="1" s="1"/>
  <c r="A2961" i="1" s="1"/>
  <c r="A2962" i="1" s="1"/>
  <c r="A2963" i="1" s="1"/>
  <c r="A2964" i="1" s="1"/>
  <c r="A2965" i="1" s="1"/>
  <c r="A2966" i="1" s="1"/>
  <c r="A2967" i="1" s="1"/>
  <c r="A2968" i="1" s="1"/>
  <c r="A2969" i="1" s="1"/>
  <c r="A2970" i="1" s="1"/>
  <c r="A2971" i="1" s="1"/>
  <c r="A2972" i="1" s="1"/>
  <c r="A2973" i="1" s="1"/>
  <c r="A2974" i="1" s="1"/>
  <c r="A2975" i="1" s="1"/>
  <c r="A2976" i="1" s="1"/>
  <c r="A2977" i="1" s="1"/>
  <c r="A2978" i="1" s="1"/>
  <c r="A2979" i="1" s="1"/>
  <c r="A2980" i="1" s="1"/>
  <c r="A2981" i="1" s="1"/>
  <c r="A2982" i="1" s="1"/>
  <c r="A2983" i="1" s="1"/>
  <c r="A2984" i="1" s="1"/>
  <c r="A2985" i="1" s="1"/>
  <c r="A2986" i="1" s="1"/>
  <c r="A2987" i="1" s="1"/>
  <c r="A2988" i="1" s="1"/>
  <c r="A2989" i="1" s="1"/>
  <c r="A2990" i="1" s="1"/>
  <c r="A2991" i="1" s="1"/>
  <c r="A2992" i="1" s="1"/>
  <c r="A2993" i="1" s="1"/>
  <c r="A2994" i="1" s="1"/>
  <c r="A2995" i="1" s="1"/>
  <c r="A2996" i="1" s="1"/>
  <c r="A2997" i="1" s="1"/>
  <c r="A2998" i="1" s="1"/>
  <c r="A2999" i="1" s="1"/>
  <c r="A3000" i="1" s="1"/>
  <c r="A3001" i="1" s="1"/>
  <c r="A3002" i="1" s="1"/>
  <c r="A3003" i="1" s="1"/>
  <c r="A3004" i="1" s="1"/>
  <c r="A3005" i="1" s="1"/>
  <c r="A3006" i="1" s="1"/>
  <c r="A3007" i="1" s="1"/>
  <c r="A3008" i="1" s="1"/>
  <c r="A3009" i="1" s="1"/>
  <c r="A3010" i="1" s="1"/>
  <c r="A3011" i="1" s="1"/>
  <c r="A3012" i="1" s="1"/>
  <c r="A3013" i="1" s="1"/>
  <c r="A3014" i="1" s="1"/>
  <c r="A3015" i="1" s="1"/>
  <c r="A3016" i="1" s="1"/>
  <c r="A3017" i="1" s="1"/>
  <c r="A3018" i="1" s="1"/>
  <c r="A3019" i="1" s="1"/>
  <c r="A3020" i="1" s="1"/>
  <c r="A3021" i="1" s="1"/>
  <c r="A3022" i="1" s="1"/>
  <c r="A3023" i="1" s="1"/>
  <c r="A3024" i="1" s="1"/>
  <c r="A3025" i="1" s="1"/>
  <c r="A3026" i="1" s="1"/>
  <c r="A3027" i="1" s="1"/>
  <c r="A3028" i="1" s="1"/>
  <c r="A3029" i="1" s="1"/>
  <c r="A3030" i="1" s="1"/>
  <c r="A3031" i="1" s="1"/>
  <c r="A3032" i="1" s="1"/>
  <c r="A3033" i="1" s="1"/>
  <c r="A3034" i="1" s="1"/>
  <c r="A3035" i="1" s="1"/>
  <c r="A3036" i="1" s="1"/>
  <c r="A3037" i="1" s="1"/>
  <c r="A3038" i="1" s="1"/>
  <c r="A3039" i="1" s="1"/>
  <c r="A3040" i="1" s="1"/>
  <c r="A3041" i="1" s="1"/>
  <c r="A3042" i="1" s="1"/>
  <c r="A3043" i="1" s="1"/>
  <c r="A3044" i="1" s="1"/>
  <c r="A3045" i="1" s="1"/>
  <c r="A3046" i="1" s="1"/>
  <c r="A3047" i="1" s="1"/>
  <c r="A3048" i="1" s="1"/>
  <c r="A3049" i="1" s="1"/>
  <c r="A3050" i="1" s="1"/>
  <c r="A3051" i="1" s="1"/>
  <c r="A3052" i="1" s="1"/>
  <c r="A3053" i="1" s="1"/>
  <c r="A3054" i="1" s="1"/>
  <c r="A3055" i="1" s="1"/>
  <c r="A3056" i="1" s="1"/>
  <c r="A3057" i="1" s="1"/>
  <c r="A3058" i="1" s="1"/>
  <c r="A3059" i="1" s="1"/>
  <c r="A3060" i="1" s="1"/>
  <c r="A3061" i="1" s="1"/>
  <c r="A3062" i="1" s="1"/>
  <c r="A3063" i="1" s="1"/>
  <c r="A3064" i="1" s="1"/>
  <c r="A3065" i="1" s="1"/>
  <c r="A3066" i="1" s="1"/>
  <c r="A3067" i="1" s="1"/>
  <c r="A3068" i="1" s="1"/>
  <c r="A3069" i="1" s="1"/>
  <c r="A3070" i="1" s="1"/>
  <c r="A3071" i="1" s="1"/>
  <c r="A3072" i="1" s="1"/>
  <c r="A3073" i="1" s="1"/>
  <c r="A3074" i="1" s="1"/>
  <c r="A3075" i="1" s="1"/>
  <c r="A3076" i="1" s="1"/>
  <c r="A3077" i="1" s="1"/>
  <c r="A3078" i="1" s="1"/>
  <c r="A3079" i="1" s="1"/>
  <c r="A3080" i="1" s="1"/>
  <c r="A3081" i="1" s="1"/>
  <c r="A3082" i="1" s="1"/>
  <c r="A3083" i="1" s="1"/>
  <c r="A3084" i="1" s="1"/>
  <c r="A3085" i="1" s="1"/>
  <c r="A3086" i="1" s="1"/>
  <c r="A3087" i="1" s="1"/>
  <c r="A3088" i="1" s="1"/>
  <c r="A3089" i="1" s="1"/>
  <c r="A3090" i="1" s="1"/>
  <c r="A3091" i="1" s="1"/>
  <c r="A3092" i="1" s="1"/>
  <c r="A3093" i="1" s="1"/>
  <c r="A3094" i="1" s="1"/>
  <c r="A3095" i="1" s="1"/>
  <c r="A3096" i="1" s="1"/>
  <c r="A3097" i="1" s="1"/>
  <c r="A3098" i="1" s="1"/>
  <c r="A3099" i="1" s="1"/>
  <c r="A3100" i="1" s="1"/>
  <c r="A3101" i="1" s="1"/>
  <c r="A3102" i="1" s="1"/>
  <c r="A3103" i="1" s="1"/>
  <c r="A3104" i="1" s="1"/>
  <c r="A3105" i="1" s="1"/>
  <c r="A3106" i="1" s="1"/>
  <c r="A3107" i="1" s="1"/>
  <c r="A3108" i="1" s="1"/>
  <c r="A3109" i="1" s="1"/>
  <c r="A3110" i="1" s="1"/>
  <c r="A3111" i="1" s="1"/>
  <c r="A3112" i="1" s="1"/>
  <c r="A3113" i="1" s="1"/>
  <c r="A3114" i="1" s="1"/>
  <c r="A3115" i="1" s="1"/>
  <c r="A3116" i="1" s="1"/>
  <c r="A3117" i="1" s="1"/>
  <c r="A3118" i="1" s="1"/>
  <c r="A3119" i="1" s="1"/>
  <c r="A3120" i="1" s="1"/>
  <c r="A3121" i="1" s="1"/>
  <c r="A3122" i="1" s="1"/>
  <c r="A3123" i="1" s="1"/>
  <c r="A3124" i="1" s="1"/>
  <c r="A3125" i="1" s="1"/>
  <c r="A3126" i="1" s="1"/>
  <c r="A3127" i="1" s="1"/>
  <c r="A3128" i="1" s="1"/>
  <c r="A3129" i="1" s="1"/>
  <c r="A3130" i="1" s="1"/>
  <c r="A3131" i="1" s="1"/>
  <c r="A3132" i="1" s="1"/>
  <c r="A3133" i="1" s="1"/>
  <c r="A3134" i="1" s="1"/>
  <c r="A3135" i="1" s="1"/>
  <c r="A3136" i="1" s="1"/>
  <c r="A3137" i="1" s="1"/>
  <c r="A3138" i="1" s="1"/>
  <c r="A3139" i="1" s="1"/>
  <c r="A3140" i="1" s="1"/>
  <c r="A3141" i="1" s="1"/>
  <c r="A3142" i="1" s="1"/>
  <c r="A3143" i="1" s="1"/>
  <c r="A3144" i="1" s="1"/>
  <c r="A3145" i="1" s="1"/>
  <c r="A3146" i="1" s="1"/>
  <c r="A3147" i="1" s="1"/>
  <c r="A3148" i="1" s="1"/>
  <c r="A3149" i="1" s="1"/>
  <c r="A3150" i="1" s="1"/>
  <c r="A3151" i="1" s="1"/>
  <c r="A3152" i="1" s="1"/>
  <c r="A3153" i="1" s="1"/>
  <c r="A3154" i="1" s="1"/>
  <c r="A3155" i="1" s="1"/>
  <c r="A3156" i="1" s="1"/>
  <c r="A3157" i="1" s="1"/>
  <c r="A3158" i="1" s="1"/>
  <c r="A3159" i="1" s="1"/>
  <c r="A3160" i="1" s="1"/>
  <c r="A3161" i="1" s="1"/>
  <c r="A3162" i="1" s="1"/>
  <c r="A3163" i="1" s="1"/>
  <c r="A3164" i="1" s="1"/>
  <c r="A3165" i="1" s="1"/>
  <c r="A3166" i="1" s="1"/>
  <c r="A3167" i="1" s="1"/>
  <c r="A3168" i="1" s="1"/>
  <c r="A3169" i="1" s="1"/>
  <c r="A3170" i="1" s="1"/>
  <c r="A3171" i="1" s="1"/>
  <c r="A3172" i="1" s="1"/>
  <c r="A3173" i="1" s="1"/>
  <c r="A3174" i="1" s="1"/>
  <c r="A3175" i="1" s="1"/>
  <c r="A3176" i="1" s="1"/>
  <c r="A3177" i="1" s="1"/>
  <c r="A3178" i="1" s="1"/>
  <c r="A3179" i="1" s="1"/>
  <c r="A3180" i="1" s="1"/>
  <c r="A3181" i="1" s="1"/>
  <c r="A3182" i="1" s="1"/>
  <c r="A3183" i="1" s="1"/>
  <c r="A3184" i="1" s="1"/>
  <c r="A3185" i="1" s="1"/>
  <c r="A3186" i="1" s="1"/>
  <c r="A3187" i="1" s="1"/>
  <c r="A3188" i="1" s="1"/>
  <c r="A3189" i="1" s="1"/>
  <c r="A3190" i="1" s="1"/>
  <c r="A3191" i="1" s="1"/>
  <c r="A3192" i="1" s="1"/>
  <c r="A3193" i="1" s="1"/>
  <c r="A3194" i="1" s="1"/>
  <c r="A3195" i="1" s="1"/>
  <c r="A3196" i="1" s="1"/>
  <c r="A3197" i="1" s="1"/>
  <c r="A3198" i="1" s="1"/>
  <c r="A3199" i="1" s="1"/>
  <c r="A3200" i="1" s="1"/>
  <c r="A3201" i="1" s="1"/>
  <c r="A3202" i="1" s="1"/>
  <c r="A3203" i="1" s="1"/>
  <c r="A3204" i="1" s="1"/>
  <c r="A3205" i="1" s="1"/>
  <c r="A3206" i="1" s="1"/>
  <c r="A3207" i="1" s="1"/>
  <c r="A3208" i="1" s="1"/>
  <c r="A3209" i="1" s="1"/>
  <c r="A3210" i="1" s="1"/>
  <c r="A3211" i="1" s="1"/>
  <c r="A3212" i="1" s="1"/>
  <c r="A3213" i="1" s="1"/>
  <c r="A3214" i="1" s="1"/>
  <c r="A3215" i="1" s="1"/>
  <c r="A3216" i="1" s="1"/>
  <c r="A3217" i="1" s="1"/>
  <c r="A3218" i="1" s="1"/>
  <c r="A3219" i="1" s="1"/>
  <c r="A3220" i="1" s="1"/>
  <c r="A3221" i="1" s="1"/>
  <c r="A3222" i="1" s="1"/>
  <c r="A3223" i="1" s="1"/>
  <c r="A3224" i="1" s="1"/>
  <c r="A3225" i="1" s="1"/>
  <c r="A3226" i="1" s="1"/>
  <c r="A3227" i="1" s="1"/>
  <c r="A3228" i="1" s="1"/>
  <c r="A3229" i="1" s="1"/>
  <c r="A3230" i="1" s="1"/>
  <c r="A3231" i="1" s="1"/>
  <c r="A3232" i="1" s="1"/>
  <c r="A3233" i="1" s="1"/>
  <c r="A3234" i="1" s="1"/>
  <c r="A3235" i="1" s="1"/>
  <c r="A3236" i="1" s="1"/>
  <c r="A3237" i="1" s="1"/>
  <c r="A3238" i="1" s="1"/>
  <c r="A3239" i="1" s="1"/>
  <c r="A3240" i="1" s="1"/>
  <c r="A3241" i="1" s="1"/>
  <c r="A3242" i="1" s="1"/>
  <c r="A3243" i="1" s="1"/>
  <c r="A3244" i="1" s="1"/>
  <c r="A3245" i="1" s="1"/>
  <c r="A3246" i="1" s="1"/>
  <c r="A3247" i="1" s="1"/>
  <c r="A3248" i="1" s="1"/>
  <c r="A3249" i="1" s="1"/>
  <c r="A3250" i="1" s="1"/>
  <c r="A3251" i="1" s="1"/>
  <c r="A3252" i="1" s="1"/>
  <c r="A3253" i="1" s="1"/>
  <c r="A3254" i="1" s="1"/>
  <c r="A3255" i="1" s="1"/>
  <c r="A3256" i="1" s="1"/>
  <c r="A3257" i="1" s="1"/>
  <c r="A3258" i="1" s="1"/>
  <c r="A3259" i="1" s="1"/>
  <c r="A3260" i="1" s="1"/>
  <c r="A3261" i="1" s="1"/>
  <c r="A3262" i="1" s="1"/>
  <c r="A3263" i="1" s="1"/>
  <c r="A3264" i="1" s="1"/>
  <c r="A3265" i="1" s="1"/>
  <c r="A3266" i="1" s="1"/>
  <c r="A3267" i="1" s="1"/>
  <c r="A3268" i="1" s="1"/>
  <c r="A3269" i="1" s="1"/>
  <c r="A3270" i="1" s="1"/>
  <c r="A3271" i="1" s="1"/>
  <c r="A3272" i="1" s="1"/>
  <c r="A3273" i="1" s="1"/>
  <c r="A3274" i="1" s="1"/>
  <c r="A3275" i="1" s="1"/>
  <c r="A3276" i="1" s="1"/>
  <c r="A3277" i="1" s="1"/>
  <c r="A3278" i="1" s="1"/>
  <c r="A3279" i="1" s="1"/>
  <c r="A3280" i="1" s="1"/>
  <c r="A3281" i="1" s="1"/>
  <c r="A3282" i="1" s="1"/>
  <c r="A3283" i="1" s="1"/>
  <c r="A3284" i="1" s="1"/>
  <c r="A3285" i="1" s="1"/>
  <c r="A3286" i="1" s="1"/>
  <c r="A3287" i="1" s="1"/>
  <c r="A3288" i="1" s="1"/>
  <c r="A3289" i="1" s="1"/>
  <c r="A3290" i="1" s="1"/>
  <c r="A3291" i="1" s="1"/>
  <c r="A3292" i="1" s="1"/>
  <c r="A3293" i="1" s="1"/>
  <c r="A3294" i="1" s="1"/>
  <c r="A3295" i="1" s="1"/>
  <c r="A3296" i="1" s="1"/>
  <c r="A3297" i="1" s="1"/>
  <c r="A3298" i="1" s="1"/>
  <c r="A3299" i="1" s="1"/>
  <c r="A3300" i="1" s="1"/>
  <c r="A3301" i="1" s="1"/>
  <c r="A3302" i="1" s="1"/>
  <c r="A3303" i="1" s="1"/>
  <c r="A3304" i="1" s="1"/>
  <c r="A3305" i="1" s="1"/>
  <c r="A3306" i="1" s="1"/>
  <c r="A3307" i="1" s="1"/>
  <c r="A3308" i="1" s="1"/>
  <c r="A3309" i="1" s="1"/>
  <c r="A3310" i="1" s="1"/>
  <c r="A3311" i="1" s="1"/>
  <c r="A3312" i="1" s="1"/>
  <c r="A3313" i="1" s="1"/>
  <c r="A3314" i="1" s="1"/>
  <c r="A3315" i="1" s="1"/>
  <c r="A3316" i="1" s="1"/>
  <c r="A3317" i="1" s="1"/>
  <c r="A3318" i="1" s="1"/>
  <c r="A3319" i="1" s="1"/>
  <c r="A3320" i="1" s="1"/>
  <c r="A3321" i="1" s="1"/>
  <c r="A3322" i="1" s="1"/>
  <c r="A3323" i="1" s="1"/>
  <c r="A3324" i="1" s="1"/>
  <c r="A3325" i="1" s="1"/>
  <c r="A3326" i="1" s="1"/>
  <c r="A3327" i="1" s="1"/>
  <c r="A3328" i="1" s="1"/>
  <c r="A3329" i="1" s="1"/>
  <c r="A3330" i="1" s="1"/>
  <c r="A3331" i="1" s="1"/>
  <c r="A3332" i="1" s="1"/>
  <c r="A3333" i="1" s="1"/>
  <c r="A3334" i="1" s="1"/>
  <c r="A3335" i="1" s="1"/>
  <c r="A3336" i="1" s="1"/>
  <c r="A3337" i="1" s="1"/>
  <c r="A3338" i="1" s="1"/>
  <c r="A3339" i="1" s="1"/>
  <c r="A3340" i="1" s="1"/>
  <c r="A3341" i="1" s="1"/>
  <c r="A3342" i="1" s="1"/>
  <c r="A3343" i="1" s="1"/>
  <c r="A3344" i="1" s="1"/>
  <c r="A3345" i="1" s="1"/>
  <c r="A3346" i="1" s="1"/>
  <c r="A3347" i="1" s="1"/>
  <c r="A3348" i="1" s="1"/>
  <c r="A3349" i="1" s="1"/>
  <c r="A3350" i="1" s="1"/>
  <c r="A3351" i="1" s="1"/>
  <c r="A3352" i="1" s="1"/>
  <c r="A3353" i="1" s="1"/>
  <c r="A3354" i="1" s="1"/>
  <c r="A3355" i="1" s="1"/>
  <c r="A3356" i="1" s="1"/>
  <c r="A3357" i="1" s="1"/>
  <c r="A3358" i="1" s="1"/>
  <c r="A3359" i="1" s="1"/>
  <c r="A3360" i="1" s="1"/>
  <c r="A3361" i="1" s="1"/>
  <c r="A3362" i="1" s="1"/>
  <c r="A3363" i="1" s="1"/>
  <c r="A3364" i="1" s="1"/>
  <c r="A3365" i="1" s="1"/>
  <c r="A3366" i="1" s="1"/>
  <c r="A3367" i="1" s="1"/>
  <c r="A3368" i="1" s="1"/>
  <c r="A3369" i="1" s="1"/>
  <c r="A3370" i="1" s="1"/>
  <c r="A3371" i="1" s="1"/>
  <c r="A3372" i="1" s="1"/>
  <c r="A3373" i="1" s="1"/>
  <c r="A3374" i="1" s="1"/>
  <c r="A3375" i="1" s="1"/>
  <c r="A3376" i="1" s="1"/>
  <c r="A3377" i="1" s="1"/>
  <c r="A3378" i="1" s="1"/>
  <c r="A3379" i="1" s="1"/>
  <c r="A3380" i="1" s="1"/>
  <c r="A3381" i="1" s="1"/>
  <c r="A3382" i="1" s="1"/>
  <c r="A3383" i="1" s="1"/>
  <c r="A3384" i="1" s="1"/>
  <c r="A3385" i="1" s="1"/>
  <c r="A3386" i="1" s="1"/>
  <c r="A3387" i="1" s="1"/>
  <c r="A3388" i="1" s="1"/>
  <c r="A3389" i="1" s="1"/>
  <c r="A3390" i="1" s="1"/>
  <c r="A3391" i="1" s="1"/>
  <c r="A3392" i="1" s="1"/>
  <c r="A3393" i="1" s="1"/>
  <c r="A3394" i="1" s="1"/>
  <c r="A3395" i="1" s="1"/>
  <c r="A3396" i="1" s="1"/>
  <c r="A3397" i="1" s="1"/>
  <c r="A3398" i="1" s="1"/>
  <c r="A3399" i="1" s="1"/>
  <c r="A3400" i="1" s="1"/>
  <c r="A3401" i="1" s="1"/>
  <c r="A3402" i="1" s="1"/>
  <c r="A3403" i="1" s="1"/>
  <c r="A3404" i="1" s="1"/>
  <c r="A3405" i="1" s="1"/>
  <c r="A3406" i="1" s="1"/>
  <c r="A3407" i="1" s="1"/>
  <c r="A3408" i="1" s="1"/>
  <c r="A3409" i="1" s="1"/>
  <c r="A3410" i="1" s="1"/>
  <c r="A3411" i="1" s="1"/>
  <c r="A3412" i="1" s="1"/>
  <c r="A3413" i="1" s="1"/>
  <c r="A3414" i="1" s="1"/>
  <c r="A3415" i="1" s="1"/>
  <c r="A3416" i="1" s="1"/>
  <c r="A3417" i="1" s="1"/>
  <c r="A3418" i="1" s="1"/>
  <c r="A3419" i="1" s="1"/>
  <c r="A3420" i="1" s="1"/>
  <c r="A3421" i="1" s="1"/>
  <c r="A3422" i="1" s="1"/>
  <c r="A3423" i="1" s="1"/>
  <c r="A3424" i="1" s="1"/>
  <c r="A3425" i="1" s="1"/>
  <c r="A3426" i="1" s="1"/>
  <c r="A3427" i="1" s="1"/>
  <c r="A3428" i="1" s="1"/>
  <c r="A3429" i="1" s="1"/>
  <c r="A3430" i="1" s="1"/>
  <c r="A3431" i="1" s="1"/>
  <c r="A3432" i="1" s="1"/>
  <c r="A3433" i="1" s="1"/>
  <c r="A3434" i="1" s="1"/>
  <c r="A3435" i="1" s="1"/>
  <c r="A3436" i="1" s="1"/>
  <c r="A3437" i="1" s="1"/>
  <c r="A3438" i="1" s="1"/>
  <c r="A3439" i="1" s="1"/>
  <c r="A3440" i="1" s="1"/>
  <c r="A3441" i="1" s="1"/>
  <c r="A3442" i="1" s="1"/>
  <c r="A3443" i="1" s="1"/>
  <c r="A3444" i="1" s="1"/>
  <c r="A3445" i="1" s="1"/>
  <c r="A3446" i="1" s="1"/>
  <c r="A3447" i="1" s="1"/>
  <c r="A3448" i="1" s="1"/>
  <c r="A3449" i="1" s="1"/>
  <c r="A3450" i="1" s="1"/>
  <c r="A3451" i="1" s="1"/>
  <c r="A3452" i="1" s="1"/>
  <c r="A3453" i="1" s="1"/>
  <c r="A3454" i="1" s="1"/>
  <c r="A3455" i="1" s="1"/>
  <c r="A3456" i="1" s="1"/>
  <c r="A3457" i="1" s="1"/>
  <c r="A3458" i="1" s="1"/>
  <c r="A3459" i="1" s="1"/>
  <c r="A3460" i="1" s="1"/>
  <c r="A3461" i="1" s="1"/>
  <c r="A3462" i="1" s="1"/>
  <c r="A3463" i="1" s="1"/>
  <c r="A3464" i="1" s="1"/>
  <c r="A3465" i="1" s="1"/>
  <c r="A3466" i="1" s="1"/>
  <c r="A3467" i="1" s="1"/>
  <c r="A3468" i="1" s="1"/>
  <c r="A3469" i="1" s="1"/>
  <c r="A3470" i="1" s="1"/>
  <c r="A3471" i="1" s="1"/>
  <c r="A3472" i="1" s="1"/>
  <c r="A3473" i="1" s="1"/>
  <c r="A3474" i="1" s="1"/>
  <c r="A3475" i="1" s="1"/>
  <c r="A3476" i="1" s="1"/>
  <c r="A3477" i="1" s="1"/>
  <c r="A3478" i="1" s="1"/>
  <c r="A3479" i="1" s="1"/>
  <c r="A3480" i="1" s="1"/>
  <c r="A3481" i="1" s="1"/>
  <c r="A3482" i="1" s="1"/>
  <c r="A3483" i="1" s="1"/>
  <c r="A3484" i="1" s="1"/>
  <c r="A3485" i="1" s="1"/>
  <c r="A3486" i="1" s="1"/>
  <c r="A3487" i="1" s="1"/>
  <c r="A3488" i="1" s="1"/>
  <c r="A3489" i="1" s="1"/>
  <c r="A3490" i="1" s="1"/>
  <c r="A3491" i="1" s="1"/>
  <c r="A3492" i="1" s="1"/>
  <c r="A3493" i="1" s="1"/>
  <c r="A3494" i="1" s="1"/>
  <c r="A3495" i="1" s="1"/>
  <c r="A3496" i="1" s="1"/>
  <c r="A3497" i="1" s="1"/>
  <c r="A3498" i="1" s="1"/>
  <c r="A3499" i="1" s="1"/>
  <c r="A3500" i="1" s="1"/>
  <c r="A3501" i="1" s="1"/>
  <c r="A3502" i="1" s="1"/>
  <c r="A3503" i="1" s="1"/>
  <c r="A3504" i="1" s="1"/>
  <c r="A3505" i="1" s="1"/>
  <c r="A3506" i="1" s="1"/>
  <c r="A3507" i="1" s="1"/>
  <c r="A3508" i="1" s="1"/>
  <c r="A3509" i="1" s="1"/>
  <c r="A3510" i="1" s="1"/>
  <c r="A3511" i="1" s="1"/>
  <c r="A3512" i="1" s="1"/>
  <c r="A3513" i="1" s="1"/>
  <c r="A3514" i="1" s="1"/>
  <c r="A3515" i="1" s="1"/>
  <c r="A3516" i="1" s="1"/>
  <c r="A3517" i="1" s="1"/>
  <c r="A3518" i="1" s="1"/>
  <c r="A3519" i="1" s="1"/>
  <c r="A3520" i="1" s="1"/>
  <c r="A3521" i="1" s="1"/>
  <c r="A3522" i="1" s="1"/>
  <c r="A3523" i="1" s="1"/>
  <c r="A3524" i="1" s="1"/>
  <c r="A3525" i="1" s="1"/>
  <c r="A3526" i="1" s="1"/>
  <c r="A3527" i="1" s="1"/>
  <c r="A3528" i="1" s="1"/>
  <c r="A3529" i="1" s="1"/>
  <c r="A3530" i="1" s="1"/>
  <c r="A3531" i="1" s="1"/>
  <c r="A3532" i="1" s="1"/>
  <c r="A3533" i="1" s="1"/>
  <c r="A3534" i="1" s="1"/>
  <c r="A3535" i="1" s="1"/>
  <c r="A3536" i="1" s="1"/>
  <c r="A3537" i="1" s="1"/>
  <c r="A3538" i="1" s="1"/>
  <c r="A3539" i="1" s="1"/>
  <c r="A3540" i="1" s="1"/>
  <c r="A3541" i="1" s="1"/>
  <c r="A3542" i="1" s="1"/>
  <c r="A3543" i="1" s="1"/>
  <c r="A3544" i="1" s="1"/>
  <c r="A3545" i="1" s="1"/>
  <c r="A3546" i="1" s="1"/>
  <c r="A3547" i="1" s="1"/>
  <c r="A3548" i="1" s="1"/>
  <c r="A3549" i="1" s="1"/>
  <c r="A3550" i="1" s="1"/>
  <c r="A3551" i="1" s="1"/>
  <c r="A3552" i="1" s="1"/>
  <c r="A3553" i="1" s="1"/>
  <c r="A3554" i="1" s="1"/>
  <c r="A3555" i="1" s="1"/>
  <c r="A3556" i="1" s="1"/>
  <c r="A3557" i="1" s="1"/>
  <c r="A3558" i="1" s="1"/>
  <c r="A3559" i="1" s="1"/>
  <c r="A3560" i="1" s="1"/>
  <c r="A3561" i="1" s="1"/>
  <c r="A3562" i="1" s="1"/>
  <c r="A3563" i="1" s="1"/>
  <c r="A3564" i="1" s="1"/>
  <c r="A3565" i="1" s="1"/>
  <c r="A3566" i="1" s="1"/>
  <c r="A3567" i="1" s="1"/>
  <c r="A3568" i="1" s="1"/>
  <c r="A3569" i="1" s="1"/>
  <c r="A3570" i="1" s="1"/>
  <c r="A3571" i="1" s="1"/>
  <c r="A3572" i="1" s="1"/>
  <c r="A3573" i="1" s="1"/>
  <c r="A3574" i="1" s="1"/>
  <c r="A3575" i="1" s="1"/>
  <c r="A3576" i="1" s="1"/>
  <c r="A3577" i="1" s="1"/>
  <c r="A3578" i="1" s="1"/>
  <c r="A3579" i="1" s="1"/>
  <c r="A3580" i="1" s="1"/>
  <c r="A3581" i="1" s="1"/>
  <c r="A3582" i="1" s="1"/>
  <c r="A3583" i="1" s="1"/>
  <c r="A3584" i="1" s="1"/>
  <c r="A3585" i="1" s="1"/>
  <c r="A3586" i="1" s="1"/>
  <c r="A3587" i="1" s="1"/>
  <c r="A3588" i="1" s="1"/>
  <c r="A3589" i="1" s="1"/>
  <c r="A3590" i="1" s="1"/>
  <c r="A3591" i="1" s="1"/>
  <c r="A3592" i="1" s="1"/>
  <c r="A3593" i="1" s="1"/>
  <c r="A3594" i="1" s="1"/>
  <c r="A3595" i="1" s="1"/>
  <c r="A3596" i="1" s="1"/>
  <c r="A3597" i="1" s="1"/>
  <c r="A3598" i="1" s="1"/>
  <c r="A3599" i="1" s="1"/>
  <c r="A3600" i="1" s="1"/>
  <c r="A3601" i="1" s="1"/>
  <c r="A3602" i="1" s="1"/>
  <c r="A3603" i="1" s="1"/>
  <c r="A3604" i="1" s="1"/>
  <c r="A3605" i="1" s="1"/>
  <c r="A3606" i="1" s="1"/>
  <c r="A3607" i="1" s="1"/>
  <c r="A3608" i="1" s="1"/>
  <c r="A3609" i="1" s="1"/>
  <c r="A3610" i="1" s="1"/>
  <c r="A3611" i="1" s="1"/>
  <c r="A3612" i="1" s="1"/>
  <c r="A3613" i="1" s="1"/>
  <c r="A3614" i="1" s="1"/>
  <c r="A3615" i="1" s="1"/>
  <c r="A3616" i="1" s="1"/>
  <c r="A3617" i="1" s="1"/>
  <c r="A3618" i="1" s="1"/>
  <c r="A3619" i="1" s="1"/>
  <c r="A3620" i="1" s="1"/>
  <c r="A3621" i="1" s="1"/>
  <c r="A3622" i="1" s="1"/>
  <c r="A3623" i="1" s="1"/>
  <c r="A3624" i="1" s="1"/>
  <c r="A3625" i="1" s="1"/>
  <c r="A3626" i="1" s="1"/>
  <c r="A3627" i="1" s="1"/>
  <c r="A3628" i="1" s="1"/>
  <c r="A3629" i="1" s="1"/>
  <c r="A3630" i="1" s="1"/>
  <c r="A3631" i="1" s="1"/>
  <c r="A3632" i="1" s="1"/>
  <c r="A3633" i="1" s="1"/>
  <c r="A3634" i="1" s="1"/>
  <c r="A3635" i="1" s="1"/>
  <c r="A3636" i="1" s="1"/>
  <c r="A3637" i="1" s="1"/>
  <c r="A3638" i="1" s="1"/>
  <c r="A3639" i="1" s="1"/>
  <c r="A3640" i="1" s="1"/>
  <c r="A3641" i="1" s="1"/>
  <c r="A3642" i="1" s="1"/>
  <c r="A3643" i="1" s="1"/>
  <c r="A3644" i="1" s="1"/>
  <c r="A3645" i="1" s="1"/>
  <c r="A3646" i="1" s="1"/>
  <c r="A3647" i="1" s="1"/>
  <c r="A3648" i="1" s="1"/>
  <c r="A3649" i="1" s="1"/>
  <c r="A3650" i="1" s="1"/>
  <c r="A3651" i="1" s="1"/>
  <c r="A3652" i="1" s="1"/>
  <c r="A3653" i="1" s="1"/>
  <c r="A3654" i="1" s="1"/>
  <c r="A3655" i="1" s="1"/>
  <c r="A3656" i="1" s="1"/>
  <c r="A3657" i="1" s="1"/>
  <c r="A3658" i="1" s="1"/>
  <c r="A3659" i="1" s="1"/>
  <c r="A3660" i="1" s="1"/>
  <c r="A3661" i="1" s="1"/>
  <c r="A3662" i="1" s="1"/>
  <c r="A3663" i="1" s="1"/>
  <c r="A3664" i="1" s="1"/>
  <c r="A3665" i="1" s="1"/>
  <c r="A3666" i="1" s="1"/>
  <c r="A3667" i="1" s="1"/>
  <c r="A3668" i="1" s="1"/>
  <c r="A3669" i="1" s="1"/>
  <c r="A3670" i="1" s="1"/>
  <c r="A3671" i="1" s="1"/>
  <c r="A3672" i="1" s="1"/>
  <c r="A3673" i="1" s="1"/>
  <c r="A3674" i="1" s="1"/>
  <c r="A3675" i="1" s="1"/>
  <c r="A3676" i="1" s="1"/>
  <c r="A3677" i="1" s="1"/>
  <c r="A3678" i="1" s="1"/>
  <c r="A3679" i="1" s="1"/>
  <c r="A3680" i="1" s="1"/>
  <c r="A3681" i="1" s="1"/>
  <c r="A3682" i="1" s="1"/>
  <c r="A3683" i="1" s="1"/>
  <c r="A3684" i="1" s="1"/>
  <c r="A3685" i="1" s="1"/>
  <c r="A3686" i="1" s="1"/>
  <c r="A3687" i="1" s="1"/>
  <c r="A3688" i="1" s="1"/>
  <c r="A3689" i="1" s="1"/>
  <c r="A3690" i="1" s="1"/>
  <c r="A3691" i="1" s="1"/>
  <c r="A3692" i="1" s="1"/>
  <c r="A3693" i="1" s="1"/>
  <c r="A3694" i="1" s="1"/>
  <c r="A3695" i="1" s="1"/>
  <c r="A3696" i="1" s="1"/>
  <c r="A3697" i="1" s="1"/>
  <c r="A3698" i="1" s="1"/>
  <c r="A3699" i="1" s="1"/>
  <c r="A3700" i="1" s="1"/>
  <c r="A3701" i="1" s="1"/>
  <c r="A3702" i="1" s="1"/>
  <c r="A3703" i="1" s="1"/>
  <c r="A3704" i="1" s="1"/>
  <c r="A3705" i="1" s="1"/>
  <c r="A3706" i="1" s="1"/>
  <c r="A3707" i="1" s="1"/>
  <c r="A3708" i="1" s="1"/>
  <c r="A3709" i="1" s="1"/>
  <c r="A3710" i="1" s="1"/>
  <c r="A3711" i="1" s="1"/>
  <c r="A3712" i="1" s="1"/>
  <c r="A3713" i="1" s="1"/>
  <c r="A3714" i="1" s="1"/>
  <c r="A3715" i="1" s="1"/>
  <c r="A3716" i="1" s="1"/>
  <c r="A3717" i="1" s="1"/>
  <c r="A3718" i="1" s="1"/>
  <c r="A3719" i="1" s="1"/>
  <c r="A3720" i="1" s="1"/>
  <c r="A3721" i="1" s="1"/>
  <c r="A3722" i="1" s="1"/>
  <c r="A3723" i="1" s="1"/>
  <c r="A3724" i="1" s="1"/>
  <c r="A3725" i="1" s="1"/>
  <c r="A3726" i="1" s="1"/>
  <c r="A3727" i="1" s="1"/>
  <c r="A3728" i="1" s="1"/>
  <c r="A3729" i="1" s="1"/>
  <c r="A3730" i="1" s="1"/>
  <c r="A3731" i="1" s="1"/>
  <c r="A3732" i="1" s="1"/>
  <c r="A3733" i="1" s="1"/>
  <c r="A3734" i="1" s="1"/>
  <c r="A3735" i="1" s="1"/>
  <c r="A3736" i="1" s="1"/>
  <c r="A3737" i="1" s="1"/>
  <c r="A3738" i="1" s="1"/>
  <c r="A3739" i="1" s="1"/>
  <c r="A3740" i="1" s="1"/>
  <c r="A3741" i="1" s="1"/>
  <c r="A3742" i="1" s="1"/>
  <c r="A3743" i="1" s="1"/>
  <c r="A3744" i="1" s="1"/>
  <c r="A3745" i="1" s="1"/>
  <c r="A3746" i="1" s="1"/>
  <c r="A3747" i="1" s="1"/>
  <c r="A3748" i="1" s="1"/>
  <c r="A3749" i="1" s="1"/>
  <c r="A3750" i="1" s="1"/>
  <c r="A3751" i="1" s="1"/>
  <c r="A3752" i="1" s="1"/>
  <c r="A3753" i="1" s="1"/>
  <c r="A3754" i="1" s="1"/>
  <c r="A3755" i="1" s="1"/>
  <c r="A3756" i="1" s="1"/>
  <c r="A3757" i="1" s="1"/>
  <c r="A3758" i="1" s="1"/>
  <c r="A3759" i="1" s="1"/>
  <c r="A3760" i="1" s="1"/>
  <c r="A3761" i="1" s="1"/>
  <c r="A3762" i="1" s="1"/>
  <c r="A3763" i="1" s="1"/>
  <c r="A3764" i="1" s="1"/>
  <c r="A3765" i="1" s="1"/>
  <c r="A3766" i="1" s="1"/>
  <c r="A3767" i="1" s="1"/>
  <c r="A3768" i="1" s="1"/>
  <c r="A3769" i="1" s="1"/>
  <c r="A3770" i="1" s="1"/>
  <c r="A3771" i="1" s="1"/>
  <c r="A3772" i="1" s="1"/>
  <c r="A3773" i="1" s="1"/>
  <c r="A3774" i="1" s="1"/>
  <c r="A3775" i="1" s="1"/>
  <c r="A3776" i="1" s="1"/>
  <c r="A3777" i="1" s="1"/>
  <c r="A3778" i="1" s="1"/>
  <c r="A3779" i="1" s="1"/>
  <c r="A3780" i="1" s="1"/>
  <c r="A3781" i="1" s="1"/>
  <c r="A3782" i="1" s="1"/>
  <c r="A3783" i="1" s="1"/>
  <c r="A3784" i="1" s="1"/>
  <c r="A3785" i="1" s="1"/>
  <c r="A3786" i="1" s="1"/>
  <c r="A3787" i="1" s="1"/>
  <c r="A3788" i="1" s="1"/>
  <c r="A3789" i="1" s="1"/>
  <c r="A3790" i="1" s="1"/>
  <c r="A3791" i="1" s="1"/>
  <c r="A3792" i="1" s="1"/>
  <c r="A3793" i="1" s="1"/>
  <c r="A3794" i="1" s="1"/>
  <c r="A3795" i="1" s="1"/>
  <c r="A3796" i="1" s="1"/>
  <c r="A3797" i="1" s="1"/>
  <c r="A3798" i="1" s="1"/>
  <c r="A3799" i="1" s="1"/>
  <c r="A3800" i="1" s="1"/>
  <c r="A3801" i="1" s="1"/>
  <c r="A3802" i="1" s="1"/>
  <c r="A3803" i="1" s="1"/>
  <c r="A3804" i="1" s="1"/>
  <c r="A3805" i="1" s="1"/>
  <c r="A3806" i="1" s="1"/>
  <c r="A3807" i="1" s="1"/>
  <c r="A3808" i="1" s="1"/>
  <c r="A3809" i="1" s="1"/>
  <c r="A3810" i="1" s="1"/>
  <c r="A3811" i="1" s="1"/>
  <c r="A3812" i="1" s="1"/>
  <c r="A3813" i="1" s="1"/>
  <c r="A3814" i="1" s="1"/>
  <c r="A3815" i="1" s="1"/>
  <c r="A3816" i="1" s="1"/>
  <c r="A3817" i="1" s="1"/>
  <c r="A3818" i="1" s="1"/>
  <c r="A3819" i="1" s="1"/>
  <c r="A3820" i="1" s="1"/>
  <c r="A3821" i="1" s="1"/>
  <c r="A3822" i="1" s="1"/>
  <c r="A3823" i="1" s="1"/>
  <c r="A3824" i="1" s="1"/>
  <c r="A3825" i="1" s="1"/>
  <c r="A3826" i="1" s="1"/>
  <c r="A3827" i="1" s="1"/>
  <c r="A3828" i="1" s="1"/>
  <c r="A3829" i="1" s="1"/>
  <c r="A3830" i="1" s="1"/>
  <c r="A3831" i="1" s="1"/>
  <c r="A3832" i="1" s="1"/>
  <c r="A3833" i="1" s="1"/>
  <c r="A3834" i="1" s="1"/>
  <c r="A3835" i="1" s="1"/>
  <c r="A3836" i="1" s="1"/>
  <c r="A3837" i="1" s="1"/>
  <c r="A3838" i="1" s="1"/>
  <c r="A3839" i="1" s="1"/>
  <c r="A3840" i="1" s="1"/>
  <c r="A3841" i="1" s="1"/>
  <c r="A3842" i="1" s="1"/>
  <c r="A3843" i="1" s="1"/>
  <c r="A3844" i="1" s="1"/>
  <c r="A3845" i="1" s="1"/>
  <c r="A3846" i="1" s="1"/>
  <c r="A3847" i="1" s="1"/>
  <c r="A3848" i="1" s="1"/>
  <c r="A3849" i="1" s="1"/>
  <c r="A3850" i="1" s="1"/>
  <c r="A3851" i="1" s="1"/>
  <c r="A3852" i="1" s="1"/>
  <c r="A3853" i="1" s="1"/>
  <c r="A3854" i="1" s="1"/>
  <c r="A3855" i="1" s="1"/>
  <c r="A3856" i="1" s="1"/>
  <c r="A3857" i="1" s="1"/>
  <c r="A3858" i="1" s="1"/>
  <c r="A3859" i="1" s="1"/>
  <c r="A3860" i="1" s="1"/>
  <c r="A3861" i="1" s="1"/>
  <c r="A3862" i="1" s="1"/>
  <c r="A3863" i="1" s="1"/>
  <c r="A3864" i="1" s="1"/>
  <c r="A3865" i="1" s="1"/>
  <c r="A3866" i="1" s="1"/>
  <c r="A3867" i="1" s="1"/>
  <c r="A3868" i="1" s="1"/>
  <c r="A3869" i="1" s="1"/>
  <c r="A3870" i="1" s="1"/>
  <c r="A3871" i="1" s="1"/>
  <c r="A3872" i="1" s="1"/>
  <c r="A3873" i="1" s="1"/>
  <c r="A3874" i="1" s="1"/>
  <c r="A3875" i="1" s="1"/>
  <c r="A3876" i="1" s="1"/>
  <c r="A3877" i="1" s="1"/>
  <c r="A3878" i="1" s="1"/>
  <c r="A3879" i="1" s="1"/>
  <c r="A3880" i="1" s="1"/>
  <c r="A3881" i="1" s="1"/>
  <c r="A3882" i="1" s="1"/>
  <c r="A3883" i="1" s="1"/>
  <c r="A3884" i="1" s="1"/>
  <c r="A3885" i="1" s="1"/>
  <c r="A3886" i="1" s="1"/>
  <c r="A3887" i="1" s="1"/>
  <c r="A3888" i="1" s="1"/>
  <c r="A3889" i="1" s="1"/>
  <c r="A3890" i="1" s="1"/>
  <c r="A3891" i="1" s="1"/>
  <c r="A3892" i="1" s="1"/>
  <c r="A3893" i="1" s="1"/>
  <c r="A3894" i="1" s="1"/>
  <c r="A3895" i="1" s="1"/>
  <c r="A3896" i="1" s="1"/>
  <c r="A3897" i="1" s="1"/>
  <c r="A3898" i="1" s="1"/>
  <c r="A3899" i="1" s="1"/>
  <c r="A3900" i="1" s="1"/>
  <c r="A3901" i="1" s="1"/>
  <c r="A3902" i="1" s="1"/>
  <c r="A3903" i="1" s="1"/>
  <c r="A3904" i="1" s="1"/>
  <c r="A3905" i="1" s="1"/>
  <c r="A3906" i="1" s="1"/>
  <c r="A3907" i="1" s="1"/>
  <c r="A3908" i="1" s="1"/>
  <c r="A3909" i="1" s="1"/>
  <c r="A3910" i="1" s="1"/>
  <c r="A3911" i="1" s="1"/>
  <c r="A3912" i="1" s="1"/>
  <c r="A3913" i="1" s="1"/>
  <c r="A3914" i="1" s="1"/>
  <c r="A3915" i="1" s="1"/>
  <c r="A3916" i="1" s="1"/>
  <c r="A3917" i="1" s="1"/>
  <c r="A3918" i="1" s="1"/>
  <c r="A3919" i="1" s="1"/>
  <c r="A3920" i="1" s="1"/>
  <c r="A3921" i="1" s="1"/>
  <c r="A3922" i="1" s="1"/>
  <c r="A3923" i="1" s="1"/>
  <c r="A3924" i="1" s="1"/>
  <c r="A3925" i="1" s="1"/>
  <c r="A3926" i="1" s="1"/>
  <c r="A3927" i="1" s="1"/>
  <c r="A3928" i="1" s="1"/>
  <c r="A3929" i="1" s="1"/>
  <c r="A3930" i="1" s="1"/>
  <c r="A3931" i="1" s="1"/>
  <c r="A3932" i="1" s="1"/>
  <c r="A3933" i="1" s="1"/>
  <c r="A3934" i="1" s="1"/>
  <c r="A3935" i="1" s="1"/>
  <c r="A3936" i="1" s="1"/>
  <c r="A3937" i="1" s="1"/>
  <c r="A3938" i="1" s="1"/>
  <c r="A3939" i="1" s="1"/>
  <c r="A3940" i="1" s="1"/>
  <c r="A3941" i="1" s="1"/>
  <c r="A3942" i="1" s="1"/>
  <c r="A3943" i="1" s="1"/>
  <c r="A3944" i="1" s="1"/>
  <c r="A3945" i="1" s="1"/>
  <c r="A3946" i="1" s="1"/>
  <c r="A3947" i="1" s="1"/>
  <c r="A3948" i="1" s="1"/>
  <c r="A3949" i="1" s="1"/>
  <c r="A3950" i="1" s="1"/>
  <c r="A3951" i="1" s="1"/>
  <c r="A3952" i="1" s="1"/>
  <c r="A3953" i="1" s="1"/>
  <c r="A3954" i="1" s="1"/>
  <c r="A3955" i="1" s="1"/>
  <c r="A3956" i="1" s="1"/>
  <c r="A3957" i="1" s="1"/>
  <c r="A3958" i="1" s="1"/>
  <c r="A3959" i="1" s="1"/>
  <c r="A3960" i="1" s="1"/>
  <c r="A3961" i="1" s="1"/>
  <c r="A3962" i="1" s="1"/>
  <c r="A3963" i="1" s="1"/>
  <c r="A3964" i="1" s="1"/>
  <c r="A3965" i="1" s="1"/>
  <c r="A3966" i="1" s="1"/>
  <c r="A3967" i="1" s="1"/>
  <c r="A3968" i="1" s="1"/>
  <c r="A3969" i="1" s="1"/>
  <c r="A3970" i="1" s="1"/>
  <c r="A3971" i="1" s="1"/>
  <c r="A3972" i="1" s="1"/>
  <c r="A3973" i="1" s="1"/>
  <c r="A3974" i="1" s="1"/>
  <c r="A3975" i="1" s="1"/>
  <c r="A3976" i="1" s="1"/>
  <c r="A3977" i="1" s="1"/>
  <c r="A3978" i="1" s="1"/>
  <c r="A3979" i="1" s="1"/>
  <c r="A3980" i="1" s="1"/>
  <c r="A3981" i="1" s="1"/>
  <c r="A3982" i="1" s="1"/>
  <c r="A3983" i="1" s="1"/>
  <c r="A3984" i="1" s="1"/>
  <c r="A3985" i="1" s="1"/>
  <c r="A3986" i="1" s="1"/>
  <c r="A3987" i="1" s="1"/>
  <c r="A3988" i="1" s="1"/>
  <c r="A3989" i="1" s="1"/>
  <c r="A3990" i="1" s="1"/>
  <c r="A3991" i="1" s="1"/>
  <c r="A3992" i="1" s="1"/>
  <c r="A3993" i="1" s="1"/>
  <c r="A3994" i="1" s="1"/>
  <c r="A3995" i="1" s="1"/>
  <c r="A3996" i="1" s="1"/>
  <c r="A3997" i="1" s="1"/>
  <c r="A3998" i="1" s="1"/>
  <c r="A3999" i="1" s="1"/>
  <c r="A4000" i="1" s="1"/>
  <c r="A4001" i="1" s="1"/>
  <c r="A4002" i="1" s="1"/>
  <c r="A4003" i="1" s="1"/>
  <c r="A4004" i="1" s="1"/>
  <c r="A4005" i="1" s="1"/>
  <c r="A4006" i="1" s="1"/>
  <c r="A4007" i="1" s="1"/>
  <c r="A4008" i="1" s="1"/>
  <c r="A4009" i="1" s="1"/>
  <c r="A4010" i="1" s="1"/>
  <c r="A4011" i="1" s="1"/>
  <c r="A4012" i="1" s="1"/>
  <c r="A4013" i="1" s="1"/>
  <c r="A4014" i="1" s="1"/>
  <c r="A4015" i="1" s="1"/>
  <c r="A4016" i="1" s="1"/>
  <c r="A4017" i="1" s="1"/>
  <c r="A4018" i="1" s="1"/>
  <c r="A4019" i="1" s="1"/>
  <c r="A4020" i="1" s="1"/>
  <c r="A4021" i="1" s="1"/>
  <c r="A4022" i="1" s="1"/>
  <c r="A4023" i="1" s="1"/>
  <c r="A4024" i="1" s="1"/>
  <c r="A4025" i="1" s="1"/>
  <c r="A4026" i="1" s="1"/>
  <c r="A4027" i="1" s="1"/>
  <c r="A4028" i="1" s="1"/>
  <c r="A4029" i="1" s="1"/>
  <c r="A4030" i="1" s="1"/>
  <c r="A4031" i="1" s="1"/>
  <c r="A4032" i="1" s="1"/>
  <c r="A4033" i="1" s="1"/>
  <c r="A4034" i="1" s="1"/>
  <c r="A4035" i="1" s="1"/>
  <c r="A4036" i="1" s="1"/>
  <c r="A4037" i="1" s="1"/>
  <c r="A4038" i="1" s="1"/>
  <c r="A4039" i="1" s="1"/>
  <c r="A4040" i="1" s="1"/>
  <c r="A4041" i="1" s="1"/>
  <c r="A4042" i="1" s="1"/>
  <c r="A4043" i="1" s="1"/>
  <c r="A4044" i="1" s="1"/>
  <c r="A4045" i="1" s="1"/>
  <c r="A4046" i="1" s="1"/>
  <c r="A4047" i="1" s="1"/>
  <c r="A4048" i="1" s="1"/>
  <c r="A4049" i="1" s="1"/>
  <c r="A4050" i="1" s="1"/>
  <c r="A4051" i="1" s="1"/>
  <c r="A4052" i="1" s="1"/>
  <c r="A4053" i="1" s="1"/>
  <c r="A4054" i="1" s="1"/>
  <c r="A4055" i="1" s="1"/>
  <c r="A4056" i="1" s="1"/>
  <c r="A4057" i="1" s="1"/>
  <c r="A4058" i="1" s="1"/>
  <c r="A4059" i="1" s="1"/>
  <c r="A4060" i="1" s="1"/>
  <c r="A4061" i="1" s="1"/>
  <c r="A4062" i="1" s="1"/>
  <c r="A4063" i="1" s="1"/>
  <c r="A4064" i="1" s="1"/>
  <c r="A4065" i="1" s="1"/>
  <c r="A4066" i="1" s="1"/>
  <c r="A4067" i="1" s="1"/>
  <c r="A4068" i="1" s="1"/>
  <c r="A4069" i="1" s="1"/>
  <c r="A4070" i="1" s="1"/>
  <c r="A4071" i="1" s="1"/>
  <c r="A4072" i="1" s="1"/>
  <c r="A4073" i="1" s="1"/>
  <c r="A4074" i="1" s="1"/>
  <c r="A4075" i="1" s="1"/>
  <c r="A4076" i="1" s="1"/>
  <c r="A4077" i="1" s="1"/>
  <c r="A4078" i="1" s="1"/>
  <c r="A4079" i="1" s="1"/>
  <c r="A4080" i="1" s="1"/>
  <c r="A4081" i="1" s="1"/>
  <c r="A4082" i="1" s="1"/>
  <c r="A4083" i="1" s="1"/>
  <c r="A4084" i="1" s="1"/>
  <c r="A4085" i="1" s="1"/>
  <c r="A4086" i="1" s="1"/>
  <c r="A4087" i="1" s="1"/>
  <c r="A4088" i="1" s="1"/>
  <c r="A4089" i="1" s="1"/>
  <c r="A4090" i="1" s="1"/>
  <c r="A4091" i="1" s="1"/>
  <c r="A4092" i="1" s="1"/>
  <c r="A4093" i="1" s="1"/>
  <c r="A4094" i="1" s="1"/>
  <c r="A4095" i="1" s="1"/>
  <c r="A4096" i="1" s="1"/>
  <c r="A4097" i="1" s="1"/>
  <c r="A4098" i="1" s="1"/>
  <c r="A4099" i="1" s="1"/>
  <c r="A4100" i="1" s="1"/>
  <c r="A4101" i="1" s="1"/>
  <c r="A4102" i="1" s="1"/>
  <c r="A4103" i="1" s="1"/>
  <c r="A4104" i="1" s="1"/>
  <c r="A4105" i="1" s="1"/>
  <c r="A4106" i="1" s="1"/>
  <c r="A4107" i="1" s="1"/>
  <c r="A4108" i="1" s="1"/>
  <c r="A4109" i="1" s="1"/>
  <c r="A4110" i="1" s="1"/>
  <c r="A4111" i="1" s="1"/>
  <c r="A4112" i="1" s="1"/>
  <c r="A4113" i="1" s="1"/>
  <c r="A4114" i="1" s="1"/>
  <c r="A4115" i="1" s="1"/>
  <c r="A4116" i="1" s="1"/>
  <c r="A4117" i="1" s="1"/>
  <c r="A4118" i="1" s="1"/>
  <c r="A4119" i="1" s="1"/>
  <c r="A4120" i="1" s="1"/>
  <c r="A4121" i="1" s="1"/>
  <c r="A4122" i="1" s="1"/>
  <c r="A4123" i="1" s="1"/>
  <c r="A4124" i="1" s="1"/>
  <c r="A4125" i="1" s="1"/>
  <c r="A4126" i="1" s="1"/>
  <c r="A4127" i="1" s="1"/>
  <c r="A4128" i="1" s="1"/>
  <c r="A4129" i="1" s="1"/>
  <c r="A4130" i="1" s="1"/>
  <c r="A4131" i="1" s="1"/>
  <c r="A4132" i="1" s="1"/>
  <c r="A4133" i="1" s="1"/>
  <c r="A4134" i="1" s="1"/>
  <c r="A4135" i="1" s="1"/>
  <c r="A4136" i="1" s="1"/>
  <c r="A4137" i="1" s="1"/>
  <c r="A4138" i="1" s="1"/>
  <c r="A4139" i="1" s="1"/>
  <c r="A4140" i="1" s="1"/>
  <c r="A4141" i="1" s="1"/>
  <c r="A4142" i="1" s="1"/>
  <c r="A4143" i="1" s="1"/>
  <c r="A4144" i="1" s="1"/>
  <c r="A4145" i="1" s="1"/>
  <c r="A4146" i="1" s="1"/>
  <c r="A4147" i="1" s="1"/>
  <c r="A4148" i="1" s="1"/>
  <c r="A4149" i="1" s="1"/>
  <c r="A4150" i="1" s="1"/>
  <c r="A4151" i="1" s="1"/>
  <c r="A4152" i="1" s="1"/>
  <c r="A4153" i="1" s="1"/>
  <c r="A4154" i="1" s="1"/>
  <c r="A4155" i="1" s="1"/>
  <c r="A4156" i="1" s="1"/>
  <c r="A4157" i="1" s="1"/>
  <c r="A4158" i="1" s="1"/>
  <c r="A4159" i="1" s="1"/>
  <c r="A4160" i="1" s="1"/>
  <c r="A4161" i="1" s="1"/>
  <c r="A4162" i="1" s="1"/>
  <c r="A4163" i="1" s="1"/>
  <c r="A4164" i="1" s="1"/>
  <c r="A4165" i="1" s="1"/>
  <c r="A4166" i="1" s="1"/>
  <c r="A4167" i="1" s="1"/>
  <c r="A4168" i="1" s="1"/>
  <c r="A4169" i="1" s="1"/>
  <c r="A4170" i="1" s="1"/>
  <c r="A4171" i="1" s="1"/>
  <c r="A4172" i="1" s="1"/>
  <c r="A4173" i="1" s="1"/>
  <c r="A4174" i="1" s="1"/>
  <c r="A4175" i="1" s="1"/>
  <c r="A4176" i="1" s="1"/>
  <c r="A4177" i="1" s="1"/>
  <c r="A4178" i="1" s="1"/>
  <c r="A4179" i="1" s="1"/>
  <c r="A4180" i="1" s="1"/>
  <c r="A4181" i="1" s="1"/>
  <c r="A4182" i="1" s="1"/>
  <c r="A4183" i="1" s="1"/>
  <c r="A4184" i="1" s="1"/>
  <c r="A4185" i="1" s="1"/>
  <c r="A4186" i="1" s="1"/>
  <c r="A4187" i="1" s="1"/>
  <c r="A4188" i="1" s="1"/>
  <c r="A4189" i="1" s="1"/>
  <c r="A4190" i="1" s="1"/>
  <c r="A4191" i="1" s="1"/>
  <c r="A4192" i="1" s="1"/>
  <c r="A4193" i="1" s="1"/>
  <c r="A4194" i="1" s="1"/>
  <c r="A4195" i="1" s="1"/>
  <c r="A4196" i="1" s="1"/>
  <c r="A4197" i="1" s="1"/>
  <c r="A4198" i="1" s="1"/>
  <c r="A4199" i="1" s="1"/>
  <c r="A4200" i="1" s="1"/>
  <c r="A4201" i="1" s="1"/>
  <c r="A4202" i="1" s="1"/>
  <c r="A4203" i="1" s="1"/>
  <c r="A4204" i="1" s="1"/>
  <c r="A4205" i="1" s="1"/>
  <c r="A4206" i="1" s="1"/>
  <c r="A4207" i="1" s="1"/>
  <c r="A4208" i="1" s="1"/>
  <c r="A4209" i="1" s="1"/>
  <c r="A4210" i="1" s="1"/>
  <c r="A4211" i="1" s="1"/>
  <c r="A4212" i="1" s="1"/>
  <c r="A4213" i="1" s="1"/>
  <c r="A4214" i="1" s="1"/>
  <c r="A4215" i="1" s="1"/>
  <c r="A4216" i="1" s="1"/>
  <c r="A4217" i="1" s="1"/>
  <c r="A4218" i="1" s="1"/>
  <c r="A4219" i="1" s="1"/>
  <c r="A4220" i="1" s="1"/>
  <c r="A4221" i="1" s="1"/>
  <c r="A4222" i="1" s="1"/>
  <c r="A4223" i="1" s="1"/>
  <c r="A4224" i="1" s="1"/>
  <c r="A4225" i="1" s="1"/>
  <c r="A4226" i="1" s="1"/>
  <c r="A4227" i="1" s="1"/>
  <c r="A4228" i="1" s="1"/>
  <c r="A4229" i="1" s="1"/>
  <c r="A4230" i="1" s="1"/>
  <c r="A4231" i="1" s="1"/>
  <c r="A4232" i="1" s="1"/>
  <c r="A4233" i="1" s="1"/>
  <c r="A4234" i="1" s="1"/>
  <c r="A4235" i="1" s="1"/>
  <c r="A4236" i="1" s="1"/>
  <c r="A4237" i="1" s="1"/>
  <c r="A4238" i="1" s="1"/>
  <c r="A4239" i="1" s="1"/>
  <c r="A4240" i="1" s="1"/>
  <c r="A4241" i="1" s="1"/>
  <c r="A4242" i="1" s="1"/>
  <c r="A4243" i="1" s="1"/>
  <c r="A4244" i="1" s="1"/>
  <c r="A4245" i="1" s="1"/>
  <c r="A4246" i="1" s="1"/>
  <c r="A4247" i="1" s="1"/>
  <c r="A4248" i="1" s="1"/>
  <c r="A4249" i="1" s="1"/>
  <c r="A4250" i="1" s="1"/>
  <c r="A4251" i="1" s="1"/>
  <c r="A4252" i="1" s="1"/>
  <c r="A4253" i="1" s="1"/>
  <c r="A4254" i="1" s="1"/>
  <c r="A4255" i="1" s="1"/>
  <c r="A4256" i="1" s="1"/>
  <c r="A4257" i="1" s="1"/>
  <c r="A4258" i="1" s="1"/>
  <c r="A4259" i="1" s="1"/>
  <c r="A4260" i="1" s="1"/>
  <c r="A4261" i="1" s="1"/>
  <c r="A4262" i="1" s="1"/>
  <c r="A4263" i="1" s="1"/>
  <c r="A4264" i="1" s="1"/>
  <c r="A4265" i="1" s="1"/>
  <c r="A4266" i="1" s="1"/>
  <c r="A4267" i="1" s="1"/>
  <c r="A4268" i="1" s="1"/>
  <c r="A4269" i="1" s="1"/>
  <c r="A4270" i="1" s="1"/>
  <c r="A4271" i="1" s="1"/>
  <c r="A4272" i="1" s="1"/>
  <c r="A4273" i="1" s="1"/>
  <c r="A4274" i="1" s="1"/>
  <c r="A4275" i="1" s="1"/>
  <c r="A4276" i="1" s="1"/>
  <c r="A4277" i="1" s="1"/>
  <c r="A4278" i="1" s="1"/>
  <c r="A4279" i="1" s="1"/>
  <c r="A4280" i="1" s="1"/>
  <c r="A4281" i="1" s="1"/>
  <c r="A4282" i="1" s="1"/>
  <c r="A4283" i="1" s="1"/>
  <c r="A4284" i="1" s="1"/>
  <c r="A4285" i="1" s="1"/>
  <c r="A4286" i="1" s="1"/>
  <c r="A4287" i="1" s="1"/>
  <c r="A4288" i="1" s="1"/>
  <c r="A4289" i="1" s="1"/>
  <c r="A4290" i="1" s="1"/>
  <c r="A4291" i="1" s="1"/>
  <c r="A4292" i="1" s="1"/>
  <c r="A4293" i="1" s="1"/>
  <c r="A4294" i="1" s="1"/>
  <c r="A4295" i="1" s="1"/>
  <c r="A4296" i="1" s="1"/>
  <c r="A4297" i="1" s="1"/>
  <c r="A4298" i="1" s="1"/>
  <c r="A4299" i="1" s="1"/>
  <c r="A4300" i="1" s="1"/>
  <c r="A4301" i="1" s="1"/>
  <c r="A4302" i="1" s="1"/>
  <c r="A4303" i="1" s="1"/>
  <c r="A4304" i="1" s="1"/>
  <c r="A4305" i="1" s="1"/>
  <c r="A4306" i="1" s="1"/>
  <c r="A4307" i="1" s="1"/>
  <c r="A4308" i="1" s="1"/>
  <c r="A4309" i="1" s="1"/>
  <c r="A4310" i="1" s="1"/>
  <c r="A4311" i="1" s="1"/>
  <c r="A4312" i="1" s="1"/>
  <c r="A4313" i="1" s="1"/>
  <c r="A4314" i="1" s="1"/>
  <c r="A4315" i="1" s="1"/>
  <c r="A4316" i="1" s="1"/>
  <c r="A4317" i="1" s="1"/>
  <c r="A4318" i="1" s="1"/>
  <c r="A4319" i="1" s="1"/>
  <c r="A4320" i="1" s="1"/>
  <c r="A4321" i="1" s="1"/>
  <c r="A4322" i="1" s="1"/>
  <c r="A4323" i="1" s="1"/>
  <c r="A4324" i="1" s="1"/>
  <c r="A4325" i="1" s="1"/>
  <c r="A4326" i="1" s="1"/>
  <c r="A4327" i="1" s="1"/>
  <c r="A4328" i="1" s="1"/>
  <c r="A4329" i="1" s="1"/>
  <c r="A4330" i="1" s="1"/>
  <c r="A4331" i="1" s="1"/>
  <c r="A4332" i="1" s="1"/>
  <c r="A4333" i="1" s="1"/>
  <c r="A4334" i="1" s="1"/>
  <c r="A4335" i="1" s="1"/>
  <c r="A4336" i="1" s="1"/>
  <c r="A4337" i="1" s="1"/>
  <c r="A4338" i="1" s="1"/>
  <c r="A4339" i="1" s="1"/>
  <c r="A4340" i="1" s="1"/>
  <c r="A4341" i="1" s="1"/>
  <c r="A4342" i="1" s="1"/>
  <c r="A4343" i="1" s="1"/>
  <c r="A4344" i="1" s="1"/>
  <c r="A4345" i="1" s="1"/>
  <c r="A4346" i="1" s="1"/>
  <c r="A4347" i="1" s="1"/>
  <c r="A4348" i="1" s="1"/>
  <c r="A4349" i="1" s="1"/>
  <c r="A4350" i="1" s="1"/>
  <c r="A4351" i="1" s="1"/>
  <c r="A4352" i="1" s="1"/>
  <c r="A4353" i="1" s="1"/>
  <c r="A4354" i="1" s="1"/>
  <c r="A4355" i="1" s="1"/>
  <c r="A4356" i="1" s="1"/>
  <c r="A4357" i="1" s="1"/>
  <c r="A4358" i="1" s="1"/>
  <c r="A4359" i="1" s="1"/>
  <c r="A4360" i="1" s="1"/>
  <c r="A4361" i="1" s="1"/>
  <c r="A4362" i="1" s="1"/>
  <c r="A4363" i="1" s="1"/>
  <c r="A4364" i="1" s="1"/>
  <c r="A4365" i="1" s="1"/>
  <c r="A4366" i="1" s="1"/>
  <c r="A4367" i="1" s="1"/>
  <c r="A4368" i="1" s="1"/>
  <c r="A4369" i="1" s="1"/>
  <c r="A4370" i="1" s="1"/>
  <c r="A4371" i="1" s="1"/>
  <c r="A4372" i="1" s="1"/>
  <c r="A4373" i="1" s="1"/>
  <c r="A4374" i="1" s="1"/>
  <c r="A4375" i="1" s="1"/>
  <c r="A4376" i="1" s="1"/>
  <c r="A4377" i="1" s="1"/>
  <c r="A4378" i="1" s="1"/>
  <c r="A4379" i="1" s="1"/>
  <c r="A4380" i="1" s="1"/>
  <c r="A4381" i="1" s="1"/>
  <c r="A4382" i="1" s="1"/>
  <c r="A4383" i="1" s="1"/>
  <c r="A4384" i="1" s="1"/>
  <c r="A4385" i="1" s="1"/>
  <c r="A4386" i="1" s="1"/>
  <c r="A4387" i="1" s="1"/>
  <c r="A4388" i="1" s="1"/>
  <c r="A4389" i="1" s="1"/>
  <c r="A4390" i="1" s="1"/>
  <c r="A4391" i="1" s="1"/>
  <c r="A4392" i="1" s="1"/>
  <c r="A4393" i="1" s="1"/>
  <c r="A4394" i="1" s="1"/>
  <c r="A4395" i="1" s="1"/>
  <c r="A4396" i="1" s="1"/>
  <c r="A4397" i="1" s="1"/>
  <c r="A4398" i="1" s="1"/>
  <c r="A4399" i="1" s="1"/>
  <c r="A4400" i="1" s="1"/>
  <c r="A4401" i="1" s="1"/>
  <c r="A4402" i="1" s="1"/>
  <c r="A4403" i="1" s="1"/>
  <c r="A4404" i="1" s="1"/>
  <c r="A4405" i="1" s="1"/>
  <c r="A4406" i="1" s="1"/>
  <c r="A4407" i="1" s="1"/>
  <c r="A4408" i="1" s="1"/>
  <c r="A4409" i="1" s="1"/>
  <c r="A4410" i="1" s="1"/>
  <c r="A4411" i="1" s="1"/>
  <c r="A4412" i="1" s="1"/>
  <c r="A4413" i="1" s="1"/>
  <c r="A4414" i="1" s="1"/>
  <c r="A4415" i="1" s="1"/>
  <c r="A4416" i="1" s="1"/>
  <c r="A4417" i="1" s="1"/>
  <c r="A4418" i="1" s="1"/>
  <c r="A4419" i="1" s="1"/>
  <c r="A4420" i="1" s="1"/>
  <c r="A4421" i="1" s="1"/>
  <c r="A4422" i="1" s="1"/>
  <c r="A4423" i="1" s="1"/>
  <c r="A4424" i="1" s="1"/>
  <c r="A4425" i="1" s="1"/>
  <c r="A4426" i="1" s="1"/>
  <c r="A4427" i="1" s="1"/>
  <c r="A4428" i="1" s="1"/>
  <c r="A4429" i="1" s="1"/>
  <c r="A4430" i="1" s="1"/>
  <c r="A4431" i="1" s="1"/>
  <c r="A4432" i="1" s="1"/>
  <c r="A4433" i="1" s="1"/>
  <c r="A4434" i="1" s="1"/>
  <c r="A4435" i="1" s="1"/>
  <c r="A4436" i="1" s="1"/>
  <c r="A4437" i="1" s="1"/>
  <c r="A4438" i="1" s="1"/>
  <c r="A4439" i="1" s="1"/>
  <c r="A4440" i="1" s="1"/>
  <c r="A4441" i="1" s="1"/>
  <c r="A4442" i="1" s="1"/>
  <c r="A4443" i="1" s="1"/>
  <c r="A4444" i="1" s="1"/>
  <c r="A4445" i="1" s="1"/>
  <c r="A4446" i="1" s="1"/>
  <c r="A4447" i="1" s="1"/>
  <c r="A4448" i="1" s="1"/>
  <c r="A4449" i="1" s="1"/>
  <c r="A4450" i="1" s="1"/>
  <c r="A4451" i="1" s="1"/>
  <c r="A4452" i="1" s="1"/>
  <c r="A4453" i="1" s="1"/>
  <c r="A4454" i="1" s="1"/>
  <c r="A4455" i="1" s="1"/>
  <c r="A4456" i="1" s="1"/>
  <c r="A4457" i="1" s="1"/>
  <c r="A4458" i="1" s="1"/>
  <c r="A4459" i="1" s="1"/>
  <c r="A4460" i="1" s="1"/>
  <c r="A4461" i="1" s="1"/>
  <c r="A4462" i="1" s="1"/>
  <c r="A4463" i="1" s="1"/>
  <c r="A4464" i="1" s="1"/>
  <c r="A4465" i="1" s="1"/>
  <c r="A4466" i="1" s="1"/>
  <c r="A4467" i="1" s="1"/>
  <c r="A4468" i="1" s="1"/>
  <c r="A4469" i="1" s="1"/>
  <c r="A4470" i="1" s="1"/>
  <c r="A4471" i="1" s="1"/>
  <c r="A4472" i="1" s="1"/>
  <c r="A4473" i="1" s="1"/>
  <c r="A4474" i="1" s="1"/>
  <c r="A4475" i="1" s="1"/>
  <c r="A4476" i="1" s="1"/>
  <c r="A4477" i="1" s="1"/>
  <c r="A4478" i="1" s="1"/>
  <c r="A4479" i="1" s="1"/>
  <c r="A4480" i="1" s="1"/>
  <c r="A4481" i="1" s="1"/>
  <c r="A4482" i="1" s="1"/>
  <c r="A4483" i="1" s="1"/>
  <c r="A4484" i="1" s="1"/>
  <c r="A4485" i="1" s="1"/>
  <c r="A4486" i="1" s="1"/>
  <c r="A4487" i="1" s="1"/>
  <c r="A4488" i="1" s="1"/>
  <c r="A4489" i="1" s="1"/>
  <c r="A4490" i="1" s="1"/>
  <c r="A4491" i="1" s="1"/>
  <c r="A4492" i="1" s="1"/>
  <c r="A4493" i="1" s="1"/>
  <c r="A4494" i="1" s="1"/>
  <c r="A4495" i="1" s="1"/>
  <c r="A4496" i="1" s="1"/>
  <c r="A4497" i="1" s="1"/>
  <c r="A4498" i="1" s="1"/>
  <c r="A4499" i="1" s="1"/>
  <c r="A4500" i="1" s="1"/>
  <c r="A4501" i="1" s="1"/>
  <c r="A4502" i="1" s="1"/>
  <c r="A4503" i="1" s="1"/>
  <c r="A4504" i="1" s="1"/>
  <c r="A4505" i="1" s="1"/>
  <c r="A4506" i="1" s="1"/>
  <c r="A4507" i="1" s="1"/>
  <c r="A4508" i="1" s="1"/>
  <c r="A4509" i="1" s="1"/>
  <c r="A4510" i="1" s="1"/>
  <c r="A4511" i="1" s="1"/>
  <c r="A4512" i="1" s="1"/>
  <c r="A4513" i="1" s="1"/>
  <c r="A4514" i="1" s="1"/>
  <c r="A4515" i="1" s="1"/>
  <c r="A4516" i="1" s="1"/>
  <c r="A4517" i="1" s="1"/>
  <c r="A4518" i="1" s="1"/>
  <c r="A4519" i="1" s="1"/>
  <c r="A4520" i="1" s="1"/>
  <c r="A4521" i="1" s="1"/>
  <c r="A4522" i="1" s="1"/>
  <c r="A4523" i="1" s="1"/>
  <c r="A4524" i="1" s="1"/>
  <c r="A4525" i="1" s="1"/>
  <c r="A4526" i="1" s="1"/>
  <c r="A4527" i="1" s="1"/>
  <c r="A4528" i="1" s="1"/>
  <c r="A4529" i="1" s="1"/>
  <c r="A4530" i="1" s="1"/>
  <c r="A4531" i="1" s="1"/>
  <c r="A4532" i="1" s="1"/>
  <c r="A4533" i="1" s="1"/>
  <c r="A4534" i="1" s="1"/>
  <c r="A4535" i="1" s="1"/>
  <c r="A4536" i="1" s="1"/>
  <c r="A4537" i="1" s="1"/>
  <c r="A4538" i="1" s="1"/>
  <c r="A4539" i="1" s="1"/>
  <c r="A4540" i="1" s="1"/>
  <c r="A4541" i="1" s="1"/>
  <c r="A4542" i="1" s="1"/>
  <c r="A4543" i="1" s="1"/>
  <c r="A4544" i="1" s="1"/>
  <c r="A4545" i="1" s="1"/>
  <c r="A4546" i="1" s="1"/>
  <c r="A4547" i="1" s="1"/>
  <c r="A4548" i="1" s="1"/>
  <c r="A4549" i="1" s="1"/>
  <c r="A4550" i="1" s="1"/>
  <c r="A4551" i="1" s="1"/>
  <c r="A4552" i="1" s="1"/>
  <c r="A4553" i="1" s="1"/>
  <c r="A4554" i="1" s="1"/>
  <c r="A4555" i="1" s="1"/>
  <c r="A4556" i="1" s="1"/>
  <c r="A4557" i="1" s="1"/>
  <c r="A4558" i="1" s="1"/>
  <c r="A4559" i="1" s="1"/>
  <c r="A4560" i="1" s="1"/>
  <c r="A4561" i="1" s="1"/>
  <c r="A4562" i="1" s="1"/>
  <c r="A4563" i="1" s="1"/>
  <c r="A4564" i="1" s="1"/>
  <c r="A4565" i="1" s="1"/>
  <c r="A4566" i="1" s="1"/>
  <c r="A4567" i="1" s="1"/>
  <c r="A4568" i="1" s="1"/>
  <c r="A4569" i="1" s="1"/>
  <c r="A4570" i="1" s="1"/>
  <c r="A4571" i="1" s="1"/>
  <c r="A4572" i="1" s="1"/>
  <c r="A4573" i="1" s="1"/>
  <c r="A4574" i="1" s="1"/>
  <c r="A4575" i="1" s="1"/>
  <c r="A4576" i="1" s="1"/>
  <c r="A4577" i="1" s="1"/>
  <c r="A4578" i="1" s="1"/>
  <c r="A4579" i="1" s="1"/>
  <c r="A4580" i="1" s="1"/>
  <c r="A4581" i="1" s="1"/>
  <c r="A4582" i="1" s="1"/>
  <c r="A4583" i="1" s="1"/>
  <c r="A4584" i="1" s="1"/>
  <c r="A4585" i="1" s="1"/>
  <c r="A4586" i="1" s="1"/>
  <c r="A4587" i="1" s="1"/>
  <c r="A4588" i="1" s="1"/>
  <c r="A4589" i="1" s="1"/>
  <c r="A4590" i="1" s="1"/>
  <c r="A4591" i="1" s="1"/>
  <c r="A4592" i="1" s="1"/>
  <c r="A4593" i="1" s="1"/>
  <c r="A4594" i="1" s="1"/>
  <c r="A4595" i="1" s="1"/>
  <c r="A4596" i="1" s="1"/>
  <c r="A4597" i="1" s="1"/>
  <c r="A4598" i="1" s="1"/>
  <c r="A4599" i="1" s="1"/>
  <c r="A4600" i="1" s="1"/>
  <c r="A4601" i="1" s="1"/>
  <c r="A4602" i="1" s="1"/>
  <c r="A4603" i="1" s="1"/>
  <c r="A4604" i="1" s="1"/>
  <c r="A4605" i="1" s="1"/>
  <c r="A4606" i="1" s="1"/>
  <c r="A4607" i="1" s="1"/>
  <c r="A4608" i="1" s="1"/>
  <c r="A4609" i="1" s="1"/>
  <c r="A4610" i="1" s="1"/>
  <c r="A4611" i="1" s="1"/>
  <c r="A4612" i="1" s="1"/>
  <c r="A4613" i="1" s="1"/>
  <c r="A4614" i="1" s="1"/>
  <c r="A4615" i="1" s="1"/>
  <c r="A4616" i="1" s="1"/>
  <c r="A4617" i="1" s="1"/>
  <c r="A4618" i="1" s="1"/>
  <c r="A4619" i="1" s="1"/>
  <c r="A4620" i="1" s="1"/>
  <c r="A4621" i="1" s="1"/>
  <c r="A4622" i="1" s="1"/>
  <c r="A4623" i="1" s="1"/>
  <c r="A4624" i="1" s="1"/>
  <c r="A4625" i="1" s="1"/>
  <c r="A4626" i="1" s="1"/>
  <c r="A4627" i="1" s="1"/>
  <c r="A4628" i="1" s="1"/>
  <c r="A4629" i="1" s="1"/>
  <c r="A4630" i="1" s="1"/>
  <c r="A4631" i="1" s="1"/>
  <c r="A4632" i="1" s="1"/>
  <c r="A4633" i="1" s="1"/>
  <c r="A4634" i="1" s="1"/>
  <c r="A4635" i="1" s="1"/>
  <c r="A4636" i="1" s="1"/>
  <c r="A4637" i="1" s="1"/>
  <c r="A4638" i="1" s="1"/>
  <c r="A4639" i="1" s="1"/>
  <c r="A4640" i="1" s="1"/>
  <c r="A4641" i="1" s="1"/>
  <c r="A4642" i="1" s="1"/>
  <c r="A4643" i="1" s="1"/>
  <c r="A4644" i="1" s="1"/>
  <c r="A4645" i="1" s="1"/>
  <c r="A4646" i="1" s="1"/>
  <c r="A4647" i="1" s="1"/>
  <c r="A4648" i="1" s="1"/>
  <c r="A4649" i="1" s="1"/>
  <c r="A4650" i="1" s="1"/>
  <c r="A4651" i="1" s="1"/>
  <c r="A4652" i="1" s="1"/>
  <c r="A4653" i="1" s="1"/>
  <c r="A4654" i="1" s="1"/>
  <c r="A4655" i="1" s="1"/>
  <c r="A4656" i="1" s="1"/>
  <c r="A4657" i="1" s="1"/>
  <c r="A4658" i="1" s="1"/>
  <c r="A4659" i="1" s="1"/>
  <c r="A4660" i="1" s="1"/>
  <c r="A4661" i="1" s="1"/>
  <c r="A4662" i="1" s="1"/>
  <c r="A4663" i="1" s="1"/>
  <c r="A4664" i="1" s="1"/>
  <c r="A4665" i="1" s="1"/>
  <c r="A4666" i="1" s="1"/>
  <c r="A4667" i="1" s="1"/>
  <c r="A4668" i="1" s="1"/>
  <c r="A4669" i="1" s="1"/>
  <c r="A4670" i="1" s="1"/>
  <c r="A4671" i="1" s="1"/>
  <c r="A4672" i="1" s="1"/>
  <c r="A4673" i="1" s="1"/>
  <c r="A4674" i="1" s="1"/>
  <c r="A4675" i="1" s="1"/>
  <c r="A4676" i="1" s="1"/>
  <c r="A4677" i="1" s="1"/>
  <c r="A4678" i="1" s="1"/>
  <c r="A4679" i="1" s="1"/>
  <c r="A4680" i="1" s="1"/>
  <c r="A4681" i="1" s="1"/>
  <c r="A4682" i="1" s="1"/>
  <c r="A4683" i="1" s="1"/>
  <c r="A4684" i="1" s="1"/>
  <c r="A4685" i="1" s="1"/>
  <c r="A4686" i="1" s="1"/>
  <c r="A4687" i="1" s="1"/>
  <c r="A4688" i="1" s="1"/>
  <c r="A4689" i="1" s="1"/>
  <c r="A4690" i="1" s="1"/>
  <c r="A4691" i="1" s="1"/>
  <c r="A4692" i="1" s="1"/>
  <c r="A4693" i="1" s="1"/>
  <c r="A4694" i="1" s="1"/>
  <c r="A4695" i="1" s="1"/>
  <c r="A4696" i="1" s="1"/>
  <c r="A4697" i="1" s="1"/>
  <c r="A4698" i="1" s="1"/>
  <c r="A4699" i="1" s="1"/>
  <c r="A4700" i="1" s="1"/>
  <c r="A4701" i="1" s="1"/>
  <c r="A4702" i="1" s="1"/>
  <c r="A4703" i="1" s="1"/>
  <c r="A4704" i="1" s="1"/>
  <c r="A4705" i="1" s="1"/>
  <c r="A4706" i="1" s="1"/>
  <c r="A4707" i="1" s="1"/>
  <c r="A4708" i="1" s="1"/>
  <c r="A4709" i="1" s="1"/>
  <c r="A4710" i="1" s="1"/>
  <c r="A4711" i="1" s="1"/>
  <c r="A4712" i="1" s="1"/>
  <c r="A4713" i="1" s="1"/>
  <c r="A4714" i="1" s="1"/>
  <c r="A4715" i="1" s="1"/>
  <c r="A4716" i="1" s="1"/>
  <c r="A4717" i="1" s="1"/>
  <c r="A4718" i="1" s="1"/>
  <c r="A4719" i="1" s="1"/>
  <c r="A4720" i="1" s="1"/>
  <c r="A4721" i="1" s="1"/>
  <c r="A4722" i="1" s="1"/>
  <c r="A4723" i="1" s="1"/>
  <c r="A4724" i="1" s="1"/>
  <c r="A4725" i="1" s="1"/>
  <c r="A4726" i="1" s="1"/>
  <c r="A4727" i="1" s="1"/>
  <c r="A4728" i="1" s="1"/>
  <c r="A4729" i="1" s="1"/>
  <c r="A4730" i="1" s="1"/>
  <c r="A4731" i="1" s="1"/>
  <c r="A4732" i="1" s="1"/>
  <c r="A4733" i="1" s="1"/>
  <c r="A4734" i="1" s="1"/>
  <c r="A4735" i="1" s="1"/>
  <c r="A4736" i="1" s="1"/>
  <c r="A4737" i="1" s="1"/>
  <c r="A4738" i="1" s="1"/>
  <c r="A4739" i="1" s="1"/>
  <c r="A4740" i="1" s="1"/>
  <c r="A4741" i="1" s="1"/>
  <c r="A4742" i="1" s="1"/>
  <c r="A4743" i="1" s="1"/>
  <c r="A4744" i="1" s="1"/>
  <c r="A4745" i="1" s="1"/>
  <c r="A4746" i="1" s="1"/>
  <c r="A4747" i="1" s="1"/>
  <c r="A4748" i="1" s="1"/>
  <c r="A4749" i="1" s="1"/>
  <c r="A4750" i="1" s="1"/>
  <c r="A4751" i="1" s="1"/>
  <c r="A4752" i="1" s="1"/>
  <c r="A4753" i="1" s="1"/>
  <c r="A4754" i="1" s="1"/>
  <c r="A4755" i="1" s="1"/>
  <c r="A4756" i="1" s="1"/>
  <c r="A4757" i="1" s="1"/>
  <c r="A4758" i="1" s="1"/>
  <c r="A4759" i="1" s="1"/>
  <c r="A4760" i="1" s="1"/>
  <c r="A4761" i="1" s="1"/>
  <c r="A4762" i="1" s="1"/>
  <c r="A4763" i="1" s="1"/>
  <c r="A4764" i="1" s="1"/>
  <c r="A4765" i="1" s="1"/>
  <c r="A4766" i="1" s="1"/>
  <c r="A4767" i="1" s="1"/>
  <c r="A4768" i="1" s="1"/>
  <c r="A4769" i="1" s="1"/>
  <c r="A4770" i="1" s="1"/>
  <c r="A4771" i="1" s="1"/>
  <c r="A4772" i="1" s="1"/>
  <c r="A4773" i="1" s="1"/>
  <c r="A4774" i="1" s="1"/>
  <c r="A4775" i="1" s="1"/>
  <c r="A4776" i="1" s="1"/>
  <c r="A4777" i="1" s="1"/>
  <c r="A4778" i="1" s="1"/>
  <c r="A4779" i="1" s="1"/>
  <c r="A4780" i="1" s="1"/>
  <c r="A4781" i="1" s="1"/>
  <c r="A4782" i="1" s="1"/>
  <c r="A4783" i="1" s="1"/>
  <c r="A4784" i="1" s="1"/>
  <c r="A4785" i="1" s="1"/>
  <c r="A4786" i="1" s="1"/>
  <c r="A4787" i="1" s="1"/>
  <c r="A4788" i="1" s="1"/>
  <c r="A4789" i="1" s="1"/>
  <c r="A4790" i="1" s="1"/>
  <c r="A4791" i="1" s="1"/>
  <c r="A4792" i="1" s="1"/>
  <c r="A4793" i="1" s="1"/>
  <c r="A4794" i="1" s="1"/>
  <c r="A4795" i="1" s="1"/>
  <c r="A4796" i="1" s="1"/>
  <c r="A4797" i="1" s="1"/>
  <c r="A4798" i="1" s="1"/>
  <c r="A4799" i="1" s="1"/>
  <c r="A4800" i="1" s="1"/>
  <c r="A4801" i="1" s="1"/>
  <c r="A4802" i="1" s="1"/>
  <c r="A4803" i="1" s="1"/>
  <c r="A4804" i="1" s="1"/>
  <c r="A4805" i="1" s="1"/>
  <c r="A4806" i="1" s="1"/>
  <c r="A4807" i="1" s="1"/>
  <c r="A4808" i="1" s="1"/>
  <c r="A4809" i="1" s="1"/>
  <c r="A4810" i="1" s="1"/>
  <c r="A4811" i="1" s="1"/>
  <c r="A4812" i="1" s="1"/>
  <c r="A4813" i="1" s="1"/>
  <c r="A4814" i="1" s="1"/>
  <c r="A4815" i="1" s="1"/>
  <c r="A4816" i="1" s="1"/>
  <c r="A4817" i="1" s="1"/>
  <c r="A4818" i="1" s="1"/>
  <c r="A4819" i="1" s="1"/>
  <c r="A4820" i="1" s="1"/>
  <c r="A4821" i="1" s="1"/>
  <c r="A4822" i="1" s="1"/>
  <c r="A4823" i="1" s="1"/>
  <c r="A4824" i="1" s="1"/>
  <c r="A4825" i="1" s="1"/>
  <c r="A4826" i="1" s="1"/>
  <c r="A4827" i="1" s="1"/>
  <c r="A4828" i="1" s="1"/>
  <c r="A4829" i="1" s="1"/>
  <c r="A4830" i="1" s="1"/>
  <c r="A4831" i="1" s="1"/>
  <c r="A4832" i="1" s="1"/>
  <c r="A4833" i="1" s="1"/>
  <c r="A4834" i="1" s="1"/>
  <c r="A4835" i="1" s="1"/>
  <c r="A4836" i="1" s="1"/>
  <c r="A4837" i="1" s="1"/>
  <c r="A4838" i="1" s="1"/>
  <c r="A4839" i="1" s="1"/>
  <c r="A4840" i="1" s="1"/>
  <c r="A4841" i="1" s="1"/>
  <c r="A4842" i="1" s="1"/>
  <c r="A4843" i="1" s="1"/>
  <c r="A4844" i="1" s="1"/>
  <c r="A4845" i="1" s="1"/>
  <c r="A4846" i="1" s="1"/>
  <c r="A4847" i="1" s="1"/>
  <c r="A4848" i="1" s="1"/>
  <c r="A4849" i="1" s="1"/>
  <c r="A4850" i="1" s="1"/>
  <c r="A4851" i="1" s="1"/>
  <c r="A4852" i="1" s="1"/>
  <c r="A4853" i="1" s="1"/>
  <c r="A4854" i="1" s="1"/>
  <c r="A4855" i="1" s="1"/>
  <c r="A4856" i="1" s="1"/>
  <c r="A4857" i="1" s="1"/>
  <c r="A4858" i="1" s="1"/>
  <c r="A4859" i="1" s="1"/>
  <c r="A4860" i="1" s="1"/>
  <c r="A4861" i="1" s="1"/>
  <c r="A4862" i="1" s="1"/>
  <c r="A4863" i="1" s="1"/>
  <c r="A4864" i="1" s="1"/>
  <c r="A4865" i="1" s="1"/>
  <c r="A4866" i="1" s="1"/>
  <c r="A4867" i="1" s="1"/>
  <c r="A4868" i="1" s="1"/>
  <c r="A4869" i="1" s="1"/>
  <c r="A4870" i="1" s="1"/>
  <c r="A4871" i="1" s="1"/>
  <c r="A4872" i="1" s="1"/>
  <c r="A4873" i="1" s="1"/>
  <c r="A4874" i="1" s="1"/>
  <c r="A4875" i="1" s="1"/>
  <c r="A4876" i="1" s="1"/>
  <c r="A4877" i="1" s="1"/>
  <c r="A4878" i="1" s="1"/>
  <c r="A4879" i="1" s="1"/>
  <c r="A4880" i="1" s="1"/>
  <c r="A4881" i="1" s="1"/>
  <c r="A4882" i="1" s="1"/>
  <c r="A4883" i="1" s="1"/>
  <c r="A4884" i="1" s="1"/>
  <c r="A4885" i="1" s="1"/>
  <c r="A4886" i="1" s="1"/>
  <c r="A4887" i="1" s="1"/>
  <c r="A4888" i="1" s="1"/>
  <c r="A4889" i="1" s="1"/>
  <c r="A4890" i="1" s="1"/>
  <c r="A4891" i="1" s="1"/>
  <c r="A4892" i="1" s="1"/>
  <c r="A4893" i="1" s="1"/>
  <c r="A4894" i="1" s="1"/>
  <c r="A4895" i="1" s="1"/>
  <c r="A4896" i="1" s="1"/>
  <c r="A4897" i="1" s="1"/>
  <c r="A4898" i="1" s="1"/>
  <c r="A4899" i="1" s="1"/>
  <c r="A4900" i="1" s="1"/>
  <c r="A4901" i="1" s="1"/>
  <c r="A4902" i="1" s="1"/>
  <c r="A4903" i="1" s="1"/>
  <c r="A4904" i="1" s="1"/>
  <c r="A4905" i="1" s="1"/>
  <c r="A4906" i="1" s="1"/>
  <c r="A4907" i="1" s="1"/>
  <c r="A4908" i="1" s="1"/>
  <c r="A4909" i="1" s="1"/>
  <c r="A4910" i="1" s="1"/>
  <c r="A4911" i="1" s="1"/>
  <c r="A4912" i="1" s="1"/>
  <c r="A4913" i="1" s="1"/>
  <c r="A4914" i="1" s="1"/>
  <c r="A4915" i="1" s="1"/>
  <c r="A4916" i="1" s="1"/>
  <c r="A4917" i="1" s="1"/>
  <c r="A4918" i="1" s="1"/>
  <c r="A4919" i="1" s="1"/>
  <c r="A4920" i="1" s="1"/>
  <c r="A4921" i="1" s="1"/>
  <c r="A4922" i="1" s="1"/>
  <c r="A4923" i="1" s="1"/>
  <c r="A4924" i="1" s="1"/>
  <c r="A4925" i="1" s="1"/>
  <c r="A4926" i="1" s="1"/>
  <c r="A4927" i="1" s="1"/>
  <c r="A4928" i="1" s="1"/>
  <c r="A4929" i="1" s="1"/>
  <c r="A4930" i="1" s="1"/>
  <c r="A4931" i="1" s="1"/>
  <c r="A4932" i="1" s="1"/>
  <c r="A4933" i="1" s="1"/>
  <c r="A4934" i="1" s="1"/>
  <c r="A4935" i="1" s="1"/>
  <c r="A4936" i="1" s="1"/>
  <c r="A4937" i="1" s="1"/>
  <c r="A4938" i="1" s="1"/>
  <c r="A4939" i="1" s="1"/>
  <c r="A4940" i="1" s="1"/>
  <c r="A4941" i="1" s="1"/>
  <c r="A4942" i="1" s="1"/>
  <c r="A4943" i="1" s="1"/>
  <c r="A4944" i="1" s="1"/>
  <c r="A4945" i="1" s="1"/>
  <c r="A4946" i="1" s="1"/>
  <c r="A4947" i="1" s="1"/>
  <c r="A4948" i="1" s="1"/>
  <c r="A4949" i="1" s="1"/>
  <c r="A4950" i="1" s="1"/>
  <c r="A4951" i="1" s="1"/>
  <c r="A4952" i="1" s="1"/>
  <c r="A4953" i="1" s="1"/>
  <c r="A4954" i="1" s="1"/>
  <c r="A4955" i="1" s="1"/>
  <c r="A4956" i="1" s="1"/>
  <c r="A4957" i="1" s="1"/>
  <c r="A4958" i="1" s="1"/>
  <c r="A4959" i="1" s="1"/>
  <c r="A4960" i="1" s="1"/>
  <c r="A4961" i="1" s="1"/>
  <c r="A4962" i="1" s="1"/>
  <c r="A4963" i="1" s="1"/>
  <c r="A4964" i="1" s="1"/>
  <c r="A4965" i="1" s="1"/>
  <c r="A4966" i="1" s="1"/>
  <c r="A4967" i="1" s="1"/>
  <c r="A4968" i="1" s="1"/>
  <c r="A4969" i="1" s="1"/>
  <c r="A4970" i="1" s="1"/>
  <c r="A4971" i="1" s="1"/>
  <c r="A4972" i="1" s="1"/>
  <c r="A4973" i="1" s="1"/>
  <c r="A4974" i="1" s="1"/>
  <c r="A4975" i="1" s="1"/>
  <c r="A4976" i="1" s="1"/>
  <c r="A4977" i="1" s="1"/>
  <c r="A4978" i="1" s="1"/>
  <c r="A4979" i="1" s="1"/>
  <c r="A4980" i="1" s="1"/>
  <c r="A4981" i="1" s="1"/>
  <c r="A4982" i="1" s="1"/>
  <c r="A4983" i="1" s="1"/>
  <c r="A4984" i="1" s="1"/>
  <c r="A4985" i="1" s="1"/>
  <c r="A4986" i="1" s="1"/>
  <c r="A4987" i="1" s="1"/>
  <c r="A4988" i="1" s="1"/>
  <c r="A4989" i="1" s="1"/>
  <c r="A4990" i="1" s="1"/>
  <c r="A4991" i="1" s="1"/>
  <c r="A4992" i="1" s="1"/>
  <c r="A4993" i="1" s="1"/>
  <c r="A4994" i="1" s="1"/>
  <c r="A4995" i="1" s="1"/>
  <c r="A4996" i="1" s="1"/>
  <c r="A4997" i="1" s="1"/>
  <c r="A4998" i="1" s="1"/>
  <c r="A4999" i="1" s="1"/>
  <c r="A5000" i="1" s="1"/>
  <c r="A5001" i="1" s="1"/>
  <c r="A5002" i="1" s="1"/>
  <c r="A5003" i="1" s="1"/>
  <c r="A5004" i="1" s="1"/>
  <c r="A5005" i="1" s="1"/>
  <c r="A5006" i="1" s="1"/>
  <c r="A5007" i="1" s="1"/>
  <c r="A5008" i="1" s="1"/>
  <c r="A5009" i="1" s="1"/>
  <c r="A5010" i="1" s="1"/>
  <c r="A5011" i="1" s="1"/>
  <c r="A5012" i="1" s="1"/>
  <c r="A5013" i="1" s="1"/>
  <c r="A5014" i="1" s="1"/>
  <c r="A5015" i="1" s="1"/>
  <c r="A5016" i="1" s="1"/>
  <c r="A5017" i="1" s="1"/>
  <c r="A5018" i="1" s="1"/>
  <c r="A5019" i="1" s="1"/>
  <c r="A5020" i="1" s="1"/>
  <c r="A5021" i="1" s="1"/>
  <c r="A5022" i="1" s="1"/>
  <c r="A5023" i="1" s="1"/>
  <c r="A5024" i="1" s="1"/>
  <c r="A5025" i="1" s="1"/>
  <c r="A5026" i="1" s="1"/>
  <c r="A5027" i="1" s="1"/>
  <c r="A5028" i="1" s="1"/>
  <c r="A5029" i="1" s="1"/>
  <c r="A5030" i="1" s="1"/>
  <c r="A5031" i="1" s="1"/>
  <c r="A5032" i="1" s="1"/>
  <c r="A5033" i="1" s="1"/>
  <c r="A5034" i="1" s="1"/>
  <c r="A5035" i="1" s="1"/>
  <c r="A5036" i="1" s="1"/>
  <c r="A5037" i="1" s="1"/>
  <c r="A5038" i="1" s="1"/>
  <c r="A5039" i="1" s="1"/>
  <c r="A5040" i="1" s="1"/>
  <c r="A5041" i="1" s="1"/>
  <c r="A5042" i="1" s="1"/>
  <c r="A5043" i="1" s="1"/>
  <c r="A5044" i="1" s="1"/>
  <c r="A5045" i="1" s="1"/>
  <c r="A5046" i="1" s="1"/>
  <c r="A5047" i="1" s="1"/>
  <c r="A5048" i="1" s="1"/>
  <c r="A5049" i="1" s="1"/>
  <c r="A5050" i="1" s="1"/>
  <c r="A5051" i="1" s="1"/>
  <c r="A5052" i="1" s="1"/>
  <c r="A5053" i="1" s="1"/>
  <c r="A5054" i="1" s="1"/>
  <c r="A5055" i="1" s="1"/>
  <c r="A5056" i="1" s="1"/>
  <c r="A5057" i="1" s="1"/>
  <c r="A5058" i="1" s="1"/>
  <c r="A5059" i="1" s="1"/>
  <c r="A5060" i="1" s="1"/>
  <c r="A5061" i="1" s="1"/>
  <c r="A5062" i="1" s="1"/>
  <c r="A5063" i="1" s="1"/>
  <c r="A5064" i="1" s="1"/>
  <c r="A5065" i="1" s="1"/>
  <c r="A5066" i="1" s="1"/>
  <c r="A5067" i="1" s="1"/>
  <c r="A5068" i="1" s="1"/>
  <c r="A5069" i="1" s="1"/>
  <c r="A5070" i="1" s="1"/>
  <c r="A5071" i="1" s="1"/>
  <c r="A5072" i="1" s="1"/>
  <c r="A5073" i="1" s="1"/>
  <c r="A5074" i="1" s="1"/>
  <c r="A5075" i="1" s="1"/>
  <c r="A5076" i="1" s="1"/>
  <c r="A5077" i="1" s="1"/>
  <c r="A5078" i="1" s="1"/>
  <c r="A5079" i="1" s="1"/>
  <c r="A5080" i="1" s="1"/>
  <c r="A5081" i="1" s="1"/>
  <c r="A5082" i="1" s="1"/>
  <c r="A5083" i="1" s="1"/>
  <c r="A5084" i="1" s="1"/>
  <c r="A5085" i="1" s="1"/>
  <c r="A5086" i="1" s="1"/>
  <c r="A5087" i="1" s="1"/>
  <c r="A5088" i="1" s="1"/>
  <c r="A5089" i="1" s="1"/>
  <c r="A5090" i="1" s="1"/>
  <c r="A5091" i="1" s="1"/>
  <c r="A5092" i="1" s="1"/>
  <c r="A5093" i="1" s="1"/>
  <c r="A5094" i="1" s="1"/>
  <c r="A5095" i="1" s="1"/>
  <c r="A5096" i="1" s="1"/>
  <c r="A5097" i="1" s="1"/>
  <c r="A5098" i="1" s="1"/>
  <c r="A5099" i="1" s="1"/>
  <c r="A5100" i="1" s="1"/>
  <c r="A5101" i="1" s="1"/>
  <c r="A5102" i="1" s="1"/>
  <c r="A5103" i="1" s="1"/>
  <c r="A5104" i="1" s="1"/>
  <c r="A5105" i="1" s="1"/>
  <c r="A5106" i="1" s="1"/>
  <c r="A5107" i="1" s="1"/>
  <c r="A5108" i="1" s="1"/>
  <c r="A5109" i="1" s="1"/>
  <c r="A5110" i="1" s="1"/>
  <c r="A5111" i="1" s="1"/>
  <c r="A5112" i="1" s="1"/>
  <c r="A5113" i="1" s="1"/>
  <c r="A5114" i="1" s="1"/>
  <c r="A5115" i="1" s="1"/>
  <c r="A5116" i="1" s="1"/>
  <c r="A5117" i="1" s="1"/>
  <c r="A5118" i="1" s="1"/>
  <c r="A5119" i="1" s="1"/>
  <c r="A5120" i="1" s="1"/>
  <c r="A5121" i="1" s="1"/>
  <c r="A5122" i="1" s="1"/>
  <c r="A5123" i="1" s="1"/>
  <c r="A5124" i="1" s="1"/>
  <c r="A5125" i="1" s="1"/>
  <c r="A5126" i="1" s="1"/>
  <c r="A5127" i="1" s="1"/>
  <c r="A5128" i="1" s="1"/>
  <c r="A5129" i="1" s="1"/>
  <c r="A5130" i="1" s="1"/>
  <c r="A5131" i="1" s="1"/>
  <c r="A5132" i="1" s="1"/>
  <c r="A5133" i="1" s="1"/>
  <c r="A5134" i="1" s="1"/>
  <c r="A5135" i="1" s="1"/>
  <c r="A5136" i="1" s="1"/>
  <c r="A5137" i="1" s="1"/>
  <c r="A5138" i="1" s="1"/>
  <c r="A5139" i="1" s="1"/>
  <c r="A5140" i="1" s="1"/>
  <c r="A5141" i="1" s="1"/>
  <c r="A5142" i="1" s="1"/>
  <c r="A5143" i="1" s="1"/>
  <c r="A5144" i="1" s="1"/>
  <c r="A5145" i="1" s="1"/>
  <c r="A5146" i="1" s="1"/>
  <c r="A5147" i="1" s="1"/>
  <c r="A5148" i="1" s="1"/>
  <c r="A5149" i="1" s="1"/>
  <c r="A5150" i="1" s="1"/>
  <c r="A5151" i="1" s="1"/>
  <c r="A5152" i="1" s="1"/>
  <c r="A5153" i="1" s="1"/>
  <c r="A5154" i="1" s="1"/>
  <c r="A5155" i="1" s="1"/>
  <c r="A5156" i="1" s="1"/>
  <c r="A5157" i="1" s="1"/>
  <c r="A5158" i="1" s="1"/>
  <c r="A5159" i="1" s="1"/>
  <c r="A5160" i="1" s="1"/>
  <c r="A5161" i="1" s="1"/>
  <c r="A5162" i="1" s="1"/>
  <c r="A5163" i="1" s="1"/>
  <c r="A5164" i="1" s="1"/>
  <c r="A5165" i="1" s="1"/>
  <c r="A5166" i="1" s="1"/>
  <c r="A5167" i="1" s="1"/>
  <c r="A5168" i="1" s="1"/>
  <c r="A5169" i="1" s="1"/>
  <c r="A5170" i="1" s="1"/>
  <c r="A5171" i="1" s="1"/>
  <c r="A5172" i="1" s="1"/>
  <c r="A5173" i="1" s="1"/>
  <c r="A5174" i="1" s="1"/>
  <c r="A5175" i="1" s="1"/>
  <c r="A5176" i="1" s="1"/>
  <c r="A5177" i="1" s="1"/>
  <c r="A5178" i="1" s="1"/>
  <c r="A5179" i="1" s="1"/>
  <c r="A5180" i="1" s="1"/>
  <c r="A5181" i="1" s="1"/>
  <c r="A5182" i="1" s="1"/>
  <c r="A5183" i="1" s="1"/>
  <c r="A5184" i="1" s="1"/>
  <c r="A5185" i="1" s="1"/>
  <c r="A5186" i="1" s="1"/>
  <c r="A5187" i="1" s="1"/>
  <c r="A5188" i="1" s="1"/>
  <c r="A5189" i="1" s="1"/>
  <c r="A5190" i="1" s="1"/>
  <c r="A5191" i="1" s="1"/>
  <c r="A5192" i="1" s="1"/>
  <c r="A5193" i="1" s="1"/>
  <c r="A5194" i="1" s="1"/>
  <c r="A5195" i="1" s="1"/>
  <c r="A5196" i="1" s="1"/>
  <c r="A5197" i="1" s="1"/>
  <c r="A5198" i="1" s="1"/>
  <c r="A5199" i="1" s="1"/>
  <c r="A5200" i="1" s="1"/>
  <c r="A5201" i="1" s="1"/>
  <c r="A5202" i="1" s="1"/>
  <c r="A5203" i="1" s="1"/>
  <c r="A5204" i="1" s="1"/>
  <c r="A5205" i="1" s="1"/>
  <c r="A5206" i="1" s="1"/>
  <c r="A5207" i="1" s="1"/>
  <c r="A5208" i="1" s="1"/>
  <c r="A5209" i="1" s="1"/>
  <c r="A5210" i="1" s="1"/>
  <c r="A5211" i="1" s="1"/>
  <c r="A5212" i="1" s="1"/>
  <c r="A5213" i="1" s="1"/>
  <c r="A5214" i="1" s="1"/>
  <c r="A5215" i="1" s="1"/>
  <c r="A5216" i="1" s="1"/>
  <c r="A5217" i="1" s="1"/>
  <c r="A5218" i="1" s="1"/>
  <c r="A5219" i="1" s="1"/>
  <c r="A5220" i="1" s="1"/>
  <c r="A5221" i="1" s="1"/>
  <c r="A5222" i="1" s="1"/>
  <c r="A5223" i="1" s="1"/>
  <c r="A5224" i="1" s="1"/>
  <c r="A5225" i="1" s="1"/>
  <c r="A5226" i="1" s="1"/>
  <c r="A5227" i="1" s="1"/>
  <c r="A5228" i="1" s="1"/>
  <c r="A5229" i="1" s="1"/>
  <c r="A5230" i="1" s="1"/>
  <c r="A5231" i="1" s="1"/>
  <c r="A5232" i="1" s="1"/>
  <c r="A5233" i="1" s="1"/>
  <c r="A5234" i="1" s="1"/>
  <c r="A5235" i="1" s="1"/>
  <c r="A5236" i="1" s="1"/>
  <c r="A5237" i="1" s="1"/>
  <c r="A5238" i="1" s="1"/>
  <c r="A5239" i="1" s="1"/>
  <c r="A5240" i="1" s="1"/>
  <c r="A5241" i="1" s="1"/>
  <c r="A5242" i="1" s="1"/>
  <c r="A5243" i="1" s="1"/>
  <c r="A5244" i="1" s="1"/>
  <c r="A5245" i="1" s="1"/>
  <c r="A5246" i="1" s="1"/>
  <c r="A5247" i="1" s="1"/>
  <c r="A5248" i="1" s="1"/>
  <c r="A5249" i="1" s="1"/>
  <c r="A5250" i="1" s="1"/>
  <c r="A5251" i="1" s="1"/>
  <c r="A5252" i="1" s="1"/>
  <c r="A5253" i="1" s="1"/>
  <c r="A5254" i="1" s="1"/>
  <c r="A5255" i="1" s="1"/>
  <c r="A5256" i="1" s="1"/>
  <c r="A5257" i="1" s="1"/>
  <c r="A5258" i="1" s="1"/>
  <c r="A5259" i="1" s="1"/>
  <c r="A5260" i="1" s="1"/>
  <c r="A5261" i="1" s="1"/>
  <c r="A5262" i="1" s="1"/>
  <c r="A5263" i="1" s="1"/>
  <c r="A5264" i="1" s="1"/>
  <c r="A5265" i="1" s="1"/>
  <c r="A5266" i="1" s="1"/>
  <c r="A5267" i="1" s="1"/>
  <c r="A5268" i="1" s="1"/>
  <c r="A5269" i="1" s="1"/>
  <c r="A5270" i="1" s="1"/>
  <c r="A5271" i="1" s="1"/>
  <c r="A5272" i="1" s="1"/>
  <c r="A5273" i="1" s="1"/>
  <c r="A5274" i="1" s="1"/>
  <c r="A5275" i="1" s="1"/>
  <c r="A5276" i="1" s="1"/>
  <c r="A5277" i="1" s="1"/>
  <c r="A5278" i="1" s="1"/>
  <c r="A5279" i="1" s="1"/>
  <c r="A5280" i="1" s="1"/>
  <c r="A5281" i="1" s="1"/>
  <c r="A5282" i="1" s="1"/>
  <c r="A5283" i="1" s="1"/>
  <c r="A5284" i="1" s="1"/>
  <c r="A5285" i="1" s="1"/>
  <c r="A5286" i="1" s="1"/>
  <c r="A5287" i="1" s="1"/>
  <c r="A5288" i="1" s="1"/>
  <c r="A5289" i="1" s="1"/>
  <c r="A5290" i="1" s="1"/>
  <c r="A5291" i="1" s="1"/>
  <c r="A5292" i="1" s="1"/>
  <c r="A5293" i="1" s="1"/>
  <c r="A5294" i="1" s="1"/>
  <c r="A5295" i="1" s="1"/>
  <c r="A5296" i="1" s="1"/>
  <c r="A5297" i="1" s="1"/>
  <c r="A5298" i="1" s="1"/>
  <c r="A5299" i="1" s="1"/>
  <c r="A5300" i="1" s="1"/>
  <c r="A5301" i="1" s="1"/>
  <c r="A5302" i="1" s="1"/>
  <c r="A5303" i="1" s="1"/>
  <c r="A5304" i="1" s="1"/>
  <c r="A5305" i="1" s="1"/>
  <c r="A5306" i="1" s="1"/>
  <c r="A5307" i="1" s="1"/>
  <c r="A5308" i="1" s="1"/>
  <c r="A5309" i="1" s="1"/>
  <c r="A5310" i="1" s="1"/>
  <c r="A5311" i="1" s="1"/>
  <c r="A5312" i="1" s="1"/>
  <c r="A5313" i="1" s="1"/>
  <c r="A5314" i="1" s="1"/>
  <c r="A5315" i="1" s="1"/>
  <c r="A5316" i="1" s="1"/>
  <c r="A5317" i="1" s="1"/>
  <c r="A5318" i="1" s="1"/>
  <c r="A5319" i="1" s="1"/>
  <c r="A5320" i="1" s="1"/>
  <c r="A5321" i="1" s="1"/>
  <c r="A5322" i="1" s="1"/>
  <c r="A5323" i="1" s="1"/>
  <c r="A5324" i="1" s="1"/>
  <c r="A5325" i="1" s="1"/>
  <c r="A5326" i="1" s="1"/>
  <c r="A5327" i="1" s="1"/>
  <c r="A5328" i="1" s="1"/>
  <c r="A5329" i="1" s="1"/>
  <c r="A5330" i="1" s="1"/>
  <c r="A5331" i="1" s="1"/>
  <c r="A5332" i="1" s="1"/>
  <c r="A5333" i="1" s="1"/>
  <c r="A5334" i="1" s="1"/>
  <c r="A5335" i="1" s="1"/>
  <c r="A5336" i="1" s="1"/>
  <c r="A5337" i="1" s="1"/>
  <c r="A5338" i="1" s="1"/>
  <c r="A5339" i="1" s="1"/>
  <c r="A5340" i="1" s="1"/>
  <c r="A5341" i="1" s="1"/>
  <c r="A5342" i="1" s="1"/>
  <c r="A5343" i="1" s="1"/>
  <c r="A5344" i="1" s="1"/>
  <c r="A5345" i="1" s="1"/>
  <c r="A5346" i="1" s="1"/>
  <c r="A5347" i="1" s="1"/>
  <c r="A5348" i="1" s="1"/>
  <c r="A5349" i="1" s="1"/>
  <c r="A5350" i="1" s="1"/>
  <c r="A5351" i="1" s="1"/>
  <c r="A5352" i="1" s="1"/>
  <c r="A5353" i="1" s="1"/>
  <c r="A5354" i="1" s="1"/>
  <c r="A5355" i="1" s="1"/>
  <c r="A5356" i="1" s="1"/>
  <c r="A5357" i="1" s="1"/>
  <c r="A5358" i="1" s="1"/>
  <c r="A5359" i="1" s="1"/>
  <c r="A5360" i="1" s="1"/>
  <c r="A5361" i="1" s="1"/>
  <c r="A5362" i="1" s="1"/>
  <c r="A5363" i="1" s="1"/>
  <c r="A5364" i="1" s="1"/>
  <c r="A5365" i="1" s="1"/>
  <c r="A5366" i="1" s="1"/>
  <c r="A5367" i="1" s="1"/>
  <c r="A5368" i="1" s="1"/>
  <c r="A5369" i="1" s="1"/>
  <c r="A5370" i="1" s="1"/>
  <c r="A5371" i="1" s="1"/>
  <c r="A5372" i="1" s="1"/>
  <c r="A5373" i="1" s="1"/>
  <c r="A5374" i="1" s="1"/>
  <c r="A5375" i="1" s="1"/>
  <c r="A5376" i="1" s="1"/>
  <c r="A5377" i="1" s="1"/>
  <c r="A5378" i="1" s="1"/>
  <c r="A5379" i="1" s="1"/>
  <c r="A5380" i="1" s="1"/>
  <c r="A5381" i="1" s="1"/>
  <c r="A5382" i="1" s="1"/>
  <c r="A5383" i="1" s="1"/>
  <c r="A5384" i="1" s="1"/>
  <c r="A5385" i="1" s="1"/>
  <c r="A5386" i="1" s="1"/>
  <c r="A5387" i="1" s="1"/>
  <c r="A5388" i="1" s="1"/>
  <c r="A5389" i="1" s="1"/>
  <c r="A5390" i="1" s="1"/>
  <c r="A5391" i="1" s="1"/>
  <c r="A5392" i="1" s="1"/>
  <c r="A5393" i="1" s="1"/>
  <c r="A5394" i="1" s="1"/>
  <c r="A5395" i="1" s="1"/>
  <c r="A5396" i="1" s="1"/>
  <c r="A5397" i="1" s="1"/>
  <c r="A5398" i="1" s="1"/>
  <c r="A5399" i="1" s="1"/>
  <c r="A5400" i="1" s="1"/>
  <c r="A5401" i="1" s="1"/>
  <c r="A5402" i="1" s="1"/>
  <c r="A5403" i="1" s="1"/>
  <c r="A5404" i="1" s="1"/>
  <c r="A5405" i="1" s="1"/>
  <c r="A5406" i="1" s="1"/>
  <c r="A5407" i="1" s="1"/>
  <c r="A5408" i="1" s="1"/>
  <c r="A5409" i="1" s="1"/>
  <c r="A5410" i="1" s="1"/>
  <c r="A5411" i="1" s="1"/>
  <c r="A5412" i="1" s="1"/>
  <c r="A5413" i="1" s="1"/>
  <c r="A5414" i="1" s="1"/>
  <c r="A5415" i="1" s="1"/>
  <c r="A5416" i="1" s="1"/>
  <c r="A5417" i="1" s="1"/>
  <c r="A5418" i="1" s="1"/>
  <c r="A5419" i="1" s="1"/>
  <c r="A5420" i="1" s="1"/>
  <c r="A5421" i="1" s="1"/>
  <c r="A5422" i="1" s="1"/>
  <c r="A5423" i="1" s="1"/>
  <c r="A5424" i="1" s="1"/>
  <c r="A5425" i="1" s="1"/>
  <c r="A5426" i="1" s="1"/>
  <c r="A5427" i="1" s="1"/>
  <c r="A5428" i="1" s="1"/>
  <c r="A5429" i="1" s="1"/>
  <c r="A5430" i="1" s="1"/>
  <c r="A5431" i="1" s="1"/>
  <c r="A5432" i="1" s="1"/>
  <c r="A5433" i="1" s="1"/>
  <c r="A5434" i="1" s="1"/>
  <c r="A5435" i="1" s="1"/>
  <c r="A5436" i="1" s="1"/>
  <c r="A5437" i="1" s="1"/>
  <c r="A5438" i="1" s="1"/>
  <c r="A5439" i="1" s="1"/>
  <c r="A5440" i="1" s="1"/>
  <c r="A5441" i="1" s="1"/>
  <c r="A5442" i="1" s="1"/>
  <c r="A5443" i="1" s="1"/>
  <c r="A5444" i="1" s="1"/>
  <c r="A5445" i="1" s="1"/>
  <c r="A5446" i="1" s="1"/>
  <c r="A5447" i="1" s="1"/>
  <c r="A5448" i="1" s="1"/>
  <c r="A5449" i="1" s="1"/>
  <c r="A5450" i="1" s="1"/>
  <c r="A5451" i="1" s="1"/>
  <c r="A5452" i="1" s="1"/>
  <c r="A5453" i="1" s="1"/>
  <c r="A5454" i="1" s="1"/>
  <c r="A5455" i="1" s="1"/>
  <c r="A5456" i="1" s="1"/>
  <c r="A5457" i="1" s="1"/>
  <c r="A5458" i="1" s="1"/>
  <c r="A5459" i="1" s="1"/>
  <c r="A5460" i="1" s="1"/>
  <c r="A5461" i="1" s="1"/>
  <c r="A5462" i="1" s="1"/>
  <c r="A5463" i="1" s="1"/>
  <c r="A5464" i="1" s="1"/>
  <c r="A5465" i="1" s="1"/>
  <c r="A5466" i="1" s="1"/>
  <c r="A5467" i="1" s="1"/>
  <c r="A5468" i="1" s="1"/>
  <c r="A5469" i="1" s="1"/>
  <c r="A5470" i="1" s="1"/>
  <c r="A5471" i="1" s="1"/>
  <c r="A5472" i="1" s="1"/>
  <c r="A5473" i="1" s="1"/>
  <c r="A5474" i="1" s="1"/>
  <c r="A5475" i="1" s="1"/>
  <c r="A5476" i="1" s="1"/>
  <c r="A5477" i="1" s="1"/>
  <c r="A5478" i="1" s="1"/>
  <c r="A5479" i="1" s="1"/>
  <c r="A5480" i="1" s="1"/>
  <c r="A5481" i="1" s="1"/>
  <c r="A5482" i="1" s="1"/>
  <c r="A5483" i="1" s="1"/>
  <c r="A5484" i="1" s="1"/>
  <c r="A5485" i="1" s="1"/>
  <c r="A5486" i="1" s="1"/>
  <c r="A5487" i="1" s="1"/>
  <c r="A5488" i="1" s="1"/>
  <c r="A5489" i="1" s="1"/>
  <c r="A5490" i="1" s="1"/>
  <c r="A5491" i="1" s="1"/>
  <c r="A5492" i="1" s="1"/>
  <c r="A5493" i="1" s="1"/>
  <c r="A5494" i="1" s="1"/>
  <c r="A5495" i="1" s="1"/>
  <c r="A5496" i="1" s="1"/>
  <c r="A5497" i="1" s="1"/>
  <c r="A5498" i="1" s="1"/>
  <c r="A5499" i="1" s="1"/>
  <c r="A5500" i="1" s="1"/>
  <c r="A5501" i="1" s="1"/>
  <c r="A5502" i="1" s="1"/>
  <c r="A5503" i="1" s="1"/>
  <c r="A5504" i="1" s="1"/>
  <c r="A5505" i="1" s="1"/>
  <c r="A5506" i="1" s="1"/>
  <c r="A5507" i="1" s="1"/>
  <c r="A5508" i="1" s="1"/>
  <c r="A5509" i="1" s="1"/>
  <c r="A5510" i="1" s="1"/>
  <c r="A5511" i="1" s="1"/>
  <c r="A5512" i="1" s="1"/>
  <c r="A5513" i="1" s="1"/>
  <c r="A5514" i="1" s="1"/>
  <c r="A5515" i="1" s="1"/>
  <c r="A5516" i="1" s="1"/>
  <c r="A5517" i="1" s="1"/>
  <c r="A5518" i="1" s="1"/>
  <c r="A5519" i="1" s="1"/>
  <c r="A5520" i="1" s="1"/>
  <c r="A5521" i="1" s="1"/>
  <c r="A5522" i="1" s="1"/>
  <c r="A5523" i="1" s="1"/>
  <c r="A5524" i="1" s="1"/>
  <c r="A5525" i="1" s="1"/>
  <c r="A5526" i="1" s="1"/>
  <c r="A5527" i="1" s="1"/>
  <c r="A5528" i="1" s="1"/>
  <c r="A5529" i="1" s="1"/>
  <c r="A5530" i="1" s="1"/>
  <c r="A5531" i="1" s="1"/>
  <c r="A5532" i="1" s="1"/>
  <c r="A5533" i="1" s="1"/>
  <c r="A5534" i="1" s="1"/>
  <c r="A5535" i="1" s="1"/>
  <c r="A5536" i="1" s="1"/>
  <c r="A5537" i="1" s="1"/>
  <c r="A5538" i="1" s="1"/>
  <c r="A5539" i="1" s="1"/>
  <c r="A5540" i="1" s="1"/>
  <c r="A5541" i="1" s="1"/>
  <c r="A5542" i="1" s="1"/>
  <c r="A5543" i="1" s="1"/>
  <c r="A5544" i="1" s="1"/>
  <c r="A5545" i="1" s="1"/>
  <c r="A5546" i="1" s="1"/>
  <c r="A5547" i="1" s="1"/>
  <c r="A5548" i="1" s="1"/>
  <c r="A5549" i="1" s="1"/>
  <c r="A5550" i="1" s="1"/>
  <c r="A5551" i="1" s="1"/>
  <c r="A5552" i="1" s="1"/>
  <c r="A5553" i="1" s="1"/>
  <c r="A5554" i="1" s="1"/>
  <c r="A5555" i="1" s="1"/>
  <c r="A5556" i="1" s="1"/>
  <c r="A5557" i="1" s="1"/>
  <c r="A5558" i="1" s="1"/>
  <c r="A5559" i="1" s="1"/>
  <c r="A5560" i="1" s="1"/>
  <c r="A5561" i="1" s="1"/>
  <c r="A5562" i="1" s="1"/>
  <c r="A5563" i="1" s="1"/>
  <c r="A5564" i="1" s="1"/>
  <c r="A5565" i="1" s="1"/>
  <c r="A5566" i="1" s="1"/>
  <c r="A5567" i="1" s="1"/>
  <c r="A5568" i="1" s="1"/>
  <c r="A5569" i="1" s="1"/>
  <c r="A5570" i="1" s="1"/>
  <c r="A5571" i="1" s="1"/>
  <c r="A5572" i="1" s="1"/>
  <c r="A5573" i="1" s="1"/>
  <c r="A5574" i="1" s="1"/>
  <c r="A5575" i="1" s="1"/>
  <c r="A5576" i="1" s="1"/>
  <c r="A5577" i="1" s="1"/>
  <c r="A5578" i="1" s="1"/>
  <c r="A5579" i="1" s="1"/>
  <c r="A5580" i="1" s="1"/>
  <c r="A5581" i="1" s="1"/>
  <c r="A5582" i="1" s="1"/>
  <c r="A5583" i="1" s="1"/>
  <c r="A5584" i="1" s="1"/>
  <c r="A5585" i="1" s="1"/>
  <c r="A5586" i="1" s="1"/>
  <c r="A5587" i="1" s="1"/>
  <c r="A5588" i="1" s="1"/>
  <c r="A5589" i="1" s="1"/>
  <c r="A5590" i="1" s="1"/>
  <c r="A5591" i="1" s="1"/>
  <c r="A5592" i="1" s="1"/>
  <c r="A5593" i="1" s="1"/>
  <c r="A5594" i="1" s="1"/>
  <c r="A5595" i="1" s="1"/>
  <c r="A5596" i="1" s="1"/>
  <c r="A5597" i="1" s="1"/>
  <c r="A5598" i="1" s="1"/>
  <c r="A5599" i="1" s="1"/>
  <c r="A5600" i="1" s="1"/>
  <c r="A5601" i="1" s="1"/>
  <c r="A5602" i="1" s="1"/>
  <c r="A5603" i="1" s="1"/>
  <c r="A5604" i="1" s="1"/>
  <c r="A5605" i="1" s="1"/>
  <c r="A5606" i="1" s="1"/>
  <c r="A5607" i="1" s="1"/>
  <c r="A5608" i="1" s="1"/>
  <c r="A5609" i="1" s="1"/>
  <c r="A5610" i="1" s="1"/>
  <c r="A5611" i="1" s="1"/>
  <c r="A5612" i="1" s="1"/>
  <c r="A5613" i="1" s="1"/>
  <c r="A5614" i="1" s="1"/>
  <c r="A5615" i="1" s="1"/>
  <c r="A5616" i="1" s="1"/>
  <c r="A5617" i="1" s="1"/>
  <c r="A5618" i="1" s="1"/>
  <c r="A5619" i="1" s="1"/>
  <c r="A5620" i="1" s="1"/>
  <c r="A5621" i="1" s="1"/>
  <c r="A5622" i="1" s="1"/>
  <c r="A5623" i="1" s="1"/>
  <c r="A5624" i="1" s="1"/>
  <c r="A5625" i="1" s="1"/>
  <c r="A5626" i="1" s="1"/>
  <c r="A5627" i="1" s="1"/>
  <c r="A5628" i="1" s="1"/>
  <c r="A5629" i="1" s="1"/>
  <c r="A5630" i="1" s="1"/>
  <c r="A5631" i="1" s="1"/>
  <c r="A5632" i="1" s="1"/>
  <c r="A5633" i="1" s="1"/>
  <c r="A5634" i="1" s="1"/>
  <c r="A5635" i="1" s="1"/>
  <c r="A5636" i="1" s="1"/>
  <c r="A5637" i="1" s="1"/>
  <c r="A5638" i="1" s="1"/>
  <c r="A5639" i="1" s="1"/>
  <c r="A5640" i="1" s="1"/>
  <c r="A5641" i="1" s="1"/>
  <c r="A5642" i="1" s="1"/>
  <c r="A5643" i="1" s="1"/>
  <c r="A5644" i="1" s="1"/>
  <c r="A5645" i="1" s="1"/>
  <c r="A5646" i="1" s="1"/>
  <c r="A5647" i="1" s="1"/>
  <c r="A5648" i="1" s="1"/>
  <c r="A5649" i="1" s="1"/>
  <c r="A5650" i="1" s="1"/>
  <c r="A5651" i="1" s="1"/>
  <c r="A5652" i="1" s="1"/>
  <c r="A5653" i="1" s="1"/>
  <c r="A5654" i="1" s="1"/>
  <c r="A5655" i="1" s="1"/>
  <c r="A5656" i="1" s="1"/>
  <c r="A5657" i="1" s="1"/>
  <c r="A5658" i="1" s="1"/>
  <c r="A5659" i="1" s="1"/>
  <c r="A5660" i="1" s="1"/>
  <c r="A5661" i="1" s="1"/>
  <c r="A5662" i="1" s="1"/>
  <c r="A5663" i="1" s="1"/>
  <c r="A5664" i="1" s="1"/>
  <c r="A5665" i="1" s="1"/>
  <c r="A5666" i="1" s="1"/>
  <c r="A5667" i="1" s="1"/>
  <c r="A5668" i="1" s="1"/>
  <c r="A5669" i="1" s="1"/>
  <c r="A5670" i="1" s="1"/>
  <c r="A5671" i="1" s="1"/>
  <c r="A5672" i="1" s="1"/>
  <c r="A5673" i="1" s="1"/>
  <c r="A5674" i="1" s="1"/>
  <c r="A5675" i="1" s="1"/>
  <c r="A5676" i="1" s="1"/>
  <c r="A5677" i="1" s="1"/>
  <c r="A5678" i="1" s="1"/>
  <c r="A5679" i="1" s="1"/>
  <c r="A5680" i="1" s="1"/>
  <c r="A5681" i="1" s="1"/>
  <c r="A5682" i="1" s="1"/>
  <c r="A5683" i="1" s="1"/>
  <c r="A5684" i="1" s="1"/>
  <c r="A5685" i="1" s="1"/>
  <c r="A5686" i="1" s="1"/>
  <c r="A5687" i="1" s="1"/>
  <c r="A5688" i="1" s="1"/>
  <c r="A5689" i="1" s="1"/>
  <c r="A5690" i="1" s="1"/>
  <c r="A5691" i="1" s="1"/>
  <c r="A5692" i="1" s="1"/>
  <c r="A5693" i="1" s="1"/>
  <c r="A5694" i="1" s="1"/>
  <c r="A5695" i="1" s="1"/>
  <c r="A5696" i="1" s="1"/>
  <c r="A5697" i="1" s="1"/>
  <c r="A5698" i="1" s="1"/>
  <c r="A5699" i="1" s="1"/>
  <c r="A5700" i="1" s="1"/>
  <c r="A5701" i="1" s="1"/>
  <c r="A5702" i="1" s="1"/>
  <c r="A5703" i="1" s="1"/>
  <c r="A5704" i="1" s="1"/>
  <c r="A5705" i="1" s="1"/>
  <c r="A5706" i="1" s="1"/>
  <c r="A5707" i="1" s="1"/>
  <c r="A5708" i="1" s="1"/>
  <c r="A5709" i="1" s="1"/>
  <c r="A5710" i="1" s="1"/>
  <c r="A5711" i="1" s="1"/>
  <c r="A5712" i="1" s="1"/>
  <c r="A5713" i="1" s="1"/>
  <c r="A5714" i="1" s="1"/>
  <c r="A5715" i="1" s="1"/>
  <c r="A5716" i="1" s="1"/>
  <c r="A5717" i="1" s="1"/>
  <c r="A5718" i="1" s="1"/>
  <c r="A5719" i="1" s="1"/>
  <c r="A5720" i="1" s="1"/>
  <c r="A5721" i="1" s="1"/>
  <c r="A5722" i="1" s="1"/>
  <c r="A5723" i="1" s="1"/>
  <c r="A5724" i="1" s="1"/>
  <c r="A5725" i="1" s="1"/>
  <c r="A5726" i="1" s="1"/>
  <c r="A5727" i="1" s="1"/>
  <c r="A5728" i="1" s="1"/>
  <c r="A5729" i="1" s="1"/>
  <c r="A5730" i="1" s="1"/>
  <c r="A5731" i="1" s="1"/>
  <c r="A5732" i="1" s="1"/>
  <c r="A5733" i="1" s="1"/>
  <c r="A5734" i="1" s="1"/>
  <c r="A5735" i="1" s="1"/>
  <c r="A5736" i="1" s="1"/>
  <c r="A5737" i="1" s="1"/>
  <c r="A5738" i="1" s="1"/>
  <c r="A5739" i="1" s="1"/>
  <c r="A5740" i="1" s="1"/>
  <c r="A5741" i="1" s="1"/>
  <c r="A5742" i="1" s="1"/>
  <c r="A5743" i="1" s="1"/>
  <c r="A5744" i="1" s="1"/>
  <c r="A5745" i="1" s="1"/>
  <c r="A5746" i="1" s="1"/>
  <c r="A5747" i="1" s="1"/>
  <c r="A5748" i="1" s="1"/>
  <c r="A5749" i="1" s="1"/>
  <c r="A5750" i="1" s="1"/>
  <c r="A5751" i="1" s="1"/>
  <c r="A5752" i="1" s="1"/>
  <c r="A5753" i="1" s="1"/>
  <c r="A5754" i="1" s="1"/>
  <c r="A5755" i="1" s="1"/>
  <c r="A5756" i="1" s="1"/>
  <c r="A5757" i="1" s="1"/>
  <c r="A5758" i="1" s="1"/>
  <c r="A5759" i="1" s="1"/>
  <c r="A5760" i="1" s="1"/>
  <c r="A5761" i="1" s="1"/>
  <c r="A5762" i="1" s="1"/>
  <c r="A5763" i="1" s="1"/>
  <c r="A5764" i="1" s="1"/>
  <c r="A5765" i="1" s="1"/>
  <c r="A5766" i="1" s="1"/>
  <c r="A5767" i="1" s="1"/>
  <c r="A5768" i="1" s="1"/>
  <c r="A5769" i="1" s="1"/>
  <c r="A5770" i="1" s="1"/>
  <c r="A5771" i="1" s="1"/>
  <c r="A5772" i="1" s="1"/>
  <c r="A5773" i="1" s="1"/>
  <c r="A5774" i="1" s="1"/>
  <c r="A5775" i="1" s="1"/>
  <c r="A5776" i="1" s="1"/>
  <c r="A5777" i="1" s="1"/>
  <c r="A5778" i="1" s="1"/>
  <c r="A5779" i="1" s="1"/>
  <c r="A5780" i="1" s="1"/>
  <c r="A5781" i="1" s="1"/>
  <c r="A5782" i="1" s="1"/>
  <c r="A5783" i="1" s="1"/>
  <c r="A5784" i="1" s="1"/>
  <c r="A5785" i="1" s="1"/>
  <c r="A5786" i="1" s="1"/>
  <c r="A5787" i="1" s="1"/>
  <c r="A5788" i="1" s="1"/>
  <c r="A5789" i="1" s="1"/>
  <c r="A5790" i="1" s="1"/>
  <c r="A5791" i="1" s="1"/>
  <c r="A5792" i="1" s="1"/>
  <c r="A5793" i="1" s="1"/>
  <c r="A5794" i="1" s="1"/>
  <c r="A5795" i="1" s="1"/>
  <c r="A5796" i="1" s="1"/>
  <c r="A5797" i="1" s="1"/>
  <c r="A5798" i="1" s="1"/>
  <c r="A5799" i="1" s="1"/>
  <c r="A5800" i="1" s="1"/>
  <c r="A5801" i="1" s="1"/>
  <c r="A5802" i="1" s="1"/>
  <c r="A5803" i="1" s="1"/>
  <c r="A5804" i="1" s="1"/>
  <c r="A5805" i="1" s="1"/>
  <c r="A5806" i="1" s="1"/>
  <c r="A5807" i="1" s="1"/>
  <c r="A5808" i="1" s="1"/>
  <c r="A5809" i="1" s="1"/>
  <c r="A5810" i="1" s="1"/>
  <c r="A5811" i="1" s="1"/>
  <c r="A5812" i="1" s="1"/>
  <c r="A5813" i="1" s="1"/>
  <c r="A5814" i="1" s="1"/>
  <c r="A5815" i="1" s="1"/>
  <c r="A5816" i="1" s="1"/>
  <c r="A5817" i="1" s="1"/>
  <c r="A5818" i="1" s="1"/>
  <c r="A5819" i="1" s="1"/>
  <c r="A5820" i="1" s="1"/>
  <c r="A5821" i="1" s="1"/>
  <c r="A5822" i="1" s="1"/>
  <c r="A5823" i="1" s="1"/>
  <c r="A5824" i="1" s="1"/>
  <c r="A5825" i="1" s="1"/>
  <c r="A5826" i="1" s="1"/>
  <c r="A5827" i="1" s="1"/>
  <c r="A5828" i="1" s="1"/>
  <c r="A5829" i="1" s="1"/>
  <c r="A5830" i="1" s="1"/>
  <c r="A5831" i="1" s="1"/>
  <c r="A5832" i="1" s="1"/>
  <c r="A5833" i="1" s="1"/>
  <c r="A5834" i="1" s="1"/>
  <c r="A5835" i="1" s="1"/>
  <c r="A5836" i="1" s="1"/>
  <c r="A5837" i="1" s="1"/>
  <c r="A5838" i="1" s="1"/>
  <c r="A5839" i="1" s="1"/>
  <c r="A5840" i="1" s="1"/>
  <c r="A5841" i="1" s="1"/>
  <c r="A5842" i="1" s="1"/>
  <c r="A5843" i="1" s="1"/>
  <c r="A5844" i="1" s="1"/>
  <c r="A5845" i="1" s="1"/>
  <c r="A5846" i="1" s="1"/>
  <c r="A5847" i="1" s="1"/>
  <c r="A5848" i="1" s="1"/>
  <c r="A5849" i="1" s="1"/>
  <c r="A5850" i="1" s="1"/>
  <c r="A5851" i="1" s="1"/>
  <c r="A5852" i="1" s="1"/>
  <c r="A5853" i="1" s="1"/>
  <c r="A5854" i="1" s="1"/>
  <c r="A5855" i="1" s="1"/>
  <c r="A5856" i="1" s="1"/>
  <c r="A5857" i="1" s="1"/>
  <c r="A5858" i="1" s="1"/>
  <c r="A5859" i="1" s="1"/>
  <c r="A5860" i="1" s="1"/>
  <c r="A5861" i="1" s="1"/>
  <c r="A5862" i="1" s="1"/>
  <c r="A5863" i="1" s="1"/>
  <c r="A5864" i="1" s="1"/>
  <c r="A5865" i="1" s="1"/>
  <c r="A5866" i="1" s="1"/>
  <c r="A5867" i="1" s="1"/>
  <c r="A5868" i="1" s="1"/>
  <c r="A5869" i="1" s="1"/>
  <c r="A5870" i="1" s="1"/>
  <c r="A5871" i="1" s="1"/>
  <c r="A5872" i="1" s="1"/>
  <c r="A5873" i="1" s="1"/>
  <c r="A5874" i="1" s="1"/>
  <c r="A5875" i="1" s="1"/>
  <c r="A5876" i="1" s="1"/>
  <c r="A5877" i="1" s="1"/>
  <c r="A5878" i="1" s="1"/>
  <c r="A5879" i="1" s="1"/>
  <c r="A5880" i="1" s="1"/>
  <c r="A5881" i="1" s="1"/>
  <c r="A5882" i="1" s="1"/>
  <c r="A5883" i="1" s="1"/>
  <c r="A5884" i="1" s="1"/>
  <c r="A5885" i="1" s="1"/>
  <c r="A5886" i="1" s="1"/>
  <c r="A5887" i="1" s="1"/>
  <c r="A5888" i="1" s="1"/>
  <c r="A5889" i="1" s="1"/>
  <c r="A5890" i="1" s="1"/>
  <c r="A5891" i="1" s="1"/>
  <c r="A5892" i="1" s="1"/>
  <c r="A5893" i="1" s="1"/>
  <c r="A5894" i="1" s="1"/>
  <c r="A5895" i="1" s="1"/>
  <c r="A5896" i="1" s="1"/>
  <c r="A5897" i="1" s="1"/>
  <c r="A5898" i="1" s="1"/>
  <c r="A5899" i="1" s="1"/>
  <c r="A5900" i="1" s="1"/>
  <c r="A5901" i="1" s="1"/>
  <c r="A5902" i="1" s="1"/>
  <c r="A5903" i="1" s="1"/>
  <c r="A5904" i="1" s="1"/>
  <c r="A5905" i="1" s="1"/>
  <c r="A5906" i="1" s="1"/>
  <c r="A5907" i="1" s="1"/>
  <c r="A5908" i="1" s="1"/>
  <c r="A5909" i="1" s="1"/>
  <c r="A5910" i="1" s="1"/>
  <c r="A5911" i="1" s="1"/>
  <c r="A5912" i="1" s="1"/>
  <c r="A5913" i="1" s="1"/>
  <c r="A5914" i="1" s="1"/>
  <c r="A5915" i="1" s="1"/>
  <c r="A5916" i="1" s="1"/>
  <c r="A5917" i="1" s="1"/>
  <c r="A5918" i="1" s="1"/>
  <c r="A5919" i="1" s="1"/>
  <c r="A5920" i="1" s="1"/>
  <c r="A5921" i="1" s="1"/>
  <c r="A5922" i="1" s="1"/>
  <c r="A5923" i="1" s="1"/>
  <c r="A5924" i="1" s="1"/>
  <c r="A5925" i="1" s="1"/>
  <c r="A5926" i="1" s="1"/>
  <c r="A5927" i="1" s="1"/>
  <c r="A5928" i="1" s="1"/>
  <c r="A5929" i="1" s="1"/>
  <c r="A5930" i="1" s="1"/>
  <c r="A5931" i="1" s="1"/>
  <c r="A5932" i="1" s="1"/>
  <c r="A5933" i="1" s="1"/>
  <c r="A5934" i="1" s="1"/>
  <c r="A5935" i="1" s="1"/>
  <c r="A5936" i="1" s="1"/>
  <c r="A5937" i="1" s="1"/>
  <c r="A5938" i="1" s="1"/>
  <c r="A5939" i="1" s="1"/>
  <c r="A5940" i="1" s="1"/>
  <c r="A5941" i="1" s="1"/>
  <c r="A5942" i="1" s="1"/>
  <c r="A5943" i="1" s="1"/>
  <c r="A5944" i="1" s="1"/>
  <c r="A5945" i="1" s="1"/>
  <c r="A5946" i="1" s="1"/>
  <c r="A5947" i="1" s="1"/>
  <c r="A5948" i="1" s="1"/>
  <c r="A5949" i="1" s="1"/>
  <c r="A5950" i="1" s="1"/>
  <c r="A5951" i="1" s="1"/>
  <c r="A5952" i="1" s="1"/>
  <c r="A5953" i="1" s="1"/>
  <c r="A5954" i="1" s="1"/>
  <c r="A5955" i="1" s="1"/>
  <c r="A5956" i="1" s="1"/>
  <c r="A5957" i="1" s="1"/>
  <c r="A5958" i="1" s="1"/>
  <c r="A5959" i="1" s="1"/>
  <c r="A5960" i="1" s="1"/>
  <c r="A5961" i="1" s="1"/>
  <c r="A5962" i="1" s="1"/>
  <c r="A5963" i="1" s="1"/>
  <c r="A5964" i="1" s="1"/>
  <c r="A5965" i="1" s="1"/>
  <c r="A5966" i="1" s="1"/>
  <c r="A5967" i="1" s="1"/>
  <c r="A5968" i="1" s="1"/>
  <c r="A5969" i="1" s="1"/>
  <c r="A5970" i="1" s="1"/>
  <c r="A5971" i="1" s="1"/>
  <c r="A5972" i="1" s="1"/>
  <c r="A5973" i="1" s="1"/>
  <c r="A5974" i="1" s="1"/>
  <c r="A5975" i="1" s="1"/>
  <c r="A5976" i="1" s="1"/>
  <c r="A5977" i="1" s="1"/>
  <c r="A5978" i="1" s="1"/>
  <c r="A5979" i="1" s="1"/>
  <c r="A5980" i="1" s="1"/>
  <c r="A5981" i="1" s="1"/>
  <c r="A5982" i="1" s="1"/>
  <c r="A5983" i="1" s="1"/>
  <c r="A5984" i="1" s="1"/>
  <c r="A5985" i="1" s="1"/>
  <c r="A5986" i="1" s="1"/>
  <c r="A5987" i="1" s="1"/>
  <c r="A5988" i="1" s="1"/>
  <c r="A5989" i="1" s="1"/>
  <c r="A5990" i="1" s="1"/>
  <c r="A5991" i="1" s="1"/>
  <c r="A5992" i="1" s="1"/>
  <c r="A5993" i="1" s="1"/>
  <c r="A5994" i="1" s="1"/>
  <c r="A5995" i="1" s="1"/>
  <c r="A5996" i="1" s="1"/>
  <c r="A5997" i="1" s="1"/>
  <c r="A5998" i="1" s="1"/>
  <c r="A5999" i="1" s="1"/>
  <c r="A6000" i="1" s="1"/>
  <c r="A6001" i="1" s="1"/>
  <c r="A6002" i="1" s="1"/>
  <c r="A6003" i="1" s="1"/>
  <c r="A6004" i="1" s="1"/>
  <c r="A6005" i="1" s="1"/>
  <c r="A6006" i="1" s="1"/>
  <c r="A6007" i="1" s="1"/>
  <c r="A6008" i="1" s="1"/>
  <c r="A6009" i="1" s="1"/>
  <c r="A6010" i="1" s="1"/>
  <c r="A6011" i="1" s="1"/>
  <c r="A6012" i="1" s="1"/>
  <c r="A6013" i="1" s="1"/>
  <c r="A6014" i="1" s="1"/>
  <c r="A6015" i="1" s="1"/>
  <c r="A6016" i="1" s="1"/>
  <c r="A6017" i="1" s="1"/>
  <c r="A6018" i="1" s="1"/>
  <c r="A6019" i="1" s="1"/>
  <c r="A6020" i="1" s="1"/>
  <c r="A6021" i="1" s="1"/>
  <c r="A6022" i="1" s="1"/>
  <c r="A6023" i="1" s="1"/>
  <c r="A6024" i="1" s="1"/>
  <c r="A6025" i="1" s="1"/>
  <c r="A6026" i="1" s="1"/>
  <c r="A6027" i="1" s="1"/>
  <c r="A6028" i="1" s="1"/>
  <c r="A6029" i="1" s="1"/>
  <c r="A6030" i="1" s="1"/>
  <c r="A6031" i="1" s="1"/>
  <c r="A6032" i="1" s="1"/>
  <c r="A6033" i="1" s="1"/>
  <c r="A6034" i="1" s="1"/>
  <c r="A6035" i="1" s="1"/>
  <c r="A6036" i="1" s="1"/>
  <c r="A6037" i="1" s="1"/>
  <c r="A6038" i="1" s="1"/>
  <c r="A6039" i="1" s="1"/>
  <c r="A6040" i="1" s="1"/>
  <c r="A6041" i="1" s="1"/>
  <c r="A6042" i="1" s="1"/>
  <c r="A6043" i="1" s="1"/>
  <c r="A6044" i="1" s="1"/>
  <c r="A6045" i="1" s="1"/>
  <c r="A6046" i="1" s="1"/>
  <c r="A6047" i="1" s="1"/>
  <c r="A6048" i="1" s="1"/>
  <c r="A6049" i="1" s="1"/>
  <c r="A6050" i="1" s="1"/>
  <c r="A6051" i="1" s="1"/>
  <c r="A6052" i="1" s="1"/>
  <c r="A6053" i="1" s="1"/>
  <c r="A6054" i="1" s="1"/>
  <c r="A6055" i="1" s="1"/>
  <c r="A6056" i="1" s="1"/>
  <c r="A6057" i="1" s="1"/>
  <c r="A6058" i="1" s="1"/>
  <c r="A6059" i="1" s="1"/>
  <c r="A6060" i="1" s="1"/>
  <c r="A6061" i="1" s="1"/>
  <c r="A6062" i="1" s="1"/>
  <c r="A6063" i="1" s="1"/>
  <c r="A6064" i="1" s="1"/>
  <c r="A6065" i="1" s="1"/>
  <c r="A6066" i="1" s="1"/>
  <c r="A6067" i="1" s="1"/>
  <c r="A6068" i="1" s="1"/>
  <c r="A6069" i="1" s="1"/>
  <c r="A6070" i="1" s="1"/>
  <c r="A6071" i="1" s="1"/>
  <c r="A6072" i="1" s="1"/>
  <c r="A6073" i="1" s="1"/>
  <c r="A6074" i="1" s="1"/>
  <c r="A6075" i="1" s="1"/>
  <c r="A6076" i="1" s="1"/>
  <c r="A6077" i="1" s="1"/>
  <c r="A6078" i="1" s="1"/>
  <c r="A6079" i="1" s="1"/>
  <c r="A6080" i="1" s="1"/>
  <c r="A6081" i="1" s="1"/>
  <c r="A6082" i="1" s="1"/>
  <c r="A6083" i="1" s="1"/>
  <c r="A6084" i="1" s="1"/>
  <c r="A6085" i="1" s="1"/>
  <c r="A6086" i="1" s="1"/>
  <c r="A6087" i="1" s="1"/>
  <c r="A6088" i="1" s="1"/>
  <c r="A6089" i="1" s="1"/>
  <c r="A6090" i="1" s="1"/>
  <c r="A6091" i="1" s="1"/>
  <c r="A6092" i="1" s="1"/>
  <c r="A6093" i="1" s="1"/>
  <c r="A6094" i="1" s="1"/>
  <c r="A6095" i="1" s="1"/>
  <c r="A6096" i="1" s="1"/>
  <c r="A6097" i="1" s="1"/>
  <c r="A6098" i="1" s="1"/>
  <c r="A6099" i="1" s="1"/>
  <c r="A6100" i="1" s="1"/>
  <c r="A6101" i="1" s="1"/>
  <c r="A6102" i="1" s="1"/>
  <c r="A6103" i="1" s="1"/>
  <c r="A6104" i="1" s="1"/>
  <c r="A6105" i="1" s="1"/>
  <c r="A6106" i="1" s="1"/>
  <c r="A6107" i="1" s="1"/>
  <c r="A6108" i="1" s="1"/>
  <c r="A6109" i="1" s="1"/>
  <c r="A6110" i="1" s="1"/>
  <c r="A6111" i="1" s="1"/>
  <c r="A6112" i="1" s="1"/>
  <c r="A6113" i="1" s="1"/>
  <c r="A6114" i="1" s="1"/>
  <c r="A6115" i="1" s="1"/>
  <c r="A6116" i="1" s="1"/>
  <c r="A6117" i="1" s="1"/>
  <c r="A6118" i="1" s="1"/>
  <c r="A6119" i="1" s="1"/>
  <c r="A6120" i="1" s="1"/>
  <c r="A6121" i="1" s="1"/>
  <c r="A6122" i="1" s="1"/>
  <c r="A6123" i="1" s="1"/>
  <c r="A6124" i="1" s="1"/>
  <c r="A6125" i="1" s="1"/>
  <c r="A6126" i="1" s="1"/>
  <c r="A6127" i="1" s="1"/>
  <c r="A6128" i="1" s="1"/>
  <c r="A6129" i="1" s="1"/>
  <c r="A6130" i="1" s="1"/>
  <c r="A6131" i="1" s="1"/>
  <c r="A6132" i="1" s="1"/>
  <c r="A6133" i="1" s="1"/>
  <c r="A6134" i="1" s="1"/>
  <c r="A6135" i="1" s="1"/>
  <c r="A6136" i="1" s="1"/>
  <c r="A6137" i="1" s="1"/>
  <c r="A6138" i="1" s="1"/>
  <c r="A6139" i="1" s="1"/>
  <c r="A6140" i="1" s="1"/>
  <c r="A6141" i="1" s="1"/>
  <c r="A6142" i="1" s="1"/>
  <c r="A6143" i="1" s="1"/>
  <c r="A6144" i="1" s="1"/>
  <c r="A6145" i="1" s="1"/>
  <c r="A6146" i="1" s="1"/>
  <c r="A6147" i="1" s="1"/>
  <c r="A6148" i="1" s="1"/>
  <c r="A6149" i="1" s="1"/>
  <c r="A6150" i="1" s="1"/>
  <c r="A6151" i="1" s="1"/>
  <c r="A6152" i="1" s="1"/>
  <c r="A6153" i="1" s="1"/>
  <c r="A6154" i="1" s="1"/>
  <c r="A6155" i="1" s="1"/>
  <c r="A6156" i="1" s="1"/>
  <c r="A6157" i="1" s="1"/>
  <c r="A6158" i="1" s="1"/>
  <c r="A6159" i="1" s="1"/>
  <c r="A6160" i="1" s="1"/>
  <c r="A6161" i="1" s="1"/>
  <c r="A6162" i="1" s="1"/>
  <c r="A6163" i="1" s="1"/>
  <c r="A6164" i="1" s="1"/>
  <c r="A6165" i="1" s="1"/>
  <c r="A6166" i="1" s="1"/>
  <c r="A6167" i="1" s="1"/>
  <c r="A6168" i="1" s="1"/>
  <c r="A6169" i="1" s="1"/>
  <c r="A6170" i="1" s="1"/>
  <c r="A6171" i="1" s="1"/>
  <c r="A6172" i="1" s="1"/>
  <c r="A6173" i="1" s="1"/>
  <c r="A6174" i="1" s="1"/>
  <c r="A6175" i="1" s="1"/>
  <c r="A6176" i="1" s="1"/>
  <c r="A6177" i="1" s="1"/>
  <c r="A6178" i="1" s="1"/>
  <c r="A6179" i="1" s="1"/>
  <c r="A6180" i="1" s="1"/>
  <c r="A6181" i="1" s="1"/>
  <c r="A6182" i="1" s="1"/>
  <c r="A6183" i="1" s="1"/>
  <c r="A6184" i="1" s="1"/>
  <c r="A6185" i="1" s="1"/>
  <c r="A6186" i="1" s="1"/>
  <c r="A6187" i="1" s="1"/>
  <c r="A6188" i="1" s="1"/>
  <c r="A6189" i="1" s="1"/>
  <c r="A6190" i="1" s="1"/>
  <c r="A6191" i="1" s="1"/>
  <c r="A6192" i="1" s="1"/>
  <c r="A6193" i="1" s="1"/>
  <c r="A6194" i="1" s="1"/>
  <c r="A6195" i="1" s="1"/>
  <c r="A6196" i="1" s="1"/>
  <c r="A6197" i="1" s="1"/>
  <c r="A6198" i="1" s="1"/>
  <c r="A6199" i="1" s="1"/>
  <c r="A6200" i="1" s="1"/>
  <c r="A6201" i="1" s="1"/>
  <c r="A6202" i="1" s="1"/>
  <c r="A6203" i="1" s="1"/>
  <c r="A6204" i="1" s="1"/>
  <c r="A6205" i="1" s="1"/>
  <c r="A6206" i="1" s="1"/>
  <c r="A6207" i="1" s="1"/>
  <c r="A6208" i="1" s="1"/>
  <c r="A6209" i="1" s="1"/>
  <c r="A6210" i="1" s="1"/>
  <c r="A6211" i="1" s="1"/>
  <c r="A6212" i="1" s="1"/>
  <c r="A6213" i="1" s="1"/>
  <c r="A6214" i="1" s="1"/>
  <c r="A6215" i="1" s="1"/>
  <c r="A6216" i="1" s="1"/>
  <c r="A6217" i="1" s="1"/>
  <c r="A6218" i="1" s="1"/>
  <c r="A6219" i="1" s="1"/>
  <c r="A6220" i="1" s="1"/>
  <c r="A6221" i="1" s="1"/>
  <c r="A6222" i="1" s="1"/>
  <c r="A6223" i="1" s="1"/>
  <c r="A6224" i="1" s="1"/>
  <c r="A6225" i="1" s="1"/>
  <c r="A6226" i="1" s="1"/>
  <c r="A6227" i="1" s="1"/>
  <c r="A6228" i="1" s="1"/>
  <c r="A6229" i="1" s="1"/>
  <c r="A6230" i="1" s="1"/>
  <c r="A6231" i="1" s="1"/>
  <c r="A6232" i="1" s="1"/>
  <c r="A6233" i="1" s="1"/>
  <c r="A6234" i="1" s="1"/>
  <c r="A6235" i="1" s="1"/>
  <c r="A6236" i="1" s="1"/>
  <c r="A6237" i="1" s="1"/>
  <c r="A6238" i="1" s="1"/>
  <c r="A6239" i="1" s="1"/>
  <c r="A6240" i="1" s="1"/>
  <c r="A6241" i="1" s="1"/>
  <c r="A6242" i="1" s="1"/>
  <c r="A6243" i="1" s="1"/>
  <c r="A6244" i="1" s="1"/>
  <c r="A6245" i="1" s="1"/>
  <c r="A6246" i="1" s="1"/>
  <c r="A6247" i="1" s="1"/>
  <c r="A6248" i="1" s="1"/>
  <c r="A6249" i="1" s="1"/>
  <c r="A6250" i="1" s="1"/>
  <c r="A6251" i="1" s="1"/>
  <c r="A6252" i="1" s="1"/>
  <c r="A6253" i="1" s="1"/>
  <c r="A6254" i="1" s="1"/>
  <c r="A6255" i="1" s="1"/>
  <c r="A6256" i="1" s="1"/>
  <c r="A6257" i="1" s="1"/>
  <c r="A6258" i="1" s="1"/>
  <c r="A6259" i="1" s="1"/>
  <c r="A6260" i="1" s="1"/>
  <c r="A6261" i="1" s="1"/>
  <c r="A6262" i="1" s="1"/>
  <c r="A6263" i="1" s="1"/>
  <c r="A6264" i="1" s="1"/>
  <c r="A6265" i="1" s="1"/>
  <c r="A6266" i="1" s="1"/>
  <c r="A6267" i="1" s="1"/>
  <c r="A6268" i="1" s="1"/>
  <c r="A6269" i="1" s="1"/>
  <c r="A6270" i="1" s="1"/>
  <c r="A6271" i="1" s="1"/>
  <c r="A6272" i="1" s="1"/>
  <c r="A6273" i="1" s="1"/>
  <c r="A6274" i="1" s="1"/>
  <c r="A6275" i="1" s="1"/>
  <c r="A6276" i="1" s="1"/>
  <c r="A6277" i="1" s="1"/>
  <c r="A6278" i="1" s="1"/>
  <c r="A6279" i="1" s="1"/>
  <c r="A6280" i="1" s="1"/>
  <c r="A6281" i="1" s="1"/>
  <c r="A6282" i="1" s="1"/>
  <c r="A6283" i="1" s="1"/>
  <c r="A6284" i="1" s="1"/>
  <c r="A6285" i="1" s="1"/>
  <c r="A6286" i="1" s="1"/>
  <c r="A6287" i="1" s="1"/>
  <c r="A6288" i="1" s="1"/>
  <c r="A6289" i="1" s="1"/>
  <c r="A6290" i="1" s="1"/>
  <c r="A6291" i="1" s="1"/>
  <c r="A6292" i="1" s="1"/>
  <c r="A6293" i="1" s="1"/>
  <c r="A6294" i="1" s="1"/>
  <c r="A6295" i="1" s="1"/>
  <c r="A6296" i="1" s="1"/>
  <c r="A6297" i="1" s="1"/>
  <c r="A6298" i="1" s="1"/>
  <c r="A6299" i="1" s="1"/>
  <c r="A6300" i="1" s="1"/>
  <c r="A6301" i="1" s="1"/>
  <c r="A6302" i="1" s="1"/>
  <c r="A6303" i="1" s="1"/>
  <c r="A6304" i="1" s="1"/>
  <c r="A6305" i="1" s="1"/>
  <c r="A6306" i="1" s="1"/>
  <c r="A6307" i="1" s="1"/>
  <c r="A6308" i="1" s="1"/>
  <c r="A6309" i="1" s="1"/>
  <c r="A6310" i="1" s="1"/>
  <c r="A6311" i="1" s="1"/>
  <c r="A6312" i="1" s="1"/>
  <c r="A6313" i="1" s="1"/>
  <c r="A6314" i="1" s="1"/>
  <c r="A6315" i="1" s="1"/>
  <c r="A6316" i="1" s="1"/>
  <c r="A6317" i="1" s="1"/>
  <c r="A6318" i="1" s="1"/>
  <c r="A6319" i="1" s="1"/>
  <c r="A6320" i="1" s="1"/>
  <c r="A6321" i="1" s="1"/>
  <c r="A6322" i="1" s="1"/>
  <c r="A6323" i="1" s="1"/>
  <c r="A6324" i="1" s="1"/>
  <c r="A6325" i="1" s="1"/>
  <c r="A6326" i="1" s="1"/>
  <c r="A6327" i="1" s="1"/>
  <c r="A6328" i="1" s="1"/>
  <c r="A6329" i="1" s="1"/>
  <c r="A6330" i="1" s="1"/>
  <c r="A6331" i="1" s="1"/>
  <c r="A6332" i="1" s="1"/>
  <c r="A6333" i="1" s="1"/>
  <c r="A6334" i="1" s="1"/>
  <c r="A6335" i="1" s="1"/>
  <c r="A6336" i="1" s="1"/>
  <c r="A6337" i="1" s="1"/>
  <c r="A6338" i="1" s="1"/>
  <c r="A6339" i="1" s="1"/>
  <c r="A6340" i="1" s="1"/>
  <c r="A6341" i="1" s="1"/>
  <c r="A6342" i="1" s="1"/>
  <c r="A6343" i="1" s="1"/>
  <c r="A6344" i="1" s="1"/>
  <c r="A6345" i="1" s="1"/>
  <c r="A6346" i="1" s="1"/>
  <c r="A6347" i="1" s="1"/>
  <c r="A6348" i="1" s="1"/>
  <c r="A6349" i="1" s="1"/>
  <c r="A6350" i="1" s="1"/>
  <c r="A6351" i="1" s="1"/>
  <c r="A6352" i="1" s="1"/>
  <c r="A6353" i="1" s="1"/>
  <c r="A6354" i="1" s="1"/>
  <c r="A6355" i="1" s="1"/>
  <c r="A6356" i="1" s="1"/>
  <c r="A6357" i="1" s="1"/>
  <c r="A6358" i="1" s="1"/>
  <c r="A6359" i="1" s="1"/>
  <c r="A6360" i="1" s="1"/>
  <c r="A6361" i="1" s="1"/>
  <c r="A6362" i="1" s="1"/>
  <c r="A6363" i="1" s="1"/>
  <c r="A6364" i="1" s="1"/>
  <c r="A6365" i="1" s="1"/>
  <c r="A6366" i="1" s="1"/>
  <c r="A6367" i="1" s="1"/>
  <c r="A6368" i="1" s="1"/>
  <c r="A6369" i="1" s="1"/>
  <c r="A6370" i="1" s="1"/>
  <c r="A6371" i="1" s="1"/>
  <c r="A6372" i="1" s="1"/>
  <c r="A6373" i="1" s="1"/>
  <c r="A6374" i="1" s="1"/>
  <c r="A6375" i="1" s="1"/>
  <c r="A6376" i="1" s="1"/>
  <c r="A6377" i="1" s="1"/>
  <c r="A6378" i="1" s="1"/>
  <c r="A6379" i="1" s="1"/>
  <c r="A6380" i="1" s="1"/>
  <c r="A6381" i="1" s="1"/>
  <c r="A6382" i="1" s="1"/>
  <c r="A6383" i="1" s="1"/>
  <c r="A6384" i="1" s="1"/>
  <c r="A6385" i="1" s="1"/>
  <c r="A6386" i="1" s="1"/>
  <c r="A6387" i="1" s="1"/>
  <c r="A6388" i="1" s="1"/>
  <c r="A6389" i="1" s="1"/>
  <c r="A6390" i="1" s="1"/>
  <c r="A6391" i="1" s="1"/>
  <c r="A6392" i="1" s="1"/>
  <c r="A6393" i="1" s="1"/>
  <c r="A6394" i="1" s="1"/>
  <c r="A6395" i="1" s="1"/>
  <c r="A6396" i="1" s="1"/>
  <c r="A6397" i="1" s="1"/>
  <c r="A6398" i="1" s="1"/>
  <c r="A6399" i="1" s="1"/>
  <c r="A6400" i="1" s="1"/>
  <c r="A6401" i="1" s="1"/>
  <c r="A6402" i="1" s="1"/>
  <c r="A6403" i="1" s="1"/>
  <c r="A6404" i="1" s="1"/>
  <c r="A6405" i="1" s="1"/>
  <c r="A6406" i="1" s="1"/>
  <c r="A6407" i="1" s="1"/>
  <c r="A6408" i="1" s="1"/>
  <c r="A6409" i="1" s="1"/>
  <c r="A6410" i="1" s="1"/>
  <c r="A6411" i="1" s="1"/>
  <c r="A6412" i="1" s="1"/>
  <c r="A6413" i="1" s="1"/>
  <c r="A6414" i="1" s="1"/>
  <c r="A6415" i="1" s="1"/>
  <c r="A6416" i="1" s="1"/>
  <c r="A6417" i="1" s="1"/>
  <c r="A6418" i="1" s="1"/>
  <c r="A6419" i="1" s="1"/>
  <c r="A6420" i="1" s="1"/>
  <c r="A6421" i="1" s="1"/>
  <c r="A6422" i="1" s="1"/>
  <c r="A6423" i="1" s="1"/>
  <c r="A6424" i="1" s="1"/>
  <c r="A6425" i="1" s="1"/>
  <c r="A6426" i="1" s="1"/>
  <c r="A6427" i="1" s="1"/>
  <c r="A6428" i="1" s="1"/>
  <c r="A6429" i="1" s="1"/>
  <c r="A6430" i="1" s="1"/>
  <c r="A6431" i="1" s="1"/>
  <c r="A6432" i="1" s="1"/>
  <c r="A6433" i="1" s="1"/>
  <c r="A6434" i="1" s="1"/>
  <c r="A6435" i="1" s="1"/>
  <c r="A6436" i="1" s="1"/>
  <c r="A6437" i="1" s="1"/>
  <c r="A6438" i="1" s="1"/>
  <c r="A6439" i="1" s="1"/>
  <c r="A6440" i="1" s="1"/>
  <c r="A6441" i="1" s="1"/>
  <c r="A6442" i="1" s="1"/>
  <c r="A6443" i="1" s="1"/>
  <c r="A6444" i="1" s="1"/>
  <c r="A6445" i="1" s="1"/>
  <c r="A6446" i="1" s="1"/>
  <c r="A6447" i="1" s="1"/>
  <c r="A6448" i="1" s="1"/>
  <c r="A6449" i="1" s="1"/>
  <c r="A6450" i="1" s="1"/>
  <c r="A6451" i="1" s="1"/>
  <c r="A6452" i="1" s="1"/>
  <c r="A6453" i="1" s="1"/>
  <c r="A6454" i="1" s="1"/>
  <c r="A6455" i="1" s="1"/>
  <c r="A6456" i="1" s="1"/>
  <c r="A6457" i="1" s="1"/>
  <c r="A6458" i="1" s="1"/>
  <c r="A6459" i="1" s="1"/>
  <c r="A6460" i="1" s="1"/>
  <c r="A6461" i="1" s="1"/>
  <c r="A6462" i="1" s="1"/>
  <c r="A6463" i="1" s="1"/>
  <c r="A6464" i="1" s="1"/>
  <c r="A6465" i="1" s="1"/>
  <c r="A6466" i="1" s="1"/>
  <c r="A6467" i="1" s="1"/>
  <c r="A6468" i="1" s="1"/>
  <c r="A6469" i="1" s="1"/>
  <c r="A6470" i="1" s="1"/>
  <c r="A6471" i="1" s="1"/>
  <c r="A6472" i="1" s="1"/>
  <c r="A6473" i="1" s="1"/>
  <c r="A6474" i="1" s="1"/>
  <c r="A6475" i="1" s="1"/>
  <c r="A6476" i="1" s="1"/>
  <c r="A6477" i="1" s="1"/>
  <c r="A6478" i="1" s="1"/>
  <c r="A6479" i="1" s="1"/>
  <c r="A6480" i="1" s="1"/>
  <c r="A6481" i="1" s="1"/>
  <c r="A6482" i="1" s="1"/>
  <c r="A6483" i="1" s="1"/>
  <c r="A6484" i="1" s="1"/>
  <c r="A6485" i="1" s="1"/>
  <c r="A6486" i="1" s="1"/>
  <c r="A6487" i="1" s="1"/>
  <c r="A6488" i="1" s="1"/>
  <c r="A6489" i="1" s="1"/>
  <c r="A6490" i="1" s="1"/>
  <c r="A6491" i="1" s="1"/>
  <c r="A6492" i="1" s="1"/>
  <c r="A6493" i="1" s="1"/>
  <c r="A6494" i="1" s="1"/>
  <c r="A6495" i="1" s="1"/>
  <c r="A6496" i="1" s="1"/>
  <c r="A6497" i="1" s="1"/>
  <c r="A6498" i="1" s="1"/>
  <c r="A6499" i="1" s="1"/>
  <c r="A6500" i="1" s="1"/>
  <c r="A6501" i="1" s="1"/>
  <c r="A6502" i="1" s="1"/>
  <c r="A6503" i="1" s="1"/>
  <c r="A6504" i="1" s="1"/>
  <c r="A6505" i="1" s="1"/>
  <c r="A6506" i="1" s="1"/>
  <c r="A6507" i="1" s="1"/>
  <c r="A6508" i="1" s="1"/>
  <c r="A6509" i="1" s="1"/>
  <c r="A6510" i="1" s="1"/>
  <c r="A6511" i="1" s="1"/>
  <c r="A6512" i="1" s="1"/>
  <c r="A6513" i="1" s="1"/>
  <c r="A6514" i="1" s="1"/>
  <c r="A6515" i="1" s="1"/>
  <c r="A6516" i="1" s="1"/>
  <c r="A6517" i="1" s="1"/>
  <c r="A6518" i="1" s="1"/>
  <c r="A6519" i="1" s="1"/>
  <c r="A6520" i="1" s="1"/>
  <c r="A6521" i="1" s="1"/>
  <c r="A6522" i="1" s="1"/>
  <c r="A6523" i="1" s="1"/>
  <c r="A6524" i="1" s="1"/>
  <c r="A6525" i="1" s="1"/>
  <c r="A6526" i="1" s="1"/>
  <c r="A6527" i="1" s="1"/>
  <c r="A6528" i="1" s="1"/>
  <c r="A6529" i="1" s="1"/>
  <c r="A6530" i="1" s="1"/>
  <c r="A6531" i="1" s="1"/>
  <c r="A6532" i="1" s="1"/>
  <c r="A6533" i="1" s="1"/>
  <c r="A6534" i="1" s="1"/>
  <c r="A6535" i="1" s="1"/>
  <c r="A6536" i="1" s="1"/>
  <c r="A6537" i="1" s="1"/>
  <c r="A6538" i="1" s="1"/>
  <c r="A6539" i="1" s="1"/>
  <c r="A6540" i="1" s="1"/>
  <c r="A6541" i="1" s="1"/>
  <c r="A6542" i="1" s="1"/>
  <c r="A6543" i="1" s="1"/>
  <c r="A6544" i="1" s="1"/>
  <c r="A6545" i="1" s="1"/>
  <c r="A6546" i="1" s="1"/>
  <c r="A6547" i="1" s="1"/>
  <c r="A6548" i="1" s="1"/>
  <c r="A6549" i="1" s="1"/>
  <c r="A6550" i="1" s="1"/>
  <c r="A6551" i="1" s="1"/>
  <c r="A6552" i="1" s="1"/>
  <c r="A6553" i="1" s="1"/>
  <c r="A6554" i="1" s="1"/>
  <c r="A6555" i="1" s="1"/>
  <c r="A6556" i="1" s="1"/>
  <c r="A6557" i="1" s="1"/>
  <c r="A6558" i="1" s="1"/>
  <c r="A6559" i="1" s="1"/>
  <c r="A6560" i="1" s="1"/>
  <c r="A6561" i="1" s="1"/>
  <c r="A6562" i="1" s="1"/>
  <c r="A6563" i="1" s="1"/>
  <c r="A6564" i="1" s="1"/>
  <c r="A6565" i="1" s="1"/>
  <c r="A6566" i="1" s="1"/>
  <c r="A6567" i="1" s="1"/>
  <c r="A6568" i="1" s="1"/>
  <c r="A6569" i="1" s="1"/>
  <c r="A6570" i="1" s="1"/>
  <c r="A6571" i="1" s="1"/>
  <c r="A6572" i="1" s="1"/>
  <c r="A6573" i="1" s="1"/>
  <c r="A6574" i="1" s="1"/>
  <c r="A6575" i="1" s="1"/>
  <c r="A6576" i="1" s="1"/>
  <c r="A6577" i="1" s="1"/>
  <c r="A6578" i="1" s="1"/>
  <c r="A6579" i="1" s="1"/>
  <c r="A6580" i="1" s="1"/>
  <c r="A6581" i="1" s="1"/>
  <c r="A6582" i="1" s="1"/>
  <c r="A6583" i="1" s="1"/>
  <c r="A6584" i="1" s="1"/>
  <c r="A6585" i="1" s="1"/>
  <c r="A6586" i="1" s="1"/>
  <c r="A6587" i="1" s="1"/>
  <c r="A6588" i="1" s="1"/>
  <c r="A6589" i="1" s="1"/>
  <c r="A6590" i="1" s="1"/>
  <c r="A6591" i="1" s="1"/>
  <c r="A6592" i="1" s="1"/>
  <c r="A6593" i="1" s="1"/>
  <c r="A6594" i="1" s="1"/>
  <c r="A6595" i="1" s="1"/>
  <c r="A6596" i="1" s="1"/>
  <c r="A6597" i="1" s="1"/>
  <c r="A6598" i="1" s="1"/>
  <c r="A6599" i="1" s="1"/>
  <c r="A6600" i="1" s="1"/>
  <c r="A6601" i="1" s="1"/>
  <c r="A6602" i="1" s="1"/>
  <c r="A6603" i="1" s="1"/>
  <c r="A6604" i="1" s="1"/>
  <c r="A6605" i="1" s="1"/>
  <c r="A6606" i="1" s="1"/>
  <c r="A6607" i="1" s="1"/>
  <c r="A6608" i="1" s="1"/>
  <c r="A6609" i="1" s="1"/>
  <c r="A6610" i="1" s="1"/>
  <c r="A6611" i="1" s="1"/>
  <c r="A6612" i="1" s="1"/>
  <c r="A6613" i="1" s="1"/>
  <c r="A6614" i="1" s="1"/>
  <c r="A6615" i="1" s="1"/>
  <c r="A6616" i="1" s="1"/>
  <c r="A6617" i="1" s="1"/>
  <c r="A6618" i="1" s="1"/>
  <c r="A6619" i="1" s="1"/>
  <c r="A6620" i="1" s="1"/>
  <c r="A6621" i="1" s="1"/>
  <c r="A6622" i="1" s="1"/>
  <c r="A6623" i="1" s="1"/>
  <c r="A6624" i="1" s="1"/>
  <c r="A6625" i="1" s="1"/>
  <c r="A6626" i="1" s="1"/>
  <c r="A6627" i="1" s="1"/>
  <c r="A6628" i="1" s="1"/>
  <c r="A6629" i="1" s="1"/>
  <c r="A6630" i="1" s="1"/>
  <c r="A6631" i="1" s="1"/>
  <c r="A6632" i="1" s="1"/>
  <c r="A6633" i="1" s="1"/>
  <c r="A6634" i="1" s="1"/>
  <c r="A6635" i="1" s="1"/>
  <c r="A6636" i="1" s="1"/>
  <c r="A6637" i="1" s="1"/>
  <c r="A6638" i="1" s="1"/>
  <c r="A6639" i="1" s="1"/>
  <c r="A6640" i="1" s="1"/>
  <c r="A6641" i="1" s="1"/>
  <c r="A6642" i="1" s="1"/>
  <c r="A6643" i="1" s="1"/>
  <c r="A6644" i="1" s="1"/>
  <c r="A6645" i="1" s="1"/>
  <c r="A6646" i="1" s="1"/>
  <c r="A6647" i="1" s="1"/>
  <c r="A6648" i="1" s="1"/>
  <c r="A6649" i="1" s="1"/>
  <c r="A6650" i="1" s="1"/>
  <c r="A6651" i="1" s="1"/>
  <c r="A6652" i="1" s="1"/>
  <c r="A6653" i="1" s="1"/>
  <c r="A6654" i="1" s="1"/>
  <c r="A6655" i="1" s="1"/>
  <c r="A6656" i="1" s="1"/>
  <c r="A6657" i="1" s="1"/>
  <c r="A6658" i="1" s="1"/>
  <c r="A6659" i="1" s="1"/>
  <c r="A6660" i="1" s="1"/>
  <c r="A6661" i="1" s="1"/>
  <c r="A6662" i="1" s="1"/>
  <c r="A6663" i="1" s="1"/>
  <c r="A6664" i="1" s="1"/>
  <c r="A6665" i="1" s="1"/>
  <c r="A6666" i="1" s="1"/>
  <c r="A6667" i="1" s="1"/>
  <c r="A6668" i="1" s="1"/>
  <c r="A6669" i="1" s="1"/>
  <c r="A6670" i="1" s="1"/>
  <c r="A6671" i="1" s="1"/>
  <c r="A6672" i="1" s="1"/>
  <c r="A6673" i="1" s="1"/>
  <c r="A6674" i="1" s="1"/>
  <c r="A6675" i="1" s="1"/>
  <c r="A6676" i="1" s="1"/>
  <c r="A6677" i="1" s="1"/>
  <c r="A6678" i="1" s="1"/>
  <c r="A6679" i="1" s="1"/>
  <c r="A6680" i="1" s="1"/>
  <c r="A6681" i="1" s="1"/>
  <c r="A6682" i="1" s="1"/>
  <c r="A6683" i="1" s="1"/>
  <c r="A6684" i="1" s="1"/>
  <c r="A6685" i="1" s="1"/>
  <c r="A6686" i="1" s="1"/>
  <c r="A6687" i="1" s="1"/>
  <c r="A6688" i="1" s="1"/>
  <c r="A6689" i="1" s="1"/>
  <c r="A6690" i="1" s="1"/>
  <c r="A6691" i="1" s="1"/>
  <c r="A6692" i="1" s="1"/>
  <c r="A6693" i="1" s="1"/>
  <c r="A6694" i="1" s="1"/>
  <c r="A6695" i="1" s="1"/>
  <c r="A6696" i="1" s="1"/>
  <c r="A6697" i="1" s="1"/>
  <c r="A6698" i="1" s="1"/>
  <c r="A6699" i="1" s="1"/>
  <c r="A6700" i="1" s="1"/>
  <c r="A6701" i="1" s="1"/>
  <c r="A6702" i="1" s="1"/>
  <c r="A6703" i="1" s="1"/>
  <c r="A6704" i="1" s="1"/>
  <c r="A6705" i="1" s="1"/>
  <c r="A6706" i="1" s="1"/>
  <c r="A6707" i="1" s="1"/>
  <c r="A6708" i="1" s="1"/>
  <c r="A6709" i="1" s="1"/>
  <c r="A6710" i="1" s="1"/>
  <c r="A6711" i="1" s="1"/>
  <c r="A6712" i="1" s="1"/>
  <c r="A6713" i="1" s="1"/>
  <c r="A6714" i="1" s="1"/>
  <c r="A6715" i="1" s="1"/>
  <c r="A6716" i="1" s="1"/>
  <c r="A6717" i="1" s="1"/>
  <c r="A6718" i="1" s="1"/>
  <c r="A6719" i="1" s="1"/>
  <c r="A6720" i="1" s="1"/>
  <c r="A6721" i="1" s="1"/>
  <c r="A6722" i="1" s="1"/>
  <c r="A6723" i="1" s="1"/>
  <c r="A6724" i="1" s="1"/>
  <c r="A6725" i="1" s="1"/>
  <c r="A6726" i="1" s="1"/>
  <c r="A6727" i="1" s="1"/>
  <c r="A6728" i="1" s="1"/>
  <c r="A6729" i="1" s="1"/>
  <c r="A6730" i="1" s="1"/>
  <c r="A6731" i="1" s="1"/>
  <c r="A6732" i="1" s="1"/>
  <c r="A6733" i="1" s="1"/>
  <c r="A6734" i="1" s="1"/>
  <c r="A6735" i="1" s="1"/>
  <c r="A6736" i="1" s="1"/>
  <c r="A6737" i="1" s="1"/>
  <c r="A6738" i="1" s="1"/>
  <c r="A6739" i="1" s="1"/>
  <c r="A6740" i="1" s="1"/>
  <c r="A6741" i="1" s="1"/>
  <c r="A6742" i="1" s="1"/>
  <c r="A6743" i="1" s="1"/>
  <c r="A6744" i="1" s="1"/>
  <c r="A6745" i="1" s="1"/>
  <c r="A6746" i="1" s="1"/>
  <c r="A6747" i="1" s="1"/>
  <c r="A6748" i="1" s="1"/>
  <c r="A6749" i="1" s="1"/>
  <c r="A6750" i="1" s="1"/>
  <c r="A6751" i="1" s="1"/>
  <c r="A6752" i="1" s="1"/>
  <c r="A6753" i="1" s="1"/>
  <c r="A6754" i="1" s="1"/>
  <c r="A6755" i="1" s="1"/>
  <c r="A6756" i="1" s="1"/>
  <c r="A6757" i="1" s="1"/>
  <c r="A6758" i="1" s="1"/>
  <c r="A6759" i="1" s="1"/>
  <c r="A6760" i="1" s="1"/>
  <c r="A6761" i="1" s="1"/>
  <c r="A6762" i="1" s="1"/>
  <c r="A6763" i="1" s="1"/>
  <c r="A6764" i="1" s="1"/>
  <c r="A6765" i="1" s="1"/>
  <c r="A6766" i="1" s="1"/>
  <c r="A6767" i="1" s="1"/>
  <c r="A6768" i="1" s="1"/>
  <c r="A6769" i="1" s="1"/>
  <c r="A6770" i="1" s="1"/>
  <c r="A6771" i="1" s="1"/>
  <c r="A6772" i="1" s="1"/>
  <c r="A6773" i="1" s="1"/>
  <c r="A6774" i="1" s="1"/>
  <c r="A6775" i="1" s="1"/>
  <c r="A6776" i="1" s="1"/>
  <c r="A6777" i="1" s="1"/>
  <c r="A6778" i="1" s="1"/>
  <c r="A6779" i="1" s="1"/>
  <c r="A6780" i="1" s="1"/>
  <c r="A6781" i="1" s="1"/>
  <c r="A6782" i="1" s="1"/>
  <c r="A6783" i="1" s="1"/>
  <c r="A6784" i="1" s="1"/>
  <c r="A6785" i="1" s="1"/>
  <c r="A6786" i="1" s="1"/>
  <c r="A6787" i="1" s="1"/>
  <c r="A6788" i="1" s="1"/>
  <c r="A6789" i="1" s="1"/>
  <c r="A6790" i="1" s="1"/>
  <c r="A6791" i="1" s="1"/>
  <c r="A6792" i="1" s="1"/>
  <c r="A6793" i="1" s="1"/>
  <c r="A6794" i="1" s="1"/>
  <c r="A6795" i="1" s="1"/>
  <c r="A6796" i="1" s="1"/>
  <c r="A6797" i="1" s="1"/>
  <c r="A6798" i="1" s="1"/>
  <c r="A6799" i="1" s="1"/>
  <c r="A6800" i="1" s="1"/>
  <c r="A6801" i="1" s="1"/>
  <c r="A6802" i="1" s="1"/>
  <c r="A6803" i="1" s="1"/>
  <c r="A6804" i="1" s="1"/>
  <c r="A6805" i="1" s="1"/>
  <c r="A6806" i="1" s="1"/>
  <c r="A6807" i="1" s="1"/>
  <c r="A6808" i="1" s="1"/>
  <c r="A6809" i="1" s="1"/>
  <c r="A6810" i="1" s="1"/>
  <c r="A6811" i="1" s="1"/>
  <c r="A6812" i="1" s="1"/>
  <c r="A6813" i="1" s="1"/>
  <c r="A6814" i="1" s="1"/>
  <c r="A6815" i="1" s="1"/>
  <c r="A6816" i="1" s="1"/>
  <c r="A6817" i="1" s="1"/>
  <c r="A6818" i="1" s="1"/>
  <c r="A6819" i="1" s="1"/>
  <c r="A6820" i="1" s="1"/>
  <c r="A6821" i="1" s="1"/>
  <c r="A6822" i="1" s="1"/>
  <c r="A6823" i="1" s="1"/>
  <c r="A6824" i="1" s="1"/>
  <c r="A6825" i="1" s="1"/>
  <c r="A6826" i="1" s="1"/>
  <c r="A6827" i="1" s="1"/>
  <c r="A6828" i="1" s="1"/>
  <c r="A6829" i="1" s="1"/>
  <c r="A6830" i="1" s="1"/>
  <c r="A6831" i="1" s="1"/>
  <c r="A6832" i="1" s="1"/>
  <c r="A6833" i="1" s="1"/>
  <c r="A6834" i="1" s="1"/>
  <c r="A6835" i="1" s="1"/>
  <c r="A6836" i="1" s="1"/>
  <c r="A6837" i="1" s="1"/>
  <c r="A6838" i="1" s="1"/>
  <c r="A6839" i="1" s="1"/>
  <c r="A6840" i="1" s="1"/>
  <c r="A6841" i="1" s="1"/>
  <c r="A6842" i="1" s="1"/>
  <c r="A6843" i="1" s="1"/>
  <c r="A6844" i="1" s="1"/>
  <c r="A6845" i="1" s="1"/>
  <c r="A6846" i="1" s="1"/>
  <c r="A6847" i="1" s="1"/>
  <c r="A6848" i="1" s="1"/>
  <c r="A6849" i="1" s="1"/>
  <c r="A6850" i="1" s="1"/>
  <c r="A6851" i="1" s="1"/>
  <c r="A6852" i="1" s="1"/>
  <c r="A6853" i="1" s="1"/>
  <c r="A6854" i="1" s="1"/>
  <c r="A6855" i="1" s="1"/>
  <c r="A6856" i="1" s="1"/>
  <c r="A6857" i="1" s="1"/>
  <c r="A6858" i="1" s="1"/>
  <c r="A6859" i="1" s="1"/>
  <c r="A6860" i="1" s="1"/>
  <c r="A6861" i="1" s="1"/>
  <c r="A6862" i="1" s="1"/>
  <c r="A6863" i="1" s="1"/>
  <c r="A6864" i="1" s="1"/>
  <c r="A6865" i="1" s="1"/>
  <c r="A6866" i="1" s="1"/>
  <c r="A6867" i="1" s="1"/>
  <c r="A6868" i="1" s="1"/>
  <c r="A6869" i="1" s="1"/>
  <c r="A6870" i="1" s="1"/>
  <c r="A6871" i="1" s="1"/>
  <c r="A6872" i="1" s="1"/>
  <c r="A6873" i="1" s="1"/>
  <c r="A6874" i="1" s="1"/>
  <c r="A6875" i="1" s="1"/>
  <c r="A6876" i="1" s="1"/>
  <c r="A6877" i="1" s="1"/>
  <c r="A6878" i="1" s="1"/>
  <c r="A6879" i="1" s="1"/>
  <c r="A6880" i="1" s="1"/>
  <c r="A6881" i="1" s="1"/>
  <c r="A6882" i="1" s="1"/>
  <c r="A6883" i="1" s="1"/>
  <c r="A6884" i="1" s="1"/>
  <c r="A6885" i="1" s="1"/>
  <c r="A6886" i="1" s="1"/>
  <c r="A6887" i="1" s="1"/>
  <c r="A6888" i="1" s="1"/>
  <c r="A6889" i="1" s="1"/>
  <c r="A6890" i="1" s="1"/>
  <c r="A6891" i="1" s="1"/>
  <c r="A6892" i="1" s="1"/>
  <c r="A6893" i="1" s="1"/>
  <c r="A6894" i="1" s="1"/>
  <c r="A6895" i="1" s="1"/>
  <c r="A6896" i="1" s="1"/>
  <c r="A6897" i="1" s="1"/>
  <c r="A6898" i="1" s="1"/>
  <c r="A6899" i="1" s="1"/>
  <c r="A6900" i="1" s="1"/>
  <c r="A6901" i="1" s="1"/>
  <c r="A6902" i="1" s="1"/>
  <c r="A6903" i="1" s="1"/>
  <c r="A6904" i="1" s="1"/>
  <c r="A6905" i="1" s="1"/>
  <c r="A6906" i="1" s="1"/>
  <c r="A6907" i="1" s="1"/>
  <c r="A6908" i="1" s="1"/>
  <c r="A6909" i="1" s="1"/>
  <c r="A6910" i="1" s="1"/>
  <c r="A6911" i="1" s="1"/>
  <c r="A6912" i="1" s="1"/>
  <c r="A6913" i="1" s="1"/>
  <c r="A6914" i="1" s="1"/>
  <c r="A6915" i="1" s="1"/>
  <c r="A6916" i="1" s="1"/>
  <c r="A6917" i="1" s="1"/>
  <c r="A6918" i="1" s="1"/>
  <c r="A6919" i="1" s="1"/>
  <c r="A6920" i="1" s="1"/>
  <c r="A6921" i="1" s="1"/>
  <c r="A6922" i="1" s="1"/>
  <c r="A6923" i="1" s="1"/>
  <c r="A6924" i="1" s="1"/>
  <c r="A6925" i="1" s="1"/>
  <c r="A6926" i="1" s="1"/>
  <c r="A6927" i="1" s="1"/>
  <c r="A6928" i="1" s="1"/>
  <c r="A6929" i="1" s="1"/>
  <c r="A6930" i="1" s="1"/>
  <c r="A6931" i="1" s="1"/>
  <c r="A6932" i="1" s="1"/>
  <c r="A6933" i="1" s="1"/>
  <c r="A6934" i="1" s="1"/>
  <c r="A6935" i="1" s="1"/>
  <c r="A6936" i="1" s="1"/>
  <c r="A6937" i="1" s="1"/>
  <c r="A6938" i="1" s="1"/>
  <c r="A6939" i="1" s="1"/>
  <c r="A6940" i="1" s="1"/>
  <c r="A6941" i="1" s="1"/>
  <c r="A6942" i="1" s="1"/>
  <c r="A6943" i="1" s="1"/>
  <c r="A6944" i="1" s="1"/>
  <c r="A6945" i="1" s="1"/>
  <c r="A6946" i="1" s="1"/>
  <c r="A6947" i="1" s="1"/>
  <c r="A6948" i="1" s="1"/>
  <c r="A6949" i="1" s="1"/>
  <c r="A6950" i="1" s="1"/>
  <c r="A6951" i="1" s="1"/>
  <c r="A6952" i="1" s="1"/>
  <c r="A6953" i="1" s="1"/>
  <c r="A6954" i="1" s="1"/>
  <c r="A6955" i="1" s="1"/>
  <c r="A6956" i="1" s="1"/>
  <c r="A6957" i="1" s="1"/>
  <c r="A6958" i="1" s="1"/>
  <c r="A6959" i="1" s="1"/>
  <c r="A6960" i="1" s="1"/>
  <c r="A6961" i="1" s="1"/>
  <c r="A6962" i="1" s="1"/>
  <c r="A6963" i="1" s="1"/>
  <c r="A6964" i="1" s="1"/>
  <c r="A6965" i="1" s="1"/>
  <c r="A6966" i="1" s="1"/>
  <c r="A6967" i="1" s="1"/>
  <c r="A6968" i="1" s="1"/>
  <c r="A6969" i="1" s="1"/>
  <c r="A6970" i="1" s="1"/>
  <c r="A6971" i="1" s="1"/>
  <c r="A6972" i="1" s="1"/>
  <c r="A6973" i="1" s="1"/>
  <c r="A6974" i="1" s="1"/>
  <c r="A6975" i="1" s="1"/>
  <c r="A6976" i="1" s="1"/>
  <c r="A6977" i="1" s="1"/>
  <c r="A6978" i="1" s="1"/>
  <c r="A6979" i="1" s="1"/>
  <c r="A6980" i="1" s="1"/>
  <c r="A6981" i="1" s="1"/>
  <c r="A6982" i="1" s="1"/>
  <c r="A6983" i="1" s="1"/>
  <c r="A6984" i="1" s="1"/>
  <c r="A6985" i="1" s="1"/>
  <c r="A6986" i="1" s="1"/>
  <c r="A6987" i="1" s="1"/>
  <c r="A6988" i="1" s="1"/>
  <c r="A6989" i="1" s="1"/>
  <c r="A6990" i="1" s="1"/>
  <c r="A6991" i="1" s="1"/>
  <c r="A6992" i="1" s="1"/>
  <c r="A6993" i="1" s="1"/>
  <c r="A6994" i="1" s="1"/>
  <c r="A6995" i="1" s="1"/>
  <c r="A6996" i="1" s="1"/>
  <c r="A6997" i="1" s="1"/>
  <c r="A6998" i="1" s="1"/>
  <c r="A6999" i="1" s="1"/>
  <c r="A7000" i="1" s="1"/>
  <c r="A7001" i="1" s="1"/>
  <c r="A7002" i="1" s="1"/>
  <c r="A7003" i="1" s="1"/>
  <c r="A7004" i="1" s="1"/>
  <c r="A7005" i="1" s="1"/>
  <c r="A7006" i="1" s="1"/>
  <c r="A7007" i="1" s="1"/>
  <c r="A7008" i="1" s="1"/>
  <c r="A7009" i="1" s="1"/>
  <c r="A7010" i="1" s="1"/>
  <c r="A7011" i="1" s="1"/>
  <c r="A7012" i="1" s="1"/>
  <c r="A7013" i="1" s="1"/>
  <c r="A7014" i="1" s="1"/>
  <c r="A7015" i="1" s="1"/>
  <c r="A7016" i="1" s="1"/>
  <c r="A7017" i="1" s="1"/>
  <c r="A7018" i="1" s="1"/>
  <c r="A7019" i="1" s="1"/>
  <c r="A7020" i="1" s="1"/>
  <c r="A7021" i="1" s="1"/>
  <c r="A7022" i="1" s="1"/>
  <c r="A7023" i="1" s="1"/>
  <c r="A7024" i="1" s="1"/>
  <c r="A7025" i="1" s="1"/>
  <c r="A7026" i="1" s="1"/>
  <c r="A7027" i="1" s="1"/>
  <c r="A7028" i="1" s="1"/>
  <c r="A7029" i="1" s="1"/>
  <c r="A7030" i="1" s="1"/>
  <c r="A7031" i="1" s="1"/>
  <c r="A7032" i="1" s="1"/>
  <c r="A7033" i="1" s="1"/>
  <c r="A7034" i="1" s="1"/>
  <c r="A7035" i="1" s="1"/>
  <c r="A7036" i="1" s="1"/>
  <c r="A7037" i="1" s="1"/>
  <c r="A7038" i="1" s="1"/>
  <c r="A7039" i="1" s="1"/>
  <c r="A7040" i="1" s="1"/>
  <c r="A7041" i="1" s="1"/>
  <c r="A7042" i="1" s="1"/>
  <c r="A7043" i="1" s="1"/>
  <c r="A7044" i="1" s="1"/>
  <c r="A7045" i="1" s="1"/>
  <c r="A7046" i="1" s="1"/>
  <c r="A7047" i="1" s="1"/>
  <c r="A7048" i="1" s="1"/>
  <c r="A7049" i="1" s="1"/>
  <c r="A7050" i="1" s="1"/>
  <c r="A7051" i="1" s="1"/>
  <c r="A7052" i="1" s="1"/>
  <c r="A7053" i="1" s="1"/>
  <c r="A7054" i="1" s="1"/>
  <c r="A7055" i="1" s="1"/>
  <c r="A7056" i="1" s="1"/>
  <c r="A7057" i="1" s="1"/>
  <c r="A7058" i="1" s="1"/>
  <c r="A7059" i="1" s="1"/>
  <c r="A7060" i="1" s="1"/>
  <c r="A7061" i="1" s="1"/>
  <c r="A7062" i="1" s="1"/>
  <c r="A7063" i="1" s="1"/>
  <c r="A7064" i="1" s="1"/>
  <c r="A7065" i="1" s="1"/>
  <c r="A7066" i="1" s="1"/>
  <c r="A7067" i="1" s="1"/>
  <c r="A7068" i="1" s="1"/>
  <c r="A7069" i="1" s="1"/>
  <c r="A7070" i="1" s="1"/>
  <c r="A7071" i="1" s="1"/>
  <c r="A7072" i="1" s="1"/>
  <c r="A7073" i="1" s="1"/>
  <c r="A7074" i="1" s="1"/>
  <c r="A7075" i="1" s="1"/>
  <c r="A7076" i="1" s="1"/>
  <c r="A7077" i="1" s="1"/>
  <c r="A7078" i="1" s="1"/>
  <c r="A7079" i="1" s="1"/>
  <c r="A7080" i="1" s="1"/>
  <c r="A7081" i="1" s="1"/>
  <c r="A7082" i="1" s="1"/>
  <c r="A7083" i="1" s="1"/>
  <c r="A7084" i="1" s="1"/>
  <c r="A7085" i="1" s="1"/>
  <c r="A7086" i="1" s="1"/>
  <c r="A7087" i="1" s="1"/>
  <c r="A7088" i="1" s="1"/>
  <c r="A7089" i="1" s="1"/>
  <c r="A7090" i="1" s="1"/>
  <c r="A7091" i="1" s="1"/>
  <c r="A7092" i="1" s="1"/>
  <c r="A7093" i="1" s="1"/>
  <c r="A7094" i="1" s="1"/>
  <c r="A7095" i="1" s="1"/>
  <c r="A7096" i="1" s="1"/>
  <c r="A7097" i="1" s="1"/>
  <c r="A7098" i="1" s="1"/>
  <c r="A7099" i="1" s="1"/>
  <c r="A7100" i="1" s="1"/>
  <c r="A7101" i="1" s="1"/>
  <c r="A7102" i="1" s="1"/>
  <c r="A7103" i="1" s="1"/>
  <c r="A7104" i="1" s="1"/>
  <c r="A7105" i="1" s="1"/>
  <c r="A7106" i="1" s="1"/>
  <c r="A7107" i="1" s="1"/>
  <c r="A7108" i="1" s="1"/>
  <c r="A7109" i="1" s="1"/>
  <c r="A7110" i="1" s="1"/>
  <c r="A7111" i="1" s="1"/>
  <c r="A7112" i="1" s="1"/>
  <c r="A7113" i="1" s="1"/>
  <c r="A7114" i="1" s="1"/>
  <c r="A7115" i="1" s="1"/>
  <c r="A7116" i="1" s="1"/>
  <c r="A7117" i="1" s="1"/>
  <c r="A7118" i="1" s="1"/>
  <c r="A7119" i="1" s="1"/>
  <c r="A7120" i="1" s="1"/>
  <c r="A7121" i="1" s="1"/>
  <c r="A7122" i="1" s="1"/>
  <c r="A7123" i="1" s="1"/>
  <c r="A7124" i="1" s="1"/>
  <c r="A7125" i="1" s="1"/>
  <c r="A7126" i="1" s="1"/>
  <c r="A7127" i="1" s="1"/>
  <c r="A7128" i="1" s="1"/>
  <c r="A7129" i="1" s="1"/>
  <c r="A7130" i="1" s="1"/>
  <c r="A7131" i="1" s="1"/>
  <c r="A7132" i="1" s="1"/>
  <c r="A7133" i="1" s="1"/>
  <c r="A7134" i="1" s="1"/>
  <c r="A7135" i="1" s="1"/>
  <c r="A7136" i="1" s="1"/>
  <c r="A7137" i="1" s="1"/>
  <c r="A7138" i="1" s="1"/>
  <c r="A7139" i="1" s="1"/>
  <c r="A7140" i="1" s="1"/>
  <c r="A7141" i="1" s="1"/>
  <c r="A7142" i="1" s="1"/>
  <c r="A7143" i="1" s="1"/>
  <c r="A7144" i="1" s="1"/>
  <c r="A7145" i="1" s="1"/>
  <c r="A7146" i="1" s="1"/>
  <c r="A7147" i="1" s="1"/>
  <c r="A7148" i="1" s="1"/>
  <c r="A7149" i="1" s="1"/>
  <c r="A7150" i="1" s="1"/>
  <c r="A7151" i="1" s="1"/>
  <c r="A7152" i="1" s="1"/>
  <c r="A7153" i="1" s="1"/>
  <c r="A7154" i="1" s="1"/>
  <c r="A7155" i="1" s="1"/>
  <c r="A7156" i="1" s="1"/>
  <c r="A7157" i="1" s="1"/>
  <c r="A7158" i="1" s="1"/>
  <c r="A7159" i="1" s="1"/>
  <c r="A7160" i="1" s="1"/>
  <c r="A7161" i="1" s="1"/>
  <c r="A7162" i="1" s="1"/>
  <c r="A7163" i="1" s="1"/>
  <c r="A7164" i="1" s="1"/>
  <c r="A7165" i="1" s="1"/>
  <c r="A7166" i="1" s="1"/>
  <c r="A7167" i="1" s="1"/>
  <c r="A7168" i="1" s="1"/>
  <c r="A7169" i="1" s="1"/>
  <c r="A7170" i="1" s="1"/>
  <c r="A7171" i="1" s="1"/>
  <c r="A7172" i="1" s="1"/>
  <c r="A7173" i="1" s="1"/>
  <c r="A7174" i="1" s="1"/>
  <c r="A7175" i="1" s="1"/>
  <c r="A7176" i="1" s="1"/>
  <c r="A7177" i="1" s="1"/>
  <c r="A7178" i="1" s="1"/>
  <c r="A7179" i="1" s="1"/>
  <c r="A7180" i="1" s="1"/>
  <c r="A7181" i="1" s="1"/>
  <c r="A7182" i="1" s="1"/>
  <c r="A7183" i="1" s="1"/>
  <c r="A7184" i="1" s="1"/>
  <c r="A7185" i="1" s="1"/>
  <c r="A7186" i="1" s="1"/>
  <c r="A7187" i="1" s="1"/>
  <c r="A7188" i="1" s="1"/>
  <c r="A7189" i="1" s="1"/>
  <c r="A7190" i="1" s="1"/>
  <c r="A7191" i="1" s="1"/>
  <c r="A7192" i="1" s="1"/>
  <c r="A7193" i="1" s="1"/>
  <c r="A7194" i="1" s="1"/>
  <c r="A7195" i="1" s="1"/>
  <c r="A7196" i="1" s="1"/>
  <c r="A7197" i="1" s="1"/>
  <c r="A7198" i="1" s="1"/>
  <c r="A7199" i="1" s="1"/>
  <c r="A7200" i="1" s="1"/>
  <c r="A7201" i="1" s="1"/>
  <c r="A7202" i="1" s="1"/>
  <c r="A7203" i="1" s="1"/>
  <c r="A7204" i="1" s="1"/>
  <c r="A7205" i="1" s="1"/>
  <c r="A7206" i="1" s="1"/>
  <c r="A7207" i="1" s="1"/>
  <c r="A7208" i="1" s="1"/>
  <c r="A7209" i="1" s="1"/>
  <c r="A7210" i="1" s="1"/>
  <c r="A7211" i="1" s="1"/>
  <c r="A7212" i="1" s="1"/>
  <c r="A7213" i="1" s="1"/>
  <c r="A7214" i="1" s="1"/>
  <c r="A7215" i="1" s="1"/>
  <c r="A7216" i="1" s="1"/>
  <c r="A7217" i="1" s="1"/>
  <c r="A7218" i="1" s="1"/>
  <c r="A7219" i="1" s="1"/>
  <c r="A7220" i="1" s="1"/>
  <c r="A7221" i="1" s="1"/>
  <c r="A7222" i="1" s="1"/>
  <c r="A7223" i="1" s="1"/>
  <c r="A7224" i="1" s="1"/>
  <c r="A7225" i="1" s="1"/>
  <c r="A7226" i="1" s="1"/>
  <c r="A7227" i="1" s="1"/>
  <c r="A7228" i="1" s="1"/>
  <c r="A7229" i="1" s="1"/>
  <c r="A7230" i="1" s="1"/>
  <c r="A7231" i="1" s="1"/>
  <c r="A7232" i="1" s="1"/>
  <c r="A7233" i="1" s="1"/>
  <c r="A7234" i="1" s="1"/>
  <c r="A7235" i="1" s="1"/>
  <c r="A7236" i="1" s="1"/>
  <c r="A7237" i="1" s="1"/>
  <c r="A7238" i="1" s="1"/>
  <c r="A7239" i="1" s="1"/>
  <c r="A7240" i="1" s="1"/>
  <c r="A7241" i="1" s="1"/>
  <c r="A7242" i="1" s="1"/>
  <c r="A7243" i="1" s="1"/>
  <c r="A7244" i="1" s="1"/>
  <c r="A7245" i="1" s="1"/>
  <c r="A7246" i="1" s="1"/>
  <c r="A7247" i="1" s="1"/>
  <c r="A7248" i="1" s="1"/>
  <c r="A7249" i="1" s="1"/>
  <c r="A7250" i="1" s="1"/>
  <c r="A7251" i="1" s="1"/>
  <c r="A7252" i="1" s="1"/>
  <c r="A7253" i="1" s="1"/>
  <c r="A7254" i="1" s="1"/>
  <c r="A7255" i="1" s="1"/>
  <c r="A7256" i="1" s="1"/>
  <c r="A7257" i="1" s="1"/>
  <c r="A7258" i="1" s="1"/>
  <c r="A7259" i="1" s="1"/>
  <c r="A7260" i="1" s="1"/>
  <c r="A7261" i="1" s="1"/>
  <c r="A7262" i="1" s="1"/>
  <c r="A7263" i="1" s="1"/>
  <c r="A7264" i="1" s="1"/>
  <c r="A7265" i="1" s="1"/>
  <c r="A7266" i="1" s="1"/>
  <c r="A7267" i="1" s="1"/>
  <c r="A7268" i="1" s="1"/>
  <c r="A7269" i="1" s="1"/>
  <c r="A7270" i="1" s="1"/>
  <c r="A7271" i="1" s="1"/>
  <c r="A7272" i="1" s="1"/>
  <c r="A7273" i="1" s="1"/>
  <c r="A7274" i="1" s="1"/>
  <c r="A7275" i="1" s="1"/>
  <c r="A7276" i="1" s="1"/>
  <c r="A7277" i="1" s="1"/>
  <c r="A7278" i="1" s="1"/>
  <c r="A7279" i="1" s="1"/>
  <c r="A7280" i="1" s="1"/>
  <c r="A7281" i="1" s="1"/>
  <c r="A7282" i="1" s="1"/>
  <c r="A7283" i="1" s="1"/>
  <c r="A7284" i="1" s="1"/>
  <c r="A7285" i="1" s="1"/>
  <c r="A7286" i="1" s="1"/>
  <c r="A7287" i="1" s="1"/>
  <c r="A7288" i="1" s="1"/>
  <c r="A7289" i="1" s="1"/>
  <c r="A7290" i="1" s="1"/>
  <c r="A7291" i="1" s="1"/>
  <c r="A7292" i="1" s="1"/>
  <c r="A7293" i="1" s="1"/>
  <c r="A7294" i="1" s="1"/>
  <c r="A7295" i="1" s="1"/>
  <c r="A7296" i="1" s="1"/>
  <c r="A7297" i="1" s="1"/>
  <c r="A7298" i="1" s="1"/>
  <c r="A7299" i="1" s="1"/>
  <c r="A7300" i="1" s="1"/>
  <c r="A7301" i="1" s="1"/>
  <c r="A7302" i="1" s="1"/>
  <c r="A7303" i="1" s="1"/>
  <c r="A7304" i="1" s="1"/>
  <c r="A7305" i="1" s="1"/>
  <c r="A7306" i="1" s="1"/>
  <c r="A7307" i="1" s="1"/>
  <c r="A7308" i="1" s="1"/>
  <c r="A7309" i="1" s="1"/>
  <c r="A7310" i="1" s="1"/>
  <c r="A7311" i="1" s="1"/>
  <c r="A7312" i="1" s="1"/>
  <c r="A7313" i="1" s="1"/>
  <c r="A7314" i="1" s="1"/>
  <c r="A7315" i="1" s="1"/>
  <c r="A7316" i="1" s="1"/>
  <c r="A7317" i="1" s="1"/>
  <c r="A7318" i="1" s="1"/>
  <c r="A7319" i="1" s="1"/>
  <c r="A7320" i="1" s="1"/>
  <c r="A7321" i="1" s="1"/>
  <c r="A7322" i="1" s="1"/>
  <c r="A7323" i="1" s="1"/>
  <c r="A7324" i="1" s="1"/>
  <c r="A7325" i="1" s="1"/>
  <c r="A7326" i="1" s="1"/>
  <c r="A7327" i="1" s="1"/>
  <c r="A7328" i="1" s="1"/>
  <c r="A7329" i="1" s="1"/>
  <c r="A7330" i="1" s="1"/>
  <c r="A7331" i="1" s="1"/>
  <c r="A7332" i="1" s="1"/>
  <c r="A7333" i="1" s="1"/>
  <c r="A7334" i="1" s="1"/>
  <c r="A7335" i="1" s="1"/>
  <c r="A7336" i="1" s="1"/>
  <c r="A7337" i="1" s="1"/>
  <c r="A7338" i="1" s="1"/>
  <c r="A7339" i="1" s="1"/>
  <c r="A7340" i="1" s="1"/>
  <c r="A7341" i="1" s="1"/>
  <c r="A7342" i="1" s="1"/>
  <c r="A7343" i="1" s="1"/>
  <c r="A7344" i="1" s="1"/>
  <c r="A7345" i="1" s="1"/>
  <c r="A7346" i="1" s="1"/>
  <c r="A7347" i="1" s="1"/>
  <c r="A7348" i="1" s="1"/>
  <c r="A7349" i="1" s="1"/>
  <c r="A7350" i="1" s="1"/>
  <c r="A7351" i="1" s="1"/>
  <c r="A7352" i="1" s="1"/>
  <c r="A7353" i="1" s="1"/>
  <c r="A7354" i="1" s="1"/>
  <c r="A7355" i="1" s="1"/>
  <c r="A7356" i="1" s="1"/>
  <c r="A7357" i="1" s="1"/>
  <c r="A7358" i="1" s="1"/>
  <c r="A7359" i="1" s="1"/>
  <c r="A7360" i="1" s="1"/>
  <c r="A7361" i="1" s="1"/>
  <c r="A7362" i="1" s="1"/>
  <c r="A7363" i="1" s="1"/>
  <c r="A7364" i="1" s="1"/>
  <c r="A7365" i="1" s="1"/>
  <c r="A7366" i="1" s="1"/>
  <c r="A7367" i="1" s="1"/>
  <c r="A7368" i="1" s="1"/>
  <c r="A7369" i="1" s="1"/>
  <c r="A7370" i="1" s="1"/>
  <c r="A7371" i="1" s="1"/>
  <c r="A7372" i="1" s="1"/>
  <c r="A7373" i="1" s="1"/>
  <c r="A7374" i="1" s="1"/>
  <c r="A7375" i="1" s="1"/>
  <c r="A7376" i="1" s="1"/>
  <c r="A7377" i="1" s="1"/>
  <c r="A7378" i="1" s="1"/>
  <c r="A7379" i="1" s="1"/>
  <c r="A7380" i="1" s="1"/>
  <c r="A7381" i="1" s="1"/>
  <c r="A7382" i="1" s="1"/>
  <c r="A7383" i="1" s="1"/>
  <c r="A7384" i="1" s="1"/>
  <c r="A7385" i="1" s="1"/>
  <c r="A7386" i="1" s="1"/>
  <c r="A7387" i="1" s="1"/>
  <c r="A7388" i="1" s="1"/>
  <c r="A7389" i="1" s="1"/>
  <c r="A7390" i="1" s="1"/>
  <c r="A7391" i="1" s="1"/>
  <c r="A7392" i="1" s="1"/>
  <c r="A7393" i="1" s="1"/>
  <c r="A7394" i="1" s="1"/>
  <c r="A7395" i="1" s="1"/>
  <c r="A7396" i="1" s="1"/>
  <c r="A7397" i="1" s="1"/>
  <c r="A7398" i="1" s="1"/>
  <c r="A7399" i="1" s="1"/>
  <c r="A7400" i="1" s="1"/>
  <c r="A7401" i="1" s="1"/>
  <c r="A7402" i="1" s="1"/>
  <c r="A7403" i="1" s="1"/>
  <c r="A7404" i="1" s="1"/>
  <c r="A7405" i="1" s="1"/>
  <c r="A7406" i="1" s="1"/>
  <c r="A7407" i="1" s="1"/>
  <c r="A7408" i="1" s="1"/>
  <c r="A7409" i="1" s="1"/>
  <c r="A7410" i="1" s="1"/>
  <c r="A7411" i="1" s="1"/>
  <c r="A7412" i="1" s="1"/>
  <c r="A7413" i="1" s="1"/>
  <c r="A7414" i="1" s="1"/>
  <c r="A7415" i="1" s="1"/>
  <c r="A7416" i="1" s="1"/>
  <c r="A7417" i="1" s="1"/>
  <c r="A7418" i="1" s="1"/>
  <c r="A7419" i="1" s="1"/>
  <c r="A7420" i="1" s="1"/>
  <c r="A7421" i="1" s="1"/>
  <c r="A7422" i="1" s="1"/>
  <c r="A7423" i="1" s="1"/>
  <c r="A7424" i="1" s="1"/>
  <c r="A7425" i="1" s="1"/>
  <c r="A7426" i="1" s="1"/>
  <c r="A7427" i="1" s="1"/>
  <c r="A7428" i="1" s="1"/>
  <c r="A7429" i="1" s="1"/>
  <c r="A7430" i="1" s="1"/>
  <c r="A7431" i="1" s="1"/>
  <c r="A7432" i="1" s="1"/>
  <c r="A7433" i="1" s="1"/>
  <c r="A7434" i="1" s="1"/>
  <c r="A7435" i="1" s="1"/>
  <c r="A7436" i="1" s="1"/>
  <c r="A7437" i="1" s="1"/>
  <c r="A7438" i="1" s="1"/>
  <c r="A7439" i="1" s="1"/>
  <c r="A7440" i="1" s="1"/>
  <c r="A7441" i="1" s="1"/>
  <c r="A7442" i="1" s="1"/>
  <c r="A7443" i="1" s="1"/>
  <c r="A7444" i="1" s="1"/>
  <c r="A7445" i="1" s="1"/>
  <c r="A7446" i="1" s="1"/>
  <c r="A7447" i="1" s="1"/>
  <c r="A7448" i="1" s="1"/>
  <c r="A7449" i="1" s="1"/>
  <c r="A7450" i="1" s="1"/>
  <c r="A7451" i="1" s="1"/>
  <c r="A7452" i="1" s="1"/>
  <c r="A7453" i="1" s="1"/>
  <c r="A7454" i="1" s="1"/>
  <c r="A7455" i="1" s="1"/>
  <c r="A7456" i="1" s="1"/>
  <c r="A7457" i="1" s="1"/>
  <c r="A7458" i="1" s="1"/>
  <c r="A7459" i="1" s="1"/>
  <c r="A7460" i="1" s="1"/>
  <c r="A7461" i="1" s="1"/>
  <c r="A7462" i="1" s="1"/>
  <c r="A7463" i="1" s="1"/>
  <c r="A7464" i="1" s="1"/>
  <c r="A7465" i="1" s="1"/>
  <c r="A7466" i="1" s="1"/>
  <c r="A7467" i="1" s="1"/>
  <c r="A7468" i="1" s="1"/>
  <c r="A7469" i="1" s="1"/>
  <c r="A7470" i="1" s="1"/>
  <c r="A7471" i="1" s="1"/>
  <c r="A7472" i="1" s="1"/>
  <c r="A7473" i="1" s="1"/>
  <c r="A7474" i="1" s="1"/>
  <c r="A7475" i="1" s="1"/>
  <c r="A7476" i="1" s="1"/>
  <c r="A7477" i="1" s="1"/>
  <c r="A7478" i="1" s="1"/>
  <c r="A7479" i="1" s="1"/>
  <c r="A7480" i="1" s="1"/>
  <c r="A7481" i="1" s="1"/>
  <c r="A7482" i="1" s="1"/>
  <c r="A7483" i="1" s="1"/>
  <c r="A7484" i="1" s="1"/>
  <c r="A7485" i="1" s="1"/>
  <c r="A7486" i="1" s="1"/>
  <c r="A7487" i="1" s="1"/>
  <c r="A7488" i="1" s="1"/>
  <c r="A7489" i="1" s="1"/>
  <c r="A7490" i="1" s="1"/>
  <c r="A7491" i="1" s="1"/>
  <c r="A7492" i="1" s="1"/>
  <c r="A7493" i="1" s="1"/>
  <c r="A7494" i="1" s="1"/>
  <c r="A7495" i="1" s="1"/>
  <c r="A7496" i="1" s="1"/>
  <c r="A7497" i="1" s="1"/>
  <c r="A7498" i="1" s="1"/>
  <c r="A7499" i="1" s="1"/>
  <c r="A7500" i="1" s="1"/>
  <c r="A7501" i="1" s="1"/>
  <c r="A7502" i="1" s="1"/>
  <c r="A7503" i="1" s="1"/>
  <c r="A7504" i="1" s="1"/>
  <c r="A7505" i="1" s="1"/>
  <c r="A7506" i="1" s="1"/>
  <c r="A7507" i="1" s="1"/>
  <c r="A7508" i="1" s="1"/>
  <c r="A7509" i="1" s="1"/>
  <c r="A7510" i="1" s="1"/>
  <c r="A7511" i="1" s="1"/>
  <c r="A7512" i="1" s="1"/>
  <c r="A7513" i="1" s="1"/>
  <c r="A7514" i="1" s="1"/>
  <c r="A7515" i="1" s="1"/>
  <c r="A7516" i="1" s="1"/>
  <c r="A7517" i="1" s="1"/>
  <c r="A7518" i="1" s="1"/>
  <c r="A7519" i="1" s="1"/>
  <c r="A7520" i="1" s="1"/>
  <c r="A7521" i="1" s="1"/>
  <c r="A7522" i="1" s="1"/>
  <c r="A7523" i="1" s="1"/>
  <c r="A7524" i="1" s="1"/>
  <c r="A7525" i="1" s="1"/>
  <c r="A7526" i="1" s="1"/>
  <c r="A7527" i="1" s="1"/>
  <c r="A7528" i="1" s="1"/>
  <c r="A7529" i="1" s="1"/>
  <c r="A7530" i="1" s="1"/>
  <c r="A7531" i="1" s="1"/>
  <c r="A7532" i="1" s="1"/>
  <c r="A7533" i="1" s="1"/>
  <c r="A7534" i="1" s="1"/>
  <c r="A7535" i="1" s="1"/>
  <c r="A7536" i="1" s="1"/>
  <c r="A7537" i="1" s="1"/>
  <c r="A7538" i="1" s="1"/>
  <c r="A7539" i="1" s="1"/>
  <c r="A7540" i="1" s="1"/>
  <c r="A7541" i="1" s="1"/>
  <c r="A7542" i="1" s="1"/>
  <c r="A7543" i="1" s="1"/>
  <c r="A7544" i="1" s="1"/>
  <c r="A7545" i="1" s="1"/>
  <c r="A7546" i="1" s="1"/>
  <c r="A7547" i="1" s="1"/>
  <c r="A7548" i="1" s="1"/>
  <c r="A7549" i="1" s="1"/>
  <c r="A7550" i="1" s="1"/>
  <c r="A7551" i="1" s="1"/>
  <c r="A7552" i="1" s="1"/>
  <c r="A7553" i="1" s="1"/>
  <c r="A7554" i="1" s="1"/>
  <c r="A7555" i="1" s="1"/>
  <c r="A7556" i="1" s="1"/>
  <c r="A7557" i="1" s="1"/>
  <c r="A7558" i="1" s="1"/>
  <c r="A7559" i="1" s="1"/>
  <c r="A7560" i="1" s="1"/>
  <c r="A7561" i="1" s="1"/>
  <c r="A7562" i="1" s="1"/>
  <c r="A7563" i="1" s="1"/>
  <c r="A7564" i="1" s="1"/>
  <c r="A7565" i="1" s="1"/>
  <c r="A7566" i="1" s="1"/>
  <c r="A7567" i="1" s="1"/>
  <c r="A7568" i="1" s="1"/>
  <c r="A7569" i="1" s="1"/>
  <c r="A7570" i="1" s="1"/>
  <c r="A7571" i="1" s="1"/>
  <c r="A7572" i="1" s="1"/>
  <c r="A7573" i="1" s="1"/>
  <c r="A7574" i="1" s="1"/>
  <c r="A7575" i="1" s="1"/>
  <c r="A7576" i="1" s="1"/>
  <c r="A7577" i="1" s="1"/>
  <c r="A7578" i="1" s="1"/>
  <c r="A7579" i="1" s="1"/>
  <c r="A7580" i="1" s="1"/>
  <c r="A7581" i="1" s="1"/>
  <c r="A7582" i="1" s="1"/>
  <c r="A7583" i="1" s="1"/>
  <c r="A7584" i="1" s="1"/>
  <c r="A7585" i="1" s="1"/>
  <c r="A7586" i="1" s="1"/>
  <c r="A7587" i="1" s="1"/>
  <c r="A7588" i="1" s="1"/>
  <c r="A7589" i="1" s="1"/>
  <c r="A7590" i="1" s="1"/>
  <c r="A7591" i="1" s="1"/>
  <c r="A7592" i="1" s="1"/>
  <c r="A7593" i="1" s="1"/>
  <c r="A7594" i="1" s="1"/>
  <c r="A7595" i="1" s="1"/>
  <c r="A7596" i="1" s="1"/>
  <c r="A7597" i="1" s="1"/>
  <c r="A7598" i="1" s="1"/>
  <c r="A7599" i="1" s="1"/>
  <c r="A7600" i="1" s="1"/>
  <c r="A7601" i="1" s="1"/>
  <c r="A7602" i="1" s="1"/>
  <c r="A7603" i="1" s="1"/>
  <c r="A7604" i="1" s="1"/>
  <c r="A7605" i="1" s="1"/>
  <c r="A7606" i="1" s="1"/>
  <c r="A7607" i="1" s="1"/>
  <c r="A7608" i="1" s="1"/>
  <c r="A7609" i="1" s="1"/>
  <c r="A7610" i="1" s="1"/>
  <c r="A7611" i="1" s="1"/>
  <c r="A7612" i="1" s="1"/>
  <c r="A7613" i="1" s="1"/>
  <c r="A7614" i="1" s="1"/>
  <c r="A7615" i="1" s="1"/>
  <c r="A7616" i="1" s="1"/>
  <c r="A7617" i="1" s="1"/>
  <c r="A7618" i="1" s="1"/>
  <c r="A7619" i="1" s="1"/>
  <c r="A7620" i="1" s="1"/>
  <c r="A7621" i="1" s="1"/>
  <c r="A7622" i="1" s="1"/>
  <c r="A7623" i="1" s="1"/>
  <c r="A7624" i="1" s="1"/>
  <c r="A7625" i="1" s="1"/>
  <c r="A7626" i="1" s="1"/>
  <c r="A7627" i="1" s="1"/>
  <c r="A7628" i="1" s="1"/>
  <c r="A7629" i="1" s="1"/>
  <c r="A7630" i="1" s="1"/>
  <c r="A7631" i="1" s="1"/>
  <c r="A7632" i="1" s="1"/>
  <c r="A7633" i="1" s="1"/>
  <c r="A7634" i="1" s="1"/>
  <c r="A7635" i="1" s="1"/>
  <c r="A7636" i="1" s="1"/>
  <c r="A7637" i="1" s="1"/>
  <c r="A7638" i="1" s="1"/>
  <c r="A7639" i="1" s="1"/>
  <c r="A7640" i="1" s="1"/>
  <c r="A7641" i="1" s="1"/>
  <c r="A7642" i="1" s="1"/>
  <c r="A7643" i="1" s="1"/>
  <c r="A7644" i="1" s="1"/>
  <c r="A7645" i="1" s="1"/>
  <c r="A7646" i="1" s="1"/>
  <c r="A7647" i="1" s="1"/>
  <c r="A7648" i="1" s="1"/>
  <c r="A7649" i="1" s="1"/>
  <c r="A7650" i="1" s="1"/>
  <c r="A7651" i="1" s="1"/>
  <c r="A7652" i="1" s="1"/>
  <c r="A7653" i="1" s="1"/>
  <c r="A7654" i="1" s="1"/>
  <c r="A7655" i="1" s="1"/>
  <c r="A7656" i="1" s="1"/>
  <c r="A7657" i="1" s="1"/>
  <c r="A7658" i="1" s="1"/>
  <c r="A7659" i="1" s="1"/>
  <c r="A7660" i="1" s="1"/>
  <c r="A7661" i="1" s="1"/>
  <c r="A7662" i="1" s="1"/>
  <c r="A7663" i="1" s="1"/>
  <c r="A7664" i="1" s="1"/>
  <c r="A7665" i="1" s="1"/>
  <c r="A7666" i="1" s="1"/>
  <c r="A7667" i="1" s="1"/>
  <c r="A7668" i="1" s="1"/>
  <c r="A7669" i="1" s="1"/>
  <c r="A7670" i="1" s="1"/>
  <c r="A7671" i="1" s="1"/>
  <c r="A7672" i="1" s="1"/>
  <c r="A7673" i="1" s="1"/>
  <c r="A7674" i="1" s="1"/>
  <c r="A7675" i="1" s="1"/>
  <c r="A7676" i="1" s="1"/>
  <c r="A7677" i="1" s="1"/>
  <c r="A7678" i="1" s="1"/>
  <c r="A7679" i="1" s="1"/>
  <c r="A7680" i="1" s="1"/>
  <c r="A7681" i="1" s="1"/>
  <c r="A7682" i="1" s="1"/>
  <c r="A7683" i="1" s="1"/>
  <c r="A7684" i="1" s="1"/>
  <c r="A7685" i="1" s="1"/>
  <c r="A7686" i="1" s="1"/>
  <c r="A7687" i="1" s="1"/>
  <c r="A7688" i="1" s="1"/>
  <c r="A7689" i="1" s="1"/>
  <c r="A7690" i="1" s="1"/>
  <c r="A7691" i="1" s="1"/>
  <c r="A7692" i="1" s="1"/>
  <c r="A7693" i="1" s="1"/>
  <c r="A7694" i="1" s="1"/>
  <c r="A7695" i="1" s="1"/>
  <c r="A7696" i="1" s="1"/>
  <c r="A7697" i="1" s="1"/>
  <c r="A7698" i="1" s="1"/>
  <c r="A7699" i="1" s="1"/>
  <c r="A7700" i="1" s="1"/>
  <c r="A7701" i="1" s="1"/>
  <c r="A7702" i="1" s="1"/>
  <c r="A7703" i="1" s="1"/>
  <c r="A7704" i="1" s="1"/>
  <c r="A7705" i="1" s="1"/>
  <c r="A7706" i="1" s="1"/>
  <c r="A7707" i="1" s="1"/>
  <c r="A7708" i="1" s="1"/>
  <c r="A7709" i="1" s="1"/>
  <c r="A7710" i="1" s="1"/>
  <c r="A7711" i="1" s="1"/>
  <c r="A7712" i="1" s="1"/>
  <c r="A7713" i="1" s="1"/>
  <c r="A7714" i="1" s="1"/>
  <c r="A7715" i="1" s="1"/>
  <c r="A7716" i="1" s="1"/>
  <c r="A7717" i="1" s="1"/>
  <c r="A7718" i="1" s="1"/>
  <c r="A7719" i="1" s="1"/>
  <c r="A7720" i="1" s="1"/>
  <c r="A7721" i="1" s="1"/>
  <c r="A7722" i="1" s="1"/>
  <c r="A7723" i="1" s="1"/>
  <c r="A7724" i="1" s="1"/>
  <c r="A7725" i="1" s="1"/>
  <c r="A7726" i="1" s="1"/>
  <c r="A7727" i="1" s="1"/>
  <c r="A7728" i="1" s="1"/>
  <c r="A7729" i="1" s="1"/>
  <c r="A7730" i="1" s="1"/>
  <c r="A7731" i="1" s="1"/>
  <c r="A7732" i="1" s="1"/>
  <c r="A7733" i="1" s="1"/>
  <c r="A7734" i="1" s="1"/>
  <c r="A7735" i="1" s="1"/>
  <c r="A7736" i="1" s="1"/>
  <c r="A7737" i="1" s="1"/>
  <c r="A7738" i="1" s="1"/>
  <c r="A7739" i="1" s="1"/>
  <c r="A7740" i="1" s="1"/>
  <c r="A7741" i="1" s="1"/>
  <c r="A7742" i="1" s="1"/>
  <c r="A7743" i="1" s="1"/>
  <c r="A7744" i="1" s="1"/>
  <c r="A7745" i="1" s="1"/>
  <c r="A7746" i="1" s="1"/>
  <c r="A7747" i="1" s="1"/>
  <c r="A7748" i="1" s="1"/>
  <c r="A7749" i="1" s="1"/>
  <c r="A7750" i="1" s="1"/>
  <c r="A7751" i="1" s="1"/>
  <c r="A7752" i="1" s="1"/>
  <c r="A7753" i="1" s="1"/>
  <c r="A7754" i="1" s="1"/>
  <c r="A7755" i="1" s="1"/>
  <c r="A7756" i="1" s="1"/>
  <c r="A7757" i="1" s="1"/>
  <c r="A7758" i="1" s="1"/>
  <c r="A7759" i="1" s="1"/>
  <c r="A7760" i="1" s="1"/>
  <c r="A7761" i="1" s="1"/>
  <c r="A7762" i="1" s="1"/>
  <c r="A7763" i="1" s="1"/>
  <c r="A7764" i="1" s="1"/>
  <c r="A7765" i="1" s="1"/>
  <c r="A7766" i="1" s="1"/>
  <c r="A7767" i="1" s="1"/>
  <c r="A7768" i="1" s="1"/>
  <c r="A7769" i="1" s="1"/>
  <c r="A7770" i="1" s="1"/>
  <c r="A7771" i="1" s="1"/>
  <c r="A7772" i="1" s="1"/>
  <c r="A7773" i="1" s="1"/>
  <c r="A7774" i="1" s="1"/>
  <c r="A7775" i="1" s="1"/>
  <c r="A7776" i="1" s="1"/>
  <c r="A7777" i="1" s="1"/>
  <c r="A7778" i="1" s="1"/>
  <c r="A7779" i="1" s="1"/>
  <c r="A7780" i="1" s="1"/>
  <c r="A7781" i="1" s="1"/>
  <c r="A7782" i="1" s="1"/>
  <c r="A7783" i="1" s="1"/>
  <c r="A7784" i="1" s="1"/>
  <c r="A7785" i="1" s="1"/>
  <c r="A7786" i="1" s="1"/>
  <c r="A7787" i="1" s="1"/>
  <c r="A7788" i="1" s="1"/>
  <c r="A7789" i="1" s="1"/>
  <c r="A7790" i="1" s="1"/>
  <c r="A7791" i="1" s="1"/>
  <c r="A7792" i="1" s="1"/>
  <c r="A7793" i="1" s="1"/>
  <c r="A7794" i="1" s="1"/>
  <c r="A7795" i="1" s="1"/>
  <c r="A7796" i="1" s="1"/>
  <c r="A7797" i="1" s="1"/>
  <c r="A7798" i="1" s="1"/>
  <c r="A7799" i="1" s="1"/>
  <c r="A7800" i="1" s="1"/>
  <c r="A7801" i="1" s="1"/>
  <c r="A7802" i="1" s="1"/>
  <c r="A7803" i="1" s="1"/>
  <c r="A7804" i="1" s="1"/>
  <c r="A7805" i="1" s="1"/>
  <c r="A7806" i="1" s="1"/>
  <c r="A7807" i="1" s="1"/>
  <c r="A7808" i="1" s="1"/>
  <c r="A7809" i="1" s="1"/>
  <c r="A7810" i="1" s="1"/>
  <c r="A7811" i="1" s="1"/>
  <c r="A7812" i="1" s="1"/>
  <c r="A7813" i="1" s="1"/>
  <c r="A7814" i="1" s="1"/>
  <c r="A7815" i="1" s="1"/>
  <c r="A7816" i="1" s="1"/>
  <c r="A7817" i="1" s="1"/>
  <c r="A7818" i="1" s="1"/>
  <c r="A7819" i="1" s="1"/>
  <c r="A7820" i="1" s="1"/>
  <c r="A7821" i="1" s="1"/>
  <c r="A7822" i="1" s="1"/>
  <c r="A7823" i="1" s="1"/>
  <c r="A7824" i="1" s="1"/>
  <c r="A7825" i="1" s="1"/>
  <c r="A7826" i="1" s="1"/>
  <c r="A7827" i="1" s="1"/>
  <c r="A7828" i="1" s="1"/>
  <c r="A7829" i="1" s="1"/>
  <c r="A7830" i="1" s="1"/>
  <c r="A7831" i="1" s="1"/>
  <c r="A7832" i="1" s="1"/>
  <c r="A7833" i="1" s="1"/>
  <c r="A7834" i="1" s="1"/>
  <c r="A7835" i="1" s="1"/>
  <c r="A7836" i="1" s="1"/>
  <c r="A7837" i="1" s="1"/>
  <c r="A7838" i="1" s="1"/>
  <c r="A7839" i="1" s="1"/>
  <c r="A7840" i="1" s="1"/>
  <c r="A7841" i="1" s="1"/>
  <c r="A7842" i="1" s="1"/>
  <c r="A7843" i="1" s="1"/>
  <c r="A7844" i="1" s="1"/>
  <c r="A7845" i="1" s="1"/>
  <c r="A7846" i="1" s="1"/>
  <c r="A7847" i="1" s="1"/>
  <c r="A7848" i="1" s="1"/>
  <c r="A7849" i="1" s="1"/>
  <c r="A7850" i="1" s="1"/>
  <c r="A7851" i="1" s="1"/>
  <c r="A7852" i="1" s="1"/>
  <c r="A7853" i="1" s="1"/>
  <c r="A7854" i="1" s="1"/>
  <c r="A7855" i="1" s="1"/>
  <c r="A7856" i="1" s="1"/>
  <c r="A7857" i="1" s="1"/>
  <c r="A7858" i="1" s="1"/>
  <c r="A7859" i="1" s="1"/>
  <c r="A7860" i="1" s="1"/>
  <c r="A7861" i="1" s="1"/>
  <c r="A7862" i="1" s="1"/>
  <c r="A7863" i="1" s="1"/>
  <c r="A7864" i="1" s="1"/>
  <c r="A7865" i="1" s="1"/>
  <c r="A7866" i="1" s="1"/>
  <c r="A7867" i="1" s="1"/>
  <c r="A7868" i="1" s="1"/>
  <c r="A7869" i="1" s="1"/>
  <c r="A7870" i="1" s="1"/>
  <c r="A7871" i="1" s="1"/>
  <c r="A7872" i="1" s="1"/>
  <c r="A7873" i="1" s="1"/>
  <c r="A7874" i="1" s="1"/>
  <c r="A7875" i="1" s="1"/>
  <c r="A7876" i="1" s="1"/>
  <c r="A7877" i="1" s="1"/>
  <c r="A7878" i="1" s="1"/>
  <c r="A7879" i="1" s="1"/>
  <c r="A7880" i="1" s="1"/>
  <c r="A7881" i="1" s="1"/>
  <c r="A7882" i="1" s="1"/>
  <c r="A7883" i="1" s="1"/>
  <c r="A7884" i="1" s="1"/>
  <c r="A7885" i="1" s="1"/>
  <c r="A7886" i="1" s="1"/>
  <c r="A7887" i="1" s="1"/>
  <c r="A7888" i="1" s="1"/>
  <c r="A7889" i="1" s="1"/>
  <c r="A7890" i="1" s="1"/>
  <c r="A7891" i="1" s="1"/>
  <c r="A7892" i="1" s="1"/>
  <c r="A7893" i="1" s="1"/>
  <c r="A7894" i="1" s="1"/>
  <c r="A7895" i="1" s="1"/>
  <c r="A7896" i="1" s="1"/>
  <c r="A7897" i="1" s="1"/>
  <c r="A7898" i="1" s="1"/>
  <c r="A7899" i="1" s="1"/>
  <c r="A7900" i="1" s="1"/>
  <c r="A7901" i="1" s="1"/>
  <c r="A7902" i="1" s="1"/>
  <c r="A7903" i="1" s="1"/>
  <c r="A7904" i="1" s="1"/>
  <c r="A7905" i="1" s="1"/>
  <c r="A7906" i="1" s="1"/>
  <c r="A7907" i="1" s="1"/>
  <c r="A7908" i="1" s="1"/>
  <c r="A7909" i="1" s="1"/>
  <c r="A7910" i="1" s="1"/>
  <c r="A7911" i="1" s="1"/>
  <c r="A7912" i="1" s="1"/>
  <c r="A7913" i="1" s="1"/>
  <c r="A7914" i="1" s="1"/>
  <c r="A7915" i="1" s="1"/>
  <c r="A7916" i="1" s="1"/>
  <c r="A7917" i="1" s="1"/>
  <c r="A7918" i="1" s="1"/>
  <c r="A7919" i="1" s="1"/>
  <c r="A7920" i="1" s="1"/>
  <c r="A7921" i="1" s="1"/>
  <c r="A7922" i="1" s="1"/>
  <c r="A7923" i="1" s="1"/>
  <c r="A7924" i="1" s="1"/>
  <c r="A7925" i="1" s="1"/>
  <c r="A7926" i="1" s="1"/>
  <c r="A7927" i="1" s="1"/>
  <c r="A7928" i="1" s="1"/>
  <c r="A7929" i="1" s="1"/>
  <c r="A7930" i="1" s="1"/>
  <c r="A7931" i="1" s="1"/>
  <c r="A7932" i="1" s="1"/>
  <c r="A7933" i="1" s="1"/>
  <c r="A7934" i="1" s="1"/>
  <c r="A7935" i="1" s="1"/>
  <c r="A7936" i="1" s="1"/>
  <c r="A7937" i="1" s="1"/>
  <c r="A7938" i="1" s="1"/>
  <c r="A7939" i="1" s="1"/>
  <c r="A7940" i="1" s="1"/>
  <c r="A7941" i="1" s="1"/>
  <c r="A7942" i="1" s="1"/>
  <c r="A7943" i="1" s="1"/>
  <c r="A7944" i="1" s="1"/>
  <c r="A7945" i="1" s="1"/>
  <c r="A7946" i="1" s="1"/>
  <c r="A7947" i="1" s="1"/>
  <c r="A7948" i="1" s="1"/>
  <c r="A7949" i="1" s="1"/>
  <c r="A7950" i="1" s="1"/>
  <c r="A7951" i="1" s="1"/>
  <c r="A7952" i="1" s="1"/>
  <c r="A7953" i="1" s="1"/>
  <c r="A7954" i="1" s="1"/>
  <c r="A7955" i="1" s="1"/>
  <c r="A7956" i="1" s="1"/>
  <c r="A7957" i="1" s="1"/>
  <c r="A7958" i="1" s="1"/>
  <c r="A7959" i="1" s="1"/>
  <c r="A7960" i="1" s="1"/>
  <c r="A7961" i="1" s="1"/>
  <c r="A7962" i="1" s="1"/>
  <c r="A7963" i="1" s="1"/>
  <c r="A7964" i="1" s="1"/>
  <c r="A7965" i="1" s="1"/>
  <c r="A7966" i="1" s="1"/>
  <c r="A7967" i="1" s="1"/>
  <c r="A7968" i="1" s="1"/>
  <c r="A7969" i="1" s="1"/>
  <c r="A7970" i="1" s="1"/>
  <c r="A7971" i="1" s="1"/>
  <c r="A7972" i="1" s="1"/>
  <c r="A7973" i="1" s="1"/>
  <c r="A7974" i="1" s="1"/>
  <c r="A7975" i="1" s="1"/>
  <c r="A7976" i="1" s="1"/>
  <c r="A7977" i="1" s="1"/>
  <c r="A7978" i="1" s="1"/>
  <c r="A7979" i="1" s="1"/>
  <c r="A7980" i="1" s="1"/>
  <c r="A7981" i="1" s="1"/>
  <c r="A7982" i="1" s="1"/>
  <c r="A7983" i="1" s="1"/>
  <c r="A7984" i="1" s="1"/>
  <c r="A7985" i="1" s="1"/>
  <c r="A7986" i="1" s="1"/>
  <c r="A7987" i="1" s="1"/>
  <c r="A7988" i="1" s="1"/>
  <c r="A7989" i="1" s="1"/>
  <c r="A7990" i="1" s="1"/>
  <c r="A7991" i="1" s="1"/>
  <c r="A7992" i="1" s="1"/>
  <c r="A7993" i="1" s="1"/>
  <c r="A7994" i="1" s="1"/>
  <c r="A7995" i="1" s="1"/>
  <c r="A7996" i="1" s="1"/>
  <c r="A7997" i="1" s="1"/>
  <c r="A7998" i="1" s="1"/>
  <c r="A7999" i="1" s="1"/>
  <c r="A8000" i="1" s="1"/>
  <c r="A8001" i="1" s="1"/>
  <c r="A8002" i="1" s="1"/>
  <c r="A8003" i="1" s="1"/>
  <c r="A8004" i="1" s="1"/>
  <c r="A8005" i="1" s="1"/>
  <c r="A8006" i="1" s="1"/>
  <c r="A8007" i="1" s="1"/>
  <c r="A8008" i="1" s="1"/>
  <c r="A8009" i="1" s="1"/>
  <c r="A8010" i="1" s="1"/>
  <c r="A8011" i="1" s="1"/>
  <c r="A8012" i="1" s="1"/>
  <c r="A8013" i="1" s="1"/>
  <c r="A8014" i="1" s="1"/>
  <c r="A8015" i="1" s="1"/>
  <c r="A8016" i="1" s="1"/>
  <c r="A8017" i="1" s="1"/>
  <c r="A8018" i="1" s="1"/>
  <c r="A8019" i="1" s="1"/>
  <c r="A8020" i="1" s="1"/>
  <c r="A8021" i="1" s="1"/>
  <c r="A8022" i="1" s="1"/>
  <c r="A8023" i="1" s="1"/>
  <c r="A8024" i="1" s="1"/>
  <c r="A8025" i="1" s="1"/>
  <c r="A8026" i="1" s="1"/>
  <c r="A8027" i="1" s="1"/>
  <c r="A8028" i="1" s="1"/>
  <c r="A8029" i="1" s="1"/>
  <c r="A8030" i="1" s="1"/>
  <c r="A8031" i="1" s="1"/>
  <c r="A8032" i="1" s="1"/>
  <c r="A8033" i="1" s="1"/>
  <c r="A8034" i="1" s="1"/>
  <c r="A8035" i="1" s="1"/>
  <c r="A8036" i="1" s="1"/>
  <c r="A8037" i="1" s="1"/>
  <c r="A8038" i="1" s="1"/>
  <c r="A8039" i="1" s="1"/>
  <c r="A8040" i="1" s="1"/>
  <c r="A8041" i="1" s="1"/>
  <c r="A8042" i="1" s="1"/>
  <c r="A8043" i="1" s="1"/>
  <c r="A8044" i="1" s="1"/>
  <c r="A8045" i="1" s="1"/>
  <c r="A8046" i="1" s="1"/>
  <c r="A8047" i="1" s="1"/>
  <c r="A8048" i="1" s="1"/>
  <c r="A8049" i="1" s="1"/>
  <c r="A8050" i="1" s="1"/>
  <c r="A8051" i="1" s="1"/>
  <c r="A8052" i="1" s="1"/>
  <c r="A8053" i="1" s="1"/>
  <c r="A8054" i="1" s="1"/>
  <c r="A8055" i="1" s="1"/>
  <c r="A8056" i="1" s="1"/>
  <c r="A8057" i="1" s="1"/>
  <c r="A8058" i="1" s="1"/>
  <c r="A8059" i="1" s="1"/>
  <c r="A8060" i="1" s="1"/>
  <c r="A8061" i="1" s="1"/>
  <c r="A8062" i="1" s="1"/>
  <c r="A8063" i="1" s="1"/>
  <c r="A8064" i="1" s="1"/>
  <c r="A8065" i="1" s="1"/>
  <c r="A8066" i="1" s="1"/>
  <c r="A8067" i="1" s="1"/>
  <c r="A8068" i="1" s="1"/>
  <c r="A8069" i="1" s="1"/>
  <c r="A8070" i="1" s="1"/>
  <c r="A8071" i="1" s="1"/>
  <c r="A8072" i="1" s="1"/>
  <c r="A8073" i="1" s="1"/>
  <c r="A8074" i="1" s="1"/>
  <c r="A8075" i="1" s="1"/>
  <c r="A8076" i="1" s="1"/>
  <c r="A8077" i="1" s="1"/>
  <c r="A8078" i="1" s="1"/>
  <c r="A8079" i="1" s="1"/>
  <c r="A8080" i="1" s="1"/>
  <c r="A8081" i="1" s="1"/>
  <c r="A8082" i="1" s="1"/>
  <c r="A8083" i="1" s="1"/>
  <c r="A8084" i="1" s="1"/>
  <c r="A8085" i="1" s="1"/>
  <c r="A8086" i="1" s="1"/>
  <c r="A8087" i="1" s="1"/>
  <c r="A8088" i="1" s="1"/>
  <c r="A8089" i="1" s="1"/>
  <c r="A8090" i="1" s="1"/>
  <c r="A8091" i="1" s="1"/>
  <c r="A8092" i="1" s="1"/>
  <c r="A8093" i="1" s="1"/>
  <c r="A8094" i="1" s="1"/>
  <c r="A8095" i="1" s="1"/>
  <c r="A8096" i="1" s="1"/>
  <c r="A8097" i="1" s="1"/>
  <c r="A8098" i="1" s="1"/>
  <c r="A8099" i="1" s="1"/>
  <c r="A8100" i="1" s="1"/>
  <c r="A8101" i="1" s="1"/>
  <c r="A8102" i="1" s="1"/>
  <c r="A8103" i="1" s="1"/>
  <c r="A8104" i="1" s="1"/>
  <c r="A8105" i="1" s="1"/>
  <c r="A8106" i="1" s="1"/>
  <c r="A8107" i="1" s="1"/>
  <c r="A8108" i="1" s="1"/>
  <c r="A8109" i="1" s="1"/>
  <c r="A8110" i="1" s="1"/>
  <c r="A8111" i="1" s="1"/>
  <c r="A8112" i="1" s="1"/>
  <c r="A8113" i="1" s="1"/>
  <c r="A8114" i="1" s="1"/>
  <c r="A8115" i="1" s="1"/>
  <c r="A8116" i="1" s="1"/>
  <c r="A8117" i="1" s="1"/>
  <c r="A8118" i="1" s="1"/>
  <c r="A8119" i="1" s="1"/>
  <c r="A8120" i="1" s="1"/>
  <c r="A8121" i="1" s="1"/>
  <c r="A8122" i="1" s="1"/>
  <c r="A8123" i="1" s="1"/>
  <c r="A8124" i="1" s="1"/>
  <c r="A8125" i="1" s="1"/>
  <c r="A8126" i="1" s="1"/>
  <c r="A8127" i="1" s="1"/>
  <c r="A8128" i="1" s="1"/>
  <c r="A8129" i="1" s="1"/>
  <c r="A8130" i="1" s="1"/>
  <c r="A8131" i="1" s="1"/>
  <c r="A8132" i="1" s="1"/>
  <c r="A8133" i="1" s="1"/>
  <c r="A8134" i="1" s="1"/>
  <c r="A8135" i="1" s="1"/>
  <c r="A8136" i="1" s="1"/>
  <c r="A8137" i="1" s="1"/>
  <c r="A8138" i="1" s="1"/>
  <c r="A8139" i="1" s="1"/>
  <c r="A8140" i="1" s="1"/>
  <c r="A8141" i="1" s="1"/>
  <c r="A8142" i="1" s="1"/>
  <c r="A8143" i="1" s="1"/>
  <c r="A8144" i="1" s="1"/>
  <c r="A8145" i="1" s="1"/>
  <c r="A8146" i="1" s="1"/>
  <c r="A8147" i="1" s="1"/>
  <c r="A8148" i="1" s="1"/>
  <c r="A8149" i="1" s="1"/>
  <c r="A8150" i="1" s="1"/>
  <c r="A8151" i="1" s="1"/>
  <c r="A8152" i="1" s="1"/>
  <c r="A8153" i="1" s="1"/>
  <c r="A8154" i="1" s="1"/>
  <c r="A8155" i="1" s="1"/>
  <c r="A8156" i="1" s="1"/>
  <c r="A8157" i="1" s="1"/>
  <c r="A8158" i="1" s="1"/>
  <c r="A8159" i="1" s="1"/>
  <c r="A8160" i="1" s="1"/>
  <c r="A8161" i="1" s="1"/>
  <c r="A8162" i="1" s="1"/>
  <c r="A8163" i="1" s="1"/>
  <c r="A8164" i="1" s="1"/>
  <c r="A8165" i="1" s="1"/>
  <c r="A8166" i="1" s="1"/>
  <c r="A8167" i="1" s="1"/>
  <c r="A8168" i="1" s="1"/>
  <c r="A8169" i="1" s="1"/>
  <c r="A8170" i="1" s="1"/>
  <c r="A8171" i="1" s="1"/>
  <c r="A8172" i="1" s="1"/>
  <c r="A8173" i="1" s="1"/>
  <c r="A8174" i="1" s="1"/>
  <c r="A8175" i="1" s="1"/>
  <c r="A8176" i="1" s="1"/>
  <c r="A8177" i="1" s="1"/>
  <c r="A8178" i="1" s="1"/>
  <c r="A8179" i="1" s="1"/>
  <c r="A8180" i="1" s="1"/>
  <c r="A8181" i="1" s="1"/>
  <c r="A8182" i="1" s="1"/>
  <c r="A8183" i="1" s="1"/>
  <c r="A8184" i="1" s="1"/>
  <c r="A8185" i="1" s="1"/>
  <c r="A8186" i="1" s="1"/>
  <c r="A8187" i="1" s="1"/>
  <c r="A8188" i="1" s="1"/>
  <c r="A8189" i="1" s="1"/>
  <c r="A8190" i="1" s="1"/>
  <c r="A8191" i="1" s="1"/>
  <c r="A8192" i="1" s="1"/>
  <c r="A8193" i="1" s="1"/>
  <c r="A8194" i="1" s="1"/>
  <c r="A8195" i="1" s="1"/>
  <c r="A8196" i="1" s="1"/>
  <c r="A8197" i="1" s="1"/>
  <c r="A8198" i="1" s="1"/>
  <c r="A8199" i="1" s="1"/>
  <c r="A8200" i="1" s="1"/>
  <c r="A8201" i="1" s="1"/>
  <c r="A8202" i="1" s="1"/>
  <c r="A8203" i="1" s="1"/>
  <c r="A8204" i="1" s="1"/>
  <c r="A8205" i="1" s="1"/>
  <c r="A8206" i="1" s="1"/>
  <c r="A8207" i="1" s="1"/>
  <c r="A8208" i="1" s="1"/>
  <c r="A8209" i="1" s="1"/>
  <c r="A8210" i="1" s="1"/>
  <c r="A8211" i="1" s="1"/>
  <c r="A8212" i="1" s="1"/>
  <c r="A8213" i="1" s="1"/>
  <c r="A8214" i="1" s="1"/>
  <c r="A8215" i="1" s="1"/>
  <c r="A8216" i="1" s="1"/>
  <c r="A8217" i="1" s="1"/>
  <c r="A8218" i="1" s="1"/>
  <c r="A8219" i="1" s="1"/>
  <c r="A8220" i="1" s="1"/>
  <c r="A8221" i="1" s="1"/>
  <c r="A8222" i="1" s="1"/>
  <c r="A8223" i="1" s="1"/>
  <c r="A8224" i="1" s="1"/>
  <c r="A8225" i="1" s="1"/>
  <c r="A8226" i="1" s="1"/>
  <c r="A8227" i="1" s="1"/>
  <c r="A8228" i="1" s="1"/>
  <c r="A8229" i="1" s="1"/>
  <c r="A8230" i="1" s="1"/>
  <c r="A8231" i="1" s="1"/>
  <c r="A8232" i="1" s="1"/>
  <c r="A8233" i="1" s="1"/>
  <c r="A8234" i="1" s="1"/>
  <c r="A8235" i="1" s="1"/>
  <c r="A8236" i="1" s="1"/>
  <c r="A8237" i="1" s="1"/>
  <c r="A8238" i="1" s="1"/>
  <c r="A8239" i="1" s="1"/>
  <c r="A8240" i="1" s="1"/>
  <c r="A8241" i="1" s="1"/>
  <c r="A8242" i="1" s="1"/>
  <c r="A8243" i="1" s="1"/>
  <c r="A8244" i="1" s="1"/>
  <c r="A8245" i="1" s="1"/>
  <c r="A8246" i="1" s="1"/>
  <c r="A8247" i="1" s="1"/>
  <c r="A8248" i="1" s="1"/>
  <c r="A8249" i="1" s="1"/>
  <c r="A8250" i="1" s="1"/>
  <c r="A8251" i="1" s="1"/>
  <c r="A8252" i="1" s="1"/>
  <c r="A8253" i="1" s="1"/>
  <c r="A8254" i="1" s="1"/>
  <c r="A8255" i="1" s="1"/>
  <c r="A8256" i="1" s="1"/>
  <c r="A8257" i="1" s="1"/>
  <c r="A8258" i="1" s="1"/>
  <c r="A8259" i="1" s="1"/>
  <c r="A8260" i="1" s="1"/>
  <c r="A8261" i="1" s="1"/>
  <c r="A8262" i="1" s="1"/>
  <c r="A8263" i="1" s="1"/>
  <c r="A8264" i="1" s="1"/>
  <c r="A8265" i="1" s="1"/>
  <c r="A8266" i="1" s="1"/>
  <c r="A8267" i="1" s="1"/>
  <c r="A8268" i="1" s="1"/>
  <c r="A8269" i="1" s="1"/>
  <c r="A8270" i="1" s="1"/>
  <c r="A8271" i="1" s="1"/>
  <c r="A8272" i="1" s="1"/>
  <c r="A8273" i="1" s="1"/>
  <c r="A8274" i="1" s="1"/>
  <c r="A8275" i="1" s="1"/>
  <c r="A8276" i="1" s="1"/>
  <c r="A8277" i="1" s="1"/>
  <c r="A8278" i="1" s="1"/>
  <c r="A8279" i="1" s="1"/>
  <c r="A8280" i="1" s="1"/>
  <c r="A8281" i="1" s="1"/>
  <c r="A8282" i="1" s="1"/>
  <c r="A8283" i="1" s="1"/>
  <c r="A8284" i="1" s="1"/>
  <c r="A8285" i="1" s="1"/>
  <c r="A8286" i="1" s="1"/>
  <c r="A8287" i="1" s="1"/>
  <c r="A8288" i="1" s="1"/>
  <c r="A8289" i="1" s="1"/>
  <c r="A8290" i="1" s="1"/>
  <c r="A8291" i="1" s="1"/>
  <c r="A8292" i="1" s="1"/>
  <c r="A8293" i="1" s="1"/>
  <c r="A8294" i="1" s="1"/>
  <c r="A8295" i="1" s="1"/>
  <c r="A8296" i="1" s="1"/>
  <c r="A8297" i="1" s="1"/>
  <c r="A8298" i="1" s="1"/>
  <c r="A8299" i="1" s="1"/>
  <c r="A8300" i="1" s="1"/>
  <c r="A8301" i="1" s="1"/>
  <c r="A8302" i="1" s="1"/>
  <c r="A8303" i="1" s="1"/>
  <c r="A8304" i="1" s="1"/>
  <c r="A8305" i="1" s="1"/>
  <c r="A8306" i="1" s="1"/>
  <c r="A8307" i="1" s="1"/>
  <c r="A8308" i="1" s="1"/>
  <c r="A8309" i="1" s="1"/>
  <c r="A8310" i="1" s="1"/>
  <c r="A8311" i="1" s="1"/>
  <c r="A8312" i="1" s="1"/>
  <c r="A8313" i="1" s="1"/>
  <c r="A8314" i="1" s="1"/>
  <c r="A8315" i="1" s="1"/>
  <c r="A8316" i="1" s="1"/>
  <c r="A8317" i="1" s="1"/>
  <c r="A8318" i="1" s="1"/>
  <c r="A8319" i="1" s="1"/>
  <c r="A8320" i="1" s="1"/>
  <c r="A8321" i="1" s="1"/>
  <c r="A8322" i="1" s="1"/>
  <c r="A8323" i="1" s="1"/>
  <c r="A8324" i="1" s="1"/>
  <c r="A8325" i="1" s="1"/>
  <c r="A8326" i="1" s="1"/>
  <c r="A8327" i="1" s="1"/>
  <c r="A8328" i="1" s="1"/>
  <c r="A8329" i="1" s="1"/>
  <c r="A8330" i="1" s="1"/>
  <c r="A8331" i="1" s="1"/>
  <c r="A8332" i="1" s="1"/>
  <c r="A8333" i="1" s="1"/>
  <c r="A8334" i="1" s="1"/>
  <c r="A8335" i="1" s="1"/>
  <c r="A8336" i="1" s="1"/>
  <c r="A8337" i="1" s="1"/>
  <c r="A8338" i="1" s="1"/>
  <c r="A8339" i="1" s="1"/>
  <c r="A8340" i="1" s="1"/>
  <c r="A8341" i="1" s="1"/>
  <c r="A8342" i="1" s="1"/>
  <c r="A8343" i="1" s="1"/>
  <c r="A8344" i="1" s="1"/>
  <c r="A8345" i="1" s="1"/>
  <c r="A8346" i="1" s="1"/>
  <c r="A8347" i="1" s="1"/>
  <c r="A8348" i="1" s="1"/>
  <c r="A8349" i="1" s="1"/>
  <c r="A8350" i="1" s="1"/>
  <c r="A8351" i="1" s="1"/>
  <c r="A8352" i="1" s="1"/>
  <c r="A8353" i="1" s="1"/>
  <c r="A8354" i="1" s="1"/>
  <c r="A8355" i="1" s="1"/>
  <c r="A8356" i="1" s="1"/>
  <c r="A8357" i="1" s="1"/>
  <c r="A8358" i="1" s="1"/>
  <c r="A8359" i="1" s="1"/>
  <c r="A8360" i="1" s="1"/>
  <c r="A8361" i="1" s="1"/>
  <c r="A8362" i="1" s="1"/>
  <c r="A8363" i="1" s="1"/>
  <c r="A8364" i="1" s="1"/>
  <c r="A8365" i="1" s="1"/>
  <c r="A8366" i="1" s="1"/>
  <c r="A8367" i="1" s="1"/>
  <c r="A8368" i="1" s="1"/>
  <c r="A8369" i="1" s="1"/>
  <c r="A8370" i="1" s="1"/>
  <c r="A8371" i="1" s="1"/>
  <c r="A8372" i="1" s="1"/>
  <c r="A8373" i="1" s="1"/>
  <c r="A8374" i="1" s="1"/>
  <c r="A8375" i="1" s="1"/>
  <c r="A8376" i="1" s="1"/>
  <c r="A8377" i="1" s="1"/>
  <c r="A8378" i="1" s="1"/>
  <c r="A8379" i="1" s="1"/>
  <c r="A8380" i="1" s="1"/>
  <c r="A8381" i="1" s="1"/>
  <c r="A8382" i="1" s="1"/>
  <c r="A8383" i="1" s="1"/>
  <c r="A8384" i="1" s="1"/>
  <c r="A8385" i="1" s="1"/>
  <c r="A8386" i="1" s="1"/>
  <c r="A8387" i="1" s="1"/>
  <c r="A8388" i="1" s="1"/>
  <c r="A8389" i="1" s="1"/>
  <c r="A8390" i="1" s="1"/>
  <c r="A8391" i="1" s="1"/>
  <c r="A8392" i="1" s="1"/>
  <c r="A8393" i="1" s="1"/>
  <c r="A8394" i="1" s="1"/>
  <c r="A8395" i="1" s="1"/>
  <c r="A8396" i="1" s="1"/>
  <c r="A8397" i="1" s="1"/>
  <c r="A8398" i="1" s="1"/>
  <c r="A8399" i="1" s="1"/>
  <c r="A8400" i="1" s="1"/>
  <c r="A8401" i="1" s="1"/>
  <c r="A8402" i="1" s="1"/>
  <c r="A8403" i="1" s="1"/>
  <c r="A8404" i="1" s="1"/>
  <c r="A8405" i="1" s="1"/>
  <c r="A8406" i="1" s="1"/>
  <c r="A8407" i="1" s="1"/>
  <c r="A8408" i="1" s="1"/>
  <c r="A8409" i="1" s="1"/>
  <c r="A8410" i="1" s="1"/>
  <c r="A8411" i="1" s="1"/>
  <c r="A8412" i="1" s="1"/>
  <c r="A8413" i="1" s="1"/>
  <c r="A8414" i="1" s="1"/>
  <c r="A8415" i="1" s="1"/>
  <c r="A8416" i="1" s="1"/>
  <c r="A8417" i="1" s="1"/>
  <c r="A8418" i="1" s="1"/>
  <c r="A8419" i="1" s="1"/>
  <c r="A8420" i="1" s="1"/>
  <c r="A8421" i="1" s="1"/>
  <c r="A8422" i="1" s="1"/>
  <c r="A8423" i="1" s="1"/>
  <c r="A8424" i="1" s="1"/>
  <c r="A8425" i="1" s="1"/>
  <c r="A8426" i="1" s="1"/>
  <c r="A8427" i="1" s="1"/>
  <c r="A8428" i="1" s="1"/>
  <c r="A8429" i="1" s="1"/>
  <c r="A8430" i="1" s="1"/>
  <c r="A8431" i="1" s="1"/>
  <c r="A8432" i="1" s="1"/>
  <c r="A8433" i="1" s="1"/>
  <c r="A8434" i="1" s="1"/>
  <c r="A8435" i="1" s="1"/>
  <c r="A8436" i="1" s="1"/>
  <c r="A8437" i="1" s="1"/>
  <c r="A8438" i="1" s="1"/>
  <c r="A8439" i="1" s="1"/>
  <c r="A8440" i="1" s="1"/>
  <c r="A8441" i="1" s="1"/>
  <c r="A8442" i="1" s="1"/>
  <c r="A8443" i="1" s="1"/>
  <c r="A8444" i="1" s="1"/>
  <c r="A8445" i="1" s="1"/>
  <c r="A8446" i="1" s="1"/>
  <c r="A8447" i="1" s="1"/>
  <c r="A8448" i="1" s="1"/>
  <c r="A8449" i="1" s="1"/>
  <c r="A8450" i="1" s="1"/>
  <c r="A8451" i="1" s="1"/>
  <c r="A8452" i="1" s="1"/>
  <c r="A8453" i="1" s="1"/>
  <c r="A8454" i="1" s="1"/>
  <c r="A8455" i="1" s="1"/>
  <c r="A8456" i="1" s="1"/>
  <c r="A8457" i="1" s="1"/>
  <c r="A8458" i="1" s="1"/>
  <c r="A8459" i="1" s="1"/>
  <c r="A8460" i="1" s="1"/>
  <c r="A8461" i="1" s="1"/>
  <c r="A8462" i="1" s="1"/>
  <c r="A8463" i="1" s="1"/>
  <c r="A8464" i="1" s="1"/>
  <c r="A8465" i="1" s="1"/>
  <c r="A8466" i="1" s="1"/>
  <c r="A8467" i="1" s="1"/>
  <c r="A8468" i="1" s="1"/>
  <c r="A8469" i="1" s="1"/>
  <c r="A8470" i="1" s="1"/>
  <c r="A8471" i="1" s="1"/>
  <c r="A8472" i="1" s="1"/>
  <c r="A8473" i="1" s="1"/>
  <c r="A8474" i="1" s="1"/>
  <c r="A8475" i="1" s="1"/>
  <c r="A8476" i="1" s="1"/>
  <c r="A8477" i="1" s="1"/>
  <c r="A8478" i="1" s="1"/>
  <c r="A8479" i="1" s="1"/>
  <c r="A8480" i="1" s="1"/>
  <c r="A8481" i="1" s="1"/>
  <c r="A8482" i="1" s="1"/>
  <c r="A8483" i="1" s="1"/>
  <c r="A8484" i="1" s="1"/>
  <c r="A8485" i="1" s="1"/>
  <c r="A8486" i="1" s="1"/>
  <c r="A8487" i="1" s="1"/>
  <c r="A8488" i="1" s="1"/>
  <c r="A8489" i="1" s="1"/>
  <c r="A8490" i="1" s="1"/>
  <c r="A8491" i="1" s="1"/>
  <c r="A8492" i="1" s="1"/>
  <c r="A8493" i="1" s="1"/>
  <c r="A8494" i="1" s="1"/>
  <c r="A8495" i="1" s="1"/>
  <c r="A8496" i="1" s="1"/>
  <c r="A8497" i="1" s="1"/>
  <c r="A8498" i="1" s="1"/>
  <c r="A8499" i="1" s="1"/>
  <c r="A8500" i="1" s="1"/>
  <c r="A8501" i="1" s="1"/>
  <c r="A8502" i="1" s="1"/>
  <c r="A8503" i="1" s="1"/>
  <c r="A8504" i="1" s="1"/>
  <c r="A8505" i="1" s="1"/>
  <c r="A8506" i="1" s="1"/>
  <c r="A8507" i="1" s="1"/>
  <c r="A8508" i="1" s="1"/>
  <c r="A8509" i="1" s="1"/>
  <c r="A8510" i="1" s="1"/>
  <c r="A8511" i="1" s="1"/>
  <c r="A8512" i="1" s="1"/>
  <c r="A8513" i="1" s="1"/>
  <c r="A8514" i="1" s="1"/>
  <c r="A8515" i="1" s="1"/>
  <c r="A8516" i="1" s="1"/>
  <c r="A8517" i="1" s="1"/>
  <c r="A8518" i="1" s="1"/>
  <c r="A8519" i="1" s="1"/>
  <c r="A8520" i="1" s="1"/>
  <c r="A8521" i="1" s="1"/>
  <c r="A8522" i="1" s="1"/>
  <c r="A8523" i="1" s="1"/>
  <c r="A8524" i="1" s="1"/>
  <c r="A8525" i="1" s="1"/>
  <c r="A8526" i="1" s="1"/>
  <c r="A8527" i="1" s="1"/>
  <c r="A8528" i="1" s="1"/>
  <c r="A8529" i="1" s="1"/>
  <c r="A8530" i="1" s="1"/>
  <c r="A8531" i="1" s="1"/>
  <c r="A8532" i="1" s="1"/>
  <c r="A8533" i="1" s="1"/>
  <c r="A8534" i="1" s="1"/>
  <c r="A8535" i="1" s="1"/>
  <c r="A8536" i="1" s="1"/>
  <c r="A8537" i="1" s="1"/>
  <c r="A8538" i="1" s="1"/>
  <c r="A8539" i="1" s="1"/>
  <c r="A8540" i="1" s="1"/>
  <c r="A8541" i="1" s="1"/>
  <c r="A8542" i="1" s="1"/>
  <c r="A8543" i="1" s="1"/>
  <c r="A8544" i="1" s="1"/>
  <c r="A8545" i="1" s="1"/>
  <c r="A8546" i="1" s="1"/>
  <c r="A8547" i="1" s="1"/>
  <c r="A8548" i="1" s="1"/>
  <c r="A8549" i="1" s="1"/>
  <c r="A8550" i="1" s="1"/>
  <c r="A8551" i="1" s="1"/>
  <c r="A8552" i="1" s="1"/>
  <c r="A8553" i="1" s="1"/>
  <c r="A8554" i="1" s="1"/>
  <c r="A8555" i="1" s="1"/>
  <c r="A8556" i="1" s="1"/>
  <c r="A8557" i="1" s="1"/>
  <c r="A8558" i="1" s="1"/>
  <c r="A8559" i="1" s="1"/>
  <c r="A8560" i="1" s="1"/>
  <c r="A8561" i="1" s="1"/>
  <c r="A8562" i="1" s="1"/>
  <c r="A8563" i="1" s="1"/>
  <c r="A8564" i="1" s="1"/>
  <c r="A8565" i="1" s="1"/>
  <c r="A8566" i="1" s="1"/>
  <c r="A8567" i="1" s="1"/>
  <c r="A8568" i="1" s="1"/>
  <c r="A8569" i="1" s="1"/>
  <c r="A8570" i="1" s="1"/>
  <c r="A8571" i="1" s="1"/>
  <c r="A8572" i="1" s="1"/>
  <c r="A8573" i="1" s="1"/>
  <c r="A8574" i="1" s="1"/>
  <c r="A8575" i="1" s="1"/>
  <c r="A8576" i="1" s="1"/>
  <c r="A8577" i="1" s="1"/>
  <c r="A8578" i="1" s="1"/>
  <c r="A8579" i="1" s="1"/>
  <c r="A8580" i="1" s="1"/>
  <c r="A8581" i="1" s="1"/>
  <c r="A8582" i="1" s="1"/>
  <c r="A8583" i="1" s="1"/>
  <c r="A8584" i="1" s="1"/>
  <c r="A8585" i="1" s="1"/>
  <c r="A8586" i="1" s="1"/>
  <c r="A8587" i="1" s="1"/>
  <c r="A8588" i="1" s="1"/>
  <c r="A8589" i="1" s="1"/>
  <c r="A8590" i="1" s="1"/>
  <c r="A8591" i="1" s="1"/>
  <c r="A8592" i="1" s="1"/>
  <c r="A8593" i="1" s="1"/>
  <c r="A8594" i="1" s="1"/>
  <c r="A8595" i="1" s="1"/>
  <c r="A8596" i="1" s="1"/>
  <c r="A8597" i="1" s="1"/>
  <c r="A8598" i="1" s="1"/>
  <c r="A8599" i="1" s="1"/>
  <c r="A8600" i="1" s="1"/>
  <c r="A8601" i="1" s="1"/>
  <c r="A8602" i="1" s="1"/>
  <c r="A8603" i="1" s="1"/>
  <c r="A8604" i="1" s="1"/>
  <c r="A8605" i="1" s="1"/>
  <c r="A8606" i="1" s="1"/>
  <c r="A8607" i="1" s="1"/>
  <c r="A8608" i="1" s="1"/>
  <c r="A8609" i="1" s="1"/>
  <c r="A8610" i="1" s="1"/>
  <c r="A8611" i="1" s="1"/>
  <c r="A8612" i="1" s="1"/>
  <c r="A8613" i="1" s="1"/>
  <c r="A8614" i="1" s="1"/>
  <c r="A8615" i="1" s="1"/>
  <c r="A8616" i="1" s="1"/>
  <c r="A8617" i="1" s="1"/>
  <c r="A8618" i="1" s="1"/>
  <c r="A8619" i="1" s="1"/>
  <c r="A8620" i="1" s="1"/>
  <c r="A8621" i="1" s="1"/>
  <c r="A8622" i="1" s="1"/>
  <c r="A8623" i="1" s="1"/>
  <c r="A8624" i="1" s="1"/>
  <c r="A8625" i="1" s="1"/>
  <c r="A8626" i="1" s="1"/>
  <c r="A8627" i="1" s="1"/>
  <c r="A8628" i="1" s="1"/>
  <c r="A8629" i="1" s="1"/>
  <c r="A8630" i="1" s="1"/>
  <c r="A8631" i="1" s="1"/>
  <c r="A8632" i="1" s="1"/>
  <c r="A8633" i="1" s="1"/>
  <c r="A8634" i="1" s="1"/>
  <c r="A8635" i="1" s="1"/>
  <c r="A8636" i="1" s="1"/>
  <c r="A8637" i="1" s="1"/>
  <c r="A8638" i="1" s="1"/>
  <c r="A8639" i="1" s="1"/>
  <c r="A8640" i="1" s="1"/>
  <c r="A8641" i="1" s="1"/>
  <c r="A8642" i="1" s="1"/>
  <c r="A8643" i="1" s="1"/>
  <c r="A8644" i="1" s="1"/>
  <c r="A8645" i="1" s="1"/>
  <c r="A8646" i="1" s="1"/>
  <c r="A8647" i="1" s="1"/>
  <c r="A8648" i="1" s="1"/>
  <c r="A8649" i="1" s="1"/>
  <c r="A8650" i="1" s="1"/>
  <c r="A8651" i="1" s="1"/>
  <c r="A8652" i="1" s="1"/>
  <c r="A8653" i="1" s="1"/>
  <c r="A8654" i="1" s="1"/>
  <c r="A8655" i="1" s="1"/>
  <c r="A8656" i="1" s="1"/>
  <c r="A8657" i="1" s="1"/>
  <c r="A8658" i="1" s="1"/>
  <c r="A8659" i="1" s="1"/>
  <c r="A8660" i="1" s="1"/>
  <c r="A8661" i="1" s="1"/>
  <c r="A8662" i="1" s="1"/>
  <c r="A8663" i="1" s="1"/>
  <c r="A8664" i="1" s="1"/>
  <c r="A8665" i="1" s="1"/>
  <c r="A8666" i="1" s="1"/>
  <c r="A8667" i="1" s="1"/>
  <c r="A8668" i="1" s="1"/>
  <c r="A8669" i="1" s="1"/>
  <c r="A8670" i="1" s="1"/>
  <c r="A8671" i="1" s="1"/>
  <c r="A8672" i="1" s="1"/>
  <c r="A8673" i="1" s="1"/>
  <c r="A8674" i="1" s="1"/>
  <c r="A8675" i="1" s="1"/>
  <c r="A8676" i="1" s="1"/>
  <c r="A8677" i="1" s="1"/>
  <c r="A8678" i="1" s="1"/>
  <c r="A8679" i="1" s="1"/>
  <c r="A8680" i="1" s="1"/>
  <c r="A8681" i="1" s="1"/>
  <c r="A8682" i="1" s="1"/>
  <c r="A8683" i="1" s="1"/>
  <c r="A8684" i="1" s="1"/>
  <c r="A8685" i="1" s="1"/>
  <c r="A8686" i="1" s="1"/>
  <c r="A8687" i="1" s="1"/>
  <c r="A8688" i="1" s="1"/>
  <c r="A8689" i="1" s="1"/>
  <c r="A8690" i="1" s="1"/>
  <c r="A8691" i="1" s="1"/>
  <c r="A8692" i="1" s="1"/>
  <c r="A8693" i="1" s="1"/>
  <c r="A8694" i="1" s="1"/>
  <c r="A8695" i="1" s="1"/>
  <c r="A8696" i="1" s="1"/>
  <c r="A8697" i="1" s="1"/>
  <c r="A8698" i="1" s="1"/>
  <c r="A8699" i="1" s="1"/>
  <c r="A8700" i="1" s="1"/>
  <c r="A8701" i="1" s="1"/>
  <c r="A8702" i="1" s="1"/>
  <c r="A8703" i="1" s="1"/>
  <c r="A8704" i="1" s="1"/>
  <c r="A8705" i="1" s="1"/>
  <c r="A8706" i="1" s="1"/>
  <c r="A8707" i="1" s="1"/>
  <c r="A8708" i="1" s="1"/>
  <c r="A8709" i="1" s="1"/>
  <c r="A8710" i="1" s="1"/>
  <c r="A8711" i="1" s="1"/>
  <c r="A8712" i="1" s="1"/>
  <c r="A8713" i="1" s="1"/>
  <c r="A8714" i="1" s="1"/>
  <c r="A8715" i="1" s="1"/>
  <c r="A8716" i="1" s="1"/>
  <c r="A8717" i="1" s="1"/>
  <c r="A8718" i="1" s="1"/>
  <c r="A8719" i="1" s="1"/>
  <c r="A8720" i="1" s="1"/>
  <c r="A8721" i="1" s="1"/>
  <c r="A8722" i="1" s="1"/>
  <c r="A8723" i="1" s="1"/>
  <c r="A8724" i="1" s="1"/>
  <c r="A8725" i="1" s="1"/>
  <c r="A8726" i="1" s="1"/>
  <c r="A8727" i="1" s="1"/>
  <c r="A8728" i="1" s="1"/>
  <c r="A8729" i="1" s="1"/>
  <c r="A8730" i="1" s="1"/>
  <c r="A8731" i="1" s="1"/>
  <c r="A8732" i="1" s="1"/>
  <c r="A8733" i="1" s="1"/>
  <c r="A8734" i="1" s="1"/>
  <c r="A8735" i="1" s="1"/>
  <c r="A8736" i="1" s="1"/>
  <c r="A8737" i="1" s="1"/>
  <c r="A8738" i="1" s="1"/>
  <c r="A8739" i="1" s="1"/>
  <c r="A8740" i="1" s="1"/>
  <c r="A8741" i="1" s="1"/>
  <c r="A8742" i="1" s="1"/>
  <c r="A8743" i="1" s="1"/>
  <c r="A8744" i="1" s="1"/>
  <c r="A8745" i="1" s="1"/>
  <c r="A8746" i="1" s="1"/>
  <c r="A8747" i="1" s="1"/>
  <c r="A8748" i="1" s="1"/>
  <c r="A8749" i="1" s="1"/>
  <c r="A8750" i="1" s="1"/>
  <c r="A8751" i="1" s="1"/>
  <c r="A8752" i="1" s="1"/>
  <c r="A8753" i="1" s="1"/>
  <c r="A8754" i="1" s="1"/>
  <c r="A8755" i="1" s="1"/>
  <c r="A8756" i="1" s="1"/>
  <c r="A8757" i="1" s="1"/>
  <c r="A8758" i="1" s="1"/>
  <c r="A8759" i="1" s="1"/>
  <c r="A8760" i="1" s="1"/>
  <c r="A8761" i="1" s="1"/>
  <c r="A8762" i="1" s="1"/>
  <c r="A8763" i="1" s="1"/>
  <c r="A8764" i="1" s="1"/>
  <c r="A8765" i="1" s="1"/>
  <c r="A8766" i="1" s="1"/>
  <c r="A8767" i="1" s="1"/>
  <c r="A8768" i="1" s="1"/>
  <c r="A8769" i="1" s="1"/>
  <c r="A8770" i="1" s="1"/>
  <c r="A8771" i="1" s="1"/>
  <c r="A8772" i="1" s="1"/>
  <c r="A8773" i="1" s="1"/>
  <c r="A8774" i="1" s="1"/>
  <c r="A8775" i="1" s="1"/>
  <c r="A8776" i="1" s="1"/>
  <c r="A8777" i="1" s="1"/>
  <c r="A8778" i="1" s="1"/>
  <c r="A8779" i="1" s="1"/>
  <c r="A8780" i="1" s="1"/>
  <c r="A8781" i="1" s="1"/>
  <c r="A8782" i="1" s="1"/>
  <c r="A8783" i="1" s="1"/>
  <c r="A8784" i="1" s="1"/>
  <c r="A8785" i="1" s="1"/>
  <c r="A8786" i="1" s="1"/>
  <c r="A8787" i="1" s="1"/>
  <c r="A8788" i="1" s="1"/>
  <c r="A8789" i="1" s="1"/>
  <c r="A8790" i="1" s="1"/>
  <c r="A8791" i="1" s="1"/>
  <c r="A8792" i="1" s="1"/>
  <c r="A8793" i="1" s="1"/>
  <c r="A8794" i="1" s="1"/>
  <c r="A8795" i="1" s="1"/>
  <c r="A8796" i="1" s="1"/>
  <c r="A8797" i="1" s="1"/>
  <c r="A8798" i="1" s="1"/>
  <c r="A8799" i="1" s="1"/>
  <c r="A8800" i="1" s="1"/>
  <c r="A8801" i="1" s="1"/>
  <c r="A8802" i="1" s="1"/>
  <c r="A8803" i="1" s="1"/>
  <c r="A8804" i="1" s="1"/>
  <c r="A8805" i="1" s="1"/>
  <c r="A8806" i="1" s="1"/>
  <c r="A8807" i="1" s="1"/>
  <c r="A8808" i="1" s="1"/>
  <c r="A8809" i="1" s="1"/>
  <c r="A8810" i="1" s="1"/>
  <c r="A8811" i="1" s="1"/>
  <c r="A8812" i="1" s="1"/>
  <c r="A8813" i="1" s="1"/>
  <c r="A8814" i="1" s="1"/>
  <c r="A8815" i="1" s="1"/>
  <c r="A8816" i="1" s="1"/>
  <c r="A8817" i="1" s="1"/>
  <c r="A8818" i="1" s="1"/>
  <c r="A8819" i="1" s="1"/>
  <c r="A8820" i="1" s="1"/>
  <c r="A8821" i="1" s="1"/>
  <c r="A8822" i="1" s="1"/>
  <c r="A8823" i="1" s="1"/>
  <c r="A8824" i="1" s="1"/>
  <c r="A8825" i="1" s="1"/>
  <c r="A8826" i="1" s="1"/>
  <c r="A8827" i="1" s="1"/>
  <c r="A8828" i="1" s="1"/>
  <c r="A8829" i="1" s="1"/>
  <c r="A8830" i="1" s="1"/>
  <c r="A8831" i="1" s="1"/>
  <c r="A8832" i="1" s="1"/>
  <c r="A8833" i="1" s="1"/>
  <c r="A8834" i="1" s="1"/>
  <c r="A8835" i="1" s="1"/>
  <c r="A8836" i="1" s="1"/>
  <c r="A8837" i="1" s="1"/>
  <c r="A8838" i="1" s="1"/>
  <c r="A8839" i="1" s="1"/>
  <c r="A8840" i="1" s="1"/>
  <c r="A8841" i="1" s="1"/>
  <c r="A8842" i="1" s="1"/>
  <c r="A8843" i="1" s="1"/>
  <c r="A8844" i="1" s="1"/>
  <c r="A8845" i="1" s="1"/>
  <c r="A8846" i="1" s="1"/>
  <c r="A8847" i="1" s="1"/>
  <c r="A8848" i="1" s="1"/>
  <c r="A8849" i="1" s="1"/>
  <c r="A8850" i="1" s="1"/>
  <c r="A8851" i="1" s="1"/>
  <c r="A8852" i="1" s="1"/>
  <c r="A8853" i="1" s="1"/>
  <c r="A8854" i="1" s="1"/>
  <c r="A8855" i="1" s="1"/>
  <c r="A8856" i="1" s="1"/>
  <c r="A8857" i="1" s="1"/>
  <c r="A8858" i="1" s="1"/>
  <c r="A8859" i="1" s="1"/>
  <c r="A8860" i="1" s="1"/>
  <c r="A8861" i="1" s="1"/>
  <c r="A8862" i="1" s="1"/>
  <c r="A8863" i="1" s="1"/>
  <c r="A8864" i="1" s="1"/>
  <c r="A8865" i="1" s="1"/>
  <c r="A8866" i="1" s="1"/>
  <c r="A8867" i="1" s="1"/>
  <c r="A8868" i="1" s="1"/>
  <c r="A8869" i="1" s="1"/>
  <c r="A8870" i="1" s="1"/>
  <c r="A8871" i="1" s="1"/>
  <c r="A8872" i="1" s="1"/>
  <c r="A8873" i="1" s="1"/>
  <c r="A8874" i="1" s="1"/>
  <c r="A8875" i="1" s="1"/>
  <c r="A8876" i="1" s="1"/>
  <c r="A8877" i="1" s="1"/>
  <c r="A8878" i="1" s="1"/>
  <c r="A8879" i="1" s="1"/>
  <c r="A8880" i="1" s="1"/>
  <c r="A8881" i="1" s="1"/>
  <c r="A8882" i="1" s="1"/>
  <c r="A8883" i="1" s="1"/>
  <c r="A8884" i="1" s="1"/>
  <c r="A8885" i="1" s="1"/>
  <c r="A8886" i="1" s="1"/>
  <c r="A8887" i="1" s="1"/>
  <c r="A8888" i="1" s="1"/>
  <c r="A8889" i="1" s="1"/>
  <c r="A8890" i="1" s="1"/>
  <c r="A8891" i="1" s="1"/>
  <c r="A8892" i="1" s="1"/>
  <c r="A8893" i="1" s="1"/>
  <c r="A8894" i="1" s="1"/>
  <c r="A8895" i="1" s="1"/>
  <c r="A8896" i="1" s="1"/>
  <c r="A8897" i="1" s="1"/>
  <c r="A8898" i="1" s="1"/>
  <c r="A8899" i="1" s="1"/>
  <c r="A8900" i="1" s="1"/>
  <c r="A8901" i="1" s="1"/>
  <c r="A8902" i="1" s="1"/>
  <c r="A8903" i="1" s="1"/>
  <c r="A8904" i="1" s="1"/>
  <c r="A8905" i="1" s="1"/>
  <c r="A8906" i="1" s="1"/>
  <c r="A8907" i="1" s="1"/>
  <c r="A8908" i="1" s="1"/>
  <c r="A8909" i="1" s="1"/>
  <c r="A8910" i="1" s="1"/>
  <c r="A8911" i="1" s="1"/>
  <c r="A8912" i="1" s="1"/>
  <c r="A8913" i="1" s="1"/>
  <c r="A8914" i="1" s="1"/>
  <c r="A8915" i="1" s="1"/>
  <c r="A8916" i="1" s="1"/>
  <c r="A8917" i="1" s="1"/>
  <c r="A8918" i="1" s="1"/>
  <c r="A8919" i="1" s="1"/>
  <c r="A8920" i="1" s="1"/>
  <c r="A8921" i="1" s="1"/>
  <c r="A8922" i="1" s="1"/>
  <c r="A8923" i="1" s="1"/>
  <c r="A8924" i="1" s="1"/>
  <c r="A8925" i="1" s="1"/>
  <c r="A8926" i="1" s="1"/>
  <c r="A8927" i="1" s="1"/>
  <c r="A8928" i="1" s="1"/>
  <c r="A8929" i="1" s="1"/>
  <c r="A8930" i="1" s="1"/>
  <c r="A8931" i="1" s="1"/>
  <c r="A8932" i="1" s="1"/>
  <c r="A8933" i="1" s="1"/>
  <c r="A8934" i="1" s="1"/>
  <c r="A8935" i="1" s="1"/>
  <c r="A8936" i="1" s="1"/>
  <c r="A8937" i="1" s="1"/>
  <c r="A8938" i="1" s="1"/>
  <c r="A8939" i="1" s="1"/>
  <c r="A8940" i="1" s="1"/>
  <c r="A8941" i="1" s="1"/>
  <c r="A8942" i="1" s="1"/>
  <c r="A8943" i="1" s="1"/>
  <c r="A8944" i="1" s="1"/>
  <c r="A8945" i="1" s="1"/>
  <c r="A8946" i="1" s="1"/>
  <c r="A8947" i="1" s="1"/>
  <c r="A8948" i="1" s="1"/>
  <c r="A8949" i="1" s="1"/>
  <c r="A8950" i="1" s="1"/>
  <c r="A8951" i="1" s="1"/>
  <c r="A8952" i="1" s="1"/>
  <c r="A8953" i="1" s="1"/>
  <c r="A8954" i="1" s="1"/>
  <c r="A8955" i="1" s="1"/>
  <c r="A8956" i="1" s="1"/>
  <c r="A8957" i="1" s="1"/>
  <c r="A8958" i="1" s="1"/>
  <c r="A8959" i="1" s="1"/>
  <c r="A8960" i="1" s="1"/>
  <c r="A8961" i="1" s="1"/>
  <c r="A8962" i="1" s="1"/>
  <c r="A8963" i="1" s="1"/>
  <c r="A8964" i="1" s="1"/>
  <c r="A8965" i="1" s="1"/>
  <c r="A8966" i="1" s="1"/>
  <c r="A8967" i="1" s="1"/>
  <c r="A8968" i="1" s="1"/>
  <c r="A8969" i="1" s="1"/>
  <c r="A8970" i="1" s="1"/>
  <c r="A8971" i="1" s="1"/>
  <c r="A8972" i="1" s="1"/>
  <c r="A8973" i="1" s="1"/>
  <c r="A8974" i="1" s="1"/>
  <c r="A8975" i="1" s="1"/>
  <c r="A8976" i="1" s="1"/>
  <c r="A8977" i="1" s="1"/>
  <c r="A8978" i="1" s="1"/>
  <c r="A8979" i="1" s="1"/>
  <c r="A8980" i="1" s="1"/>
  <c r="A8981" i="1" s="1"/>
  <c r="A8982" i="1" s="1"/>
  <c r="A8983" i="1" s="1"/>
  <c r="A8984" i="1" s="1"/>
  <c r="A8985" i="1" s="1"/>
  <c r="A8986" i="1" s="1"/>
  <c r="A8987" i="1" s="1"/>
  <c r="A8988" i="1" s="1"/>
  <c r="A8989" i="1" s="1"/>
  <c r="A8990" i="1" s="1"/>
  <c r="A8991" i="1" s="1"/>
  <c r="A8992" i="1" s="1"/>
  <c r="A8993" i="1" s="1"/>
  <c r="A8994" i="1" s="1"/>
  <c r="A8995" i="1" s="1"/>
  <c r="A8996" i="1" s="1"/>
  <c r="A8997" i="1" s="1"/>
  <c r="A8998" i="1" s="1"/>
  <c r="A8999" i="1" s="1"/>
  <c r="A9000" i="1" s="1"/>
  <c r="A9001" i="1" s="1"/>
  <c r="A9002" i="1" s="1"/>
  <c r="A9003" i="1" s="1"/>
  <c r="A9004" i="1" s="1"/>
  <c r="A9005" i="1" s="1"/>
  <c r="A9006" i="1" s="1"/>
  <c r="A9007" i="1" s="1"/>
  <c r="A9008" i="1" s="1"/>
  <c r="A9009" i="1" s="1"/>
  <c r="A9010" i="1" s="1"/>
  <c r="A9011" i="1" s="1"/>
  <c r="A9012" i="1" s="1"/>
  <c r="A9013" i="1" s="1"/>
  <c r="A9014" i="1" s="1"/>
  <c r="A9015" i="1" s="1"/>
  <c r="A9016" i="1" s="1"/>
  <c r="A9017" i="1" s="1"/>
  <c r="A9018" i="1" s="1"/>
  <c r="A9019" i="1" s="1"/>
  <c r="A9020" i="1" s="1"/>
  <c r="A9021" i="1" s="1"/>
  <c r="A9022" i="1" s="1"/>
  <c r="A9023" i="1" s="1"/>
  <c r="A9024" i="1" s="1"/>
  <c r="A9025" i="1" s="1"/>
  <c r="A9026" i="1" s="1"/>
  <c r="A9027" i="1" s="1"/>
  <c r="A9028" i="1" s="1"/>
  <c r="A9029" i="1" s="1"/>
  <c r="A9030" i="1" s="1"/>
  <c r="A9031" i="1" s="1"/>
  <c r="A9032" i="1" s="1"/>
  <c r="A9033" i="1" s="1"/>
  <c r="A9034" i="1" s="1"/>
  <c r="A9035" i="1" s="1"/>
  <c r="A9036" i="1" s="1"/>
  <c r="A9037" i="1" s="1"/>
  <c r="A9038" i="1" s="1"/>
  <c r="A9039" i="1" s="1"/>
  <c r="A9040" i="1" s="1"/>
  <c r="A9041" i="1" s="1"/>
  <c r="A9042" i="1" s="1"/>
  <c r="A9043" i="1" s="1"/>
  <c r="A9044" i="1" s="1"/>
  <c r="A9045" i="1" s="1"/>
  <c r="A9046" i="1" s="1"/>
  <c r="A9047" i="1" s="1"/>
  <c r="A9048" i="1" s="1"/>
  <c r="A9049" i="1" s="1"/>
  <c r="A9050" i="1" s="1"/>
  <c r="A9051" i="1" s="1"/>
  <c r="A9052" i="1" s="1"/>
  <c r="A9053" i="1" s="1"/>
  <c r="A9054" i="1" s="1"/>
  <c r="A9055" i="1" s="1"/>
  <c r="A9056" i="1" s="1"/>
  <c r="A9057" i="1" s="1"/>
  <c r="A9058" i="1" s="1"/>
  <c r="A9059" i="1" s="1"/>
  <c r="A9060" i="1" s="1"/>
  <c r="A9061" i="1" s="1"/>
  <c r="A9062" i="1" s="1"/>
  <c r="A9063" i="1" s="1"/>
  <c r="A9064" i="1" s="1"/>
  <c r="A9065" i="1" s="1"/>
  <c r="A9066" i="1" s="1"/>
  <c r="A9067" i="1" s="1"/>
  <c r="A9068" i="1" s="1"/>
  <c r="A9069" i="1" s="1"/>
  <c r="A9070" i="1" s="1"/>
  <c r="A9071" i="1" s="1"/>
  <c r="A9072" i="1" s="1"/>
  <c r="A9073" i="1" s="1"/>
  <c r="A9074" i="1" s="1"/>
  <c r="A9075" i="1" s="1"/>
  <c r="A9076" i="1" s="1"/>
  <c r="A9077" i="1" s="1"/>
  <c r="A9078" i="1" s="1"/>
  <c r="A9079" i="1" s="1"/>
  <c r="A9080" i="1" s="1"/>
  <c r="A9081" i="1" s="1"/>
  <c r="A9082" i="1" s="1"/>
  <c r="A9083" i="1" s="1"/>
  <c r="A9084" i="1" s="1"/>
  <c r="A9085" i="1" s="1"/>
  <c r="A9086" i="1" s="1"/>
  <c r="A9087" i="1" s="1"/>
  <c r="A9088" i="1" s="1"/>
  <c r="A9089" i="1" s="1"/>
  <c r="A9090" i="1" s="1"/>
  <c r="A9091" i="1" s="1"/>
  <c r="A9092" i="1" s="1"/>
  <c r="A9093" i="1" s="1"/>
  <c r="A9094" i="1" s="1"/>
  <c r="A9095" i="1" s="1"/>
  <c r="A9096" i="1" s="1"/>
  <c r="A9097" i="1" s="1"/>
  <c r="A9098" i="1" s="1"/>
  <c r="A9099" i="1" s="1"/>
  <c r="A9100" i="1" s="1"/>
  <c r="A9101" i="1" s="1"/>
  <c r="A9102" i="1" s="1"/>
  <c r="A9103" i="1" s="1"/>
  <c r="A9104" i="1" s="1"/>
  <c r="A9105" i="1" s="1"/>
  <c r="A9106" i="1" s="1"/>
  <c r="A9107" i="1" s="1"/>
  <c r="A9108" i="1" s="1"/>
  <c r="A9109" i="1" s="1"/>
  <c r="A9110" i="1" s="1"/>
  <c r="A9111" i="1" s="1"/>
  <c r="A9112" i="1" s="1"/>
  <c r="A9113" i="1" s="1"/>
  <c r="A9114" i="1" s="1"/>
  <c r="A9115" i="1" s="1"/>
  <c r="A9116" i="1" s="1"/>
  <c r="A9117" i="1" s="1"/>
  <c r="A9118" i="1" s="1"/>
  <c r="A9119" i="1" s="1"/>
  <c r="A9120" i="1" s="1"/>
  <c r="A9121" i="1" s="1"/>
  <c r="A9122" i="1" s="1"/>
  <c r="A9123" i="1" s="1"/>
  <c r="A9124" i="1" s="1"/>
  <c r="A9125" i="1" s="1"/>
  <c r="A9126" i="1" s="1"/>
  <c r="A9127" i="1" s="1"/>
  <c r="A9128" i="1" s="1"/>
  <c r="A9129" i="1" s="1"/>
  <c r="A9130" i="1" s="1"/>
  <c r="A9131" i="1" s="1"/>
  <c r="A9132" i="1" s="1"/>
  <c r="A9133" i="1" s="1"/>
  <c r="A9134" i="1" s="1"/>
  <c r="A9135" i="1" s="1"/>
  <c r="A9136" i="1" s="1"/>
  <c r="A9137" i="1" s="1"/>
  <c r="A9138" i="1" s="1"/>
  <c r="A9139" i="1" s="1"/>
  <c r="A9140" i="1" s="1"/>
  <c r="A9141" i="1" s="1"/>
  <c r="A9142" i="1" s="1"/>
  <c r="A9143" i="1" s="1"/>
  <c r="A9144" i="1" s="1"/>
  <c r="A9145" i="1" s="1"/>
  <c r="A9146" i="1" s="1"/>
  <c r="A9147" i="1" s="1"/>
  <c r="A9148" i="1" s="1"/>
  <c r="A9149" i="1" s="1"/>
  <c r="A9150" i="1" s="1"/>
  <c r="A9151" i="1" s="1"/>
  <c r="A9152" i="1" s="1"/>
  <c r="A9153" i="1" s="1"/>
  <c r="A9154" i="1" s="1"/>
  <c r="A9155" i="1" s="1"/>
  <c r="A9156" i="1" s="1"/>
  <c r="A9157" i="1" s="1"/>
  <c r="A9158" i="1" s="1"/>
  <c r="A9159" i="1" s="1"/>
  <c r="A9160" i="1" s="1"/>
  <c r="A9161" i="1" s="1"/>
  <c r="A9162" i="1" s="1"/>
  <c r="A9163" i="1" s="1"/>
  <c r="A9164" i="1" s="1"/>
  <c r="A9165" i="1" s="1"/>
  <c r="A9166" i="1" s="1"/>
  <c r="A9167" i="1" s="1"/>
  <c r="A9168" i="1" s="1"/>
  <c r="A9169" i="1" s="1"/>
  <c r="A9170" i="1" s="1"/>
  <c r="A9171" i="1" s="1"/>
  <c r="A9172" i="1" s="1"/>
  <c r="A9173" i="1" s="1"/>
  <c r="A9174" i="1" s="1"/>
  <c r="A9175" i="1" s="1"/>
  <c r="A9176" i="1" s="1"/>
  <c r="A9177" i="1" s="1"/>
  <c r="A9178" i="1" s="1"/>
  <c r="A9179" i="1" s="1"/>
  <c r="A9180" i="1" s="1"/>
  <c r="A9181" i="1" s="1"/>
  <c r="A9182" i="1" s="1"/>
  <c r="A9183" i="1" s="1"/>
  <c r="A9184" i="1" s="1"/>
  <c r="A9185" i="1" s="1"/>
  <c r="A9186" i="1" s="1"/>
  <c r="A9187" i="1" s="1"/>
  <c r="A9188" i="1" s="1"/>
  <c r="A9189" i="1" s="1"/>
  <c r="A9190" i="1" s="1"/>
  <c r="A9191" i="1" s="1"/>
  <c r="A9192" i="1" s="1"/>
  <c r="A9193" i="1" s="1"/>
  <c r="A9194" i="1" s="1"/>
  <c r="A9195" i="1" s="1"/>
  <c r="A9196" i="1" s="1"/>
  <c r="A9197" i="1" s="1"/>
  <c r="A9198" i="1" s="1"/>
  <c r="A9199" i="1" s="1"/>
  <c r="A9200" i="1" s="1"/>
  <c r="A9201" i="1" s="1"/>
  <c r="A9202" i="1" s="1"/>
  <c r="A9203" i="1" s="1"/>
  <c r="A9204" i="1" s="1"/>
  <c r="A9205" i="1" s="1"/>
  <c r="A9206" i="1" s="1"/>
  <c r="A9207" i="1" s="1"/>
  <c r="A9208" i="1" s="1"/>
  <c r="A9209" i="1" s="1"/>
  <c r="A9210" i="1" s="1"/>
  <c r="A9211" i="1" s="1"/>
  <c r="A9212" i="1" s="1"/>
  <c r="A9213" i="1" s="1"/>
  <c r="A9214" i="1" s="1"/>
  <c r="A9215" i="1" s="1"/>
  <c r="A9216" i="1" s="1"/>
  <c r="A9217" i="1" s="1"/>
  <c r="A9218" i="1" s="1"/>
  <c r="A9219" i="1" s="1"/>
  <c r="A9220" i="1" s="1"/>
  <c r="A9221" i="1" s="1"/>
  <c r="A9222" i="1" s="1"/>
  <c r="A9223" i="1" s="1"/>
  <c r="A9224" i="1" s="1"/>
  <c r="A9225" i="1" s="1"/>
  <c r="A9226" i="1" s="1"/>
  <c r="A9227" i="1" s="1"/>
  <c r="A9228" i="1" s="1"/>
  <c r="A9229" i="1" s="1"/>
  <c r="A9230" i="1" s="1"/>
  <c r="A9231" i="1" s="1"/>
  <c r="A9232" i="1" s="1"/>
  <c r="A9233" i="1" s="1"/>
  <c r="A9234" i="1" s="1"/>
  <c r="A9235" i="1" s="1"/>
  <c r="A9236" i="1" s="1"/>
  <c r="A9237" i="1" s="1"/>
  <c r="A9238" i="1" s="1"/>
  <c r="A9239" i="1" s="1"/>
  <c r="A9240" i="1" s="1"/>
  <c r="A9241" i="1" s="1"/>
  <c r="A9242" i="1" s="1"/>
  <c r="A9243" i="1" s="1"/>
  <c r="A9244" i="1" s="1"/>
  <c r="A9245" i="1" s="1"/>
  <c r="A9246" i="1" s="1"/>
  <c r="A9247" i="1" s="1"/>
  <c r="A9248" i="1" s="1"/>
  <c r="A9249" i="1" s="1"/>
  <c r="A9250" i="1" s="1"/>
  <c r="A9251" i="1" s="1"/>
  <c r="A9252" i="1" s="1"/>
  <c r="A9253" i="1" s="1"/>
  <c r="A9254" i="1" s="1"/>
  <c r="A9255" i="1" s="1"/>
  <c r="A9256" i="1" s="1"/>
  <c r="A9257" i="1" s="1"/>
  <c r="A9258" i="1" s="1"/>
  <c r="A9259" i="1" s="1"/>
  <c r="A9260" i="1" s="1"/>
  <c r="A9261" i="1" s="1"/>
  <c r="A9262" i="1" s="1"/>
  <c r="A9263" i="1" s="1"/>
  <c r="A9264" i="1" s="1"/>
  <c r="A9265" i="1" s="1"/>
  <c r="A9266" i="1" s="1"/>
  <c r="A9267" i="1" s="1"/>
  <c r="A9268" i="1" s="1"/>
  <c r="A9269" i="1" s="1"/>
  <c r="A9270" i="1" s="1"/>
  <c r="A9271" i="1" s="1"/>
  <c r="A9272" i="1" s="1"/>
  <c r="A9273" i="1" s="1"/>
  <c r="A9274" i="1" s="1"/>
  <c r="A9275" i="1" s="1"/>
  <c r="A9276" i="1" s="1"/>
  <c r="A9277" i="1" s="1"/>
  <c r="A9278" i="1" s="1"/>
  <c r="A9279" i="1" s="1"/>
  <c r="A9280" i="1" s="1"/>
  <c r="A9281" i="1" s="1"/>
  <c r="A9282" i="1" s="1"/>
  <c r="A9283" i="1" s="1"/>
  <c r="A9284" i="1" s="1"/>
  <c r="A9285" i="1" s="1"/>
  <c r="A9286" i="1" s="1"/>
  <c r="A9287" i="1" s="1"/>
  <c r="A9288" i="1" s="1"/>
  <c r="A9289" i="1" s="1"/>
  <c r="A9290" i="1" s="1"/>
  <c r="A9291" i="1" s="1"/>
  <c r="A9292" i="1" s="1"/>
  <c r="A9293" i="1" s="1"/>
  <c r="A9294" i="1" s="1"/>
  <c r="A9295" i="1" s="1"/>
  <c r="A9296" i="1" s="1"/>
  <c r="A9297" i="1" s="1"/>
  <c r="A9298" i="1" s="1"/>
  <c r="A9299" i="1" s="1"/>
  <c r="A9300" i="1" s="1"/>
  <c r="A9301" i="1" s="1"/>
  <c r="A9302" i="1" s="1"/>
  <c r="A9303" i="1" s="1"/>
  <c r="A9304" i="1" s="1"/>
  <c r="A9305" i="1" s="1"/>
  <c r="A9306" i="1" s="1"/>
  <c r="A9307" i="1" s="1"/>
  <c r="A9308" i="1" s="1"/>
  <c r="A9309" i="1" s="1"/>
  <c r="A9310" i="1" s="1"/>
  <c r="A9311" i="1" s="1"/>
  <c r="A9312" i="1" s="1"/>
  <c r="A9313" i="1" s="1"/>
  <c r="A9314" i="1" s="1"/>
  <c r="A9315" i="1" s="1"/>
  <c r="A9316" i="1" s="1"/>
  <c r="A9317" i="1" s="1"/>
  <c r="A9318" i="1" s="1"/>
  <c r="A9319" i="1" s="1"/>
  <c r="A9320" i="1" s="1"/>
  <c r="A9321" i="1" s="1"/>
  <c r="A9322" i="1" s="1"/>
  <c r="A9323" i="1" s="1"/>
  <c r="A9324" i="1" s="1"/>
  <c r="A9325" i="1" s="1"/>
  <c r="A9326" i="1" s="1"/>
  <c r="A9327" i="1" s="1"/>
  <c r="A9328" i="1" s="1"/>
  <c r="A9329" i="1" s="1"/>
  <c r="A9330" i="1" s="1"/>
  <c r="A9331" i="1" s="1"/>
  <c r="A9332" i="1" s="1"/>
  <c r="A9333" i="1" s="1"/>
  <c r="A9334" i="1" s="1"/>
  <c r="A9335" i="1" s="1"/>
  <c r="A9336" i="1" s="1"/>
  <c r="A9337" i="1" s="1"/>
  <c r="A9338" i="1" s="1"/>
  <c r="A9339" i="1" s="1"/>
  <c r="A9340" i="1" s="1"/>
  <c r="A9341" i="1" s="1"/>
  <c r="A9342" i="1" s="1"/>
  <c r="A9343" i="1" s="1"/>
  <c r="A9344" i="1" s="1"/>
  <c r="A9345" i="1" s="1"/>
  <c r="A9346" i="1" s="1"/>
  <c r="A9347" i="1" s="1"/>
  <c r="A9348" i="1" s="1"/>
  <c r="A9349" i="1" s="1"/>
  <c r="A9350" i="1" s="1"/>
  <c r="A9351" i="1" s="1"/>
  <c r="A9352" i="1" s="1"/>
  <c r="A9353" i="1" s="1"/>
  <c r="A9354" i="1" s="1"/>
  <c r="A9355" i="1" s="1"/>
  <c r="A9356" i="1" s="1"/>
  <c r="A9357" i="1" s="1"/>
  <c r="A9358" i="1" s="1"/>
  <c r="A9359" i="1" s="1"/>
  <c r="A9360" i="1" s="1"/>
  <c r="A9361" i="1" s="1"/>
  <c r="A9362" i="1" s="1"/>
  <c r="A9363" i="1" s="1"/>
  <c r="A9364" i="1" s="1"/>
  <c r="A9365" i="1" s="1"/>
  <c r="A9366" i="1" s="1"/>
  <c r="A9367" i="1" s="1"/>
  <c r="A9368" i="1" s="1"/>
  <c r="A9369" i="1" s="1"/>
  <c r="A9370" i="1" s="1"/>
  <c r="A9371" i="1" s="1"/>
  <c r="A9372" i="1" s="1"/>
  <c r="A9373" i="1" s="1"/>
  <c r="A9374" i="1" s="1"/>
  <c r="A9375" i="1" s="1"/>
  <c r="A9376" i="1" s="1"/>
  <c r="A9377" i="1" s="1"/>
  <c r="A9378" i="1" s="1"/>
  <c r="A9379" i="1" s="1"/>
  <c r="A9380" i="1" s="1"/>
  <c r="A9381" i="1" s="1"/>
  <c r="A9382" i="1" s="1"/>
  <c r="A9383" i="1" s="1"/>
  <c r="A9384" i="1" s="1"/>
  <c r="A9385" i="1" s="1"/>
  <c r="A9386" i="1" s="1"/>
  <c r="A9387" i="1" s="1"/>
  <c r="A9388" i="1" s="1"/>
  <c r="A9389" i="1" s="1"/>
  <c r="A9390" i="1" s="1"/>
  <c r="A9391" i="1" s="1"/>
  <c r="A9392" i="1" s="1"/>
  <c r="A9393" i="1" s="1"/>
  <c r="A9394" i="1" s="1"/>
  <c r="A9395" i="1" s="1"/>
  <c r="A9396" i="1" s="1"/>
  <c r="A9397" i="1" s="1"/>
  <c r="A9398" i="1" s="1"/>
  <c r="A9399" i="1" s="1"/>
  <c r="A9400" i="1" s="1"/>
  <c r="A9401" i="1" s="1"/>
  <c r="A9402" i="1" s="1"/>
  <c r="A9403" i="1" s="1"/>
  <c r="A9404" i="1" s="1"/>
  <c r="A9405" i="1" s="1"/>
  <c r="A9406" i="1" s="1"/>
  <c r="A9407" i="1" s="1"/>
  <c r="A9408" i="1" s="1"/>
  <c r="A9409" i="1" s="1"/>
  <c r="A9410" i="1" s="1"/>
  <c r="A9411" i="1" s="1"/>
  <c r="A9412" i="1" s="1"/>
  <c r="A9413" i="1" s="1"/>
  <c r="A9414" i="1" s="1"/>
  <c r="A9415" i="1" s="1"/>
  <c r="A9416" i="1" s="1"/>
  <c r="A9417" i="1" s="1"/>
  <c r="A9418" i="1" s="1"/>
  <c r="A9419" i="1" s="1"/>
  <c r="A9420" i="1" s="1"/>
  <c r="A9421" i="1" s="1"/>
  <c r="A9422" i="1" s="1"/>
  <c r="A9423" i="1" s="1"/>
  <c r="A9424" i="1" s="1"/>
  <c r="A9425" i="1" s="1"/>
  <c r="A9426" i="1" s="1"/>
  <c r="A9427" i="1" s="1"/>
  <c r="A9428" i="1" s="1"/>
  <c r="A9429" i="1" s="1"/>
  <c r="A9430" i="1" s="1"/>
  <c r="A9431" i="1" s="1"/>
  <c r="A9432" i="1" s="1"/>
  <c r="A9433" i="1" s="1"/>
  <c r="A9434" i="1" s="1"/>
  <c r="A9435" i="1" s="1"/>
  <c r="A9436" i="1" s="1"/>
  <c r="A9437" i="1" s="1"/>
  <c r="A9438" i="1" s="1"/>
  <c r="A9439" i="1" s="1"/>
  <c r="A9440" i="1" s="1"/>
  <c r="A9441" i="1" s="1"/>
  <c r="A9442" i="1" s="1"/>
  <c r="A9443" i="1" s="1"/>
  <c r="A9444" i="1" s="1"/>
  <c r="A9445" i="1" s="1"/>
  <c r="A9446" i="1" s="1"/>
  <c r="A9447" i="1" s="1"/>
  <c r="A9448" i="1" s="1"/>
  <c r="A9449" i="1" s="1"/>
  <c r="A9450" i="1" s="1"/>
  <c r="A9451" i="1" s="1"/>
  <c r="A9452" i="1" s="1"/>
  <c r="A9453" i="1" s="1"/>
  <c r="A9454" i="1" s="1"/>
  <c r="A9455" i="1" s="1"/>
  <c r="A9456" i="1" s="1"/>
  <c r="A9457" i="1" s="1"/>
  <c r="A9458" i="1" s="1"/>
  <c r="A9459" i="1" s="1"/>
  <c r="A9460" i="1" s="1"/>
  <c r="A9461" i="1" s="1"/>
  <c r="A9462" i="1" s="1"/>
  <c r="A9463" i="1" s="1"/>
  <c r="A9464" i="1" s="1"/>
  <c r="A9465" i="1" s="1"/>
  <c r="A9466" i="1" s="1"/>
  <c r="A9467" i="1" s="1"/>
  <c r="A9468" i="1" s="1"/>
  <c r="A9469" i="1" s="1"/>
  <c r="A9470" i="1" s="1"/>
  <c r="A9471" i="1" s="1"/>
  <c r="A9472" i="1" s="1"/>
  <c r="A9473" i="1" s="1"/>
  <c r="A9474" i="1" s="1"/>
  <c r="A9475" i="1" s="1"/>
  <c r="A9476" i="1" s="1"/>
  <c r="A9477" i="1" s="1"/>
  <c r="A9478" i="1" s="1"/>
  <c r="A9479" i="1" s="1"/>
  <c r="A9480" i="1" s="1"/>
  <c r="A9481" i="1" s="1"/>
  <c r="A9482" i="1" s="1"/>
  <c r="A9483" i="1" s="1"/>
  <c r="A9484" i="1" s="1"/>
  <c r="A9485" i="1" s="1"/>
  <c r="A9486" i="1" s="1"/>
  <c r="A9487" i="1" s="1"/>
  <c r="A9488" i="1" s="1"/>
  <c r="A9489" i="1" s="1"/>
  <c r="A9490" i="1" s="1"/>
  <c r="A9491" i="1" s="1"/>
  <c r="A9492" i="1" s="1"/>
  <c r="A9493" i="1" s="1"/>
  <c r="A9494" i="1" s="1"/>
  <c r="A9495" i="1" s="1"/>
  <c r="A9496" i="1" s="1"/>
  <c r="A9497" i="1" s="1"/>
  <c r="A9498" i="1" s="1"/>
  <c r="A9499" i="1" s="1"/>
  <c r="A9500" i="1" s="1"/>
  <c r="A9501" i="1" s="1"/>
  <c r="A9502" i="1" s="1"/>
  <c r="A9503" i="1" s="1"/>
  <c r="A9504" i="1" s="1"/>
  <c r="A9505" i="1" s="1"/>
  <c r="A9506" i="1" s="1"/>
  <c r="A9507" i="1" s="1"/>
  <c r="A9508" i="1" s="1"/>
  <c r="A9509" i="1" s="1"/>
  <c r="A9510" i="1" s="1"/>
  <c r="A9511" i="1" s="1"/>
  <c r="A9512" i="1" s="1"/>
  <c r="A9513" i="1" s="1"/>
  <c r="A9514" i="1" s="1"/>
  <c r="A9515" i="1" s="1"/>
  <c r="A9516" i="1" s="1"/>
  <c r="A9517" i="1" s="1"/>
  <c r="A9518" i="1" s="1"/>
  <c r="A9519" i="1" s="1"/>
  <c r="A9520" i="1" s="1"/>
  <c r="A9521" i="1" s="1"/>
  <c r="A9522" i="1" s="1"/>
  <c r="A9523" i="1" s="1"/>
  <c r="A9524" i="1" s="1"/>
  <c r="A9525" i="1" s="1"/>
  <c r="A9526" i="1" s="1"/>
  <c r="A9527" i="1" s="1"/>
  <c r="A9528" i="1" s="1"/>
  <c r="A9529" i="1" s="1"/>
  <c r="A9530" i="1" s="1"/>
  <c r="A9531" i="1" s="1"/>
  <c r="A9532" i="1" s="1"/>
  <c r="A9533" i="1" s="1"/>
  <c r="A9534" i="1" s="1"/>
  <c r="A9535" i="1" s="1"/>
  <c r="A9536" i="1" s="1"/>
  <c r="A9537" i="1" s="1"/>
  <c r="A9538" i="1" s="1"/>
  <c r="A9539" i="1" s="1"/>
  <c r="A9540" i="1" s="1"/>
  <c r="A9541" i="1" s="1"/>
  <c r="A9542" i="1" s="1"/>
  <c r="A9543" i="1" s="1"/>
  <c r="A9544" i="1" s="1"/>
  <c r="A9545" i="1" s="1"/>
  <c r="A9546" i="1" s="1"/>
  <c r="A9547" i="1" s="1"/>
  <c r="A9548" i="1" s="1"/>
  <c r="A9549" i="1" s="1"/>
  <c r="A9550" i="1" s="1"/>
  <c r="A9551" i="1" s="1"/>
  <c r="A9552" i="1" s="1"/>
  <c r="A9553" i="1" s="1"/>
  <c r="A9554" i="1" s="1"/>
  <c r="A9555" i="1" s="1"/>
  <c r="A9556" i="1" s="1"/>
  <c r="A9557" i="1" s="1"/>
  <c r="A9558" i="1" s="1"/>
  <c r="A9559" i="1" s="1"/>
  <c r="A9560" i="1" s="1"/>
  <c r="A9561" i="1" s="1"/>
  <c r="A9562" i="1" s="1"/>
  <c r="A9563" i="1" s="1"/>
  <c r="A9564" i="1" s="1"/>
  <c r="A9565" i="1" s="1"/>
  <c r="A9566" i="1" s="1"/>
  <c r="A9567" i="1" s="1"/>
  <c r="A9568" i="1" s="1"/>
  <c r="A9569" i="1" s="1"/>
  <c r="A9570" i="1" s="1"/>
  <c r="A9571" i="1" s="1"/>
  <c r="A9572" i="1" s="1"/>
  <c r="A9573" i="1" s="1"/>
  <c r="A9574" i="1" s="1"/>
  <c r="A9575" i="1" s="1"/>
  <c r="A9576" i="1" s="1"/>
  <c r="A9577" i="1" s="1"/>
  <c r="A9578" i="1" s="1"/>
  <c r="A9579" i="1" s="1"/>
  <c r="A9580" i="1" s="1"/>
  <c r="A9581" i="1" s="1"/>
  <c r="A9582" i="1" s="1"/>
  <c r="A9583" i="1" s="1"/>
  <c r="A9584" i="1" s="1"/>
  <c r="A9585" i="1" s="1"/>
  <c r="A9586" i="1" s="1"/>
  <c r="A9587" i="1" s="1"/>
  <c r="A9588" i="1" s="1"/>
  <c r="A9589" i="1" s="1"/>
  <c r="A9590" i="1" s="1"/>
  <c r="A9591" i="1" s="1"/>
  <c r="A9592" i="1" s="1"/>
  <c r="A9593" i="1" s="1"/>
  <c r="A9594" i="1" s="1"/>
  <c r="A9595" i="1" s="1"/>
  <c r="A9596" i="1" s="1"/>
  <c r="A9597" i="1" s="1"/>
  <c r="A9598" i="1" s="1"/>
  <c r="A9599" i="1" s="1"/>
  <c r="A9600" i="1" s="1"/>
  <c r="A9601" i="1" s="1"/>
  <c r="A9602" i="1" s="1"/>
  <c r="A9603" i="1" s="1"/>
  <c r="A9604" i="1" s="1"/>
  <c r="A9605" i="1" s="1"/>
  <c r="A9606" i="1" s="1"/>
  <c r="A9607" i="1" s="1"/>
  <c r="A9608" i="1" s="1"/>
  <c r="A9609" i="1" s="1"/>
  <c r="A9610" i="1" s="1"/>
  <c r="A9611" i="1" s="1"/>
  <c r="A9612" i="1" s="1"/>
  <c r="A9613" i="1" s="1"/>
  <c r="A9614" i="1" s="1"/>
  <c r="A9615" i="1" s="1"/>
  <c r="A9616" i="1" s="1"/>
  <c r="A9617" i="1" s="1"/>
  <c r="A9618" i="1" s="1"/>
  <c r="A9619" i="1" s="1"/>
  <c r="A9620" i="1" s="1"/>
  <c r="A9621" i="1" s="1"/>
  <c r="A9622" i="1" s="1"/>
  <c r="A9623" i="1" s="1"/>
  <c r="A9624" i="1" s="1"/>
  <c r="A9625" i="1" s="1"/>
  <c r="A9626" i="1" s="1"/>
  <c r="A9627" i="1" s="1"/>
  <c r="A9628" i="1" s="1"/>
  <c r="A9629" i="1" s="1"/>
  <c r="A9630" i="1" s="1"/>
  <c r="A9631" i="1" s="1"/>
  <c r="A9632" i="1" s="1"/>
  <c r="A9633" i="1" s="1"/>
  <c r="A9634" i="1" s="1"/>
  <c r="A9635" i="1" s="1"/>
  <c r="A9636" i="1" s="1"/>
  <c r="A9637" i="1" s="1"/>
  <c r="A9638" i="1" s="1"/>
  <c r="A9639" i="1" s="1"/>
  <c r="A9640" i="1" s="1"/>
  <c r="A9641" i="1" s="1"/>
  <c r="A9642" i="1" s="1"/>
  <c r="A9643" i="1" s="1"/>
  <c r="A9644" i="1" s="1"/>
  <c r="A9645" i="1" s="1"/>
  <c r="A9646" i="1" s="1"/>
  <c r="A9647" i="1" s="1"/>
  <c r="A9648" i="1" s="1"/>
  <c r="A9649" i="1" s="1"/>
  <c r="A9650" i="1" s="1"/>
  <c r="A9651" i="1" s="1"/>
  <c r="A9652" i="1" s="1"/>
  <c r="A9653" i="1" s="1"/>
  <c r="A9654" i="1" s="1"/>
  <c r="A9655" i="1" s="1"/>
  <c r="A9656" i="1" s="1"/>
  <c r="A9657" i="1" s="1"/>
  <c r="A9658" i="1" s="1"/>
  <c r="A9659" i="1" s="1"/>
  <c r="A9660" i="1" s="1"/>
  <c r="A9661" i="1" s="1"/>
  <c r="A9662" i="1" s="1"/>
  <c r="A9663" i="1" s="1"/>
  <c r="A9664" i="1" s="1"/>
  <c r="A9665" i="1" s="1"/>
  <c r="A9666" i="1" s="1"/>
  <c r="A9667" i="1" s="1"/>
  <c r="A9668" i="1" s="1"/>
  <c r="A9669" i="1" s="1"/>
  <c r="A9670" i="1" s="1"/>
  <c r="A9671" i="1" s="1"/>
  <c r="A9672" i="1" s="1"/>
  <c r="A9673" i="1" s="1"/>
  <c r="A9674" i="1" s="1"/>
  <c r="A9675" i="1" s="1"/>
  <c r="A9676" i="1" s="1"/>
  <c r="A9677" i="1" s="1"/>
  <c r="A9678" i="1" s="1"/>
  <c r="A9679" i="1" s="1"/>
  <c r="A9680" i="1" s="1"/>
  <c r="A9681" i="1" s="1"/>
  <c r="A9682" i="1" s="1"/>
  <c r="A9683" i="1" s="1"/>
  <c r="A9684" i="1" s="1"/>
  <c r="A9685" i="1" s="1"/>
  <c r="A9686" i="1" s="1"/>
  <c r="A9687" i="1" s="1"/>
  <c r="A9688" i="1" s="1"/>
  <c r="A9689" i="1" s="1"/>
  <c r="A9690" i="1" s="1"/>
  <c r="A9691" i="1" s="1"/>
  <c r="A9692" i="1" s="1"/>
  <c r="A9693" i="1" s="1"/>
  <c r="A9694" i="1" s="1"/>
  <c r="A9695" i="1" s="1"/>
  <c r="A9696" i="1" s="1"/>
  <c r="A9697" i="1" s="1"/>
  <c r="A9698" i="1" s="1"/>
  <c r="A9699" i="1" s="1"/>
  <c r="A9700" i="1" s="1"/>
  <c r="A9701" i="1" s="1"/>
  <c r="A9702" i="1" s="1"/>
  <c r="A9703" i="1" s="1"/>
  <c r="A9704" i="1" s="1"/>
  <c r="A9705" i="1" s="1"/>
  <c r="A9706" i="1" s="1"/>
  <c r="A9707" i="1" s="1"/>
  <c r="A9708" i="1" s="1"/>
  <c r="A9709" i="1" s="1"/>
  <c r="A9710" i="1" s="1"/>
  <c r="A9711" i="1" s="1"/>
  <c r="A9712" i="1" s="1"/>
  <c r="A9713" i="1" s="1"/>
  <c r="A9714" i="1" s="1"/>
  <c r="A9715" i="1" s="1"/>
  <c r="A9716" i="1" s="1"/>
  <c r="A9717" i="1" s="1"/>
  <c r="A9718" i="1" s="1"/>
  <c r="A9719" i="1" s="1"/>
  <c r="A9720" i="1" s="1"/>
  <c r="A9721" i="1" s="1"/>
  <c r="A9722" i="1" s="1"/>
  <c r="A9723" i="1" s="1"/>
  <c r="A9724" i="1" s="1"/>
  <c r="A9725" i="1" s="1"/>
  <c r="A9726" i="1" s="1"/>
  <c r="A9727" i="1" s="1"/>
  <c r="A9728" i="1" s="1"/>
  <c r="A9729" i="1" s="1"/>
  <c r="A9730" i="1" s="1"/>
  <c r="A9731" i="1" s="1"/>
  <c r="A9732" i="1" s="1"/>
  <c r="A9733" i="1" s="1"/>
  <c r="A9734" i="1" s="1"/>
  <c r="A9735" i="1" s="1"/>
  <c r="A9736" i="1" s="1"/>
  <c r="A9737" i="1" s="1"/>
  <c r="A9738" i="1" s="1"/>
  <c r="A9739" i="1" s="1"/>
  <c r="A9740" i="1" s="1"/>
  <c r="A9741" i="1" s="1"/>
  <c r="A9742" i="1" s="1"/>
  <c r="A9743" i="1" s="1"/>
  <c r="A9744" i="1" s="1"/>
  <c r="A9745" i="1" s="1"/>
  <c r="A9746" i="1" s="1"/>
  <c r="A9747" i="1" s="1"/>
  <c r="A9748" i="1" s="1"/>
  <c r="A9749" i="1" s="1"/>
  <c r="A9750" i="1" s="1"/>
  <c r="A9751" i="1" s="1"/>
  <c r="A9752" i="1" s="1"/>
  <c r="A9753" i="1" s="1"/>
  <c r="A9754" i="1" s="1"/>
  <c r="A9755" i="1" s="1"/>
  <c r="A9756" i="1" s="1"/>
  <c r="A9757" i="1" s="1"/>
  <c r="A9758" i="1" s="1"/>
  <c r="A9759" i="1" s="1"/>
  <c r="A9760" i="1" s="1"/>
  <c r="A9761" i="1" s="1"/>
  <c r="A9762" i="1" s="1"/>
  <c r="A9763" i="1" s="1"/>
  <c r="A9764" i="1" s="1"/>
  <c r="A9765" i="1" s="1"/>
  <c r="A9766" i="1" s="1"/>
  <c r="A9767" i="1" s="1"/>
  <c r="A9768" i="1" s="1"/>
  <c r="A9769" i="1" s="1"/>
  <c r="A9770" i="1" s="1"/>
  <c r="A9771" i="1" s="1"/>
  <c r="A9772" i="1" s="1"/>
  <c r="A9773" i="1" s="1"/>
  <c r="A9774" i="1" s="1"/>
  <c r="A9775" i="1" s="1"/>
  <c r="A9776" i="1" s="1"/>
  <c r="A9777" i="1" s="1"/>
  <c r="A9778" i="1" s="1"/>
  <c r="A9779" i="1" s="1"/>
  <c r="A9780" i="1" s="1"/>
  <c r="A9781" i="1" s="1"/>
  <c r="A9782" i="1" s="1"/>
  <c r="A9783" i="1" s="1"/>
  <c r="A9784" i="1" s="1"/>
  <c r="A9785" i="1" s="1"/>
  <c r="A9786" i="1" s="1"/>
  <c r="A9787" i="1" s="1"/>
  <c r="A9788" i="1" s="1"/>
  <c r="A9789" i="1" s="1"/>
  <c r="A9790" i="1" s="1"/>
  <c r="A9791" i="1" s="1"/>
  <c r="A9792" i="1" s="1"/>
  <c r="A9793" i="1" s="1"/>
  <c r="A9794" i="1" s="1"/>
  <c r="A9795" i="1" s="1"/>
  <c r="A9796" i="1" s="1"/>
  <c r="A9797" i="1" s="1"/>
  <c r="A9798" i="1" s="1"/>
  <c r="A9799" i="1" s="1"/>
  <c r="A9800" i="1" s="1"/>
  <c r="A9801" i="1" s="1"/>
  <c r="A9802" i="1" s="1"/>
  <c r="A9803" i="1" s="1"/>
  <c r="A9804" i="1" s="1"/>
  <c r="A9805" i="1" s="1"/>
  <c r="A9806" i="1" s="1"/>
  <c r="A9807" i="1" s="1"/>
  <c r="A9808" i="1" s="1"/>
  <c r="A9809" i="1" s="1"/>
  <c r="A9810" i="1" s="1"/>
  <c r="A9811" i="1" s="1"/>
  <c r="A9812" i="1" s="1"/>
  <c r="A9813" i="1" s="1"/>
  <c r="A9814" i="1" s="1"/>
  <c r="A9815" i="1" s="1"/>
  <c r="A9816" i="1" s="1"/>
  <c r="A9817" i="1" s="1"/>
  <c r="A9818" i="1" s="1"/>
  <c r="A9819" i="1" s="1"/>
  <c r="A9820" i="1" s="1"/>
  <c r="A9821" i="1" s="1"/>
  <c r="A9822" i="1" s="1"/>
  <c r="A9823" i="1" s="1"/>
  <c r="A9824" i="1" s="1"/>
  <c r="A9825" i="1" s="1"/>
  <c r="A9826" i="1" s="1"/>
  <c r="A9827" i="1" s="1"/>
  <c r="A9828" i="1" s="1"/>
  <c r="A9829" i="1" s="1"/>
  <c r="A9830" i="1" s="1"/>
  <c r="A9831" i="1" s="1"/>
  <c r="A9832" i="1" s="1"/>
  <c r="A9833" i="1" s="1"/>
  <c r="A9834" i="1" s="1"/>
  <c r="A9835" i="1" s="1"/>
  <c r="A9836" i="1" s="1"/>
  <c r="A9837" i="1" s="1"/>
  <c r="A9838" i="1" s="1"/>
  <c r="A9839" i="1" s="1"/>
  <c r="A9840" i="1" s="1"/>
  <c r="A9841" i="1" s="1"/>
  <c r="A9842" i="1" s="1"/>
  <c r="A9843" i="1" s="1"/>
  <c r="A9844" i="1" s="1"/>
  <c r="A9845" i="1" s="1"/>
  <c r="A9846" i="1" s="1"/>
  <c r="A9847" i="1" s="1"/>
  <c r="A9848" i="1" s="1"/>
  <c r="A9849" i="1" s="1"/>
  <c r="A9850" i="1" s="1"/>
  <c r="A9851" i="1" s="1"/>
  <c r="A9852" i="1" s="1"/>
  <c r="A9853" i="1" s="1"/>
  <c r="A9854" i="1" s="1"/>
  <c r="A9855" i="1" s="1"/>
  <c r="A9856" i="1" s="1"/>
  <c r="A9857" i="1" s="1"/>
  <c r="A9858" i="1" s="1"/>
  <c r="A9859" i="1" s="1"/>
  <c r="A9860" i="1" s="1"/>
  <c r="A9861" i="1" s="1"/>
  <c r="A9862" i="1" s="1"/>
  <c r="A9863" i="1" s="1"/>
  <c r="A9864" i="1" s="1"/>
  <c r="A9865" i="1" s="1"/>
  <c r="A9866" i="1" s="1"/>
  <c r="A9867" i="1" s="1"/>
  <c r="A9868" i="1" s="1"/>
  <c r="A9869" i="1" s="1"/>
  <c r="A9870" i="1" s="1"/>
  <c r="A9871" i="1" s="1"/>
  <c r="A9872" i="1" s="1"/>
  <c r="A9873" i="1" s="1"/>
  <c r="A9874" i="1" s="1"/>
  <c r="A9875" i="1" s="1"/>
  <c r="A9876" i="1" s="1"/>
  <c r="A9877" i="1" s="1"/>
  <c r="A9878" i="1" s="1"/>
  <c r="A9879" i="1" s="1"/>
  <c r="A9880" i="1" s="1"/>
  <c r="A9881" i="1" s="1"/>
  <c r="A9882" i="1" s="1"/>
  <c r="A9883" i="1" s="1"/>
  <c r="A9884" i="1" s="1"/>
  <c r="A9885" i="1" s="1"/>
  <c r="A9886" i="1" s="1"/>
  <c r="A9887" i="1" s="1"/>
  <c r="A9888" i="1" s="1"/>
  <c r="A9889" i="1" s="1"/>
  <c r="A9890" i="1" s="1"/>
  <c r="A9891" i="1" s="1"/>
  <c r="A9892" i="1" s="1"/>
  <c r="A9893" i="1" s="1"/>
  <c r="A9894" i="1" s="1"/>
  <c r="A9895" i="1" s="1"/>
  <c r="A9896" i="1" s="1"/>
  <c r="A9897" i="1" s="1"/>
  <c r="A9898" i="1" s="1"/>
  <c r="A9899" i="1" s="1"/>
  <c r="A9900" i="1" s="1"/>
  <c r="A9901" i="1" s="1"/>
  <c r="A9902" i="1" s="1"/>
  <c r="A9903" i="1" s="1"/>
  <c r="A9904" i="1" s="1"/>
  <c r="A9905" i="1" s="1"/>
  <c r="A9906" i="1" s="1"/>
  <c r="A9907" i="1" s="1"/>
  <c r="A9908" i="1" s="1"/>
  <c r="A9909" i="1" s="1"/>
  <c r="A9910" i="1" s="1"/>
  <c r="A9911" i="1" s="1"/>
  <c r="A9912" i="1" s="1"/>
  <c r="A9913" i="1" s="1"/>
  <c r="A9914" i="1" s="1"/>
  <c r="A9915" i="1" s="1"/>
  <c r="A9916" i="1" s="1"/>
  <c r="A9917" i="1" s="1"/>
  <c r="A9918" i="1" s="1"/>
  <c r="A9919" i="1" s="1"/>
  <c r="A9920" i="1" s="1"/>
  <c r="A9921" i="1" s="1"/>
  <c r="A9922" i="1" s="1"/>
  <c r="A9923" i="1" s="1"/>
  <c r="A9924" i="1" s="1"/>
  <c r="A9925" i="1" s="1"/>
  <c r="A9926" i="1" s="1"/>
  <c r="A9927" i="1" s="1"/>
  <c r="A9928" i="1" s="1"/>
  <c r="A9929" i="1" s="1"/>
  <c r="A9930" i="1" s="1"/>
  <c r="A9931" i="1" s="1"/>
  <c r="A9932" i="1" s="1"/>
  <c r="A9933" i="1" s="1"/>
  <c r="A9934" i="1" s="1"/>
  <c r="A9935" i="1" s="1"/>
  <c r="A9936" i="1" s="1"/>
  <c r="A9937" i="1" s="1"/>
  <c r="A9938" i="1" s="1"/>
  <c r="A9939" i="1" s="1"/>
  <c r="A9940" i="1" s="1"/>
  <c r="A9941" i="1" s="1"/>
  <c r="A9942" i="1" s="1"/>
  <c r="A9943" i="1" s="1"/>
  <c r="A9944" i="1" s="1"/>
  <c r="A9945" i="1" s="1"/>
  <c r="A9946" i="1" s="1"/>
  <c r="A9947" i="1" s="1"/>
  <c r="A9948" i="1" s="1"/>
  <c r="A9949" i="1" s="1"/>
  <c r="A9950" i="1" s="1"/>
  <c r="A9951" i="1" s="1"/>
  <c r="A9952" i="1" s="1"/>
  <c r="A9953" i="1" s="1"/>
  <c r="A9954" i="1" s="1"/>
  <c r="A9955" i="1" s="1"/>
  <c r="A9956" i="1" s="1"/>
  <c r="A9957" i="1" s="1"/>
  <c r="A9958" i="1" s="1"/>
  <c r="A9959" i="1" s="1"/>
  <c r="A9960" i="1" s="1"/>
  <c r="A9961" i="1" s="1"/>
  <c r="A9962" i="1" s="1"/>
  <c r="A9963" i="1" s="1"/>
  <c r="A9964" i="1" s="1"/>
  <c r="A9965" i="1" s="1"/>
  <c r="A9966" i="1" s="1"/>
  <c r="A9967" i="1" s="1"/>
  <c r="A9968" i="1" s="1"/>
  <c r="A9969" i="1" s="1"/>
  <c r="A9970" i="1" s="1"/>
  <c r="A9971" i="1" s="1"/>
  <c r="A9972" i="1" s="1"/>
  <c r="A9973" i="1" s="1"/>
  <c r="A9974" i="1" s="1"/>
  <c r="A9975" i="1" s="1"/>
  <c r="A9976" i="1" s="1"/>
  <c r="A9977" i="1" s="1"/>
  <c r="A9978" i="1" s="1"/>
  <c r="A9979" i="1" s="1"/>
  <c r="A9980" i="1" s="1"/>
  <c r="A9981" i="1" s="1"/>
  <c r="A9982" i="1" s="1"/>
  <c r="A9983" i="1" s="1"/>
  <c r="A9984" i="1" s="1"/>
  <c r="A9985" i="1" s="1"/>
  <c r="A9986" i="1" s="1"/>
  <c r="A9987" i="1" s="1"/>
  <c r="A9988" i="1" s="1"/>
  <c r="A9989" i="1" s="1"/>
  <c r="A9990" i="1" s="1"/>
  <c r="A9991" i="1" s="1"/>
  <c r="A9992" i="1" s="1"/>
  <c r="A9993" i="1" s="1"/>
  <c r="A9994" i="1" s="1"/>
  <c r="A9995" i="1" s="1"/>
  <c r="A9996" i="1" s="1"/>
  <c r="A9997" i="1" s="1"/>
  <c r="A9998" i="1" s="1"/>
  <c r="A9999" i="1" s="1"/>
  <c r="A10000" i="1" s="1"/>
  <c r="A10001" i="1" s="1"/>
  <c r="A10002" i="1" s="1"/>
  <c r="A10003" i="1" s="1"/>
  <c r="A10004" i="1" s="1"/>
  <c r="A10005" i="1" s="1"/>
  <c r="A10006" i="1" s="1"/>
  <c r="A10007" i="1" s="1"/>
  <c r="A10008" i="1" s="1"/>
  <c r="A10009" i="1" s="1"/>
  <c r="A10010" i="1" s="1"/>
  <c r="A10011" i="1" s="1"/>
  <c r="A10012" i="1" s="1"/>
  <c r="A10013" i="1" s="1"/>
  <c r="A10014" i="1" s="1"/>
  <c r="A10015" i="1" s="1"/>
  <c r="A10016" i="1" s="1"/>
  <c r="A10017" i="1" s="1"/>
  <c r="A10018" i="1" s="1"/>
  <c r="A10019" i="1" s="1"/>
  <c r="A10020" i="1" s="1"/>
  <c r="A10021" i="1" s="1"/>
  <c r="A10022" i="1" s="1"/>
  <c r="A10023" i="1" s="1"/>
  <c r="A10024" i="1" s="1"/>
  <c r="A10025" i="1" s="1"/>
  <c r="A10026" i="1" s="1"/>
  <c r="A10027" i="1" s="1"/>
  <c r="A10028" i="1" s="1"/>
  <c r="A10029" i="1" s="1"/>
  <c r="A10030" i="1" s="1"/>
  <c r="A10031" i="1" s="1"/>
  <c r="A10032" i="1" s="1"/>
  <c r="A10033" i="1" s="1"/>
  <c r="A10034" i="1" s="1"/>
  <c r="A10035" i="1" s="1"/>
  <c r="A10036" i="1" s="1"/>
  <c r="A10037" i="1" s="1"/>
  <c r="A10038" i="1" s="1"/>
  <c r="A10039" i="1" s="1"/>
  <c r="A10040" i="1" s="1"/>
  <c r="A10041" i="1" s="1"/>
  <c r="A10042" i="1" s="1"/>
  <c r="A10043" i="1" s="1"/>
  <c r="A10044" i="1" s="1"/>
  <c r="A10045" i="1" s="1"/>
  <c r="A10046" i="1" s="1"/>
  <c r="A10047" i="1" s="1"/>
  <c r="A10048" i="1" s="1"/>
  <c r="A10049" i="1" s="1"/>
  <c r="A10050" i="1" s="1"/>
  <c r="A10051" i="1" s="1"/>
  <c r="A10052" i="1" s="1"/>
  <c r="A10053" i="1" s="1"/>
  <c r="A10054" i="1" s="1"/>
  <c r="A10055" i="1" s="1"/>
  <c r="A10056" i="1" s="1"/>
  <c r="A10057" i="1" s="1"/>
  <c r="A10058" i="1" s="1"/>
  <c r="A10059" i="1" s="1"/>
  <c r="A10060" i="1" s="1"/>
  <c r="A10061" i="1" s="1"/>
  <c r="A10062" i="1" s="1"/>
  <c r="A10063" i="1" s="1"/>
  <c r="A10064" i="1" s="1"/>
  <c r="A10065" i="1" s="1"/>
  <c r="A10066" i="1" s="1"/>
  <c r="A10067" i="1" s="1"/>
  <c r="A10068" i="1" s="1"/>
  <c r="A10069" i="1" s="1"/>
  <c r="A10070" i="1" s="1"/>
  <c r="A10071" i="1" s="1"/>
  <c r="A10072" i="1" s="1"/>
  <c r="A10073" i="1" s="1"/>
  <c r="A10074" i="1" s="1"/>
  <c r="A10075" i="1" s="1"/>
  <c r="A10076" i="1" s="1"/>
  <c r="A10077" i="1" s="1"/>
  <c r="A10078" i="1" s="1"/>
  <c r="A10079" i="1" s="1"/>
  <c r="A10080" i="1" s="1"/>
  <c r="A10081" i="1" s="1"/>
  <c r="A10082" i="1" s="1"/>
  <c r="A10083" i="1" s="1"/>
  <c r="A10084" i="1" s="1"/>
  <c r="A10085" i="1" s="1"/>
  <c r="A10086" i="1" s="1"/>
  <c r="A10087" i="1" s="1"/>
  <c r="A10088" i="1" s="1"/>
  <c r="A10089" i="1" s="1"/>
  <c r="A10090" i="1" s="1"/>
  <c r="A10091" i="1" s="1"/>
  <c r="A10092" i="1" s="1"/>
  <c r="A10093" i="1" s="1"/>
  <c r="A10094" i="1" s="1"/>
  <c r="A10095" i="1" s="1"/>
  <c r="A10096" i="1" s="1"/>
  <c r="A10097" i="1" s="1"/>
  <c r="A10098" i="1" s="1"/>
  <c r="A10099" i="1" s="1"/>
  <c r="A10100" i="1" s="1"/>
  <c r="A10101" i="1" s="1"/>
  <c r="A10102" i="1" s="1"/>
  <c r="A10103" i="1" s="1"/>
  <c r="A10104" i="1" s="1"/>
  <c r="A10105" i="1" s="1"/>
  <c r="A10106" i="1" s="1"/>
  <c r="A10107" i="1" s="1"/>
  <c r="A10108" i="1" s="1"/>
  <c r="A10109" i="1" s="1"/>
  <c r="A10110" i="1" s="1"/>
  <c r="A10111" i="1" s="1"/>
  <c r="A10112" i="1" s="1"/>
  <c r="A10113" i="1" s="1"/>
  <c r="A10114" i="1" s="1"/>
  <c r="A10115" i="1" s="1"/>
  <c r="A10116" i="1" s="1"/>
  <c r="A10117" i="1" s="1"/>
  <c r="A10118" i="1" s="1"/>
  <c r="A10119" i="1" s="1"/>
  <c r="A10120" i="1" s="1"/>
  <c r="A10121" i="1" s="1"/>
  <c r="A10122" i="1" s="1"/>
  <c r="A10123" i="1" s="1"/>
  <c r="A10124" i="1" s="1"/>
  <c r="A10125" i="1" s="1"/>
  <c r="A10126" i="1" s="1"/>
  <c r="A10127" i="1" s="1"/>
  <c r="A10128" i="1" s="1"/>
  <c r="A10129" i="1" s="1"/>
  <c r="A10130" i="1" s="1"/>
  <c r="A10131" i="1" s="1"/>
  <c r="A10132" i="1" s="1"/>
  <c r="A10133" i="1" s="1"/>
  <c r="A10134" i="1" s="1"/>
  <c r="A10135" i="1" s="1"/>
  <c r="A10136" i="1" s="1"/>
  <c r="A10137" i="1" s="1"/>
  <c r="A10138" i="1" s="1"/>
  <c r="A10139" i="1" s="1"/>
  <c r="A10140" i="1" s="1"/>
  <c r="A10141" i="1" s="1"/>
  <c r="A10142" i="1" s="1"/>
  <c r="A10143" i="1" s="1"/>
  <c r="A10144" i="1" s="1"/>
  <c r="A10145" i="1" s="1"/>
  <c r="A10146" i="1" s="1"/>
  <c r="A10147" i="1" s="1"/>
  <c r="A10148" i="1" s="1"/>
  <c r="A10149" i="1" s="1"/>
  <c r="A10150" i="1" s="1"/>
  <c r="A10151" i="1" s="1"/>
  <c r="A10152" i="1" s="1"/>
  <c r="A10153" i="1" s="1"/>
  <c r="A10154" i="1" s="1"/>
  <c r="A10155" i="1" s="1"/>
  <c r="A10156" i="1" s="1"/>
  <c r="A10157" i="1" s="1"/>
  <c r="A10158" i="1" s="1"/>
  <c r="A10159" i="1" s="1"/>
  <c r="A10160" i="1" s="1"/>
  <c r="A10161" i="1" s="1"/>
  <c r="A10162" i="1" s="1"/>
  <c r="A10163" i="1" s="1"/>
  <c r="A10164" i="1" s="1"/>
  <c r="A10165" i="1" s="1"/>
  <c r="A10166" i="1" s="1"/>
  <c r="A10167" i="1" s="1"/>
  <c r="A10168" i="1" s="1"/>
  <c r="A10169" i="1" s="1"/>
  <c r="A10170" i="1" s="1"/>
  <c r="A10171" i="1" s="1"/>
  <c r="A10172" i="1" s="1"/>
  <c r="A10173" i="1" s="1"/>
  <c r="A10174" i="1" s="1"/>
  <c r="A10175" i="1" s="1"/>
  <c r="A10176" i="1" s="1"/>
  <c r="A10177" i="1" s="1"/>
  <c r="A10178" i="1" s="1"/>
  <c r="A10179" i="1" s="1"/>
  <c r="A10180" i="1" s="1"/>
  <c r="A10181" i="1" s="1"/>
  <c r="A10182" i="1" s="1"/>
  <c r="A10183" i="1" s="1"/>
  <c r="A10184" i="1" s="1"/>
  <c r="A10185" i="1" s="1"/>
  <c r="A10186" i="1" s="1"/>
  <c r="A10187" i="1" s="1"/>
  <c r="A10188" i="1" s="1"/>
  <c r="A10189" i="1" s="1"/>
  <c r="A10190" i="1" s="1"/>
  <c r="A10191" i="1" s="1"/>
  <c r="A10192" i="1" s="1"/>
  <c r="A10193" i="1" s="1"/>
  <c r="A10194" i="1" s="1"/>
  <c r="A10195" i="1" s="1"/>
  <c r="A10196" i="1" s="1"/>
  <c r="A10197" i="1" s="1"/>
  <c r="A10198" i="1" s="1"/>
  <c r="A10199" i="1" s="1"/>
  <c r="A10200" i="1" s="1"/>
  <c r="A10201" i="1" s="1"/>
  <c r="A10202" i="1" s="1"/>
  <c r="A10203" i="1" s="1"/>
  <c r="A10204" i="1" s="1"/>
  <c r="A10205" i="1" s="1"/>
  <c r="A10206" i="1" s="1"/>
  <c r="A10207" i="1" s="1"/>
  <c r="A10208" i="1" s="1"/>
  <c r="A10209" i="1" s="1"/>
  <c r="A10210" i="1" s="1"/>
  <c r="A10211" i="1" s="1"/>
  <c r="A10212" i="1" s="1"/>
  <c r="A10213" i="1" s="1"/>
  <c r="A10214" i="1" s="1"/>
  <c r="A10215" i="1" s="1"/>
  <c r="A10216" i="1" s="1"/>
  <c r="A10217" i="1" s="1"/>
  <c r="A10218" i="1" s="1"/>
  <c r="A10219" i="1" s="1"/>
  <c r="A10220" i="1" s="1"/>
  <c r="A10221" i="1" s="1"/>
  <c r="A10222" i="1" s="1"/>
  <c r="A10223" i="1" s="1"/>
  <c r="A10224" i="1" s="1"/>
  <c r="A10225" i="1" s="1"/>
  <c r="A10226" i="1" s="1"/>
  <c r="A10227" i="1" s="1"/>
  <c r="A10228" i="1" s="1"/>
  <c r="A10229" i="1" s="1"/>
  <c r="A10230" i="1" s="1"/>
  <c r="A10231" i="1" s="1"/>
  <c r="A10232" i="1" s="1"/>
  <c r="A10233" i="1" s="1"/>
  <c r="A10234" i="1" s="1"/>
  <c r="A10235" i="1" s="1"/>
  <c r="A10236" i="1" s="1"/>
  <c r="A10237" i="1" s="1"/>
  <c r="A10238" i="1" s="1"/>
  <c r="A10239" i="1" s="1"/>
  <c r="A10240" i="1" s="1"/>
  <c r="A10241" i="1" s="1"/>
  <c r="A10242" i="1" s="1"/>
  <c r="A10243" i="1" s="1"/>
  <c r="A10244" i="1" s="1"/>
  <c r="A10245" i="1" s="1"/>
  <c r="A10246" i="1" s="1"/>
  <c r="A10247" i="1" s="1"/>
  <c r="A10248" i="1" s="1"/>
  <c r="A10249" i="1" s="1"/>
  <c r="A10250" i="1" s="1"/>
  <c r="A10251" i="1" s="1"/>
  <c r="A10252" i="1" s="1"/>
  <c r="A10253" i="1" s="1"/>
  <c r="A10254" i="1" s="1"/>
  <c r="A10255" i="1" s="1"/>
  <c r="A10256" i="1" s="1"/>
  <c r="A10257" i="1" s="1"/>
  <c r="A10258" i="1" s="1"/>
  <c r="A10259" i="1" s="1"/>
  <c r="A10260" i="1" s="1"/>
  <c r="A10261" i="1" s="1"/>
  <c r="A10262" i="1" s="1"/>
  <c r="A10263" i="1" s="1"/>
  <c r="A10264" i="1" s="1"/>
  <c r="A10265" i="1" s="1"/>
  <c r="A10266" i="1" s="1"/>
  <c r="A10267" i="1" s="1"/>
  <c r="A10268" i="1" s="1"/>
  <c r="A10269" i="1" s="1"/>
  <c r="A10270" i="1" s="1"/>
  <c r="A10271" i="1" s="1"/>
  <c r="A10272" i="1" s="1"/>
  <c r="A10273" i="1" s="1"/>
  <c r="A10274" i="1" s="1"/>
  <c r="A10275" i="1" s="1"/>
  <c r="A10276" i="1" s="1"/>
  <c r="A10277" i="1" s="1"/>
  <c r="A10278" i="1" s="1"/>
  <c r="A10279" i="1" s="1"/>
  <c r="A10280" i="1" s="1"/>
  <c r="A10281" i="1" s="1"/>
  <c r="A10282" i="1" s="1"/>
  <c r="A10283" i="1" s="1"/>
  <c r="A10284" i="1" s="1"/>
  <c r="A10285" i="1" s="1"/>
  <c r="A10286" i="1" s="1"/>
  <c r="A10287" i="1" s="1"/>
  <c r="A10288" i="1" s="1"/>
  <c r="A10289" i="1" s="1"/>
  <c r="A10290" i="1" s="1"/>
  <c r="A10291" i="1" s="1"/>
  <c r="A10292" i="1" s="1"/>
  <c r="A10293" i="1" s="1"/>
  <c r="A10294" i="1" s="1"/>
  <c r="A10295" i="1" s="1"/>
  <c r="A10296" i="1" s="1"/>
  <c r="A10297" i="1" s="1"/>
  <c r="A10298" i="1" s="1"/>
  <c r="A10299" i="1" s="1"/>
  <c r="A10300" i="1" s="1"/>
  <c r="A10301" i="1" s="1"/>
  <c r="A10302" i="1" s="1"/>
  <c r="A10303" i="1" s="1"/>
  <c r="A10304" i="1" s="1"/>
  <c r="A10305" i="1" s="1"/>
  <c r="A10306" i="1" s="1"/>
  <c r="A10307" i="1" s="1"/>
  <c r="A10308" i="1" s="1"/>
  <c r="A10309" i="1" s="1"/>
  <c r="A10310" i="1" s="1"/>
  <c r="A10311" i="1" s="1"/>
  <c r="A10312" i="1" s="1"/>
  <c r="A10313" i="1" s="1"/>
  <c r="A10314" i="1" s="1"/>
  <c r="A10315" i="1" s="1"/>
  <c r="A10316" i="1" s="1"/>
  <c r="A10317" i="1" s="1"/>
  <c r="A10318" i="1" s="1"/>
  <c r="A10319" i="1" s="1"/>
  <c r="A10320" i="1" s="1"/>
  <c r="A10321" i="1" s="1"/>
  <c r="A10322" i="1" s="1"/>
  <c r="A10323" i="1" s="1"/>
  <c r="A10324" i="1" s="1"/>
  <c r="A10325" i="1" s="1"/>
  <c r="A10326" i="1" s="1"/>
  <c r="A10327" i="1" s="1"/>
  <c r="A10328" i="1" s="1"/>
  <c r="A10329" i="1" s="1"/>
  <c r="A10330" i="1" s="1"/>
  <c r="A10331" i="1" s="1"/>
  <c r="A10332" i="1" s="1"/>
  <c r="A10333" i="1" s="1"/>
  <c r="A10334" i="1" s="1"/>
  <c r="A10335" i="1" s="1"/>
  <c r="A10336" i="1" s="1"/>
  <c r="A10337" i="1" s="1"/>
  <c r="A10338" i="1" s="1"/>
  <c r="A10339" i="1" s="1"/>
  <c r="A10340" i="1" s="1"/>
  <c r="A10341" i="1" s="1"/>
  <c r="A10342" i="1" s="1"/>
  <c r="A10343" i="1" s="1"/>
  <c r="A10344" i="1" s="1"/>
  <c r="A10345" i="1" s="1"/>
  <c r="A10346" i="1" s="1"/>
  <c r="A10347" i="1" s="1"/>
  <c r="A10348" i="1" s="1"/>
  <c r="A10349" i="1" s="1"/>
  <c r="A10350" i="1" s="1"/>
  <c r="A10351" i="1" s="1"/>
  <c r="A10352" i="1" s="1"/>
  <c r="A10353" i="1" s="1"/>
  <c r="A10354" i="1" s="1"/>
  <c r="A10355" i="1" s="1"/>
  <c r="A10356" i="1" s="1"/>
  <c r="A10357" i="1" s="1"/>
  <c r="A10358" i="1" s="1"/>
  <c r="A10359" i="1" s="1"/>
  <c r="A10360" i="1" s="1"/>
  <c r="A10361" i="1" s="1"/>
  <c r="A10362" i="1" s="1"/>
  <c r="A10363" i="1" s="1"/>
  <c r="A10364" i="1" s="1"/>
  <c r="A10365" i="1" s="1"/>
  <c r="A10366" i="1" s="1"/>
  <c r="A10367" i="1" s="1"/>
  <c r="A10368" i="1" s="1"/>
  <c r="A10369" i="1" s="1"/>
  <c r="A10370" i="1" s="1"/>
  <c r="A10371" i="1" s="1"/>
  <c r="A10372" i="1" s="1"/>
  <c r="A10373" i="1" s="1"/>
  <c r="A10374" i="1" s="1"/>
  <c r="A10375" i="1" s="1"/>
  <c r="A10376" i="1" s="1"/>
  <c r="A10377" i="1" s="1"/>
  <c r="A10378" i="1" s="1"/>
  <c r="A10379" i="1" s="1"/>
  <c r="A10380" i="1" s="1"/>
  <c r="A10381" i="1" s="1"/>
  <c r="A10382" i="1" s="1"/>
  <c r="A10383" i="1" s="1"/>
  <c r="A10384" i="1" s="1"/>
  <c r="A10385" i="1" s="1"/>
  <c r="A10386" i="1" s="1"/>
  <c r="A10387" i="1" s="1"/>
  <c r="A10388" i="1" s="1"/>
  <c r="A10389" i="1" s="1"/>
  <c r="A10390" i="1" s="1"/>
  <c r="A10391" i="1" s="1"/>
  <c r="A10392" i="1" s="1"/>
  <c r="A10393" i="1" s="1"/>
  <c r="A10394" i="1" s="1"/>
  <c r="A10395" i="1" s="1"/>
  <c r="A10396" i="1" s="1"/>
  <c r="A10397" i="1" s="1"/>
  <c r="A10398" i="1" s="1"/>
  <c r="A10399" i="1" s="1"/>
  <c r="A10400" i="1" s="1"/>
  <c r="A10401" i="1" s="1"/>
  <c r="A10402" i="1" s="1"/>
  <c r="A10403" i="1" s="1"/>
  <c r="A10404" i="1" s="1"/>
  <c r="A10405" i="1" s="1"/>
  <c r="A10406" i="1" s="1"/>
  <c r="A10407" i="1" s="1"/>
  <c r="A10408" i="1" s="1"/>
  <c r="A10409" i="1" s="1"/>
  <c r="A10410" i="1" s="1"/>
  <c r="A10411" i="1" s="1"/>
  <c r="A10412" i="1" s="1"/>
  <c r="A10413" i="1" s="1"/>
  <c r="A10414" i="1" s="1"/>
  <c r="A10415" i="1" s="1"/>
  <c r="A10416" i="1" s="1"/>
  <c r="A10417" i="1" s="1"/>
  <c r="A10418" i="1" s="1"/>
  <c r="A10419" i="1" s="1"/>
  <c r="A10420" i="1" s="1"/>
  <c r="A10421" i="1" s="1"/>
  <c r="A10422" i="1" s="1"/>
  <c r="A10423" i="1" s="1"/>
  <c r="A10424" i="1" s="1"/>
  <c r="A10425" i="1" s="1"/>
  <c r="A10426" i="1" s="1"/>
  <c r="A10427" i="1" s="1"/>
  <c r="A10428" i="1" s="1"/>
  <c r="A10429" i="1" s="1"/>
  <c r="A10430" i="1" s="1"/>
  <c r="A10431" i="1" s="1"/>
  <c r="A10432" i="1" s="1"/>
  <c r="A10433" i="1" s="1"/>
  <c r="A10434" i="1" s="1"/>
  <c r="A10435" i="1" s="1"/>
  <c r="A10436" i="1" s="1"/>
  <c r="A10437" i="1" s="1"/>
  <c r="A10438" i="1" s="1"/>
  <c r="A10439" i="1" s="1"/>
  <c r="A10440" i="1" s="1"/>
  <c r="A10441" i="1" s="1"/>
  <c r="A10442" i="1" s="1"/>
  <c r="A10443" i="1" s="1"/>
  <c r="A10444" i="1" s="1"/>
  <c r="A10445" i="1" s="1"/>
  <c r="A10446" i="1" s="1"/>
  <c r="A10447" i="1" s="1"/>
  <c r="A10448" i="1" s="1"/>
  <c r="A10449" i="1" s="1"/>
  <c r="A10450" i="1" s="1"/>
  <c r="A10451" i="1" s="1"/>
  <c r="A10452" i="1" s="1"/>
  <c r="A10453" i="1" s="1"/>
  <c r="A10454" i="1" s="1"/>
  <c r="A10455" i="1" s="1"/>
  <c r="A10456" i="1" s="1"/>
  <c r="A10457" i="1" s="1"/>
  <c r="A10458" i="1" s="1"/>
  <c r="A10459" i="1" s="1"/>
  <c r="A10460" i="1" s="1"/>
  <c r="A10461" i="1" s="1"/>
  <c r="A10462" i="1" s="1"/>
  <c r="A10463" i="1" s="1"/>
  <c r="A10464" i="1" s="1"/>
  <c r="A10465" i="1" s="1"/>
  <c r="A10466" i="1" s="1"/>
  <c r="A10467" i="1" s="1"/>
  <c r="A10468" i="1" s="1"/>
  <c r="A10469" i="1" s="1"/>
  <c r="A10470" i="1" s="1"/>
  <c r="A10471" i="1" s="1"/>
  <c r="A10472" i="1" s="1"/>
  <c r="A10473" i="1" s="1"/>
  <c r="A10474" i="1" s="1"/>
  <c r="A10475" i="1" s="1"/>
  <c r="A10476" i="1" s="1"/>
  <c r="A10477" i="1" s="1"/>
  <c r="A10478" i="1" s="1"/>
  <c r="A10479" i="1" s="1"/>
  <c r="A10480" i="1" s="1"/>
  <c r="A10481" i="1" s="1"/>
  <c r="A10482" i="1" s="1"/>
  <c r="A10483" i="1" s="1"/>
  <c r="A10484" i="1" s="1"/>
  <c r="A10485" i="1" s="1"/>
  <c r="A10486" i="1" s="1"/>
  <c r="A10487" i="1" s="1"/>
  <c r="A10488" i="1" s="1"/>
  <c r="A10489" i="1" s="1"/>
  <c r="A10490" i="1" s="1"/>
  <c r="A10491" i="1" s="1"/>
  <c r="A10492" i="1" s="1"/>
  <c r="A10493" i="1" s="1"/>
  <c r="A10494" i="1" s="1"/>
  <c r="A10495" i="1" s="1"/>
  <c r="A10496" i="1" s="1"/>
  <c r="A10497" i="1" s="1"/>
  <c r="A10498" i="1" s="1"/>
  <c r="A10499" i="1" s="1"/>
  <c r="A10500" i="1" s="1"/>
  <c r="A10501" i="1" s="1"/>
  <c r="A10502" i="1" s="1"/>
  <c r="A10503" i="1" s="1"/>
  <c r="A10504" i="1" s="1"/>
  <c r="A10505" i="1" s="1"/>
  <c r="A10506" i="1" s="1"/>
  <c r="A10507" i="1" s="1"/>
  <c r="A10508" i="1" s="1"/>
  <c r="A10509" i="1" s="1"/>
  <c r="A10510" i="1" s="1"/>
  <c r="A10511" i="1" s="1"/>
  <c r="A10512" i="1" s="1"/>
  <c r="A10513" i="1" s="1"/>
  <c r="A10514" i="1" s="1"/>
  <c r="A10515" i="1" s="1"/>
  <c r="A10516" i="1" s="1"/>
  <c r="A10517" i="1" s="1"/>
  <c r="A10518" i="1" s="1"/>
  <c r="A10519" i="1" s="1"/>
  <c r="A10520" i="1" s="1"/>
  <c r="A10521" i="1" s="1"/>
  <c r="A10522" i="1" s="1"/>
  <c r="A10523" i="1" s="1"/>
  <c r="A10524" i="1" s="1"/>
  <c r="A10525" i="1" s="1"/>
  <c r="A10526" i="1" s="1"/>
  <c r="A10527" i="1" s="1"/>
  <c r="A10528" i="1" s="1"/>
  <c r="A10529" i="1" s="1"/>
  <c r="A10530" i="1" s="1"/>
  <c r="A10531" i="1" s="1"/>
  <c r="A10532" i="1" s="1"/>
  <c r="A10533" i="1" s="1"/>
  <c r="A10534" i="1" s="1"/>
  <c r="A10535" i="1" s="1"/>
  <c r="A10536" i="1" s="1"/>
  <c r="A10537" i="1" s="1"/>
  <c r="A10538" i="1" s="1"/>
  <c r="A10539" i="1" s="1"/>
  <c r="A10540" i="1" s="1"/>
  <c r="A10541" i="1" s="1"/>
  <c r="A10542" i="1" s="1"/>
  <c r="A10543" i="1" s="1"/>
  <c r="A10544" i="1" s="1"/>
  <c r="A10545" i="1" s="1"/>
  <c r="A10546" i="1" s="1"/>
  <c r="A10547" i="1" s="1"/>
  <c r="A10548" i="1" s="1"/>
  <c r="A10549" i="1" s="1"/>
  <c r="A10550" i="1" s="1"/>
  <c r="A10551" i="1" s="1"/>
  <c r="A10552" i="1" s="1"/>
  <c r="A10553" i="1" s="1"/>
  <c r="A10554" i="1" s="1"/>
  <c r="A10555" i="1" s="1"/>
  <c r="A10556" i="1" s="1"/>
  <c r="A10557" i="1" s="1"/>
  <c r="A10558" i="1" s="1"/>
  <c r="A10559" i="1" s="1"/>
  <c r="A10560" i="1" s="1"/>
  <c r="A10561" i="1" s="1"/>
  <c r="A10562" i="1" s="1"/>
  <c r="A10563" i="1" s="1"/>
  <c r="A10564" i="1" s="1"/>
  <c r="A10565" i="1" s="1"/>
  <c r="A10566" i="1" s="1"/>
  <c r="A10567" i="1" s="1"/>
  <c r="A10568" i="1" s="1"/>
  <c r="A10569" i="1" s="1"/>
  <c r="A10570" i="1" s="1"/>
  <c r="A10571" i="1" s="1"/>
  <c r="A10572" i="1" s="1"/>
  <c r="A10573" i="1" s="1"/>
  <c r="A10574" i="1" s="1"/>
  <c r="A10575" i="1" s="1"/>
  <c r="A10576" i="1" s="1"/>
  <c r="A10577" i="1" s="1"/>
  <c r="A10578" i="1" s="1"/>
  <c r="A10579" i="1" s="1"/>
  <c r="A10580" i="1" s="1"/>
  <c r="A10581" i="1" s="1"/>
  <c r="A10582" i="1" s="1"/>
  <c r="A10583" i="1" s="1"/>
  <c r="A10584" i="1" s="1"/>
  <c r="A10585" i="1" s="1"/>
  <c r="A10586" i="1" s="1"/>
  <c r="A10587" i="1" s="1"/>
  <c r="A10588" i="1" s="1"/>
  <c r="A10589" i="1" s="1"/>
  <c r="A10590" i="1" s="1"/>
  <c r="A10591" i="1" s="1"/>
  <c r="A10592" i="1" s="1"/>
  <c r="A10593" i="1" s="1"/>
  <c r="A10594" i="1" s="1"/>
  <c r="A10595" i="1" s="1"/>
  <c r="A10596" i="1" s="1"/>
  <c r="A10597" i="1" s="1"/>
  <c r="A10598" i="1" s="1"/>
  <c r="A10599" i="1" s="1"/>
  <c r="A10600" i="1" s="1"/>
  <c r="A10601" i="1" s="1"/>
  <c r="A10602" i="1" s="1"/>
  <c r="A10603" i="1" s="1"/>
  <c r="A10604" i="1" s="1"/>
  <c r="A10605" i="1" s="1"/>
  <c r="A10606" i="1" s="1"/>
  <c r="A10607" i="1" s="1"/>
  <c r="A10608" i="1" s="1"/>
  <c r="A10609" i="1" s="1"/>
  <c r="A10610" i="1" s="1"/>
  <c r="A10611" i="1" s="1"/>
  <c r="A10612" i="1" s="1"/>
  <c r="A10613" i="1" s="1"/>
  <c r="A10614" i="1" s="1"/>
  <c r="A10615" i="1" s="1"/>
  <c r="A10616" i="1" s="1"/>
  <c r="A10617" i="1" s="1"/>
  <c r="A10618" i="1" s="1"/>
  <c r="A10619" i="1" s="1"/>
  <c r="A10620" i="1" s="1"/>
  <c r="A10621" i="1" s="1"/>
  <c r="A10622" i="1" s="1"/>
  <c r="A10623" i="1" s="1"/>
  <c r="A10624" i="1" s="1"/>
  <c r="A10625" i="1" s="1"/>
  <c r="A10626" i="1" s="1"/>
  <c r="A10627" i="1" s="1"/>
  <c r="A10628" i="1" s="1"/>
  <c r="A10629" i="1" s="1"/>
  <c r="A10630" i="1" s="1"/>
  <c r="A10631" i="1" s="1"/>
  <c r="A10632" i="1" s="1"/>
  <c r="A10633" i="1" s="1"/>
  <c r="A10634" i="1" s="1"/>
  <c r="A10635" i="1" s="1"/>
  <c r="A10636" i="1" s="1"/>
  <c r="A10637" i="1" s="1"/>
  <c r="A10638" i="1" s="1"/>
  <c r="A10639" i="1" s="1"/>
  <c r="A10640" i="1" s="1"/>
  <c r="A10641" i="1" s="1"/>
  <c r="A10642" i="1" s="1"/>
  <c r="A10643" i="1" s="1"/>
  <c r="A10644" i="1" s="1"/>
  <c r="A10645" i="1" s="1"/>
  <c r="A10646" i="1" s="1"/>
  <c r="A10647" i="1" s="1"/>
  <c r="A10648" i="1" s="1"/>
  <c r="A10649" i="1" s="1"/>
  <c r="A10650" i="1" s="1"/>
  <c r="A10651" i="1" s="1"/>
  <c r="A10652" i="1" s="1"/>
  <c r="A10653" i="1" s="1"/>
  <c r="A10654" i="1" s="1"/>
  <c r="A10655" i="1" s="1"/>
  <c r="A10656" i="1" s="1"/>
  <c r="A10657" i="1" s="1"/>
  <c r="A10658" i="1" s="1"/>
  <c r="A10659" i="1" s="1"/>
  <c r="A10660" i="1" s="1"/>
  <c r="A10661" i="1" s="1"/>
  <c r="A10662" i="1" s="1"/>
  <c r="A10663" i="1" s="1"/>
  <c r="A10664" i="1" s="1"/>
  <c r="A10665" i="1" s="1"/>
  <c r="A10666" i="1" s="1"/>
  <c r="A10667" i="1" s="1"/>
  <c r="A10668" i="1" s="1"/>
  <c r="A10669" i="1" s="1"/>
  <c r="A10670" i="1" s="1"/>
  <c r="A10671" i="1" s="1"/>
  <c r="A10672" i="1" s="1"/>
  <c r="A10673" i="1" s="1"/>
  <c r="A10674" i="1" s="1"/>
  <c r="A10675" i="1" s="1"/>
  <c r="A10676" i="1" s="1"/>
  <c r="A10677" i="1" s="1"/>
  <c r="A10678" i="1" s="1"/>
  <c r="A10679" i="1" s="1"/>
  <c r="A10680" i="1" s="1"/>
  <c r="A10681" i="1" s="1"/>
  <c r="A10682" i="1" s="1"/>
  <c r="A10683" i="1" s="1"/>
  <c r="A10684" i="1" s="1"/>
  <c r="A10685" i="1" s="1"/>
  <c r="A10686" i="1" s="1"/>
  <c r="A10687" i="1" s="1"/>
  <c r="A10688" i="1" s="1"/>
  <c r="A10689" i="1" s="1"/>
  <c r="A10690" i="1" s="1"/>
  <c r="A10691" i="1" s="1"/>
  <c r="A10692" i="1" s="1"/>
  <c r="A10693" i="1" s="1"/>
  <c r="A10694" i="1" s="1"/>
  <c r="A10695" i="1" s="1"/>
  <c r="A10696" i="1" s="1"/>
  <c r="A10697" i="1" s="1"/>
  <c r="A10698" i="1" s="1"/>
  <c r="A10699" i="1" s="1"/>
  <c r="A10700" i="1" s="1"/>
  <c r="A10701" i="1" s="1"/>
  <c r="A10702" i="1" s="1"/>
  <c r="A10703" i="1" s="1"/>
  <c r="A10704" i="1" s="1"/>
  <c r="A10705" i="1" s="1"/>
  <c r="A10706" i="1" s="1"/>
  <c r="A10707" i="1" s="1"/>
  <c r="A10708" i="1" s="1"/>
  <c r="A10709" i="1" s="1"/>
  <c r="A10710" i="1" s="1"/>
  <c r="A10711" i="1" s="1"/>
  <c r="A10712" i="1" s="1"/>
  <c r="A10713" i="1" s="1"/>
  <c r="A10714" i="1" s="1"/>
  <c r="A10715" i="1" s="1"/>
  <c r="A10716" i="1" s="1"/>
  <c r="A10717" i="1" s="1"/>
  <c r="A10718" i="1" s="1"/>
  <c r="A10719" i="1" s="1"/>
  <c r="A10720" i="1" s="1"/>
  <c r="A10721" i="1" s="1"/>
  <c r="A10722" i="1" s="1"/>
  <c r="A10723" i="1" s="1"/>
  <c r="A10724" i="1" s="1"/>
  <c r="A10725" i="1" s="1"/>
  <c r="A10726" i="1" s="1"/>
  <c r="A10727" i="1" s="1"/>
  <c r="A10728" i="1" s="1"/>
  <c r="A10729" i="1" s="1"/>
  <c r="A10730" i="1" s="1"/>
  <c r="A10731" i="1" s="1"/>
  <c r="A10732" i="1" s="1"/>
  <c r="A10733" i="1" s="1"/>
  <c r="A10734" i="1" s="1"/>
  <c r="A10735" i="1" s="1"/>
  <c r="A10736" i="1" s="1"/>
  <c r="A10737" i="1" s="1"/>
  <c r="A10738" i="1" s="1"/>
  <c r="A10739" i="1" s="1"/>
  <c r="A10740" i="1" s="1"/>
  <c r="A10741" i="1" s="1"/>
  <c r="A10742" i="1" s="1"/>
  <c r="A10743" i="1" s="1"/>
  <c r="A10744" i="1" s="1"/>
  <c r="A10745" i="1" s="1"/>
  <c r="A10746" i="1" s="1"/>
  <c r="A10747" i="1" s="1"/>
  <c r="A10748" i="1" s="1"/>
  <c r="A10749" i="1" s="1"/>
  <c r="A10750" i="1" s="1"/>
  <c r="A10751" i="1" s="1"/>
  <c r="A10752" i="1" s="1"/>
  <c r="A10753" i="1" s="1"/>
  <c r="A10754" i="1" s="1"/>
  <c r="A10755" i="1" s="1"/>
  <c r="A10756" i="1" s="1"/>
  <c r="A10757" i="1" s="1"/>
  <c r="A10758" i="1" s="1"/>
  <c r="A10759" i="1" s="1"/>
  <c r="A10760" i="1" s="1"/>
  <c r="A10761" i="1" s="1"/>
  <c r="A10762" i="1" s="1"/>
  <c r="A10763" i="1" s="1"/>
  <c r="A10764" i="1" s="1"/>
  <c r="A10765" i="1" s="1"/>
  <c r="A10766" i="1" s="1"/>
  <c r="A10767" i="1" s="1"/>
  <c r="A10768" i="1" s="1"/>
  <c r="A10769" i="1" s="1"/>
  <c r="A10770" i="1" s="1"/>
  <c r="A10771" i="1" s="1"/>
  <c r="A10772" i="1" s="1"/>
  <c r="A10773" i="1" s="1"/>
  <c r="A10774" i="1" s="1"/>
  <c r="A10775" i="1" s="1"/>
  <c r="A10776" i="1" s="1"/>
  <c r="A10777" i="1" s="1"/>
  <c r="A10778" i="1" s="1"/>
  <c r="A10779" i="1" s="1"/>
  <c r="A10780" i="1" s="1"/>
  <c r="A10781" i="1" s="1"/>
  <c r="A10782" i="1" s="1"/>
  <c r="A10783" i="1" s="1"/>
  <c r="A10784" i="1" s="1"/>
  <c r="A10785" i="1" s="1"/>
  <c r="A10786" i="1" s="1"/>
  <c r="A10787" i="1" s="1"/>
  <c r="A10788" i="1" s="1"/>
  <c r="A10789" i="1" s="1"/>
  <c r="A10790" i="1" s="1"/>
  <c r="A10791" i="1" s="1"/>
  <c r="A10792" i="1" s="1"/>
  <c r="A10793" i="1" s="1"/>
  <c r="A10794" i="1" s="1"/>
  <c r="A10795" i="1" s="1"/>
  <c r="A10796" i="1" s="1"/>
  <c r="A10797" i="1" s="1"/>
  <c r="A10798" i="1" s="1"/>
  <c r="A10799" i="1" s="1"/>
  <c r="A10800" i="1" s="1"/>
  <c r="A10801" i="1" s="1"/>
  <c r="A10802" i="1" s="1"/>
  <c r="A10803" i="1" s="1"/>
  <c r="A10804" i="1" s="1"/>
  <c r="A10805" i="1" s="1"/>
  <c r="A10806" i="1" s="1"/>
  <c r="A10807" i="1" s="1"/>
  <c r="A10808" i="1" s="1"/>
  <c r="A10809" i="1" s="1"/>
  <c r="A10810" i="1" s="1"/>
  <c r="A10811" i="1" s="1"/>
  <c r="A10812" i="1" s="1"/>
  <c r="A10813" i="1" s="1"/>
  <c r="A10814" i="1" s="1"/>
  <c r="A10815" i="1" s="1"/>
  <c r="A10816" i="1" s="1"/>
  <c r="A10817" i="1" s="1"/>
  <c r="A10818" i="1" s="1"/>
  <c r="A10819" i="1" s="1"/>
  <c r="A10820" i="1" s="1"/>
  <c r="A10821" i="1" s="1"/>
  <c r="A10822" i="1" s="1"/>
  <c r="A10823" i="1" s="1"/>
  <c r="A10824" i="1" s="1"/>
  <c r="A10825" i="1" s="1"/>
  <c r="A10826" i="1" s="1"/>
  <c r="A10827" i="1" s="1"/>
  <c r="A10828" i="1" s="1"/>
  <c r="A10829" i="1" s="1"/>
  <c r="A10830" i="1" s="1"/>
  <c r="A10831" i="1" s="1"/>
  <c r="A10832" i="1" s="1"/>
  <c r="A10833" i="1" s="1"/>
  <c r="A10834" i="1" s="1"/>
  <c r="A10835" i="1" s="1"/>
  <c r="A10836" i="1" s="1"/>
  <c r="A10837" i="1" s="1"/>
  <c r="A10838" i="1" s="1"/>
  <c r="A10839" i="1" s="1"/>
  <c r="A10840" i="1" s="1"/>
  <c r="A10841" i="1" s="1"/>
  <c r="A10842" i="1" s="1"/>
  <c r="A10843" i="1" s="1"/>
  <c r="A10844" i="1" s="1"/>
  <c r="A10845" i="1" s="1"/>
  <c r="A10846" i="1" s="1"/>
  <c r="A10847" i="1" s="1"/>
  <c r="A10848" i="1" s="1"/>
  <c r="A10849" i="1" s="1"/>
  <c r="A10850" i="1" s="1"/>
  <c r="A10851" i="1" s="1"/>
  <c r="A10852" i="1" s="1"/>
  <c r="A10853" i="1" s="1"/>
  <c r="A10854" i="1" s="1"/>
  <c r="A10855" i="1" s="1"/>
  <c r="A10856" i="1" s="1"/>
  <c r="A10857" i="1" s="1"/>
  <c r="A10858" i="1" s="1"/>
  <c r="A10859" i="1" s="1"/>
  <c r="A10860" i="1" s="1"/>
  <c r="A10861" i="1" s="1"/>
  <c r="A10862" i="1" s="1"/>
  <c r="A10863" i="1" s="1"/>
  <c r="A10864" i="1" s="1"/>
  <c r="A10865" i="1" s="1"/>
  <c r="A10866" i="1" s="1"/>
  <c r="A10867" i="1" s="1"/>
  <c r="A10868" i="1" s="1"/>
  <c r="A10869" i="1" s="1"/>
  <c r="A10870" i="1" s="1"/>
  <c r="A10871" i="1" s="1"/>
  <c r="A10872" i="1" s="1"/>
  <c r="A10873" i="1" s="1"/>
  <c r="A10874" i="1" s="1"/>
  <c r="A10875" i="1" s="1"/>
  <c r="A10876" i="1" s="1"/>
  <c r="A10877" i="1" s="1"/>
  <c r="A10878" i="1" s="1"/>
  <c r="A10879" i="1" s="1"/>
  <c r="A10880" i="1" s="1"/>
  <c r="A10881" i="1" s="1"/>
  <c r="A10882" i="1" s="1"/>
  <c r="A10883" i="1" s="1"/>
  <c r="A10884" i="1" s="1"/>
  <c r="A10885" i="1" s="1"/>
  <c r="A10886" i="1" s="1"/>
  <c r="A10887" i="1" s="1"/>
  <c r="A10888" i="1" s="1"/>
  <c r="A10889" i="1" s="1"/>
  <c r="A10890" i="1" s="1"/>
  <c r="A10891" i="1" s="1"/>
  <c r="A10892" i="1" s="1"/>
  <c r="A10893" i="1" s="1"/>
  <c r="A10894" i="1" s="1"/>
  <c r="A10895" i="1" s="1"/>
  <c r="A10896" i="1" s="1"/>
  <c r="A10897" i="1" s="1"/>
  <c r="A10898" i="1" s="1"/>
  <c r="A10899" i="1" s="1"/>
  <c r="A10900" i="1" s="1"/>
  <c r="A10901" i="1" s="1"/>
  <c r="A10902" i="1" s="1"/>
  <c r="A10903" i="1" s="1"/>
  <c r="A10904" i="1" s="1"/>
  <c r="A10905" i="1" s="1"/>
  <c r="A10906" i="1" s="1"/>
  <c r="A10907" i="1" s="1"/>
  <c r="A10908" i="1" s="1"/>
  <c r="A10909" i="1" s="1"/>
  <c r="A10910" i="1" s="1"/>
  <c r="A10911" i="1" s="1"/>
  <c r="A10912" i="1" s="1"/>
  <c r="A10913" i="1" s="1"/>
  <c r="A10914" i="1" s="1"/>
  <c r="A10915" i="1" s="1"/>
  <c r="A10916" i="1" s="1"/>
  <c r="A10917" i="1" s="1"/>
  <c r="A10918" i="1" s="1"/>
  <c r="A10919" i="1" s="1"/>
  <c r="A10920" i="1" s="1"/>
  <c r="A10921" i="1" s="1"/>
  <c r="A10922" i="1" s="1"/>
  <c r="A10923" i="1" s="1"/>
  <c r="A10924" i="1" s="1"/>
  <c r="A10925" i="1" s="1"/>
  <c r="A10926" i="1" s="1"/>
  <c r="A10927" i="1" s="1"/>
  <c r="A10928" i="1" s="1"/>
  <c r="A10929" i="1" s="1"/>
  <c r="A10930" i="1" s="1"/>
  <c r="A10931" i="1" s="1"/>
  <c r="A10932" i="1" s="1"/>
  <c r="A10933" i="1" s="1"/>
  <c r="A10934" i="1" s="1"/>
  <c r="A10935" i="1" s="1"/>
  <c r="A10936" i="1" s="1"/>
  <c r="A10937" i="1" s="1"/>
  <c r="A10938" i="1" s="1"/>
  <c r="A10939" i="1" s="1"/>
  <c r="A10940" i="1" s="1"/>
  <c r="A10941" i="1" s="1"/>
  <c r="A10942" i="1" s="1"/>
  <c r="A10943" i="1" s="1"/>
  <c r="A10944" i="1" s="1"/>
  <c r="A10945" i="1" s="1"/>
  <c r="A10946" i="1" s="1"/>
  <c r="A10947" i="1" s="1"/>
  <c r="A10948" i="1" s="1"/>
  <c r="A10949" i="1" s="1"/>
  <c r="A10950" i="1" s="1"/>
  <c r="A10951" i="1" s="1"/>
  <c r="A10952" i="1" s="1"/>
  <c r="A10953" i="1" s="1"/>
  <c r="A10954" i="1" s="1"/>
  <c r="A10955" i="1" s="1"/>
  <c r="A10956" i="1" s="1"/>
  <c r="A10957" i="1" s="1"/>
  <c r="A10958" i="1" s="1"/>
  <c r="A10959" i="1" s="1"/>
  <c r="A10960" i="1" s="1"/>
  <c r="A10961" i="1" s="1"/>
  <c r="A10962" i="1" s="1"/>
  <c r="A10963" i="1" s="1"/>
  <c r="A10964" i="1" s="1"/>
  <c r="A10965" i="1" s="1"/>
  <c r="A10966" i="1" s="1"/>
  <c r="A10967" i="1" s="1"/>
  <c r="A10968" i="1" s="1"/>
  <c r="A10969" i="1" s="1"/>
  <c r="A10970" i="1" s="1"/>
  <c r="A10971" i="1" s="1"/>
  <c r="A10972" i="1" s="1"/>
  <c r="A10973" i="1" s="1"/>
  <c r="A10974" i="1" s="1"/>
  <c r="A10975" i="1" s="1"/>
  <c r="A10976" i="1" s="1"/>
  <c r="A10977" i="1" s="1"/>
  <c r="A10978" i="1" s="1"/>
  <c r="A10979" i="1" s="1"/>
  <c r="A10980" i="1" s="1"/>
  <c r="A10981" i="1" s="1"/>
  <c r="A10982" i="1" s="1"/>
  <c r="A10983" i="1" s="1"/>
  <c r="A10984" i="1" s="1"/>
  <c r="A10985" i="1" s="1"/>
  <c r="A10986" i="1" s="1"/>
  <c r="A10987" i="1" s="1"/>
  <c r="A10988" i="1" s="1"/>
  <c r="A10989" i="1" s="1"/>
  <c r="A10990" i="1" s="1"/>
  <c r="A10991" i="1" s="1"/>
  <c r="A10992" i="1" s="1"/>
  <c r="A10993" i="1" s="1"/>
  <c r="A10994" i="1" s="1"/>
  <c r="A10995" i="1" s="1"/>
  <c r="A10996" i="1" s="1"/>
  <c r="A10997" i="1" s="1"/>
  <c r="A10998" i="1" s="1"/>
  <c r="A10999" i="1" s="1"/>
  <c r="A11000" i="1" s="1"/>
  <c r="A11001" i="1" s="1"/>
  <c r="A11002" i="1" s="1"/>
  <c r="A11003" i="1" s="1"/>
  <c r="A11004" i="1" s="1"/>
  <c r="A11005" i="1" s="1"/>
  <c r="A11006" i="1" s="1"/>
  <c r="A11007" i="1" s="1"/>
  <c r="A11008" i="1" s="1"/>
  <c r="A11009" i="1" s="1"/>
  <c r="A11010" i="1" s="1"/>
  <c r="A11011" i="1" s="1"/>
  <c r="A11012" i="1" s="1"/>
  <c r="A11013" i="1" s="1"/>
  <c r="A11014" i="1" s="1"/>
  <c r="A11015" i="1" s="1"/>
  <c r="A11016" i="1" s="1"/>
  <c r="A11017" i="1" s="1"/>
  <c r="A11018" i="1" s="1"/>
  <c r="A11019" i="1" s="1"/>
  <c r="A11020" i="1" s="1"/>
  <c r="A11021" i="1" s="1"/>
  <c r="A11022" i="1" s="1"/>
  <c r="A11023" i="1" s="1"/>
  <c r="A11024" i="1" s="1"/>
  <c r="A11025" i="1" s="1"/>
  <c r="A11026" i="1" s="1"/>
  <c r="A11027" i="1" s="1"/>
  <c r="A11028" i="1" s="1"/>
  <c r="A11029" i="1" s="1"/>
  <c r="A11030" i="1" s="1"/>
  <c r="A11031" i="1" s="1"/>
  <c r="A11032" i="1" s="1"/>
  <c r="A11033" i="1" s="1"/>
  <c r="A11034" i="1" s="1"/>
  <c r="A11035" i="1" s="1"/>
  <c r="A11036" i="1" s="1"/>
  <c r="A11037" i="1" s="1"/>
  <c r="A11038" i="1" s="1"/>
  <c r="A11039" i="1" s="1"/>
  <c r="A11040" i="1" s="1"/>
  <c r="A11041" i="1" s="1"/>
  <c r="A11042" i="1" s="1"/>
  <c r="A11043" i="1" s="1"/>
  <c r="A11044" i="1" s="1"/>
  <c r="A11045" i="1" s="1"/>
  <c r="A11046" i="1" s="1"/>
  <c r="A11047" i="1" s="1"/>
  <c r="A11048" i="1" s="1"/>
  <c r="A11049" i="1" s="1"/>
  <c r="A11050" i="1" s="1"/>
  <c r="A11051" i="1" s="1"/>
  <c r="A11052" i="1" s="1"/>
  <c r="A11053" i="1" s="1"/>
  <c r="A11054" i="1" s="1"/>
  <c r="A11055" i="1" s="1"/>
  <c r="A11056" i="1" s="1"/>
  <c r="A11057" i="1" s="1"/>
  <c r="A11058" i="1" s="1"/>
  <c r="A11059" i="1" s="1"/>
  <c r="A11060" i="1" s="1"/>
  <c r="A11061" i="1" s="1"/>
  <c r="A11062" i="1" s="1"/>
  <c r="A11063" i="1" s="1"/>
  <c r="A11064" i="1" s="1"/>
  <c r="A11065" i="1" s="1"/>
  <c r="A11066" i="1" s="1"/>
  <c r="A11067" i="1" s="1"/>
  <c r="A11068" i="1" s="1"/>
  <c r="A11069" i="1" s="1"/>
  <c r="A11070" i="1" s="1"/>
  <c r="A11071" i="1" s="1"/>
  <c r="A11072" i="1" s="1"/>
  <c r="A11073" i="1" s="1"/>
  <c r="A11074" i="1" s="1"/>
  <c r="A11075" i="1" s="1"/>
  <c r="A11076" i="1" s="1"/>
  <c r="A11077" i="1" s="1"/>
  <c r="A11078" i="1" s="1"/>
  <c r="A11079" i="1" s="1"/>
  <c r="A11080" i="1" s="1"/>
  <c r="A11081" i="1" s="1"/>
  <c r="A11082" i="1" s="1"/>
  <c r="A11083" i="1" s="1"/>
  <c r="A11084" i="1" s="1"/>
  <c r="A11085" i="1" s="1"/>
  <c r="A11086" i="1" s="1"/>
  <c r="A11087" i="1" s="1"/>
  <c r="A11088" i="1" s="1"/>
  <c r="A11089" i="1" s="1"/>
  <c r="A11090" i="1" s="1"/>
  <c r="A11091" i="1" s="1"/>
  <c r="A11092" i="1" s="1"/>
  <c r="A11093" i="1" s="1"/>
  <c r="A11094" i="1" s="1"/>
  <c r="A11095" i="1" s="1"/>
  <c r="A11096" i="1" s="1"/>
  <c r="A11097" i="1" s="1"/>
  <c r="A11098" i="1" s="1"/>
  <c r="A11099" i="1" s="1"/>
  <c r="A11100" i="1" s="1"/>
  <c r="A11101" i="1" s="1"/>
  <c r="A11102" i="1" s="1"/>
  <c r="A11103" i="1" s="1"/>
  <c r="A11104" i="1" s="1"/>
  <c r="A11105" i="1" s="1"/>
  <c r="A11106" i="1" s="1"/>
  <c r="A11107" i="1" s="1"/>
  <c r="A11108" i="1" s="1"/>
  <c r="A11109" i="1" s="1"/>
  <c r="A11110" i="1" s="1"/>
  <c r="A11111" i="1" s="1"/>
  <c r="A11112" i="1" s="1"/>
  <c r="A11113" i="1" s="1"/>
  <c r="A11114" i="1" s="1"/>
  <c r="A11115" i="1" s="1"/>
  <c r="A11116" i="1" s="1"/>
  <c r="A11117" i="1" s="1"/>
  <c r="A11118" i="1" s="1"/>
  <c r="A11119" i="1" s="1"/>
  <c r="A11120" i="1" s="1"/>
  <c r="A11121" i="1" s="1"/>
  <c r="A11122" i="1" s="1"/>
  <c r="A11123" i="1" s="1"/>
  <c r="A11124" i="1" s="1"/>
  <c r="A11125" i="1" s="1"/>
  <c r="A11126" i="1" s="1"/>
  <c r="A11127" i="1" s="1"/>
  <c r="A11128" i="1" s="1"/>
  <c r="A11129" i="1" s="1"/>
  <c r="A11130" i="1" s="1"/>
  <c r="A11131" i="1" s="1"/>
  <c r="A11132" i="1" s="1"/>
  <c r="A11133" i="1" s="1"/>
  <c r="A11134" i="1" s="1"/>
  <c r="A11135" i="1" s="1"/>
  <c r="A11136" i="1" s="1"/>
  <c r="A11137" i="1" s="1"/>
  <c r="A11138" i="1" s="1"/>
  <c r="A11139" i="1" s="1"/>
  <c r="A11140" i="1" s="1"/>
  <c r="A11141" i="1" s="1"/>
  <c r="A11142" i="1" s="1"/>
  <c r="A11143" i="1" s="1"/>
  <c r="A11144" i="1" s="1"/>
  <c r="A11145" i="1" s="1"/>
  <c r="A11146" i="1" s="1"/>
  <c r="A11147" i="1" s="1"/>
  <c r="A11148" i="1" s="1"/>
  <c r="A11149" i="1" s="1"/>
  <c r="A11150" i="1" s="1"/>
  <c r="A11151" i="1" s="1"/>
  <c r="A11152" i="1" s="1"/>
  <c r="A11153" i="1" s="1"/>
  <c r="A11154" i="1" s="1"/>
  <c r="A11155" i="1" s="1"/>
  <c r="A11156" i="1" s="1"/>
  <c r="A11157" i="1" s="1"/>
  <c r="A11158" i="1" s="1"/>
  <c r="A11159" i="1" s="1"/>
  <c r="A11160" i="1" s="1"/>
  <c r="A11161" i="1" s="1"/>
  <c r="A11162" i="1" s="1"/>
  <c r="A11163" i="1" s="1"/>
  <c r="A11164" i="1" s="1"/>
  <c r="A11165" i="1" s="1"/>
  <c r="A11166" i="1" s="1"/>
  <c r="A11167" i="1" s="1"/>
  <c r="A11168" i="1" s="1"/>
  <c r="A11169" i="1" s="1"/>
  <c r="A11170" i="1" s="1"/>
  <c r="A11171" i="1" s="1"/>
  <c r="A11172" i="1" s="1"/>
  <c r="A11173" i="1" s="1"/>
  <c r="A11174" i="1" s="1"/>
  <c r="A11175" i="1" s="1"/>
  <c r="A11176" i="1" s="1"/>
  <c r="A11177" i="1" s="1"/>
  <c r="A11178" i="1" s="1"/>
  <c r="A11179" i="1" s="1"/>
  <c r="A11180" i="1" s="1"/>
  <c r="A11181" i="1" s="1"/>
  <c r="A11182" i="1" s="1"/>
  <c r="A11183" i="1" s="1"/>
  <c r="A11184" i="1" s="1"/>
  <c r="A11185" i="1" s="1"/>
  <c r="A11186" i="1" s="1"/>
  <c r="A11187" i="1" s="1"/>
  <c r="A11188" i="1" s="1"/>
  <c r="A11189" i="1" s="1"/>
  <c r="A11190" i="1" s="1"/>
  <c r="A11191" i="1" s="1"/>
  <c r="A11192" i="1" s="1"/>
  <c r="A11193" i="1" s="1"/>
  <c r="A11194" i="1" s="1"/>
  <c r="A11195" i="1" s="1"/>
  <c r="A11196" i="1" s="1"/>
  <c r="A11197" i="1" s="1"/>
  <c r="A11198" i="1" s="1"/>
  <c r="A11199" i="1" s="1"/>
  <c r="A11200" i="1" s="1"/>
  <c r="A11201" i="1" s="1"/>
  <c r="A11202" i="1" s="1"/>
  <c r="A11203" i="1" s="1"/>
  <c r="A11204" i="1" s="1"/>
  <c r="A11205" i="1" s="1"/>
  <c r="A11206" i="1" s="1"/>
  <c r="A11207" i="1" s="1"/>
  <c r="A11208" i="1" s="1"/>
  <c r="A11209" i="1" s="1"/>
  <c r="A11210" i="1" s="1"/>
  <c r="A11211" i="1" s="1"/>
  <c r="A11212" i="1" s="1"/>
  <c r="A11213" i="1" s="1"/>
  <c r="A11214" i="1" s="1"/>
  <c r="A11215" i="1" s="1"/>
  <c r="A11216" i="1" s="1"/>
  <c r="A11217" i="1" s="1"/>
  <c r="A11218" i="1" s="1"/>
  <c r="A11219" i="1" s="1"/>
  <c r="A11220" i="1" s="1"/>
  <c r="A11221" i="1" s="1"/>
  <c r="A11222" i="1" s="1"/>
  <c r="A11223" i="1" s="1"/>
  <c r="A11224" i="1" s="1"/>
  <c r="A11225" i="1" s="1"/>
  <c r="A11226" i="1" s="1"/>
  <c r="A11227" i="1" s="1"/>
  <c r="A11228" i="1" s="1"/>
  <c r="A11229" i="1" s="1"/>
  <c r="A11230" i="1" s="1"/>
  <c r="A11231" i="1" s="1"/>
  <c r="A11232" i="1" s="1"/>
  <c r="A11233" i="1" s="1"/>
  <c r="A11234" i="1" s="1"/>
  <c r="A11235" i="1" s="1"/>
  <c r="A11236" i="1" s="1"/>
  <c r="A11237" i="1" s="1"/>
  <c r="A11238" i="1" s="1"/>
  <c r="A11239" i="1" s="1"/>
  <c r="A11240" i="1" s="1"/>
  <c r="A11241" i="1" s="1"/>
  <c r="A11242" i="1" s="1"/>
  <c r="A11243" i="1" s="1"/>
  <c r="A11244" i="1" s="1"/>
  <c r="A11245" i="1" s="1"/>
  <c r="A11246" i="1" s="1"/>
  <c r="A11247" i="1" s="1"/>
  <c r="A11248" i="1" s="1"/>
  <c r="A11249" i="1" s="1"/>
  <c r="A11250" i="1" s="1"/>
  <c r="A11251" i="1" s="1"/>
  <c r="A11252" i="1" s="1"/>
  <c r="A11253" i="1" s="1"/>
  <c r="A11254" i="1" s="1"/>
  <c r="A11255" i="1" s="1"/>
  <c r="A11256" i="1" s="1"/>
  <c r="A11257" i="1" s="1"/>
  <c r="A11258" i="1" s="1"/>
  <c r="A11259" i="1" s="1"/>
  <c r="A11260" i="1" s="1"/>
  <c r="A11261" i="1" s="1"/>
  <c r="A11262" i="1" s="1"/>
  <c r="A11263" i="1" s="1"/>
  <c r="A11264" i="1" s="1"/>
  <c r="A11265" i="1" s="1"/>
  <c r="A11266" i="1" s="1"/>
  <c r="A11267" i="1" s="1"/>
  <c r="A11268" i="1" s="1"/>
  <c r="A11269" i="1" s="1"/>
  <c r="A11270" i="1" s="1"/>
  <c r="A11271" i="1" s="1"/>
  <c r="A11272" i="1" s="1"/>
  <c r="A11273" i="1" s="1"/>
  <c r="A11274" i="1" s="1"/>
  <c r="A11275" i="1" s="1"/>
  <c r="A11276" i="1" s="1"/>
  <c r="A11277" i="1" s="1"/>
  <c r="A11278" i="1" s="1"/>
  <c r="A11279" i="1" s="1"/>
  <c r="A11280" i="1" s="1"/>
  <c r="A11281" i="1" s="1"/>
  <c r="A11282" i="1" s="1"/>
  <c r="A11283" i="1" s="1"/>
  <c r="A11284" i="1" s="1"/>
  <c r="A11285" i="1" s="1"/>
  <c r="A11286" i="1" s="1"/>
  <c r="A11287" i="1" s="1"/>
  <c r="A11288" i="1" s="1"/>
  <c r="A11289" i="1" s="1"/>
  <c r="A11290" i="1" s="1"/>
  <c r="A11291" i="1" s="1"/>
  <c r="A11292" i="1" s="1"/>
  <c r="A11293" i="1" s="1"/>
  <c r="A11294" i="1" s="1"/>
  <c r="A11295" i="1" s="1"/>
  <c r="A11296" i="1" s="1"/>
  <c r="A11297" i="1" s="1"/>
  <c r="A11298" i="1" s="1"/>
  <c r="A11299" i="1" s="1"/>
  <c r="A11300" i="1" s="1"/>
  <c r="A11301" i="1" s="1"/>
  <c r="A11302" i="1" s="1"/>
  <c r="A11303" i="1" s="1"/>
  <c r="A11304" i="1" s="1"/>
  <c r="A11305" i="1" s="1"/>
  <c r="A11306" i="1" s="1"/>
  <c r="A11307" i="1" s="1"/>
  <c r="A11308" i="1" s="1"/>
  <c r="A11309" i="1" s="1"/>
  <c r="A11310" i="1" s="1"/>
  <c r="A11311" i="1" s="1"/>
  <c r="A11312" i="1" s="1"/>
  <c r="A11313" i="1" s="1"/>
  <c r="A11314" i="1" s="1"/>
  <c r="A11315" i="1" s="1"/>
  <c r="A11316" i="1" s="1"/>
  <c r="A11317" i="1" s="1"/>
  <c r="A11318" i="1" s="1"/>
  <c r="A11319" i="1" s="1"/>
  <c r="A11320" i="1" s="1"/>
  <c r="A11321" i="1" s="1"/>
  <c r="A11322" i="1" s="1"/>
  <c r="A11323" i="1" s="1"/>
  <c r="A11324" i="1" s="1"/>
  <c r="A11325" i="1" s="1"/>
  <c r="A11326" i="1" s="1"/>
  <c r="A11327" i="1" s="1"/>
  <c r="A11328" i="1" s="1"/>
  <c r="A11329" i="1" s="1"/>
  <c r="A11330" i="1" s="1"/>
  <c r="A11331" i="1" s="1"/>
  <c r="A11332" i="1" s="1"/>
  <c r="A11333" i="1" s="1"/>
  <c r="A11334" i="1" s="1"/>
  <c r="A11335" i="1" s="1"/>
  <c r="A11336" i="1" s="1"/>
  <c r="A11337" i="1" s="1"/>
  <c r="A11338" i="1" s="1"/>
  <c r="A11339" i="1" s="1"/>
  <c r="A11340" i="1" s="1"/>
  <c r="A11341" i="1" s="1"/>
  <c r="A11342" i="1" s="1"/>
  <c r="A11343" i="1" s="1"/>
  <c r="A11344" i="1" s="1"/>
  <c r="A11345" i="1" s="1"/>
  <c r="A11346" i="1" s="1"/>
  <c r="A11347" i="1" s="1"/>
  <c r="A11348" i="1" s="1"/>
  <c r="A11349" i="1" s="1"/>
  <c r="A11350" i="1" s="1"/>
  <c r="A11351" i="1" s="1"/>
  <c r="A11352" i="1" s="1"/>
  <c r="A11353" i="1" s="1"/>
  <c r="A11354" i="1" s="1"/>
  <c r="A11355" i="1" s="1"/>
  <c r="A11356" i="1" s="1"/>
  <c r="A11357" i="1" s="1"/>
  <c r="A11358" i="1" s="1"/>
  <c r="A11359" i="1" s="1"/>
  <c r="A11360" i="1" s="1"/>
  <c r="A11361" i="1" s="1"/>
  <c r="A11362" i="1" s="1"/>
  <c r="A11363" i="1" s="1"/>
  <c r="A11364" i="1" s="1"/>
  <c r="A11365" i="1" s="1"/>
  <c r="A11366" i="1" s="1"/>
  <c r="A11367" i="1" s="1"/>
  <c r="A11368" i="1" s="1"/>
  <c r="A11369" i="1" s="1"/>
  <c r="A11370" i="1" s="1"/>
  <c r="A11371" i="1" s="1"/>
  <c r="A11372" i="1" s="1"/>
  <c r="A11373" i="1" s="1"/>
  <c r="A11374" i="1" s="1"/>
  <c r="A11375" i="1" s="1"/>
  <c r="A11376" i="1" s="1"/>
  <c r="A11377" i="1" s="1"/>
  <c r="A11378" i="1" s="1"/>
  <c r="A11379" i="1" s="1"/>
  <c r="A11380" i="1" s="1"/>
  <c r="A11381" i="1" s="1"/>
  <c r="A11382" i="1" s="1"/>
  <c r="A11383" i="1" s="1"/>
  <c r="A11384" i="1" s="1"/>
  <c r="A11385" i="1" s="1"/>
  <c r="A11386" i="1" s="1"/>
  <c r="A11387" i="1" s="1"/>
  <c r="A11388" i="1" s="1"/>
  <c r="A11389" i="1" s="1"/>
  <c r="A11390" i="1" s="1"/>
  <c r="A11391" i="1" s="1"/>
  <c r="A11392" i="1" s="1"/>
  <c r="A11393" i="1" s="1"/>
  <c r="A11394" i="1" s="1"/>
  <c r="A11395" i="1" s="1"/>
  <c r="A11396" i="1" s="1"/>
  <c r="A11397" i="1" s="1"/>
  <c r="A11398" i="1" s="1"/>
  <c r="A11399" i="1" s="1"/>
  <c r="A11400" i="1" s="1"/>
  <c r="A11401" i="1" s="1"/>
  <c r="A11402" i="1" s="1"/>
  <c r="A11403" i="1" s="1"/>
  <c r="A11404" i="1" s="1"/>
  <c r="A11405" i="1" s="1"/>
  <c r="A11406" i="1" s="1"/>
  <c r="A11407" i="1" s="1"/>
  <c r="A11408" i="1" s="1"/>
  <c r="A11409" i="1" s="1"/>
  <c r="A11410" i="1" s="1"/>
  <c r="A11411" i="1" s="1"/>
  <c r="A11412" i="1" s="1"/>
  <c r="A11413" i="1" s="1"/>
  <c r="A11414" i="1" s="1"/>
  <c r="A11415" i="1" s="1"/>
  <c r="A11416" i="1" s="1"/>
  <c r="A11417" i="1" s="1"/>
  <c r="A11418" i="1" s="1"/>
  <c r="A11419" i="1" s="1"/>
  <c r="A11420" i="1" s="1"/>
  <c r="A11421" i="1" s="1"/>
  <c r="A11422" i="1" s="1"/>
  <c r="A11423" i="1" s="1"/>
  <c r="A11424" i="1" s="1"/>
  <c r="A11425" i="1" s="1"/>
  <c r="A11426" i="1" s="1"/>
  <c r="A11427" i="1" s="1"/>
  <c r="A11428" i="1" s="1"/>
  <c r="A11429" i="1" s="1"/>
  <c r="A11430" i="1" s="1"/>
  <c r="A11431" i="1" s="1"/>
  <c r="A11432" i="1" s="1"/>
  <c r="A11433" i="1" s="1"/>
  <c r="A11434" i="1" s="1"/>
  <c r="A11435" i="1" s="1"/>
  <c r="A11436" i="1" s="1"/>
  <c r="A11437" i="1" s="1"/>
  <c r="A11438" i="1" s="1"/>
  <c r="A11439" i="1" s="1"/>
  <c r="A11440" i="1" s="1"/>
  <c r="A11441" i="1" s="1"/>
  <c r="A11442" i="1" s="1"/>
  <c r="A11443" i="1" s="1"/>
  <c r="A11444" i="1" s="1"/>
  <c r="A11445" i="1" s="1"/>
  <c r="A11446" i="1" s="1"/>
  <c r="A11447" i="1" s="1"/>
  <c r="A11448" i="1" s="1"/>
  <c r="A11449" i="1" s="1"/>
  <c r="A11450" i="1" s="1"/>
  <c r="A11451" i="1" s="1"/>
  <c r="A11452" i="1" s="1"/>
  <c r="A11453" i="1" s="1"/>
  <c r="A11454" i="1" s="1"/>
  <c r="A11455" i="1" s="1"/>
  <c r="A11456" i="1" s="1"/>
  <c r="A11457" i="1" s="1"/>
  <c r="A11458" i="1" s="1"/>
  <c r="A11459" i="1" s="1"/>
  <c r="A11460" i="1" s="1"/>
  <c r="A11461" i="1" s="1"/>
  <c r="A11462" i="1" s="1"/>
  <c r="A11463" i="1" s="1"/>
  <c r="A11464" i="1" s="1"/>
  <c r="A11465" i="1" s="1"/>
  <c r="A11466" i="1" s="1"/>
  <c r="A11467" i="1" s="1"/>
  <c r="A11468" i="1" s="1"/>
  <c r="A11469" i="1" s="1"/>
  <c r="A11470" i="1" s="1"/>
  <c r="A11471" i="1" s="1"/>
  <c r="A11472" i="1" s="1"/>
  <c r="A11473" i="1" s="1"/>
  <c r="A11474" i="1" s="1"/>
  <c r="A11475" i="1" s="1"/>
  <c r="A11476" i="1" s="1"/>
  <c r="A11477" i="1" s="1"/>
  <c r="A11478" i="1" s="1"/>
  <c r="A11479" i="1" s="1"/>
  <c r="A11480" i="1" s="1"/>
  <c r="A11481" i="1" s="1"/>
  <c r="A11482" i="1" s="1"/>
  <c r="A11483" i="1" s="1"/>
  <c r="A11484" i="1" s="1"/>
  <c r="A11485" i="1" s="1"/>
  <c r="A11486" i="1" s="1"/>
  <c r="A11487" i="1" s="1"/>
  <c r="A11488" i="1" s="1"/>
  <c r="A11489" i="1" s="1"/>
  <c r="A11490" i="1" s="1"/>
  <c r="A11491" i="1" s="1"/>
  <c r="A11492" i="1" s="1"/>
  <c r="A11493" i="1" s="1"/>
  <c r="A11494" i="1" s="1"/>
  <c r="A11495" i="1" s="1"/>
  <c r="A11496" i="1" s="1"/>
  <c r="A11497" i="1" s="1"/>
  <c r="A11498" i="1" s="1"/>
  <c r="A11499" i="1" s="1"/>
  <c r="A11500" i="1" s="1"/>
  <c r="A11501" i="1" s="1"/>
  <c r="A11502" i="1" s="1"/>
  <c r="A11503" i="1" s="1"/>
  <c r="A11504" i="1" s="1"/>
  <c r="A11505" i="1" s="1"/>
  <c r="A11506" i="1" s="1"/>
  <c r="A11507" i="1" s="1"/>
  <c r="A11508" i="1" s="1"/>
  <c r="A11509" i="1" s="1"/>
  <c r="A11510" i="1" s="1"/>
  <c r="A11511" i="1" s="1"/>
  <c r="A11512" i="1" s="1"/>
  <c r="A11513" i="1" s="1"/>
  <c r="A11514" i="1" s="1"/>
  <c r="A11515" i="1" s="1"/>
  <c r="A11516" i="1" s="1"/>
  <c r="A11517" i="1" s="1"/>
  <c r="A11518" i="1" s="1"/>
  <c r="A11519" i="1" s="1"/>
  <c r="A11520" i="1" s="1"/>
  <c r="A11521" i="1" s="1"/>
  <c r="A11522" i="1" s="1"/>
  <c r="A11523" i="1" s="1"/>
  <c r="A11524" i="1" s="1"/>
  <c r="A11525" i="1" s="1"/>
  <c r="A11526" i="1" s="1"/>
  <c r="A11527" i="1" s="1"/>
  <c r="A11528" i="1" s="1"/>
  <c r="A11529" i="1" s="1"/>
  <c r="A11530" i="1" s="1"/>
  <c r="A11531" i="1" s="1"/>
  <c r="A11532" i="1" s="1"/>
  <c r="A11533" i="1" s="1"/>
  <c r="A11534" i="1" s="1"/>
  <c r="A11535" i="1" s="1"/>
  <c r="A11536" i="1" s="1"/>
  <c r="A11537" i="1" s="1"/>
  <c r="A11538" i="1" s="1"/>
  <c r="A11539" i="1" s="1"/>
  <c r="A11540" i="1" s="1"/>
  <c r="A11541" i="1" s="1"/>
  <c r="A11542" i="1" s="1"/>
  <c r="A11543" i="1" s="1"/>
  <c r="A11544" i="1" s="1"/>
  <c r="A11545" i="1" s="1"/>
  <c r="A11546" i="1" s="1"/>
  <c r="A11547" i="1" s="1"/>
  <c r="A11548" i="1" s="1"/>
  <c r="A11549" i="1" s="1"/>
  <c r="A11550" i="1" s="1"/>
  <c r="A11551" i="1" s="1"/>
  <c r="A11552" i="1" s="1"/>
  <c r="A11553" i="1" s="1"/>
  <c r="A11554" i="1" s="1"/>
  <c r="A11555" i="1" s="1"/>
  <c r="A11556" i="1" s="1"/>
  <c r="A11557" i="1" s="1"/>
  <c r="A11558" i="1" s="1"/>
  <c r="A11559" i="1" s="1"/>
  <c r="A11560" i="1" s="1"/>
  <c r="A11561" i="1" s="1"/>
  <c r="A11562" i="1" s="1"/>
  <c r="A11563" i="1" s="1"/>
  <c r="A11564" i="1" s="1"/>
  <c r="A11565" i="1" s="1"/>
  <c r="A11566" i="1" s="1"/>
  <c r="A11567" i="1" s="1"/>
  <c r="A11568" i="1" s="1"/>
  <c r="A11569" i="1" s="1"/>
  <c r="A11570" i="1" s="1"/>
  <c r="A11571" i="1" s="1"/>
  <c r="A11572" i="1" s="1"/>
  <c r="A11573" i="1" s="1"/>
  <c r="A11574" i="1" s="1"/>
  <c r="A11575" i="1" s="1"/>
  <c r="A11576" i="1" s="1"/>
  <c r="A11577" i="1" s="1"/>
  <c r="A11578" i="1" s="1"/>
  <c r="A11579" i="1" s="1"/>
  <c r="A11580" i="1" s="1"/>
  <c r="A11581" i="1" s="1"/>
  <c r="A11582" i="1" s="1"/>
  <c r="A11583" i="1" s="1"/>
  <c r="A11584" i="1" s="1"/>
  <c r="A11585" i="1" s="1"/>
  <c r="A11586" i="1" s="1"/>
  <c r="A11587" i="1" s="1"/>
  <c r="A11588" i="1" s="1"/>
  <c r="A11589" i="1" s="1"/>
  <c r="A11590" i="1" s="1"/>
  <c r="A11591" i="1" s="1"/>
  <c r="A11592" i="1" s="1"/>
  <c r="A11593" i="1" s="1"/>
  <c r="A11594" i="1" s="1"/>
  <c r="A11595" i="1" s="1"/>
  <c r="A11596" i="1" s="1"/>
  <c r="A11597" i="1" s="1"/>
  <c r="A11598" i="1" s="1"/>
  <c r="A11599" i="1" s="1"/>
  <c r="A11600" i="1" s="1"/>
  <c r="A11601" i="1" s="1"/>
  <c r="A11602" i="1" s="1"/>
  <c r="A11603" i="1" s="1"/>
  <c r="A11604" i="1" s="1"/>
  <c r="A11605" i="1" s="1"/>
  <c r="A11606" i="1" s="1"/>
  <c r="A11607" i="1" s="1"/>
  <c r="A11608" i="1" s="1"/>
  <c r="A11609" i="1" s="1"/>
  <c r="A11610" i="1" s="1"/>
  <c r="A11611" i="1" s="1"/>
  <c r="A11612" i="1" s="1"/>
  <c r="A11613" i="1" s="1"/>
  <c r="A11614" i="1" s="1"/>
  <c r="A11615" i="1" s="1"/>
  <c r="A11616" i="1" s="1"/>
  <c r="A11617" i="1" s="1"/>
  <c r="A11618" i="1" s="1"/>
  <c r="A11619" i="1" s="1"/>
  <c r="A11620" i="1" s="1"/>
  <c r="A11621" i="1" s="1"/>
  <c r="A11622" i="1" s="1"/>
  <c r="A11623" i="1" s="1"/>
  <c r="A11624" i="1" s="1"/>
  <c r="A11625" i="1" s="1"/>
  <c r="A11626" i="1" s="1"/>
  <c r="A11627" i="1" s="1"/>
  <c r="A11628" i="1" s="1"/>
  <c r="A11629" i="1" s="1"/>
  <c r="A11630" i="1" s="1"/>
  <c r="A11631" i="1" s="1"/>
  <c r="A11632" i="1" s="1"/>
  <c r="A11633" i="1" s="1"/>
  <c r="A11634" i="1" s="1"/>
  <c r="A11635" i="1" s="1"/>
  <c r="A11636" i="1" s="1"/>
  <c r="A11637" i="1" s="1"/>
  <c r="A11638" i="1" s="1"/>
  <c r="A11639" i="1" s="1"/>
  <c r="A11640" i="1" s="1"/>
  <c r="A11641" i="1" s="1"/>
  <c r="A11642" i="1" s="1"/>
  <c r="A11643" i="1" s="1"/>
  <c r="A11644" i="1" s="1"/>
  <c r="A11645" i="1" s="1"/>
  <c r="A11646" i="1" s="1"/>
  <c r="A11647" i="1" s="1"/>
  <c r="A11648" i="1" s="1"/>
  <c r="A11649" i="1" s="1"/>
  <c r="A11650" i="1" s="1"/>
  <c r="A11651" i="1" s="1"/>
  <c r="A11652" i="1" s="1"/>
  <c r="A11653" i="1" s="1"/>
  <c r="A11654" i="1" s="1"/>
  <c r="A11655" i="1" s="1"/>
  <c r="A11656" i="1" s="1"/>
  <c r="A11657" i="1" s="1"/>
  <c r="A11658" i="1" s="1"/>
  <c r="A11659" i="1" s="1"/>
  <c r="A11660" i="1" s="1"/>
  <c r="A11661" i="1" s="1"/>
  <c r="A11662" i="1" s="1"/>
  <c r="A11663" i="1" s="1"/>
  <c r="A11664" i="1" s="1"/>
  <c r="A11665" i="1" s="1"/>
  <c r="A11666" i="1" s="1"/>
  <c r="A11667" i="1" s="1"/>
  <c r="A11668" i="1" s="1"/>
  <c r="A11669" i="1" s="1"/>
  <c r="A11670" i="1" s="1"/>
  <c r="A11671" i="1" s="1"/>
  <c r="A11672" i="1" s="1"/>
  <c r="A11673" i="1" s="1"/>
  <c r="A11674" i="1" s="1"/>
  <c r="A11675" i="1" s="1"/>
  <c r="A11676" i="1" s="1"/>
  <c r="A11677" i="1" s="1"/>
  <c r="A11678" i="1" s="1"/>
  <c r="A11679" i="1" s="1"/>
  <c r="A11680" i="1" s="1"/>
  <c r="A11681" i="1" s="1"/>
  <c r="A11682" i="1" s="1"/>
  <c r="A11683" i="1" s="1"/>
  <c r="A11684" i="1" s="1"/>
  <c r="A11685" i="1" s="1"/>
  <c r="A11686" i="1" s="1"/>
  <c r="A11687" i="1" s="1"/>
  <c r="A11688" i="1" s="1"/>
  <c r="A11689" i="1" s="1"/>
  <c r="A11690" i="1" s="1"/>
  <c r="A11691" i="1" s="1"/>
  <c r="A11692" i="1" s="1"/>
  <c r="A11693" i="1" s="1"/>
  <c r="A11694" i="1" s="1"/>
  <c r="A11695" i="1" s="1"/>
  <c r="A11696" i="1" s="1"/>
  <c r="A11697" i="1" s="1"/>
  <c r="A11698" i="1" s="1"/>
  <c r="A11699" i="1" s="1"/>
  <c r="A11700" i="1" s="1"/>
  <c r="A11701" i="1" s="1"/>
  <c r="A11702" i="1" s="1"/>
  <c r="A11703" i="1" s="1"/>
  <c r="A11704" i="1" s="1"/>
  <c r="A11705" i="1" s="1"/>
  <c r="A11706" i="1" s="1"/>
  <c r="A11707" i="1" s="1"/>
  <c r="A11708" i="1" s="1"/>
  <c r="A11709" i="1" s="1"/>
  <c r="A11710" i="1" s="1"/>
  <c r="A11711" i="1" s="1"/>
  <c r="A11712" i="1" s="1"/>
  <c r="A11713" i="1" s="1"/>
  <c r="A11714" i="1" s="1"/>
  <c r="A11715" i="1" s="1"/>
  <c r="A11716" i="1" s="1"/>
  <c r="A11717" i="1" s="1"/>
  <c r="A11718" i="1" s="1"/>
  <c r="A11719" i="1" s="1"/>
  <c r="A11720" i="1" s="1"/>
  <c r="A11721" i="1" s="1"/>
  <c r="A11722" i="1" s="1"/>
  <c r="A11723" i="1" s="1"/>
  <c r="A11724" i="1" s="1"/>
  <c r="A11725" i="1" s="1"/>
  <c r="A11726" i="1" s="1"/>
  <c r="A11727" i="1" s="1"/>
  <c r="A11728" i="1" s="1"/>
  <c r="A11729" i="1" s="1"/>
  <c r="A11730" i="1" s="1"/>
  <c r="A11731" i="1" s="1"/>
  <c r="A11732" i="1" s="1"/>
  <c r="A11733" i="1" s="1"/>
  <c r="A11734" i="1" s="1"/>
  <c r="A11735" i="1" s="1"/>
  <c r="A11736" i="1" s="1"/>
  <c r="A11737" i="1" s="1"/>
  <c r="A11738" i="1" s="1"/>
  <c r="A11739" i="1" s="1"/>
  <c r="A11740" i="1" s="1"/>
  <c r="A11741" i="1" s="1"/>
  <c r="A11742" i="1" s="1"/>
  <c r="A11743" i="1" s="1"/>
  <c r="A11744" i="1" s="1"/>
  <c r="A11745" i="1" s="1"/>
  <c r="A11746" i="1" s="1"/>
  <c r="A11747" i="1" s="1"/>
  <c r="A11748" i="1" s="1"/>
  <c r="A11749" i="1" s="1"/>
  <c r="A11750" i="1" s="1"/>
  <c r="A11751" i="1" s="1"/>
  <c r="A11752" i="1" s="1"/>
  <c r="A11753" i="1" s="1"/>
  <c r="A11754" i="1" s="1"/>
  <c r="A11755" i="1" s="1"/>
  <c r="A11756" i="1" s="1"/>
  <c r="A11757" i="1" s="1"/>
  <c r="A11758" i="1" s="1"/>
  <c r="A11759" i="1" s="1"/>
  <c r="A11760" i="1" s="1"/>
  <c r="A11761" i="1" s="1"/>
  <c r="A11762" i="1" s="1"/>
  <c r="A11763" i="1" s="1"/>
  <c r="A11764" i="1" s="1"/>
  <c r="A11765" i="1" s="1"/>
  <c r="A11766" i="1" s="1"/>
  <c r="A11767" i="1" s="1"/>
  <c r="A11768" i="1" s="1"/>
  <c r="A11769" i="1" s="1"/>
  <c r="A11770" i="1" s="1"/>
  <c r="A11771" i="1" s="1"/>
  <c r="A11772" i="1" s="1"/>
  <c r="A11773" i="1" s="1"/>
  <c r="A11774" i="1" s="1"/>
  <c r="A11775" i="1" s="1"/>
  <c r="A11776" i="1" s="1"/>
  <c r="A11777" i="1" s="1"/>
  <c r="A11778" i="1" s="1"/>
  <c r="A11779" i="1" s="1"/>
  <c r="A11780" i="1" s="1"/>
  <c r="A11781" i="1" s="1"/>
  <c r="A11782" i="1" s="1"/>
  <c r="A11783" i="1" s="1"/>
  <c r="A11784" i="1" s="1"/>
  <c r="A11785" i="1" s="1"/>
  <c r="A11786" i="1" s="1"/>
  <c r="A11787" i="1" s="1"/>
  <c r="A11788" i="1" s="1"/>
  <c r="A11789" i="1" s="1"/>
  <c r="A11790" i="1" s="1"/>
  <c r="A11791" i="1" s="1"/>
  <c r="A11792" i="1" s="1"/>
  <c r="A11793" i="1" s="1"/>
  <c r="A11794" i="1" s="1"/>
  <c r="A11795" i="1" s="1"/>
  <c r="A11796" i="1" s="1"/>
  <c r="A11797" i="1" s="1"/>
  <c r="A11798" i="1" s="1"/>
  <c r="A11799" i="1" s="1"/>
  <c r="A11800" i="1" s="1"/>
  <c r="A11801" i="1" s="1"/>
  <c r="A11802" i="1" s="1"/>
  <c r="A11803" i="1" s="1"/>
  <c r="A11804" i="1" s="1"/>
  <c r="A11805" i="1" s="1"/>
  <c r="A11806" i="1" s="1"/>
  <c r="A11807" i="1" s="1"/>
  <c r="A11808" i="1" s="1"/>
  <c r="A11809" i="1" s="1"/>
  <c r="A11810" i="1" s="1"/>
  <c r="A11811" i="1" s="1"/>
  <c r="A11812" i="1" s="1"/>
  <c r="A11813" i="1" s="1"/>
  <c r="A11814" i="1" s="1"/>
  <c r="A11815" i="1" s="1"/>
  <c r="A11816" i="1" s="1"/>
  <c r="A11817" i="1" s="1"/>
  <c r="A11818" i="1" s="1"/>
  <c r="A11819" i="1" s="1"/>
  <c r="A11820" i="1" s="1"/>
  <c r="A11821" i="1" s="1"/>
  <c r="A11822" i="1" s="1"/>
  <c r="A11823" i="1" s="1"/>
  <c r="A11824" i="1" s="1"/>
  <c r="A11825" i="1" s="1"/>
  <c r="A11826" i="1" s="1"/>
  <c r="A11827" i="1" s="1"/>
  <c r="A11828" i="1" s="1"/>
  <c r="A11829" i="1" s="1"/>
  <c r="A11830" i="1" s="1"/>
  <c r="A11831" i="1" s="1"/>
  <c r="A11832" i="1" s="1"/>
  <c r="A11833" i="1" s="1"/>
  <c r="A11834" i="1" s="1"/>
  <c r="A11835" i="1" s="1"/>
  <c r="A11836" i="1" s="1"/>
  <c r="A11837" i="1" s="1"/>
  <c r="A11838" i="1" s="1"/>
  <c r="A11839" i="1" s="1"/>
  <c r="A11840" i="1" s="1"/>
  <c r="A11841" i="1" s="1"/>
  <c r="A11842" i="1" s="1"/>
  <c r="A11843" i="1" s="1"/>
  <c r="A11844" i="1" s="1"/>
  <c r="A11845" i="1" s="1"/>
  <c r="A11846" i="1" s="1"/>
  <c r="A11847" i="1" s="1"/>
  <c r="A11848" i="1" s="1"/>
  <c r="A11849" i="1" s="1"/>
  <c r="A11850" i="1" s="1"/>
  <c r="A11851" i="1" s="1"/>
  <c r="A11852" i="1" s="1"/>
  <c r="A11853" i="1" s="1"/>
  <c r="A11854" i="1" s="1"/>
  <c r="A11855" i="1" s="1"/>
  <c r="A11856" i="1" s="1"/>
  <c r="A11857" i="1" s="1"/>
  <c r="A11858" i="1" s="1"/>
  <c r="A11859" i="1" s="1"/>
  <c r="A11860" i="1" s="1"/>
  <c r="A11861" i="1" s="1"/>
  <c r="A11862" i="1" s="1"/>
  <c r="A11863" i="1" s="1"/>
  <c r="A11864" i="1" s="1"/>
  <c r="A11865" i="1" s="1"/>
  <c r="A11866" i="1" s="1"/>
  <c r="A11867" i="1" s="1"/>
  <c r="A11868" i="1" s="1"/>
  <c r="A11869" i="1" s="1"/>
  <c r="A11870" i="1" s="1"/>
  <c r="A11871" i="1" s="1"/>
  <c r="A11872" i="1" s="1"/>
  <c r="A11873" i="1" s="1"/>
  <c r="A11874" i="1" s="1"/>
  <c r="A11875" i="1" s="1"/>
  <c r="A11876" i="1" s="1"/>
  <c r="A11877" i="1" s="1"/>
  <c r="A11878" i="1" s="1"/>
  <c r="A11879" i="1" s="1"/>
  <c r="A11880" i="1" s="1"/>
  <c r="A11881" i="1" s="1"/>
  <c r="A11882" i="1" s="1"/>
  <c r="A11883" i="1" s="1"/>
  <c r="A11884" i="1" s="1"/>
  <c r="A11885" i="1" s="1"/>
  <c r="A11886" i="1" s="1"/>
  <c r="A11887" i="1" s="1"/>
  <c r="A11888" i="1" s="1"/>
  <c r="A11889" i="1" s="1"/>
  <c r="A11890" i="1" s="1"/>
  <c r="A11891" i="1" s="1"/>
  <c r="A11892" i="1" s="1"/>
  <c r="A11893" i="1" s="1"/>
  <c r="A11894" i="1" s="1"/>
  <c r="A11895" i="1" s="1"/>
  <c r="A11896" i="1" s="1"/>
  <c r="A11897" i="1" s="1"/>
  <c r="A11898" i="1" s="1"/>
  <c r="A11899" i="1" s="1"/>
  <c r="A11900" i="1" s="1"/>
  <c r="A11901" i="1" s="1"/>
  <c r="A11902" i="1" s="1"/>
  <c r="A11903" i="1" s="1"/>
  <c r="A11904" i="1" s="1"/>
  <c r="A11905" i="1" s="1"/>
  <c r="A11906" i="1" s="1"/>
  <c r="A11907" i="1" s="1"/>
  <c r="A11908" i="1" s="1"/>
  <c r="A11909" i="1" s="1"/>
  <c r="A11910" i="1" s="1"/>
  <c r="A11911" i="1" s="1"/>
  <c r="A11912" i="1" s="1"/>
  <c r="A11913" i="1" s="1"/>
  <c r="A11914" i="1" s="1"/>
  <c r="A11915" i="1" s="1"/>
  <c r="A11916" i="1" s="1"/>
  <c r="A11917" i="1" s="1"/>
  <c r="A11918" i="1" s="1"/>
  <c r="A11919" i="1" s="1"/>
  <c r="A11920" i="1" s="1"/>
  <c r="A11921" i="1" s="1"/>
  <c r="A11922" i="1" s="1"/>
  <c r="A11923" i="1" s="1"/>
  <c r="A11924" i="1" s="1"/>
  <c r="A11925" i="1" s="1"/>
  <c r="A11926" i="1" s="1"/>
  <c r="A11927" i="1" s="1"/>
  <c r="A11928" i="1" s="1"/>
  <c r="A11929" i="1" s="1"/>
  <c r="A11930" i="1" s="1"/>
  <c r="A11931" i="1" s="1"/>
  <c r="A11932" i="1" s="1"/>
  <c r="A11933" i="1" s="1"/>
  <c r="A11934" i="1" s="1"/>
  <c r="A11935" i="1" s="1"/>
  <c r="A11936" i="1" s="1"/>
  <c r="A11937" i="1" s="1"/>
  <c r="A11938" i="1" s="1"/>
  <c r="A11939" i="1" s="1"/>
  <c r="A11940" i="1" s="1"/>
  <c r="A11941" i="1" s="1"/>
  <c r="A11942" i="1" s="1"/>
  <c r="A11943" i="1" s="1"/>
  <c r="A11944" i="1" s="1"/>
  <c r="A11945" i="1" s="1"/>
  <c r="A11946" i="1" s="1"/>
  <c r="A11947" i="1" s="1"/>
  <c r="A11948" i="1" s="1"/>
  <c r="A11949" i="1" s="1"/>
  <c r="A11950" i="1" s="1"/>
  <c r="A11951" i="1" s="1"/>
  <c r="A11952" i="1" s="1"/>
  <c r="A11953" i="1" s="1"/>
  <c r="A11954" i="1" s="1"/>
  <c r="A11955" i="1" s="1"/>
  <c r="A11956" i="1" s="1"/>
  <c r="A11957" i="1" s="1"/>
  <c r="A11958" i="1" s="1"/>
  <c r="A11959" i="1" s="1"/>
  <c r="A11960" i="1" s="1"/>
  <c r="A11961" i="1" s="1"/>
  <c r="A11962" i="1" s="1"/>
  <c r="A11963" i="1" s="1"/>
  <c r="A11964" i="1" s="1"/>
  <c r="A11965" i="1" s="1"/>
  <c r="A11966" i="1" s="1"/>
  <c r="A11967" i="1" s="1"/>
  <c r="A11968" i="1" s="1"/>
  <c r="A11969" i="1" s="1"/>
  <c r="A11970" i="1" s="1"/>
  <c r="A11971" i="1" s="1"/>
  <c r="A11972" i="1" s="1"/>
  <c r="A11973" i="1" s="1"/>
  <c r="A11974" i="1" s="1"/>
  <c r="A11975" i="1" s="1"/>
  <c r="A11976" i="1" s="1"/>
  <c r="A11977" i="1" s="1"/>
  <c r="A11978" i="1" s="1"/>
  <c r="A11979" i="1" s="1"/>
  <c r="A11980" i="1" s="1"/>
  <c r="A11981" i="1" s="1"/>
  <c r="A11982" i="1" s="1"/>
  <c r="A11983" i="1" s="1"/>
  <c r="A11984" i="1" s="1"/>
  <c r="A11985" i="1" s="1"/>
  <c r="A11986" i="1" s="1"/>
  <c r="A11987" i="1" s="1"/>
  <c r="A11988" i="1" s="1"/>
  <c r="A11989" i="1" s="1"/>
  <c r="A11990" i="1" s="1"/>
  <c r="A11991" i="1" s="1"/>
  <c r="A11992" i="1" s="1"/>
  <c r="A11993" i="1" s="1"/>
  <c r="A11994" i="1" s="1"/>
  <c r="A11995" i="1" s="1"/>
  <c r="A11996" i="1" s="1"/>
  <c r="A11997" i="1" s="1"/>
  <c r="A11998" i="1" s="1"/>
  <c r="A11999" i="1" s="1"/>
  <c r="A12000" i="1" s="1"/>
  <c r="A12001" i="1" s="1"/>
  <c r="A12002" i="1" s="1"/>
  <c r="A12003" i="1" s="1"/>
  <c r="A12004" i="1" s="1"/>
  <c r="A12005" i="1" s="1"/>
  <c r="A12006" i="1" s="1"/>
  <c r="A12007" i="1" s="1"/>
  <c r="A12008" i="1" s="1"/>
  <c r="A12009" i="1" s="1"/>
  <c r="A12010" i="1" s="1"/>
  <c r="A12011" i="1" s="1"/>
  <c r="A12012" i="1" s="1"/>
  <c r="A12013" i="1" s="1"/>
  <c r="A12014" i="1" s="1"/>
  <c r="A12015" i="1" s="1"/>
  <c r="A12016" i="1" s="1"/>
  <c r="A12017" i="1" s="1"/>
  <c r="A12018" i="1" s="1"/>
  <c r="A12019" i="1" s="1"/>
  <c r="A12020" i="1" s="1"/>
  <c r="A12021" i="1" s="1"/>
  <c r="A12022" i="1" s="1"/>
  <c r="A12023" i="1" s="1"/>
  <c r="A12024" i="1" s="1"/>
  <c r="A12025" i="1" s="1"/>
  <c r="A12026" i="1" s="1"/>
  <c r="A12027" i="1" s="1"/>
  <c r="A12028" i="1" s="1"/>
  <c r="A12029" i="1" s="1"/>
  <c r="A12030" i="1" s="1"/>
  <c r="A12031" i="1" s="1"/>
  <c r="A12032" i="1" s="1"/>
  <c r="A12033" i="1" s="1"/>
  <c r="A12034" i="1" s="1"/>
  <c r="A12035" i="1" s="1"/>
  <c r="A12036" i="1" s="1"/>
  <c r="A12037" i="1" s="1"/>
  <c r="A12038" i="1" s="1"/>
  <c r="A12039" i="1" s="1"/>
  <c r="A12040" i="1" s="1"/>
  <c r="A12041" i="1" s="1"/>
  <c r="A12042" i="1" s="1"/>
  <c r="A12043" i="1" s="1"/>
  <c r="A12044" i="1" s="1"/>
  <c r="A12045" i="1" s="1"/>
  <c r="A12046" i="1" s="1"/>
  <c r="A12047" i="1" s="1"/>
  <c r="A12048" i="1" s="1"/>
  <c r="A12049" i="1" s="1"/>
  <c r="A12050" i="1" s="1"/>
  <c r="A12051" i="1" s="1"/>
  <c r="A12052" i="1" s="1"/>
  <c r="A12053" i="1" s="1"/>
  <c r="A12054" i="1" s="1"/>
  <c r="A12055" i="1" s="1"/>
  <c r="A12056" i="1" s="1"/>
  <c r="A12057" i="1" s="1"/>
  <c r="A12058" i="1" s="1"/>
  <c r="A12059" i="1" s="1"/>
  <c r="A12060" i="1" s="1"/>
  <c r="A12061" i="1" s="1"/>
  <c r="A12062" i="1" s="1"/>
  <c r="A12063" i="1" s="1"/>
  <c r="A12064" i="1" s="1"/>
  <c r="A12065" i="1" s="1"/>
  <c r="A12066" i="1" s="1"/>
  <c r="A12067" i="1" s="1"/>
  <c r="A12068" i="1" s="1"/>
  <c r="A12069" i="1" s="1"/>
  <c r="A12070" i="1" s="1"/>
  <c r="A12071" i="1" s="1"/>
  <c r="A12072" i="1" s="1"/>
  <c r="A12073" i="1" s="1"/>
  <c r="A12074" i="1" s="1"/>
  <c r="A12075" i="1" s="1"/>
  <c r="A12076" i="1" s="1"/>
  <c r="A12077" i="1" s="1"/>
  <c r="A12078" i="1" s="1"/>
  <c r="A12079" i="1" s="1"/>
  <c r="A12080" i="1" s="1"/>
  <c r="A12081" i="1" s="1"/>
  <c r="A12082" i="1" s="1"/>
  <c r="A12083" i="1" s="1"/>
  <c r="A12084" i="1" s="1"/>
  <c r="A12085" i="1" s="1"/>
  <c r="A12086" i="1" s="1"/>
  <c r="A12087" i="1" s="1"/>
  <c r="A12088" i="1" s="1"/>
  <c r="A12089" i="1" s="1"/>
  <c r="A12090" i="1" s="1"/>
  <c r="A12091" i="1" s="1"/>
  <c r="A12092" i="1" s="1"/>
  <c r="A12093" i="1" s="1"/>
  <c r="A12094" i="1" s="1"/>
  <c r="A12095" i="1" s="1"/>
  <c r="A12096" i="1" s="1"/>
  <c r="A12097" i="1" s="1"/>
  <c r="A12098" i="1" s="1"/>
  <c r="A12099" i="1" s="1"/>
  <c r="A12100" i="1" s="1"/>
  <c r="A12101" i="1" s="1"/>
  <c r="A12102" i="1" s="1"/>
  <c r="A12103" i="1" s="1"/>
  <c r="A12104" i="1" s="1"/>
  <c r="A12105" i="1" s="1"/>
  <c r="A12106" i="1" s="1"/>
  <c r="A12107" i="1" s="1"/>
  <c r="A12108" i="1" s="1"/>
  <c r="A12109" i="1" s="1"/>
  <c r="A12110" i="1" s="1"/>
  <c r="A12111" i="1" s="1"/>
  <c r="A12112" i="1" s="1"/>
  <c r="A12113" i="1" s="1"/>
  <c r="A12114" i="1" s="1"/>
  <c r="A12115" i="1" s="1"/>
  <c r="A12116" i="1" s="1"/>
  <c r="A12117" i="1" s="1"/>
  <c r="A12118" i="1" s="1"/>
  <c r="A12119" i="1" s="1"/>
  <c r="A12120" i="1" s="1"/>
  <c r="A12121" i="1" s="1"/>
  <c r="A12122" i="1" s="1"/>
  <c r="A12123" i="1" s="1"/>
  <c r="A12124" i="1" s="1"/>
  <c r="A12125" i="1" s="1"/>
  <c r="A12126" i="1" s="1"/>
  <c r="A12127" i="1" s="1"/>
  <c r="A12128" i="1" s="1"/>
  <c r="A12129" i="1" s="1"/>
  <c r="A12130" i="1" s="1"/>
  <c r="A12131" i="1" s="1"/>
  <c r="A12132" i="1" s="1"/>
  <c r="A12133" i="1" s="1"/>
  <c r="A12134" i="1" s="1"/>
  <c r="A12135" i="1" s="1"/>
  <c r="A12136" i="1" s="1"/>
  <c r="A12137" i="1" s="1"/>
  <c r="A12138" i="1" s="1"/>
  <c r="A12139" i="1" s="1"/>
  <c r="A12140" i="1" s="1"/>
  <c r="A12141" i="1" s="1"/>
  <c r="A12142" i="1" s="1"/>
  <c r="A12143" i="1" s="1"/>
  <c r="A12144" i="1" s="1"/>
  <c r="A12145" i="1" s="1"/>
  <c r="A12146" i="1" s="1"/>
  <c r="A12147" i="1" s="1"/>
  <c r="A12148" i="1" s="1"/>
  <c r="A12149" i="1" s="1"/>
  <c r="A12150" i="1" s="1"/>
  <c r="A12151" i="1" s="1"/>
  <c r="A12152" i="1" s="1"/>
  <c r="A12153" i="1" s="1"/>
  <c r="A12154" i="1" s="1"/>
  <c r="A12155" i="1" s="1"/>
  <c r="A12156" i="1" s="1"/>
  <c r="A12157" i="1" s="1"/>
  <c r="A12158" i="1" s="1"/>
  <c r="A12159" i="1" s="1"/>
  <c r="A12160" i="1" s="1"/>
  <c r="A12161" i="1" s="1"/>
  <c r="A12162" i="1" s="1"/>
  <c r="A12163" i="1" s="1"/>
  <c r="A12164" i="1" s="1"/>
  <c r="A12165" i="1" s="1"/>
  <c r="A12166" i="1" s="1"/>
  <c r="A12167" i="1" s="1"/>
  <c r="A12168" i="1" s="1"/>
  <c r="A12169" i="1" s="1"/>
  <c r="A12170" i="1" s="1"/>
  <c r="A12171" i="1" s="1"/>
  <c r="A12172" i="1" s="1"/>
  <c r="A12173" i="1" s="1"/>
  <c r="A12174" i="1" s="1"/>
  <c r="A12175" i="1" s="1"/>
  <c r="A12176" i="1" s="1"/>
  <c r="A12177" i="1" s="1"/>
  <c r="A12178" i="1" s="1"/>
  <c r="A12179" i="1" s="1"/>
  <c r="A12180" i="1" s="1"/>
  <c r="A12181" i="1" s="1"/>
  <c r="A12182" i="1" s="1"/>
  <c r="A12183" i="1" s="1"/>
  <c r="A12184" i="1" s="1"/>
  <c r="A12185" i="1" s="1"/>
  <c r="A12186" i="1" s="1"/>
  <c r="A12187" i="1" s="1"/>
  <c r="A12188" i="1" s="1"/>
  <c r="A12189" i="1" s="1"/>
  <c r="A12190" i="1" s="1"/>
  <c r="A12191" i="1" s="1"/>
  <c r="A12192" i="1" s="1"/>
  <c r="A12193" i="1" s="1"/>
  <c r="A12194" i="1" s="1"/>
  <c r="A12195" i="1" s="1"/>
  <c r="A12196" i="1" s="1"/>
  <c r="A12197" i="1" s="1"/>
  <c r="A12198" i="1" s="1"/>
  <c r="A12199" i="1" s="1"/>
  <c r="A12200" i="1" s="1"/>
  <c r="A12201" i="1" s="1"/>
  <c r="A12202" i="1" s="1"/>
  <c r="A12203" i="1" s="1"/>
  <c r="A12204" i="1" s="1"/>
  <c r="A12205" i="1" s="1"/>
  <c r="A12206" i="1" s="1"/>
  <c r="A12207" i="1" s="1"/>
  <c r="A12208" i="1" s="1"/>
  <c r="A12209" i="1" s="1"/>
  <c r="A12210" i="1" s="1"/>
  <c r="A12211" i="1" s="1"/>
  <c r="A12212" i="1" s="1"/>
  <c r="A12213" i="1" s="1"/>
  <c r="A12214" i="1" s="1"/>
  <c r="A12215" i="1" s="1"/>
  <c r="A12216" i="1" s="1"/>
  <c r="A12217" i="1" s="1"/>
  <c r="A12218" i="1" s="1"/>
  <c r="A12219" i="1" s="1"/>
  <c r="A12220" i="1" s="1"/>
  <c r="A12221" i="1" s="1"/>
  <c r="A12222" i="1" s="1"/>
  <c r="A12223" i="1" s="1"/>
  <c r="A12224" i="1" s="1"/>
  <c r="A12225" i="1" s="1"/>
  <c r="A12226" i="1" s="1"/>
  <c r="A12227" i="1" s="1"/>
  <c r="A12228" i="1" s="1"/>
  <c r="A12229" i="1" s="1"/>
  <c r="A12230" i="1" s="1"/>
  <c r="A12231" i="1" s="1"/>
  <c r="A12232" i="1" s="1"/>
  <c r="A12233" i="1" s="1"/>
  <c r="A12234" i="1" s="1"/>
  <c r="A12235" i="1" s="1"/>
  <c r="A12236" i="1" s="1"/>
  <c r="A12237" i="1" s="1"/>
  <c r="A12238" i="1" s="1"/>
  <c r="A12239" i="1" s="1"/>
  <c r="A12240" i="1" s="1"/>
  <c r="A12241" i="1" s="1"/>
  <c r="A12242" i="1" s="1"/>
  <c r="A12243" i="1" s="1"/>
  <c r="A12244" i="1" s="1"/>
  <c r="A12245" i="1" s="1"/>
  <c r="A12246" i="1" s="1"/>
  <c r="A12247" i="1" s="1"/>
  <c r="A12248" i="1" s="1"/>
  <c r="A12249" i="1" s="1"/>
  <c r="A12250" i="1" s="1"/>
  <c r="A12251" i="1" s="1"/>
  <c r="A12252" i="1" s="1"/>
  <c r="A12253" i="1" s="1"/>
  <c r="A12254" i="1" s="1"/>
  <c r="A12255" i="1" s="1"/>
  <c r="A12256" i="1" s="1"/>
  <c r="A12257" i="1" s="1"/>
  <c r="A12258" i="1" s="1"/>
  <c r="A12259" i="1" s="1"/>
  <c r="A12260" i="1" s="1"/>
  <c r="A12261" i="1" s="1"/>
  <c r="A12262" i="1" s="1"/>
  <c r="A12263" i="1" s="1"/>
  <c r="A12264" i="1" s="1"/>
  <c r="A12265" i="1" s="1"/>
  <c r="A12266" i="1" s="1"/>
  <c r="A12267" i="1" s="1"/>
  <c r="A12268" i="1" s="1"/>
  <c r="A12269" i="1" s="1"/>
  <c r="A12270" i="1" s="1"/>
  <c r="A12271" i="1" s="1"/>
  <c r="A12272" i="1" s="1"/>
  <c r="A12273" i="1" s="1"/>
  <c r="A12274" i="1" s="1"/>
  <c r="A12275" i="1" s="1"/>
  <c r="A12276" i="1" s="1"/>
  <c r="A12277" i="1" s="1"/>
  <c r="A12278" i="1" s="1"/>
  <c r="A12279" i="1" s="1"/>
  <c r="A12280" i="1" s="1"/>
  <c r="A12281" i="1" s="1"/>
  <c r="A12282" i="1" s="1"/>
  <c r="A12283" i="1" s="1"/>
  <c r="A12284" i="1" s="1"/>
  <c r="A12285" i="1" s="1"/>
  <c r="A12286" i="1" s="1"/>
  <c r="A12287" i="1" s="1"/>
  <c r="A12288" i="1" s="1"/>
  <c r="A12289" i="1" s="1"/>
  <c r="A12290" i="1" s="1"/>
  <c r="A12291" i="1" s="1"/>
  <c r="A12292" i="1" s="1"/>
  <c r="A12293" i="1" s="1"/>
  <c r="A12294" i="1" s="1"/>
  <c r="A12295" i="1" s="1"/>
  <c r="A12296" i="1" s="1"/>
  <c r="A12297" i="1" s="1"/>
  <c r="A12298" i="1" s="1"/>
  <c r="A12299" i="1" s="1"/>
  <c r="A12300" i="1" s="1"/>
  <c r="A12301" i="1" s="1"/>
  <c r="A12302" i="1" s="1"/>
  <c r="A12303" i="1" s="1"/>
  <c r="A12304" i="1" s="1"/>
  <c r="A12305" i="1" s="1"/>
  <c r="A12306" i="1" s="1"/>
  <c r="A12307" i="1" s="1"/>
  <c r="A12308" i="1" s="1"/>
  <c r="A12309" i="1" s="1"/>
  <c r="A12310" i="1" s="1"/>
  <c r="A12311" i="1" s="1"/>
  <c r="A12312" i="1" s="1"/>
  <c r="A12313" i="1" s="1"/>
  <c r="A12314" i="1" s="1"/>
  <c r="A12315" i="1" s="1"/>
  <c r="A12316" i="1" s="1"/>
  <c r="A12317" i="1" s="1"/>
  <c r="A12318" i="1" s="1"/>
  <c r="A12319" i="1" s="1"/>
  <c r="A12320" i="1" s="1"/>
  <c r="A12321" i="1" s="1"/>
  <c r="A12322" i="1" s="1"/>
  <c r="A12323" i="1" s="1"/>
  <c r="A12324" i="1" s="1"/>
  <c r="A12325" i="1" s="1"/>
  <c r="A12326" i="1" s="1"/>
  <c r="A12327" i="1" s="1"/>
  <c r="A12328" i="1" s="1"/>
  <c r="A12329" i="1" s="1"/>
  <c r="A12330" i="1" s="1"/>
  <c r="A12331" i="1" s="1"/>
  <c r="A12332" i="1" s="1"/>
  <c r="A12333" i="1" s="1"/>
  <c r="A12334" i="1" s="1"/>
  <c r="A12335" i="1" s="1"/>
  <c r="A12336" i="1" s="1"/>
  <c r="A12337" i="1" s="1"/>
  <c r="A12338" i="1" s="1"/>
  <c r="A12339" i="1" s="1"/>
  <c r="A12340" i="1" s="1"/>
  <c r="A12341" i="1" s="1"/>
  <c r="A12342" i="1" s="1"/>
  <c r="A12343" i="1" s="1"/>
  <c r="A12344" i="1" s="1"/>
  <c r="A12345" i="1" s="1"/>
  <c r="A12346" i="1" s="1"/>
  <c r="A12347" i="1" s="1"/>
  <c r="A12348" i="1" s="1"/>
  <c r="A12349" i="1" s="1"/>
  <c r="A12350" i="1" s="1"/>
  <c r="A12351" i="1" s="1"/>
  <c r="A12352" i="1" s="1"/>
  <c r="A12353" i="1" s="1"/>
  <c r="A12354" i="1" s="1"/>
  <c r="A12355" i="1" s="1"/>
  <c r="A12356" i="1" s="1"/>
  <c r="A12357" i="1" s="1"/>
  <c r="A12358" i="1" s="1"/>
  <c r="A12359" i="1" s="1"/>
  <c r="A12360" i="1" s="1"/>
  <c r="A12361" i="1" s="1"/>
  <c r="A12362" i="1" s="1"/>
  <c r="A12363" i="1" s="1"/>
  <c r="A12364" i="1" s="1"/>
  <c r="A12365" i="1" s="1"/>
  <c r="A12366" i="1" s="1"/>
  <c r="A12367" i="1" s="1"/>
  <c r="A12368" i="1" s="1"/>
  <c r="A12369" i="1" s="1"/>
  <c r="A12370" i="1" s="1"/>
  <c r="A12371" i="1" s="1"/>
  <c r="A12372" i="1" s="1"/>
  <c r="A12373" i="1" s="1"/>
  <c r="A12374" i="1" s="1"/>
  <c r="A12375" i="1" s="1"/>
  <c r="A12376" i="1" s="1"/>
  <c r="A12377" i="1" s="1"/>
  <c r="A12378" i="1" s="1"/>
  <c r="A12379" i="1" s="1"/>
  <c r="A12380" i="1" s="1"/>
  <c r="A12381" i="1" s="1"/>
  <c r="A12382" i="1" s="1"/>
  <c r="A12383" i="1" s="1"/>
  <c r="A12384" i="1" s="1"/>
  <c r="A12385" i="1" s="1"/>
  <c r="A12386" i="1" s="1"/>
  <c r="A12387" i="1" s="1"/>
  <c r="A12388" i="1" s="1"/>
  <c r="A12389" i="1" s="1"/>
  <c r="A12390" i="1" s="1"/>
  <c r="A12391" i="1" s="1"/>
  <c r="A12392" i="1" s="1"/>
  <c r="A12393" i="1" s="1"/>
  <c r="A12394" i="1" s="1"/>
  <c r="A12395" i="1" s="1"/>
  <c r="A12396" i="1" s="1"/>
  <c r="A12397" i="1" s="1"/>
  <c r="A12398" i="1" s="1"/>
  <c r="A12399" i="1" s="1"/>
  <c r="A12400" i="1" s="1"/>
  <c r="A12401" i="1" s="1"/>
  <c r="A12402" i="1" s="1"/>
  <c r="A12403" i="1" s="1"/>
  <c r="A12404" i="1" s="1"/>
  <c r="A12405" i="1" s="1"/>
  <c r="A12406" i="1" s="1"/>
  <c r="A12407" i="1" s="1"/>
  <c r="A12408" i="1" s="1"/>
  <c r="A12409" i="1" s="1"/>
  <c r="A12410" i="1" s="1"/>
  <c r="A12411" i="1" s="1"/>
  <c r="A12412" i="1" s="1"/>
  <c r="A12413" i="1" s="1"/>
  <c r="A12414" i="1" s="1"/>
  <c r="A12415" i="1" s="1"/>
  <c r="A12416" i="1" s="1"/>
  <c r="A12417" i="1" s="1"/>
  <c r="A12418" i="1" s="1"/>
  <c r="A12419" i="1" s="1"/>
  <c r="A12420" i="1" s="1"/>
  <c r="A12421" i="1" s="1"/>
  <c r="A12422" i="1" s="1"/>
  <c r="A12423" i="1" s="1"/>
  <c r="A12424" i="1" s="1"/>
  <c r="A12425" i="1" s="1"/>
  <c r="A12426" i="1" s="1"/>
  <c r="A12427" i="1" s="1"/>
  <c r="A12428" i="1" s="1"/>
  <c r="A12429" i="1" s="1"/>
  <c r="A12430" i="1" s="1"/>
  <c r="A12431" i="1" s="1"/>
  <c r="A12432" i="1" s="1"/>
  <c r="A12433" i="1" s="1"/>
  <c r="A12434" i="1" s="1"/>
  <c r="A12435" i="1" s="1"/>
  <c r="A12436" i="1" s="1"/>
  <c r="A12437" i="1" s="1"/>
  <c r="A12438" i="1" s="1"/>
  <c r="A12439" i="1" s="1"/>
  <c r="A12440" i="1" s="1"/>
  <c r="A12441" i="1" s="1"/>
  <c r="A12442" i="1" s="1"/>
  <c r="A12443" i="1" s="1"/>
  <c r="A12444" i="1" s="1"/>
  <c r="A12445" i="1" s="1"/>
  <c r="A12446" i="1" s="1"/>
  <c r="A12447" i="1" s="1"/>
  <c r="A12448" i="1" s="1"/>
  <c r="A12449" i="1" s="1"/>
  <c r="A12450" i="1" s="1"/>
  <c r="A12451" i="1" s="1"/>
  <c r="A12452" i="1" s="1"/>
  <c r="A12453" i="1" s="1"/>
  <c r="A12454" i="1" s="1"/>
  <c r="A12455" i="1" s="1"/>
  <c r="A12456" i="1" s="1"/>
  <c r="A12457" i="1" s="1"/>
  <c r="A12458" i="1" s="1"/>
  <c r="A12459" i="1" s="1"/>
  <c r="A12460" i="1" s="1"/>
  <c r="A12461" i="1" s="1"/>
  <c r="A12462" i="1" s="1"/>
  <c r="A12463" i="1" s="1"/>
  <c r="A12464" i="1" s="1"/>
  <c r="A12465" i="1" s="1"/>
  <c r="A12466" i="1" s="1"/>
  <c r="A12467" i="1" s="1"/>
  <c r="A12468" i="1" s="1"/>
  <c r="A12469" i="1" s="1"/>
  <c r="A12470" i="1" s="1"/>
  <c r="A12471" i="1" s="1"/>
  <c r="A12472" i="1" s="1"/>
  <c r="A12473" i="1" s="1"/>
  <c r="A12474" i="1" s="1"/>
  <c r="A12475" i="1" s="1"/>
  <c r="A12476" i="1" s="1"/>
  <c r="A12477" i="1" s="1"/>
  <c r="A12478" i="1" s="1"/>
  <c r="A12479" i="1" s="1"/>
  <c r="A12480" i="1" s="1"/>
  <c r="A12481" i="1" s="1"/>
  <c r="A12482" i="1" s="1"/>
  <c r="A12483" i="1" s="1"/>
  <c r="A12484" i="1" s="1"/>
  <c r="A12485" i="1" s="1"/>
  <c r="A12486" i="1" s="1"/>
  <c r="A12487" i="1" s="1"/>
  <c r="A12488" i="1" s="1"/>
  <c r="A12489" i="1" s="1"/>
  <c r="A12490" i="1" s="1"/>
  <c r="A12491" i="1" s="1"/>
  <c r="A12492" i="1" s="1"/>
  <c r="A12493" i="1" s="1"/>
  <c r="A12494" i="1" s="1"/>
  <c r="A12495" i="1" s="1"/>
  <c r="A12496" i="1" s="1"/>
  <c r="A12497" i="1" s="1"/>
  <c r="A12498" i="1" s="1"/>
  <c r="A12499" i="1" s="1"/>
  <c r="A12500" i="1" s="1"/>
  <c r="A12501" i="1" s="1"/>
  <c r="A12502" i="1" s="1"/>
  <c r="A12503" i="1" s="1"/>
  <c r="A12504" i="1" s="1"/>
  <c r="A12505" i="1" s="1"/>
  <c r="A12506" i="1" s="1"/>
  <c r="A12507" i="1" s="1"/>
  <c r="A12508" i="1" s="1"/>
  <c r="A12509" i="1" s="1"/>
  <c r="A12510" i="1" s="1"/>
  <c r="A12511" i="1" s="1"/>
  <c r="A12512" i="1" s="1"/>
  <c r="A12513" i="1" s="1"/>
  <c r="A12514" i="1" s="1"/>
  <c r="A12515" i="1" s="1"/>
  <c r="A12516" i="1" s="1"/>
  <c r="A12517" i="1" s="1"/>
  <c r="A12518" i="1" s="1"/>
  <c r="A12519" i="1" s="1"/>
  <c r="A12520" i="1" s="1"/>
  <c r="A12521" i="1" s="1"/>
  <c r="A12522" i="1" s="1"/>
  <c r="A12523" i="1" s="1"/>
  <c r="A12524" i="1" s="1"/>
  <c r="A12525" i="1" s="1"/>
  <c r="A12526" i="1" s="1"/>
  <c r="A12527" i="1" s="1"/>
  <c r="A12528" i="1" s="1"/>
  <c r="A12529" i="1" s="1"/>
  <c r="A12530" i="1" s="1"/>
  <c r="A12531" i="1" s="1"/>
  <c r="A12532" i="1" s="1"/>
  <c r="A12533" i="1" s="1"/>
  <c r="A12534" i="1" s="1"/>
  <c r="A12535" i="1" s="1"/>
  <c r="A12536" i="1" s="1"/>
  <c r="A12537" i="1" s="1"/>
  <c r="A12538" i="1" s="1"/>
  <c r="A12539" i="1" s="1"/>
  <c r="A12540" i="1" s="1"/>
  <c r="A12541" i="1" s="1"/>
  <c r="A12542" i="1" s="1"/>
  <c r="A12543" i="1" s="1"/>
  <c r="A12544" i="1" s="1"/>
  <c r="A12545" i="1" s="1"/>
  <c r="A12546" i="1" s="1"/>
  <c r="A12547" i="1" s="1"/>
  <c r="A12548" i="1" s="1"/>
  <c r="A12549" i="1" s="1"/>
  <c r="A12550" i="1" s="1"/>
  <c r="A12551" i="1" s="1"/>
  <c r="A12552" i="1" s="1"/>
  <c r="A12553" i="1" s="1"/>
  <c r="A12554" i="1" s="1"/>
  <c r="A12555" i="1" s="1"/>
  <c r="A12556" i="1" s="1"/>
  <c r="A12557" i="1" s="1"/>
  <c r="A12558" i="1" s="1"/>
  <c r="A12559" i="1" s="1"/>
  <c r="A12560" i="1" s="1"/>
  <c r="A12561" i="1" s="1"/>
  <c r="A12562" i="1" s="1"/>
  <c r="A12563" i="1" s="1"/>
  <c r="A12564" i="1" s="1"/>
  <c r="A12565" i="1" s="1"/>
  <c r="A12566" i="1" s="1"/>
  <c r="A12567" i="1" s="1"/>
  <c r="A12568" i="1" s="1"/>
  <c r="A12569" i="1" s="1"/>
  <c r="A12570" i="1" s="1"/>
  <c r="A12571" i="1" s="1"/>
  <c r="A12572" i="1" s="1"/>
  <c r="A12573" i="1" s="1"/>
  <c r="A12574" i="1" s="1"/>
  <c r="A12575" i="1" s="1"/>
  <c r="A12576" i="1" s="1"/>
  <c r="A12577" i="1" s="1"/>
  <c r="A12578" i="1" s="1"/>
  <c r="A12579" i="1" s="1"/>
  <c r="A12580" i="1" s="1"/>
  <c r="A12581" i="1" s="1"/>
  <c r="A12582" i="1" s="1"/>
  <c r="A12583" i="1" s="1"/>
  <c r="A12584" i="1" s="1"/>
  <c r="A12585" i="1" s="1"/>
  <c r="A12586" i="1" s="1"/>
  <c r="A12587" i="1" s="1"/>
  <c r="A12588" i="1" s="1"/>
  <c r="A12589" i="1" s="1"/>
  <c r="A12590" i="1" s="1"/>
  <c r="A12591" i="1" s="1"/>
  <c r="A12592" i="1" s="1"/>
  <c r="A12593" i="1" s="1"/>
  <c r="A12594" i="1" s="1"/>
  <c r="A12595" i="1" s="1"/>
  <c r="A12596" i="1" s="1"/>
  <c r="A12597" i="1" s="1"/>
  <c r="A12598" i="1" s="1"/>
  <c r="A12599" i="1" s="1"/>
  <c r="A12600" i="1" s="1"/>
  <c r="A12601" i="1" s="1"/>
  <c r="A12602" i="1" s="1"/>
  <c r="A12603" i="1" s="1"/>
  <c r="A12604" i="1" s="1"/>
  <c r="A12605" i="1" s="1"/>
  <c r="A12606" i="1" s="1"/>
  <c r="A12607" i="1" s="1"/>
  <c r="A12608" i="1" s="1"/>
  <c r="A12609" i="1" s="1"/>
  <c r="A12610" i="1" s="1"/>
  <c r="A12611" i="1" s="1"/>
  <c r="A12612" i="1" s="1"/>
  <c r="A12613" i="1" s="1"/>
  <c r="A12614" i="1" s="1"/>
  <c r="A12615" i="1" s="1"/>
  <c r="A12616" i="1" s="1"/>
  <c r="A12617" i="1" s="1"/>
  <c r="A12618" i="1" s="1"/>
  <c r="A12619" i="1" s="1"/>
  <c r="A12620" i="1" s="1"/>
  <c r="A12621" i="1" s="1"/>
  <c r="A12622" i="1" s="1"/>
  <c r="A12623" i="1" s="1"/>
  <c r="A12624" i="1" s="1"/>
  <c r="A12625" i="1" s="1"/>
  <c r="A12626" i="1" s="1"/>
  <c r="A12627" i="1" s="1"/>
  <c r="A12628" i="1" s="1"/>
  <c r="A12629" i="1" s="1"/>
  <c r="A12630" i="1" s="1"/>
  <c r="A12631" i="1" s="1"/>
  <c r="A12632" i="1" s="1"/>
  <c r="A12633" i="1" s="1"/>
  <c r="A12634" i="1" s="1"/>
  <c r="A12635" i="1" s="1"/>
  <c r="A12636" i="1" s="1"/>
  <c r="A12637" i="1" s="1"/>
  <c r="A12638" i="1" s="1"/>
  <c r="A12639" i="1" s="1"/>
  <c r="A12640" i="1" s="1"/>
  <c r="A12641" i="1" s="1"/>
  <c r="A12642" i="1" s="1"/>
  <c r="A12643" i="1" s="1"/>
  <c r="A12644" i="1" s="1"/>
  <c r="A12645" i="1" s="1"/>
  <c r="A12646" i="1" s="1"/>
  <c r="A12647" i="1" s="1"/>
  <c r="A12648" i="1" s="1"/>
  <c r="A12649" i="1" s="1"/>
  <c r="A12650" i="1" s="1"/>
  <c r="A12651" i="1" s="1"/>
  <c r="A12652" i="1" s="1"/>
  <c r="A12653" i="1" s="1"/>
  <c r="A12654" i="1" s="1"/>
  <c r="A12655" i="1" s="1"/>
  <c r="A12656" i="1" s="1"/>
  <c r="A12657" i="1" s="1"/>
  <c r="A12658" i="1" s="1"/>
  <c r="A12659" i="1" s="1"/>
  <c r="A12660" i="1" s="1"/>
  <c r="A12661" i="1" s="1"/>
  <c r="A12662" i="1" s="1"/>
  <c r="A12663" i="1" s="1"/>
  <c r="A12664" i="1" s="1"/>
  <c r="A12665" i="1" s="1"/>
  <c r="A12666" i="1" s="1"/>
  <c r="A12667" i="1" s="1"/>
  <c r="A12668" i="1" s="1"/>
  <c r="A12669" i="1" s="1"/>
  <c r="A12670" i="1" s="1"/>
  <c r="A12671" i="1" s="1"/>
  <c r="A12672" i="1" s="1"/>
  <c r="A12673" i="1" s="1"/>
  <c r="A12674" i="1" s="1"/>
  <c r="A12675" i="1" s="1"/>
  <c r="A12676" i="1" s="1"/>
  <c r="A12677" i="1" s="1"/>
  <c r="A12678" i="1" s="1"/>
  <c r="A12679" i="1" s="1"/>
  <c r="A12680" i="1" s="1"/>
  <c r="A12681" i="1" s="1"/>
  <c r="A12682" i="1" s="1"/>
  <c r="A12683" i="1" s="1"/>
  <c r="A12684" i="1" s="1"/>
  <c r="A12685" i="1" s="1"/>
  <c r="A12686" i="1" s="1"/>
  <c r="A12687" i="1" s="1"/>
  <c r="A12688" i="1" s="1"/>
  <c r="A12689" i="1" s="1"/>
  <c r="A12690" i="1" s="1"/>
  <c r="A12691" i="1" s="1"/>
  <c r="A12692" i="1" s="1"/>
  <c r="A12693" i="1" s="1"/>
  <c r="A12694" i="1" s="1"/>
  <c r="A12695" i="1" s="1"/>
  <c r="A12696" i="1" s="1"/>
  <c r="A12697" i="1" s="1"/>
  <c r="A12698" i="1" s="1"/>
  <c r="A12699" i="1" s="1"/>
  <c r="A12700" i="1" s="1"/>
  <c r="A12701" i="1" s="1"/>
  <c r="A12702" i="1" s="1"/>
  <c r="A12703" i="1" s="1"/>
  <c r="A12704" i="1" s="1"/>
  <c r="A12705" i="1" s="1"/>
  <c r="A12706" i="1" s="1"/>
  <c r="A12707" i="1" s="1"/>
  <c r="A12708" i="1" s="1"/>
  <c r="A12709" i="1" s="1"/>
  <c r="A12710" i="1" s="1"/>
  <c r="A12711" i="1" s="1"/>
  <c r="A12712" i="1" s="1"/>
  <c r="A12713" i="1" s="1"/>
  <c r="A12714" i="1" s="1"/>
  <c r="A12715" i="1" s="1"/>
  <c r="A12716" i="1" s="1"/>
  <c r="A12717" i="1" s="1"/>
  <c r="A12718" i="1" s="1"/>
  <c r="A12719" i="1" s="1"/>
  <c r="A12720" i="1" s="1"/>
  <c r="A12721" i="1" s="1"/>
  <c r="A12722" i="1" s="1"/>
  <c r="A12723" i="1" s="1"/>
  <c r="A12724" i="1" s="1"/>
  <c r="A12725" i="1" s="1"/>
  <c r="A12726" i="1" s="1"/>
  <c r="A12727" i="1" s="1"/>
  <c r="A12728" i="1" s="1"/>
  <c r="A12729" i="1" s="1"/>
  <c r="A12730" i="1" s="1"/>
  <c r="A12731" i="1" s="1"/>
  <c r="A12732" i="1" s="1"/>
  <c r="A12733" i="1" s="1"/>
  <c r="A12734" i="1" s="1"/>
  <c r="A12735" i="1" s="1"/>
  <c r="A12736" i="1" s="1"/>
  <c r="A12737" i="1" s="1"/>
  <c r="A12738" i="1" s="1"/>
  <c r="A12739" i="1" s="1"/>
  <c r="A12740" i="1" s="1"/>
  <c r="A12741" i="1" s="1"/>
  <c r="A12742" i="1" s="1"/>
  <c r="A12743" i="1" s="1"/>
  <c r="A12744" i="1" s="1"/>
  <c r="A12745" i="1" s="1"/>
  <c r="A12746" i="1" s="1"/>
  <c r="A12747" i="1" s="1"/>
  <c r="A12748" i="1" s="1"/>
  <c r="A12749" i="1" s="1"/>
  <c r="A12750" i="1" s="1"/>
  <c r="A12751" i="1" s="1"/>
  <c r="A12752" i="1" s="1"/>
  <c r="A12753" i="1" s="1"/>
  <c r="A12754" i="1" s="1"/>
  <c r="A12755" i="1" s="1"/>
  <c r="A12756" i="1" s="1"/>
  <c r="A12757" i="1" s="1"/>
  <c r="A12758" i="1" s="1"/>
  <c r="A12759" i="1" s="1"/>
  <c r="A12760" i="1" s="1"/>
  <c r="A12761" i="1" s="1"/>
  <c r="A12762" i="1" s="1"/>
  <c r="A12763" i="1" s="1"/>
  <c r="A12764" i="1" s="1"/>
  <c r="A12765" i="1" s="1"/>
  <c r="A12766" i="1" s="1"/>
  <c r="A12767" i="1" s="1"/>
  <c r="A12768" i="1" s="1"/>
  <c r="A12769" i="1" s="1"/>
  <c r="A12770" i="1" s="1"/>
  <c r="A12771" i="1" s="1"/>
  <c r="A12772" i="1" s="1"/>
  <c r="A12773" i="1" s="1"/>
  <c r="A12774" i="1" s="1"/>
  <c r="A12775" i="1" s="1"/>
  <c r="A12776" i="1" s="1"/>
  <c r="A12777" i="1" s="1"/>
  <c r="A12778" i="1" s="1"/>
  <c r="A12779" i="1" s="1"/>
  <c r="A12780" i="1" s="1"/>
  <c r="A12781" i="1" s="1"/>
  <c r="A12782" i="1" s="1"/>
  <c r="A12783" i="1" s="1"/>
  <c r="A12784" i="1" s="1"/>
  <c r="A12785" i="1" s="1"/>
  <c r="A12786" i="1" s="1"/>
  <c r="A12787" i="1" s="1"/>
  <c r="A12788" i="1" s="1"/>
  <c r="A12789" i="1" s="1"/>
  <c r="A12790" i="1" s="1"/>
  <c r="A12791" i="1" s="1"/>
  <c r="A12792" i="1" s="1"/>
  <c r="A12793" i="1" s="1"/>
  <c r="A12794" i="1" s="1"/>
  <c r="A12795" i="1" s="1"/>
  <c r="A12796" i="1" s="1"/>
  <c r="A12797" i="1" s="1"/>
  <c r="A12798" i="1" s="1"/>
  <c r="A12799" i="1" s="1"/>
  <c r="A12800" i="1" s="1"/>
  <c r="A12801" i="1" s="1"/>
  <c r="A12802" i="1" s="1"/>
  <c r="A12803" i="1" s="1"/>
  <c r="A12804" i="1" s="1"/>
  <c r="A12805" i="1" s="1"/>
  <c r="A12806" i="1" s="1"/>
  <c r="A12807" i="1" s="1"/>
  <c r="A12808" i="1" s="1"/>
  <c r="A12809" i="1" s="1"/>
  <c r="A12810" i="1" s="1"/>
  <c r="A12811" i="1" s="1"/>
  <c r="A12812" i="1" s="1"/>
  <c r="A12813" i="1" s="1"/>
  <c r="A12814" i="1" s="1"/>
  <c r="A12815" i="1" s="1"/>
  <c r="A12816" i="1" s="1"/>
  <c r="A12817" i="1" s="1"/>
  <c r="A12818" i="1" s="1"/>
  <c r="A12819" i="1" s="1"/>
  <c r="A12820" i="1" s="1"/>
  <c r="A12821" i="1" s="1"/>
  <c r="A12822" i="1" s="1"/>
  <c r="A12823" i="1" s="1"/>
  <c r="A12824" i="1" s="1"/>
  <c r="A12825" i="1" s="1"/>
  <c r="A12826" i="1" s="1"/>
  <c r="A12827" i="1" s="1"/>
  <c r="A12828" i="1" s="1"/>
  <c r="A12829" i="1" s="1"/>
  <c r="A12830" i="1" s="1"/>
  <c r="A12831" i="1" s="1"/>
  <c r="A12832" i="1" s="1"/>
  <c r="A12833" i="1" s="1"/>
  <c r="A12834" i="1" s="1"/>
  <c r="A12835" i="1" s="1"/>
  <c r="A12836" i="1" s="1"/>
  <c r="A12837" i="1" s="1"/>
  <c r="A12838" i="1" s="1"/>
  <c r="A12839" i="1" s="1"/>
  <c r="A12840" i="1" s="1"/>
  <c r="A12841" i="1" s="1"/>
  <c r="A12842" i="1" s="1"/>
  <c r="A12843" i="1" s="1"/>
  <c r="A12844" i="1" s="1"/>
  <c r="A12845" i="1" s="1"/>
  <c r="A12846" i="1" s="1"/>
  <c r="A12847" i="1" s="1"/>
  <c r="A12848" i="1" s="1"/>
  <c r="A12849" i="1" s="1"/>
  <c r="A12850" i="1" s="1"/>
  <c r="A12851" i="1" s="1"/>
  <c r="A12852" i="1" s="1"/>
  <c r="A12853" i="1" s="1"/>
  <c r="A12854" i="1" s="1"/>
  <c r="A12855" i="1" s="1"/>
  <c r="A12856" i="1" s="1"/>
  <c r="A12857" i="1" s="1"/>
  <c r="A12858" i="1" s="1"/>
  <c r="A12859" i="1" s="1"/>
  <c r="A12860" i="1" s="1"/>
  <c r="A12861" i="1" s="1"/>
  <c r="A12862" i="1" s="1"/>
  <c r="A12863" i="1" s="1"/>
  <c r="A12864" i="1" s="1"/>
  <c r="A12865" i="1" s="1"/>
  <c r="A12866" i="1" s="1"/>
  <c r="A12867" i="1" s="1"/>
  <c r="A12868" i="1" s="1"/>
  <c r="A12869" i="1" s="1"/>
  <c r="A12870" i="1" s="1"/>
  <c r="A12871" i="1" s="1"/>
  <c r="A12872" i="1" s="1"/>
  <c r="A12873" i="1" s="1"/>
  <c r="A12874" i="1" s="1"/>
  <c r="A12875" i="1" s="1"/>
  <c r="A12876" i="1" s="1"/>
  <c r="A12877" i="1" s="1"/>
  <c r="A12878" i="1" s="1"/>
  <c r="A12879" i="1" s="1"/>
  <c r="A12880" i="1" s="1"/>
  <c r="A12881" i="1" s="1"/>
  <c r="A12882" i="1" s="1"/>
  <c r="A12883" i="1" s="1"/>
  <c r="A12884" i="1" s="1"/>
  <c r="A12885" i="1" s="1"/>
  <c r="A12886" i="1" s="1"/>
  <c r="A12887" i="1" s="1"/>
  <c r="A12888" i="1" s="1"/>
  <c r="A12889" i="1" s="1"/>
  <c r="A12890" i="1" s="1"/>
  <c r="A12891" i="1" s="1"/>
  <c r="A12892" i="1" s="1"/>
  <c r="A12893" i="1" s="1"/>
  <c r="A12894" i="1" s="1"/>
  <c r="A12895" i="1" s="1"/>
  <c r="A12896" i="1" s="1"/>
  <c r="A12897" i="1" s="1"/>
  <c r="A12898" i="1" s="1"/>
  <c r="A12899" i="1" s="1"/>
  <c r="A12900" i="1" s="1"/>
  <c r="A12901" i="1" s="1"/>
  <c r="A12902" i="1" s="1"/>
  <c r="A12903" i="1" s="1"/>
  <c r="A12904" i="1" s="1"/>
  <c r="A12905" i="1" s="1"/>
  <c r="A12906" i="1" s="1"/>
  <c r="A12907" i="1" s="1"/>
  <c r="A12908" i="1" s="1"/>
  <c r="A12909" i="1" s="1"/>
  <c r="A12910" i="1" s="1"/>
  <c r="A12911" i="1" s="1"/>
  <c r="A12912" i="1" s="1"/>
  <c r="A12913" i="1" s="1"/>
  <c r="A12914" i="1" s="1"/>
  <c r="A12915" i="1" s="1"/>
  <c r="A12916" i="1" s="1"/>
  <c r="A12917" i="1" s="1"/>
  <c r="A12918" i="1" s="1"/>
  <c r="A12919" i="1" s="1"/>
  <c r="A12920" i="1" s="1"/>
  <c r="A12921" i="1" s="1"/>
  <c r="A12922" i="1" s="1"/>
  <c r="A12923" i="1" s="1"/>
  <c r="A12924" i="1" s="1"/>
  <c r="A12925" i="1" s="1"/>
  <c r="A12926" i="1" s="1"/>
  <c r="A12927" i="1" s="1"/>
  <c r="A12928" i="1" s="1"/>
  <c r="A12929" i="1" s="1"/>
  <c r="A12930" i="1" s="1"/>
  <c r="A12931" i="1" s="1"/>
  <c r="A12932" i="1" s="1"/>
  <c r="A12933" i="1" s="1"/>
  <c r="A12934" i="1" s="1"/>
  <c r="A12935" i="1" s="1"/>
  <c r="A12936" i="1" s="1"/>
  <c r="A12937" i="1" s="1"/>
  <c r="A12938" i="1" s="1"/>
  <c r="A12939" i="1" s="1"/>
  <c r="A12940" i="1" s="1"/>
  <c r="A12941" i="1" s="1"/>
  <c r="A12942" i="1" s="1"/>
  <c r="A12943" i="1" s="1"/>
  <c r="A12944" i="1" s="1"/>
  <c r="A12945" i="1" s="1"/>
  <c r="A12946" i="1" s="1"/>
  <c r="A12947" i="1" s="1"/>
  <c r="A12948" i="1" s="1"/>
  <c r="A12949" i="1" s="1"/>
  <c r="A12950" i="1" s="1"/>
  <c r="A12951" i="1" s="1"/>
  <c r="A12952" i="1" s="1"/>
  <c r="A12953" i="1" s="1"/>
  <c r="A12954" i="1" s="1"/>
  <c r="A12955" i="1" s="1"/>
  <c r="A12956" i="1" s="1"/>
  <c r="A12957" i="1" s="1"/>
  <c r="A12958" i="1" s="1"/>
  <c r="A12959" i="1" s="1"/>
  <c r="A12960" i="1" s="1"/>
  <c r="A12961" i="1" s="1"/>
  <c r="A12962" i="1" s="1"/>
  <c r="A12963" i="1" s="1"/>
  <c r="A12964" i="1" s="1"/>
  <c r="A12965" i="1" s="1"/>
  <c r="A12966" i="1" s="1"/>
  <c r="A12967" i="1" s="1"/>
  <c r="A12968" i="1" s="1"/>
  <c r="A12969" i="1" s="1"/>
  <c r="A12970" i="1" s="1"/>
  <c r="A12971" i="1" s="1"/>
  <c r="A12972" i="1" s="1"/>
  <c r="A12973" i="1" s="1"/>
  <c r="A12974" i="1" s="1"/>
  <c r="A12975" i="1" s="1"/>
  <c r="A12976" i="1" s="1"/>
  <c r="A12977" i="1" s="1"/>
  <c r="A12978" i="1" s="1"/>
  <c r="A12979" i="1" s="1"/>
  <c r="A12980" i="1" s="1"/>
  <c r="A12981" i="1" s="1"/>
  <c r="A12982" i="1" s="1"/>
  <c r="A12983" i="1" s="1"/>
  <c r="A12984" i="1" s="1"/>
  <c r="A12985" i="1" s="1"/>
  <c r="A12986" i="1" s="1"/>
  <c r="A12987" i="1" s="1"/>
  <c r="A12988" i="1" s="1"/>
  <c r="A12989" i="1" s="1"/>
  <c r="A12990" i="1" s="1"/>
  <c r="A12991" i="1" s="1"/>
  <c r="A12992" i="1" s="1"/>
  <c r="A12993" i="1" s="1"/>
  <c r="A12994" i="1" s="1"/>
  <c r="A12995" i="1" s="1"/>
  <c r="A12996" i="1" s="1"/>
  <c r="A12997" i="1" s="1"/>
  <c r="A12998" i="1" s="1"/>
  <c r="A12999" i="1" s="1"/>
  <c r="A13000" i="1" s="1"/>
  <c r="A13001" i="1" s="1"/>
  <c r="A13002" i="1" s="1"/>
  <c r="A13003" i="1" s="1"/>
  <c r="A13004" i="1" s="1"/>
  <c r="A13005" i="1" s="1"/>
  <c r="A13006" i="1" s="1"/>
  <c r="A13007" i="1" s="1"/>
  <c r="A13008" i="1" s="1"/>
  <c r="A13009" i="1" s="1"/>
  <c r="A13010" i="1" s="1"/>
  <c r="A13011" i="1" s="1"/>
  <c r="A13012" i="1" s="1"/>
  <c r="A13013" i="1" s="1"/>
  <c r="A13014" i="1" s="1"/>
  <c r="A13015" i="1" s="1"/>
  <c r="A13016" i="1" s="1"/>
  <c r="A13017" i="1" s="1"/>
  <c r="A13018" i="1" s="1"/>
  <c r="A13019" i="1" s="1"/>
  <c r="A13020" i="1" s="1"/>
  <c r="A13021" i="1" s="1"/>
  <c r="A13022" i="1" s="1"/>
  <c r="A13023" i="1" s="1"/>
  <c r="A13024" i="1" s="1"/>
  <c r="A13025" i="1" s="1"/>
  <c r="A13026" i="1" s="1"/>
  <c r="A13027" i="1" s="1"/>
  <c r="A13028" i="1" s="1"/>
  <c r="A13029" i="1" s="1"/>
  <c r="A13030" i="1" s="1"/>
  <c r="A13031" i="1" s="1"/>
  <c r="A13032" i="1" s="1"/>
  <c r="A13033" i="1" s="1"/>
  <c r="A13034" i="1" s="1"/>
  <c r="A13035" i="1" s="1"/>
  <c r="A13036" i="1" s="1"/>
  <c r="A13037" i="1" s="1"/>
  <c r="A13038" i="1" s="1"/>
  <c r="A13039" i="1" s="1"/>
  <c r="A13040" i="1" s="1"/>
  <c r="A13041" i="1" s="1"/>
  <c r="A13042" i="1" s="1"/>
  <c r="A13043" i="1" s="1"/>
  <c r="A13044" i="1" s="1"/>
  <c r="A13045" i="1" s="1"/>
  <c r="A13046" i="1" s="1"/>
  <c r="A13047" i="1" s="1"/>
  <c r="A13048" i="1" s="1"/>
  <c r="A13049" i="1" s="1"/>
  <c r="A13050" i="1" s="1"/>
  <c r="A13051" i="1" s="1"/>
  <c r="A13052" i="1" s="1"/>
  <c r="A13053" i="1" s="1"/>
  <c r="A13054" i="1" s="1"/>
  <c r="A13055" i="1" s="1"/>
  <c r="A13056" i="1" s="1"/>
  <c r="A13057" i="1" s="1"/>
  <c r="A13058" i="1" s="1"/>
  <c r="A13059" i="1" s="1"/>
  <c r="A13060" i="1" s="1"/>
  <c r="A13061" i="1" s="1"/>
  <c r="A13062" i="1" s="1"/>
  <c r="A13063" i="1" s="1"/>
  <c r="A13064" i="1" s="1"/>
  <c r="A13065" i="1" s="1"/>
  <c r="A13066" i="1" s="1"/>
  <c r="A13067" i="1" s="1"/>
  <c r="A13068" i="1" s="1"/>
  <c r="A13069" i="1" s="1"/>
  <c r="A13070" i="1" s="1"/>
  <c r="A13071" i="1" s="1"/>
  <c r="A13072" i="1" s="1"/>
  <c r="A13073" i="1" s="1"/>
  <c r="A13074" i="1" s="1"/>
  <c r="A13075" i="1" s="1"/>
  <c r="A13076" i="1" s="1"/>
  <c r="A13077" i="1" s="1"/>
  <c r="A13078" i="1" s="1"/>
  <c r="A13079" i="1" s="1"/>
  <c r="A13080" i="1" s="1"/>
  <c r="A13081" i="1" s="1"/>
  <c r="A13082" i="1" s="1"/>
  <c r="A13083" i="1" s="1"/>
  <c r="A13084" i="1" s="1"/>
  <c r="A13085" i="1" s="1"/>
  <c r="A13086" i="1" s="1"/>
  <c r="A13087" i="1" s="1"/>
  <c r="A13088" i="1" s="1"/>
  <c r="A13089" i="1" s="1"/>
  <c r="A13090" i="1" s="1"/>
  <c r="A13091" i="1" s="1"/>
  <c r="A13092" i="1" s="1"/>
  <c r="A13093" i="1" s="1"/>
  <c r="A13094" i="1" s="1"/>
  <c r="A13095" i="1" s="1"/>
  <c r="A13096" i="1" s="1"/>
  <c r="A13097" i="1" s="1"/>
  <c r="A13098" i="1" s="1"/>
  <c r="A13099" i="1" s="1"/>
  <c r="A13100" i="1" s="1"/>
  <c r="A13101" i="1" s="1"/>
  <c r="A13102" i="1" s="1"/>
  <c r="A13103" i="1" s="1"/>
  <c r="A13104" i="1" s="1"/>
  <c r="A13105" i="1" s="1"/>
  <c r="A13106" i="1" s="1"/>
  <c r="A13107" i="1" s="1"/>
  <c r="A13108" i="1" s="1"/>
  <c r="A13109" i="1" s="1"/>
  <c r="A13110" i="1" s="1"/>
  <c r="A13111" i="1" s="1"/>
  <c r="A13112" i="1" s="1"/>
  <c r="A13113" i="1" s="1"/>
  <c r="A13114" i="1" s="1"/>
  <c r="A13115" i="1" s="1"/>
  <c r="A13116" i="1" s="1"/>
  <c r="A13117" i="1" s="1"/>
  <c r="A13118" i="1" s="1"/>
  <c r="A13119" i="1" s="1"/>
  <c r="A13120" i="1" s="1"/>
  <c r="A13121" i="1" s="1"/>
  <c r="A13122" i="1" s="1"/>
  <c r="A13123" i="1" s="1"/>
  <c r="A13124" i="1" s="1"/>
  <c r="A13125" i="1" s="1"/>
  <c r="A13126" i="1" s="1"/>
  <c r="A13127" i="1" s="1"/>
  <c r="A13128" i="1" s="1"/>
  <c r="A13129" i="1" s="1"/>
  <c r="A13130" i="1" s="1"/>
  <c r="A13131" i="1" s="1"/>
  <c r="A13132" i="1" s="1"/>
  <c r="A13133" i="1" s="1"/>
  <c r="A13134" i="1" s="1"/>
  <c r="A13135" i="1" s="1"/>
  <c r="A13136" i="1" s="1"/>
  <c r="A13137" i="1" s="1"/>
  <c r="A13138" i="1" s="1"/>
  <c r="A13139" i="1" s="1"/>
  <c r="A13140" i="1" s="1"/>
  <c r="A13141" i="1" s="1"/>
  <c r="A13142" i="1" s="1"/>
  <c r="A13143" i="1" s="1"/>
  <c r="A13144" i="1" s="1"/>
  <c r="A13145" i="1" s="1"/>
  <c r="A13146" i="1" s="1"/>
  <c r="A13147" i="1" s="1"/>
  <c r="A13148" i="1" s="1"/>
  <c r="A13149" i="1" s="1"/>
  <c r="A13150" i="1" s="1"/>
  <c r="A13151" i="1" s="1"/>
  <c r="A13152" i="1" s="1"/>
  <c r="A13153" i="1" s="1"/>
  <c r="A13154" i="1" s="1"/>
  <c r="A13155" i="1" s="1"/>
  <c r="A13156" i="1" s="1"/>
  <c r="A13157" i="1" s="1"/>
  <c r="A13158" i="1" s="1"/>
  <c r="A13159" i="1" s="1"/>
  <c r="A13160" i="1" s="1"/>
  <c r="A13161" i="1" s="1"/>
  <c r="A13162" i="1" s="1"/>
  <c r="A13163" i="1" s="1"/>
  <c r="A13164" i="1" s="1"/>
  <c r="A13165" i="1" s="1"/>
  <c r="A13166" i="1" s="1"/>
  <c r="A13167" i="1" s="1"/>
  <c r="A13168" i="1" s="1"/>
  <c r="A13169" i="1" s="1"/>
  <c r="A13170" i="1" s="1"/>
  <c r="A13171" i="1" s="1"/>
  <c r="A13172" i="1" s="1"/>
  <c r="A13173" i="1" s="1"/>
  <c r="A13174" i="1" s="1"/>
  <c r="A13175" i="1" s="1"/>
  <c r="A13176" i="1" s="1"/>
  <c r="A13177" i="1" s="1"/>
  <c r="A13178" i="1" s="1"/>
  <c r="A13179" i="1" s="1"/>
  <c r="A13180" i="1" s="1"/>
  <c r="A13181" i="1" s="1"/>
  <c r="A13182" i="1" s="1"/>
  <c r="A13183" i="1" s="1"/>
  <c r="A13184" i="1" s="1"/>
  <c r="A13185" i="1" s="1"/>
  <c r="A13186" i="1" s="1"/>
  <c r="A13187" i="1" s="1"/>
  <c r="A13188" i="1" s="1"/>
  <c r="A13189" i="1" s="1"/>
  <c r="A13190" i="1" s="1"/>
  <c r="A13191" i="1" s="1"/>
  <c r="A13192" i="1" s="1"/>
  <c r="A13193" i="1" s="1"/>
  <c r="A13194" i="1" s="1"/>
  <c r="A13195" i="1" s="1"/>
  <c r="A13196" i="1" s="1"/>
  <c r="A13197" i="1" s="1"/>
  <c r="A13198" i="1" s="1"/>
  <c r="A13199" i="1" s="1"/>
  <c r="A13200" i="1" s="1"/>
  <c r="A13201" i="1" s="1"/>
  <c r="A13202" i="1" s="1"/>
  <c r="A13203" i="1" s="1"/>
  <c r="A13204" i="1" s="1"/>
  <c r="A13205" i="1" s="1"/>
  <c r="A13206" i="1" s="1"/>
  <c r="A13207" i="1" s="1"/>
  <c r="A13208" i="1" s="1"/>
  <c r="A13209" i="1" s="1"/>
  <c r="A13210" i="1" s="1"/>
  <c r="A13211" i="1" s="1"/>
  <c r="A13212" i="1" s="1"/>
  <c r="A13213" i="1" s="1"/>
  <c r="A13214" i="1" s="1"/>
  <c r="A13215" i="1" s="1"/>
  <c r="A13216" i="1" s="1"/>
  <c r="A13217" i="1" s="1"/>
  <c r="A13218" i="1" s="1"/>
  <c r="A13219" i="1" s="1"/>
  <c r="A13220" i="1" s="1"/>
  <c r="A13221" i="1" s="1"/>
  <c r="A13222" i="1" s="1"/>
  <c r="A13223" i="1" s="1"/>
  <c r="A13224" i="1" s="1"/>
  <c r="A13225" i="1" s="1"/>
  <c r="A13226" i="1" s="1"/>
  <c r="A13227" i="1" s="1"/>
  <c r="A13228" i="1" s="1"/>
  <c r="A13229" i="1" s="1"/>
  <c r="A13230" i="1" s="1"/>
  <c r="A13231" i="1" s="1"/>
  <c r="A13232" i="1" s="1"/>
  <c r="A13233" i="1" s="1"/>
  <c r="A13234" i="1" s="1"/>
  <c r="A13235" i="1" s="1"/>
  <c r="A13236" i="1" s="1"/>
  <c r="A13237" i="1" s="1"/>
  <c r="A13238" i="1" s="1"/>
  <c r="A13239" i="1" s="1"/>
  <c r="A13240" i="1" s="1"/>
  <c r="A13241" i="1" s="1"/>
  <c r="A13242" i="1" s="1"/>
  <c r="A13243" i="1" s="1"/>
  <c r="A13244" i="1" s="1"/>
  <c r="A13245" i="1" s="1"/>
  <c r="A13246" i="1" s="1"/>
  <c r="A13247" i="1" s="1"/>
  <c r="A13248" i="1" s="1"/>
  <c r="A13249" i="1" s="1"/>
  <c r="A13250" i="1" s="1"/>
  <c r="A13251" i="1" s="1"/>
  <c r="A13252" i="1" s="1"/>
  <c r="A13253" i="1" s="1"/>
  <c r="A13254" i="1" s="1"/>
  <c r="A13255" i="1" s="1"/>
  <c r="A13256" i="1" s="1"/>
  <c r="A13257" i="1" s="1"/>
  <c r="A13258" i="1" s="1"/>
  <c r="A13259" i="1" s="1"/>
  <c r="A13260" i="1" s="1"/>
  <c r="A13261" i="1" s="1"/>
  <c r="A13262" i="1" s="1"/>
  <c r="A13263" i="1" s="1"/>
  <c r="A13264" i="1" s="1"/>
  <c r="A13265" i="1" s="1"/>
  <c r="A13266" i="1" s="1"/>
  <c r="A13267" i="1" s="1"/>
  <c r="A13268" i="1" s="1"/>
  <c r="A13269" i="1" s="1"/>
  <c r="A13270" i="1" s="1"/>
  <c r="A13271" i="1" s="1"/>
  <c r="A13272" i="1" s="1"/>
  <c r="A13273" i="1" s="1"/>
  <c r="A13274" i="1" s="1"/>
  <c r="A13275" i="1" s="1"/>
  <c r="A13276" i="1" s="1"/>
  <c r="A13277" i="1" s="1"/>
  <c r="A13278" i="1" s="1"/>
  <c r="A13279" i="1" s="1"/>
  <c r="A13280" i="1" s="1"/>
  <c r="A13281" i="1" s="1"/>
  <c r="A13282" i="1" s="1"/>
  <c r="A13283" i="1" s="1"/>
  <c r="A13284" i="1" s="1"/>
  <c r="A13285" i="1" s="1"/>
  <c r="A13286" i="1" s="1"/>
  <c r="A13287" i="1" s="1"/>
  <c r="A13288" i="1" s="1"/>
  <c r="A13289" i="1" s="1"/>
  <c r="A13290" i="1" s="1"/>
  <c r="A13291" i="1" s="1"/>
  <c r="A13292" i="1" s="1"/>
  <c r="A13293" i="1" s="1"/>
  <c r="A13294" i="1" s="1"/>
  <c r="A13295" i="1" s="1"/>
  <c r="A13296" i="1" s="1"/>
  <c r="A13297" i="1" s="1"/>
  <c r="A13298" i="1" s="1"/>
  <c r="A13299" i="1" s="1"/>
  <c r="A13300" i="1" s="1"/>
  <c r="A13301" i="1" s="1"/>
  <c r="A13302" i="1" s="1"/>
  <c r="A13303" i="1" s="1"/>
  <c r="A13304" i="1" s="1"/>
  <c r="A13305" i="1" s="1"/>
  <c r="A13306" i="1" s="1"/>
  <c r="A13307" i="1" s="1"/>
  <c r="A13308" i="1" s="1"/>
  <c r="A13309" i="1" s="1"/>
  <c r="A13310" i="1" s="1"/>
  <c r="A13311" i="1" s="1"/>
  <c r="A13312" i="1" s="1"/>
  <c r="A13313" i="1" s="1"/>
  <c r="A13314" i="1" s="1"/>
  <c r="A13315" i="1" s="1"/>
  <c r="A13316" i="1" s="1"/>
  <c r="A13317" i="1" s="1"/>
  <c r="A13318" i="1" s="1"/>
  <c r="A13319" i="1" s="1"/>
  <c r="A13320" i="1" s="1"/>
  <c r="A13321" i="1" s="1"/>
  <c r="A13322" i="1" s="1"/>
  <c r="A13323" i="1" s="1"/>
  <c r="A13324" i="1" s="1"/>
  <c r="A13325" i="1" s="1"/>
  <c r="A13326" i="1" s="1"/>
  <c r="A13327" i="1" s="1"/>
  <c r="A13328" i="1" s="1"/>
  <c r="A13329" i="1" s="1"/>
  <c r="A13330" i="1" s="1"/>
  <c r="A13331" i="1" s="1"/>
  <c r="A13332" i="1" s="1"/>
  <c r="A13333" i="1" s="1"/>
  <c r="A13334" i="1" s="1"/>
  <c r="A13335" i="1" s="1"/>
  <c r="A13336" i="1" s="1"/>
  <c r="A13337" i="1" s="1"/>
  <c r="A13338" i="1" s="1"/>
  <c r="A13339" i="1" s="1"/>
  <c r="A13340" i="1" s="1"/>
  <c r="A13341" i="1" s="1"/>
  <c r="A13342" i="1" s="1"/>
  <c r="A13343" i="1" s="1"/>
  <c r="A13344" i="1" s="1"/>
  <c r="A13345" i="1" s="1"/>
  <c r="A13346" i="1" s="1"/>
  <c r="A13347" i="1" s="1"/>
  <c r="A13348" i="1" s="1"/>
  <c r="A13349" i="1" s="1"/>
  <c r="A13350" i="1" s="1"/>
  <c r="A13351" i="1" s="1"/>
  <c r="A13352" i="1" s="1"/>
  <c r="A13353" i="1" s="1"/>
  <c r="A13354" i="1" s="1"/>
  <c r="A13355" i="1" s="1"/>
  <c r="A13356" i="1" s="1"/>
  <c r="A13357" i="1" s="1"/>
  <c r="A13358" i="1" s="1"/>
  <c r="A13359" i="1" s="1"/>
  <c r="A13360" i="1" s="1"/>
  <c r="A13361" i="1" s="1"/>
  <c r="A13362" i="1" s="1"/>
  <c r="A13363" i="1" s="1"/>
  <c r="A13364" i="1" s="1"/>
  <c r="A13365" i="1" s="1"/>
  <c r="A13366" i="1" s="1"/>
  <c r="A13367" i="1" s="1"/>
  <c r="A13368" i="1" s="1"/>
  <c r="A13369" i="1" s="1"/>
  <c r="A13370" i="1" s="1"/>
  <c r="A13371" i="1" s="1"/>
  <c r="A13372" i="1" s="1"/>
  <c r="A13373" i="1" s="1"/>
  <c r="A13374" i="1" s="1"/>
  <c r="A13375" i="1" s="1"/>
  <c r="A13376" i="1" s="1"/>
  <c r="A13377" i="1" s="1"/>
  <c r="A13378" i="1" s="1"/>
  <c r="A13379" i="1" s="1"/>
  <c r="A13380" i="1" s="1"/>
  <c r="A13381" i="1" s="1"/>
  <c r="A13382" i="1" s="1"/>
  <c r="A13383" i="1" s="1"/>
  <c r="A13384" i="1" s="1"/>
  <c r="A13385" i="1" s="1"/>
  <c r="A13386" i="1" s="1"/>
  <c r="A13387" i="1" s="1"/>
  <c r="A13388" i="1" s="1"/>
  <c r="A13389" i="1" s="1"/>
  <c r="A13390" i="1" s="1"/>
  <c r="A13391" i="1" s="1"/>
  <c r="A13392" i="1" s="1"/>
  <c r="A13393" i="1" s="1"/>
  <c r="A13394" i="1" s="1"/>
  <c r="A13395" i="1" s="1"/>
  <c r="A13396" i="1" s="1"/>
  <c r="A13397" i="1" s="1"/>
  <c r="A13398" i="1" s="1"/>
  <c r="A13399" i="1" s="1"/>
  <c r="A13400" i="1" s="1"/>
  <c r="A13401" i="1" s="1"/>
  <c r="A13402" i="1" s="1"/>
  <c r="A13403" i="1" s="1"/>
  <c r="A13404" i="1" s="1"/>
  <c r="A13405" i="1" s="1"/>
  <c r="A13406" i="1" s="1"/>
  <c r="A13407" i="1" s="1"/>
  <c r="A13408" i="1" s="1"/>
  <c r="A13409" i="1" s="1"/>
  <c r="A13410" i="1" s="1"/>
  <c r="A13411" i="1" s="1"/>
  <c r="A13412" i="1" s="1"/>
  <c r="A13413" i="1" s="1"/>
  <c r="A13414" i="1" s="1"/>
  <c r="A13415" i="1" s="1"/>
  <c r="A13416" i="1" s="1"/>
  <c r="A13417" i="1" s="1"/>
  <c r="A13418" i="1" s="1"/>
  <c r="A13419" i="1" s="1"/>
  <c r="A13420" i="1" s="1"/>
  <c r="A13421" i="1" s="1"/>
  <c r="A13422" i="1" s="1"/>
  <c r="A13423" i="1" s="1"/>
  <c r="A13424" i="1" s="1"/>
  <c r="A13425" i="1" s="1"/>
  <c r="A13426" i="1" s="1"/>
  <c r="A13427" i="1" s="1"/>
  <c r="A13428" i="1" s="1"/>
  <c r="A13429" i="1" s="1"/>
  <c r="A13430" i="1" s="1"/>
  <c r="A13431" i="1" s="1"/>
  <c r="A13432" i="1" s="1"/>
  <c r="A13433" i="1" s="1"/>
  <c r="A13434" i="1" s="1"/>
  <c r="A13435" i="1" s="1"/>
  <c r="A13436" i="1" s="1"/>
  <c r="A13437" i="1" s="1"/>
  <c r="A13438" i="1" s="1"/>
  <c r="A13439" i="1" s="1"/>
  <c r="A13440" i="1" s="1"/>
  <c r="A13441" i="1" s="1"/>
  <c r="A13442" i="1" s="1"/>
  <c r="A13443" i="1" s="1"/>
  <c r="A13444" i="1" s="1"/>
  <c r="A13445" i="1" s="1"/>
  <c r="A13446" i="1" s="1"/>
  <c r="A13447" i="1" s="1"/>
  <c r="A13448" i="1" s="1"/>
  <c r="A13449" i="1" s="1"/>
  <c r="A13450" i="1" s="1"/>
  <c r="A13451" i="1" s="1"/>
  <c r="A13452" i="1" s="1"/>
  <c r="A13453" i="1" s="1"/>
  <c r="A13454" i="1" s="1"/>
  <c r="A13455" i="1" s="1"/>
  <c r="A13456" i="1" s="1"/>
  <c r="A13457" i="1" s="1"/>
  <c r="A13458" i="1" s="1"/>
  <c r="A13459" i="1" s="1"/>
  <c r="A13460" i="1" s="1"/>
  <c r="A13461" i="1" s="1"/>
  <c r="A13462" i="1" s="1"/>
  <c r="A13463" i="1" s="1"/>
  <c r="A13464" i="1" s="1"/>
  <c r="A13465" i="1" s="1"/>
  <c r="A13466" i="1" s="1"/>
  <c r="A13467" i="1" s="1"/>
  <c r="A13468" i="1" s="1"/>
  <c r="A13469" i="1" s="1"/>
  <c r="A13470" i="1" s="1"/>
  <c r="A13471" i="1" s="1"/>
  <c r="A13472" i="1" s="1"/>
  <c r="A13473" i="1" s="1"/>
  <c r="A13474" i="1" s="1"/>
  <c r="A13475" i="1" s="1"/>
  <c r="A13476" i="1" s="1"/>
  <c r="A13477" i="1" s="1"/>
  <c r="A13478" i="1" s="1"/>
  <c r="A13479" i="1" s="1"/>
  <c r="A13480" i="1" s="1"/>
  <c r="A13481" i="1" s="1"/>
  <c r="A13482" i="1" s="1"/>
  <c r="A13483" i="1" s="1"/>
  <c r="A13484" i="1" s="1"/>
  <c r="A13485" i="1" s="1"/>
  <c r="A13486" i="1" s="1"/>
  <c r="A13487" i="1" s="1"/>
  <c r="A13488" i="1" s="1"/>
  <c r="A13489" i="1" s="1"/>
  <c r="A13490" i="1" s="1"/>
  <c r="A13491" i="1" s="1"/>
  <c r="A13492" i="1" s="1"/>
  <c r="A13493" i="1" s="1"/>
  <c r="A13494" i="1" s="1"/>
  <c r="A13495" i="1" s="1"/>
  <c r="A13496" i="1" s="1"/>
  <c r="A13497" i="1" s="1"/>
  <c r="A13498" i="1" s="1"/>
  <c r="A13499" i="1" s="1"/>
  <c r="A13500" i="1" s="1"/>
  <c r="A13501" i="1" s="1"/>
  <c r="A13502" i="1" s="1"/>
  <c r="A13503" i="1" s="1"/>
  <c r="A13504" i="1" s="1"/>
  <c r="A13505" i="1" s="1"/>
  <c r="A13506" i="1" s="1"/>
  <c r="A13507" i="1" s="1"/>
  <c r="A13508" i="1" s="1"/>
  <c r="A13509" i="1" s="1"/>
  <c r="A13510" i="1" s="1"/>
  <c r="A13511" i="1" s="1"/>
  <c r="A13512" i="1" s="1"/>
  <c r="A13513" i="1" s="1"/>
  <c r="A13514" i="1" s="1"/>
  <c r="A13515" i="1" s="1"/>
  <c r="A13516" i="1" s="1"/>
  <c r="A13517" i="1" s="1"/>
  <c r="A13518" i="1" s="1"/>
  <c r="A13519" i="1" s="1"/>
  <c r="A13520" i="1" s="1"/>
  <c r="A13521" i="1" s="1"/>
  <c r="A13522" i="1" s="1"/>
  <c r="A13523" i="1" s="1"/>
  <c r="A13524" i="1" s="1"/>
  <c r="A13525" i="1" s="1"/>
  <c r="A13526" i="1" s="1"/>
  <c r="A13527" i="1" s="1"/>
  <c r="A13528" i="1" s="1"/>
  <c r="A13529" i="1" s="1"/>
  <c r="A13530" i="1" s="1"/>
  <c r="A13531" i="1" s="1"/>
  <c r="A13532" i="1" s="1"/>
  <c r="A13533" i="1" s="1"/>
  <c r="A13534" i="1" s="1"/>
  <c r="A13535" i="1" s="1"/>
  <c r="A13536" i="1" s="1"/>
  <c r="A13537" i="1" s="1"/>
  <c r="A13538" i="1" s="1"/>
  <c r="A13539" i="1" s="1"/>
  <c r="A13540" i="1" s="1"/>
  <c r="A13541" i="1" s="1"/>
  <c r="A13542" i="1" s="1"/>
  <c r="A13543" i="1" s="1"/>
  <c r="A13544" i="1" s="1"/>
  <c r="A13545" i="1" s="1"/>
  <c r="A13546" i="1" s="1"/>
  <c r="A13547" i="1" s="1"/>
  <c r="A13548" i="1" s="1"/>
  <c r="A13549" i="1" s="1"/>
  <c r="A13550" i="1" s="1"/>
  <c r="A13551" i="1" s="1"/>
  <c r="A13552" i="1" s="1"/>
  <c r="A13553" i="1" s="1"/>
  <c r="A13554" i="1" s="1"/>
  <c r="A13555" i="1" s="1"/>
  <c r="A13556" i="1" s="1"/>
  <c r="A13557" i="1" s="1"/>
  <c r="A13558" i="1" s="1"/>
  <c r="A13559" i="1" s="1"/>
  <c r="A13560" i="1" s="1"/>
  <c r="A13561" i="1" s="1"/>
  <c r="A13562" i="1" s="1"/>
  <c r="A13563" i="1" s="1"/>
  <c r="A13564" i="1" s="1"/>
  <c r="A13565" i="1" s="1"/>
  <c r="A13566" i="1" s="1"/>
  <c r="A13567" i="1" s="1"/>
  <c r="A13568" i="1" s="1"/>
  <c r="A13569" i="1" s="1"/>
  <c r="A13570" i="1" s="1"/>
  <c r="A13571" i="1" s="1"/>
  <c r="A13572" i="1" s="1"/>
  <c r="A13573" i="1" s="1"/>
  <c r="A13574" i="1" s="1"/>
  <c r="A13575" i="1" s="1"/>
  <c r="A13576" i="1" s="1"/>
  <c r="A13577" i="1" s="1"/>
  <c r="A13578" i="1" s="1"/>
  <c r="A13579" i="1" s="1"/>
  <c r="A13580" i="1" s="1"/>
  <c r="A13581" i="1" s="1"/>
  <c r="A13582" i="1" s="1"/>
  <c r="A13583" i="1" s="1"/>
  <c r="A13584" i="1" s="1"/>
  <c r="A13585" i="1" s="1"/>
  <c r="A13586" i="1" s="1"/>
  <c r="A13587" i="1" s="1"/>
  <c r="A13588" i="1" s="1"/>
  <c r="A13589" i="1" s="1"/>
  <c r="A13590" i="1" s="1"/>
  <c r="A13591" i="1" s="1"/>
  <c r="A13592" i="1" s="1"/>
  <c r="A13593" i="1" s="1"/>
  <c r="A13594" i="1" s="1"/>
  <c r="A13595" i="1" s="1"/>
  <c r="A13596" i="1" s="1"/>
  <c r="A13597" i="1" s="1"/>
  <c r="A13598" i="1" s="1"/>
  <c r="A13599" i="1" s="1"/>
  <c r="A13600" i="1" s="1"/>
  <c r="A13601" i="1" s="1"/>
  <c r="A13602" i="1" s="1"/>
  <c r="A13603" i="1" s="1"/>
  <c r="A13604" i="1" s="1"/>
  <c r="A13605" i="1" s="1"/>
  <c r="A13606" i="1" s="1"/>
  <c r="A13607" i="1" s="1"/>
  <c r="A13608" i="1" s="1"/>
  <c r="A13609" i="1" s="1"/>
  <c r="A13610" i="1" s="1"/>
  <c r="A13611" i="1" s="1"/>
  <c r="A13612" i="1" s="1"/>
  <c r="A13613" i="1" s="1"/>
  <c r="A13614" i="1" s="1"/>
  <c r="A13615" i="1" s="1"/>
  <c r="A13616" i="1" s="1"/>
  <c r="A13617" i="1" s="1"/>
  <c r="A13618" i="1" s="1"/>
  <c r="A13619" i="1" s="1"/>
  <c r="A13620" i="1" s="1"/>
  <c r="A13621" i="1" s="1"/>
  <c r="A13622" i="1" s="1"/>
  <c r="A13623" i="1" s="1"/>
  <c r="A13624" i="1" s="1"/>
  <c r="A13625" i="1" s="1"/>
  <c r="A13626" i="1" s="1"/>
  <c r="A13627" i="1" s="1"/>
  <c r="A13628" i="1" s="1"/>
  <c r="A13629" i="1" s="1"/>
  <c r="A13630" i="1" s="1"/>
  <c r="A13631" i="1" s="1"/>
  <c r="A13632" i="1" s="1"/>
  <c r="A13633" i="1" s="1"/>
  <c r="A13634" i="1" s="1"/>
  <c r="A13635" i="1" s="1"/>
  <c r="A13636" i="1" s="1"/>
  <c r="A13637" i="1" s="1"/>
  <c r="A13638" i="1" s="1"/>
  <c r="A13639" i="1" s="1"/>
  <c r="A13640" i="1" s="1"/>
  <c r="A13641" i="1" s="1"/>
  <c r="A13642" i="1" s="1"/>
  <c r="A13643" i="1" s="1"/>
  <c r="A13644" i="1" s="1"/>
  <c r="A13645" i="1" s="1"/>
  <c r="A13646" i="1" s="1"/>
  <c r="A13647" i="1" s="1"/>
  <c r="A13648" i="1" s="1"/>
  <c r="A13649" i="1" s="1"/>
  <c r="A13650" i="1" s="1"/>
  <c r="A13651" i="1" s="1"/>
  <c r="A13652" i="1" s="1"/>
  <c r="A13653" i="1" s="1"/>
  <c r="A13654" i="1" s="1"/>
  <c r="A13655" i="1" s="1"/>
  <c r="A13656" i="1" s="1"/>
  <c r="A13657" i="1" s="1"/>
  <c r="A13658" i="1" s="1"/>
  <c r="A13659" i="1" s="1"/>
  <c r="A13660" i="1" s="1"/>
  <c r="A13661" i="1" s="1"/>
  <c r="A13662" i="1" s="1"/>
  <c r="A13663" i="1" s="1"/>
  <c r="A13664" i="1" s="1"/>
  <c r="A13665" i="1" s="1"/>
  <c r="A13666" i="1" s="1"/>
  <c r="A13667" i="1" s="1"/>
  <c r="A13668" i="1" s="1"/>
  <c r="A13669" i="1" s="1"/>
  <c r="A13670" i="1" s="1"/>
  <c r="A13671" i="1" s="1"/>
  <c r="A13672" i="1" s="1"/>
  <c r="A13673" i="1" s="1"/>
  <c r="A13674" i="1" s="1"/>
  <c r="A13675" i="1" s="1"/>
  <c r="A13676" i="1" s="1"/>
  <c r="A13677" i="1" s="1"/>
  <c r="A13678" i="1" s="1"/>
  <c r="A13679" i="1" s="1"/>
  <c r="A13680" i="1" s="1"/>
  <c r="A13681" i="1" s="1"/>
  <c r="A13682" i="1" s="1"/>
  <c r="A13683" i="1" s="1"/>
  <c r="A13684" i="1" s="1"/>
  <c r="A13685" i="1" s="1"/>
  <c r="A13686" i="1" s="1"/>
  <c r="A13687" i="1" s="1"/>
  <c r="A13688" i="1" s="1"/>
  <c r="A13689" i="1" s="1"/>
  <c r="A13690" i="1" s="1"/>
  <c r="A13691" i="1" s="1"/>
  <c r="A13692" i="1" s="1"/>
  <c r="A13693" i="1" s="1"/>
  <c r="A13694" i="1" s="1"/>
  <c r="A13695" i="1" s="1"/>
  <c r="A13696" i="1" s="1"/>
  <c r="A13697" i="1" s="1"/>
  <c r="A13698" i="1" s="1"/>
  <c r="A13699" i="1" s="1"/>
  <c r="A13700" i="1" s="1"/>
  <c r="A13701" i="1" s="1"/>
  <c r="A13702" i="1" s="1"/>
  <c r="A13703" i="1" s="1"/>
  <c r="A13704" i="1" s="1"/>
  <c r="A13705" i="1" s="1"/>
  <c r="A13706" i="1" s="1"/>
  <c r="A13707" i="1" s="1"/>
  <c r="A13708" i="1" s="1"/>
  <c r="A13709" i="1" s="1"/>
  <c r="A13710" i="1" s="1"/>
  <c r="A13711" i="1" s="1"/>
  <c r="A13712" i="1" s="1"/>
  <c r="A13713" i="1" s="1"/>
  <c r="A13714" i="1" s="1"/>
  <c r="A13715" i="1" s="1"/>
  <c r="A13716" i="1" s="1"/>
  <c r="A13717" i="1" s="1"/>
  <c r="A13718" i="1" s="1"/>
  <c r="A13719" i="1" s="1"/>
  <c r="A13720" i="1" s="1"/>
  <c r="A13721" i="1" s="1"/>
  <c r="A13722" i="1" s="1"/>
  <c r="A13723" i="1" s="1"/>
  <c r="A13724" i="1" s="1"/>
  <c r="A13725" i="1" s="1"/>
  <c r="A13726" i="1" s="1"/>
  <c r="A13727" i="1" s="1"/>
  <c r="A13728" i="1" s="1"/>
  <c r="A13729" i="1" s="1"/>
  <c r="A13730" i="1" s="1"/>
  <c r="A13731" i="1" s="1"/>
  <c r="A13732" i="1" s="1"/>
  <c r="A13733" i="1" s="1"/>
  <c r="A13734" i="1" s="1"/>
  <c r="A13735" i="1" s="1"/>
  <c r="A13736" i="1" s="1"/>
  <c r="A13737" i="1" s="1"/>
  <c r="A13738" i="1" s="1"/>
  <c r="A13739" i="1" s="1"/>
  <c r="A13740" i="1" s="1"/>
  <c r="A13741" i="1" s="1"/>
  <c r="A13742" i="1" s="1"/>
  <c r="A13743" i="1" s="1"/>
  <c r="A13744" i="1" s="1"/>
  <c r="A13745" i="1" s="1"/>
  <c r="A13746" i="1" s="1"/>
  <c r="A13747" i="1" s="1"/>
  <c r="A13748" i="1" s="1"/>
  <c r="A13749" i="1" s="1"/>
  <c r="A13750" i="1" s="1"/>
  <c r="A13751" i="1" s="1"/>
  <c r="A13752" i="1" s="1"/>
  <c r="A13753" i="1" s="1"/>
  <c r="A13754" i="1" s="1"/>
  <c r="A13755" i="1" s="1"/>
  <c r="A13756" i="1" s="1"/>
  <c r="A13757" i="1" s="1"/>
  <c r="A13758" i="1" s="1"/>
  <c r="A13759" i="1" s="1"/>
  <c r="A13760" i="1" s="1"/>
  <c r="A13761" i="1" s="1"/>
  <c r="A13762" i="1" s="1"/>
  <c r="A13763" i="1" s="1"/>
  <c r="A13764" i="1" s="1"/>
  <c r="A13765" i="1" s="1"/>
  <c r="A13766" i="1" s="1"/>
  <c r="A13767" i="1" s="1"/>
  <c r="A13768" i="1" s="1"/>
  <c r="A13769" i="1" s="1"/>
  <c r="A13770" i="1" s="1"/>
  <c r="A13771" i="1" s="1"/>
  <c r="A13772" i="1" s="1"/>
  <c r="A13773" i="1" s="1"/>
  <c r="A13774" i="1" s="1"/>
  <c r="A13775" i="1" s="1"/>
  <c r="A13776" i="1" s="1"/>
  <c r="A13777" i="1" s="1"/>
  <c r="A13778" i="1" s="1"/>
  <c r="A13779" i="1" s="1"/>
  <c r="A13780" i="1" s="1"/>
  <c r="A13781" i="1" s="1"/>
  <c r="A13782" i="1" s="1"/>
  <c r="A13783" i="1" s="1"/>
  <c r="A13784" i="1" s="1"/>
  <c r="A13785" i="1" s="1"/>
  <c r="A13786" i="1" s="1"/>
  <c r="A13787" i="1" s="1"/>
  <c r="A13788" i="1" s="1"/>
  <c r="A13789" i="1" s="1"/>
  <c r="A13790" i="1" s="1"/>
  <c r="A13791" i="1" s="1"/>
  <c r="A13792" i="1" s="1"/>
  <c r="A13793" i="1" s="1"/>
  <c r="A13794" i="1" s="1"/>
  <c r="A13795" i="1" s="1"/>
  <c r="A13796" i="1" s="1"/>
  <c r="A13797" i="1" s="1"/>
  <c r="A13798" i="1" s="1"/>
  <c r="A13799" i="1" s="1"/>
  <c r="A13800" i="1" s="1"/>
  <c r="A13801" i="1" s="1"/>
  <c r="A13802" i="1" s="1"/>
  <c r="A13803" i="1" s="1"/>
  <c r="A13804" i="1" s="1"/>
  <c r="A13805" i="1" s="1"/>
  <c r="A13806" i="1" s="1"/>
  <c r="A13807" i="1" s="1"/>
  <c r="A13808" i="1" s="1"/>
  <c r="A13809" i="1" s="1"/>
  <c r="A13810" i="1" s="1"/>
  <c r="A13811" i="1" s="1"/>
  <c r="A13812" i="1" s="1"/>
  <c r="A13813" i="1" s="1"/>
  <c r="A13814" i="1" s="1"/>
  <c r="A13815" i="1" s="1"/>
  <c r="A13816" i="1" s="1"/>
  <c r="A13817" i="1" s="1"/>
  <c r="A13818" i="1" s="1"/>
  <c r="A13819" i="1" s="1"/>
  <c r="A13820" i="1" s="1"/>
  <c r="A13821" i="1" s="1"/>
  <c r="A13822" i="1" s="1"/>
  <c r="A13823" i="1" s="1"/>
  <c r="A13824" i="1" s="1"/>
  <c r="A13825" i="1" s="1"/>
  <c r="A13826" i="1" s="1"/>
  <c r="A13827" i="1" s="1"/>
  <c r="A13828" i="1" s="1"/>
  <c r="A13829" i="1" s="1"/>
  <c r="A13830" i="1" s="1"/>
  <c r="A13831" i="1" s="1"/>
  <c r="A13832" i="1" s="1"/>
  <c r="A13833" i="1" s="1"/>
  <c r="A13834" i="1" s="1"/>
  <c r="A13835" i="1" s="1"/>
  <c r="A13836" i="1" s="1"/>
  <c r="A13837" i="1" s="1"/>
  <c r="A13838" i="1" s="1"/>
  <c r="A13839" i="1" s="1"/>
  <c r="A13840" i="1" s="1"/>
  <c r="A13841" i="1" s="1"/>
  <c r="A13842" i="1" s="1"/>
  <c r="A13843" i="1" s="1"/>
  <c r="A13844" i="1" s="1"/>
  <c r="A13845" i="1" s="1"/>
  <c r="A13846" i="1" s="1"/>
  <c r="A13847" i="1" s="1"/>
  <c r="A13848" i="1" s="1"/>
  <c r="A13849" i="1" s="1"/>
  <c r="A13850" i="1" s="1"/>
  <c r="A13851" i="1" s="1"/>
  <c r="A13852" i="1" s="1"/>
  <c r="A13853" i="1" s="1"/>
  <c r="A13854" i="1" s="1"/>
  <c r="A13855" i="1" s="1"/>
  <c r="A13856" i="1" s="1"/>
  <c r="A13857" i="1" s="1"/>
  <c r="A13858" i="1" s="1"/>
  <c r="A13859" i="1" s="1"/>
  <c r="A13860" i="1" s="1"/>
  <c r="A13861" i="1" s="1"/>
  <c r="A13862" i="1" s="1"/>
  <c r="A13863" i="1" s="1"/>
  <c r="A13864" i="1" s="1"/>
  <c r="A13865" i="1" s="1"/>
  <c r="A13866" i="1" s="1"/>
  <c r="A13867" i="1" s="1"/>
  <c r="A13868" i="1" s="1"/>
  <c r="A13869" i="1" s="1"/>
  <c r="A13870" i="1" s="1"/>
  <c r="A13871" i="1" s="1"/>
  <c r="A13872" i="1" s="1"/>
  <c r="A13873" i="1" s="1"/>
  <c r="A13874" i="1" s="1"/>
  <c r="A13875" i="1" s="1"/>
  <c r="A13876" i="1" s="1"/>
  <c r="A13877" i="1" s="1"/>
  <c r="A13878" i="1" s="1"/>
  <c r="A13879" i="1" s="1"/>
  <c r="A13880" i="1" s="1"/>
  <c r="A13881" i="1" s="1"/>
  <c r="A13882" i="1" s="1"/>
  <c r="A13883" i="1" s="1"/>
  <c r="A13884" i="1" s="1"/>
  <c r="A13885" i="1" s="1"/>
  <c r="A13886" i="1" s="1"/>
  <c r="A13887" i="1" s="1"/>
  <c r="A13888" i="1" s="1"/>
  <c r="A13889" i="1" s="1"/>
  <c r="A13890" i="1" s="1"/>
  <c r="A13891" i="1" s="1"/>
  <c r="A13892" i="1" s="1"/>
  <c r="A13893" i="1" s="1"/>
  <c r="A13894" i="1" s="1"/>
  <c r="A13895" i="1" s="1"/>
  <c r="A13896" i="1" s="1"/>
  <c r="A13897" i="1" s="1"/>
  <c r="A13898" i="1" s="1"/>
  <c r="A13899" i="1" s="1"/>
  <c r="A13900" i="1" s="1"/>
  <c r="A13901" i="1" s="1"/>
  <c r="A13902" i="1" s="1"/>
  <c r="A13903" i="1" s="1"/>
  <c r="A13904" i="1" s="1"/>
  <c r="A13905" i="1" s="1"/>
  <c r="A13906" i="1" s="1"/>
  <c r="A13907" i="1" s="1"/>
  <c r="A13908" i="1" s="1"/>
  <c r="A13909" i="1" s="1"/>
  <c r="A13910" i="1" s="1"/>
  <c r="A13911" i="1" s="1"/>
  <c r="A13912" i="1" s="1"/>
  <c r="A13913" i="1" s="1"/>
  <c r="A13914" i="1" s="1"/>
  <c r="A13915" i="1" s="1"/>
  <c r="A13916" i="1" s="1"/>
  <c r="A13917" i="1" s="1"/>
  <c r="A13918" i="1" s="1"/>
  <c r="A13919" i="1" s="1"/>
  <c r="A13920" i="1" s="1"/>
  <c r="A13921" i="1" s="1"/>
  <c r="A13922" i="1" s="1"/>
  <c r="A13923" i="1" s="1"/>
  <c r="A13924" i="1" s="1"/>
  <c r="A13925" i="1" s="1"/>
  <c r="A13926" i="1" s="1"/>
  <c r="A13927" i="1" s="1"/>
  <c r="A13928" i="1" s="1"/>
  <c r="A13929" i="1" s="1"/>
  <c r="A13930" i="1" s="1"/>
  <c r="A13931" i="1" s="1"/>
  <c r="A13932" i="1" s="1"/>
  <c r="A13933" i="1" s="1"/>
  <c r="A13934" i="1" s="1"/>
  <c r="A13935" i="1" s="1"/>
  <c r="A13936" i="1" s="1"/>
  <c r="A13937" i="1" s="1"/>
  <c r="A13938" i="1" s="1"/>
  <c r="A13939" i="1" s="1"/>
  <c r="A13940" i="1" s="1"/>
  <c r="A13941" i="1" s="1"/>
  <c r="A13942" i="1" s="1"/>
  <c r="A13943" i="1" s="1"/>
  <c r="A13944" i="1" s="1"/>
  <c r="A13945" i="1" s="1"/>
  <c r="A13946" i="1" s="1"/>
  <c r="A13947" i="1" s="1"/>
  <c r="A13948" i="1" s="1"/>
  <c r="A13949" i="1" s="1"/>
  <c r="A13950" i="1" s="1"/>
  <c r="A13951" i="1" s="1"/>
  <c r="A13952" i="1" s="1"/>
  <c r="A13953" i="1" s="1"/>
  <c r="A13954" i="1" s="1"/>
  <c r="A13955" i="1" s="1"/>
  <c r="A13956" i="1" s="1"/>
  <c r="A13957" i="1" s="1"/>
  <c r="A13958" i="1" s="1"/>
  <c r="A13959" i="1" s="1"/>
  <c r="A13960" i="1" s="1"/>
  <c r="A13961" i="1" s="1"/>
  <c r="A13962" i="1" s="1"/>
  <c r="A13963" i="1" s="1"/>
  <c r="A13964" i="1" s="1"/>
  <c r="A13965" i="1" s="1"/>
  <c r="A13966" i="1" s="1"/>
  <c r="A13967" i="1" s="1"/>
  <c r="A13968" i="1" s="1"/>
  <c r="A13969" i="1" s="1"/>
  <c r="A13970" i="1" s="1"/>
  <c r="A13971" i="1" s="1"/>
  <c r="A13972" i="1" s="1"/>
  <c r="A13973" i="1" s="1"/>
  <c r="A13974" i="1" s="1"/>
  <c r="A13975" i="1" s="1"/>
  <c r="A13976" i="1" s="1"/>
  <c r="A13977" i="1" s="1"/>
  <c r="A13978" i="1" s="1"/>
  <c r="A13979" i="1" s="1"/>
  <c r="A13980" i="1" s="1"/>
  <c r="A13981" i="1" s="1"/>
  <c r="A13982" i="1" s="1"/>
  <c r="A13983" i="1" s="1"/>
  <c r="A13984" i="1" s="1"/>
  <c r="A13985" i="1" s="1"/>
  <c r="A13986" i="1" s="1"/>
  <c r="A13987" i="1" s="1"/>
  <c r="A13988" i="1" s="1"/>
  <c r="A13989" i="1" s="1"/>
  <c r="A13990" i="1" s="1"/>
  <c r="A13991" i="1" s="1"/>
  <c r="A13992" i="1" s="1"/>
  <c r="A13993" i="1" s="1"/>
  <c r="A13994" i="1" s="1"/>
  <c r="A13995" i="1" s="1"/>
  <c r="A13996" i="1" s="1"/>
  <c r="A13997" i="1" s="1"/>
  <c r="A13998" i="1" s="1"/>
  <c r="A13999" i="1" s="1"/>
  <c r="A14000" i="1" s="1"/>
  <c r="A14001" i="1" s="1"/>
  <c r="A14002" i="1" s="1"/>
  <c r="A14003" i="1" s="1"/>
  <c r="A14004" i="1" s="1"/>
  <c r="A14005" i="1" s="1"/>
  <c r="A14006" i="1" s="1"/>
  <c r="A14007" i="1" s="1"/>
  <c r="A14008" i="1" s="1"/>
  <c r="A14009" i="1" s="1"/>
  <c r="A14010" i="1" s="1"/>
  <c r="A14011" i="1" s="1"/>
  <c r="A14012" i="1" s="1"/>
  <c r="A14013" i="1" s="1"/>
  <c r="A14014" i="1" s="1"/>
  <c r="A14015" i="1" s="1"/>
  <c r="A14016" i="1" s="1"/>
  <c r="A14017" i="1" s="1"/>
  <c r="A14018" i="1" s="1"/>
  <c r="A14019" i="1" s="1"/>
  <c r="A14020" i="1" s="1"/>
  <c r="A14021" i="1" s="1"/>
  <c r="A14022" i="1" s="1"/>
  <c r="A14023" i="1" s="1"/>
  <c r="A14024" i="1" s="1"/>
  <c r="A14025" i="1" s="1"/>
  <c r="A14026" i="1" s="1"/>
  <c r="A14027" i="1" s="1"/>
  <c r="A14028" i="1" s="1"/>
  <c r="A14029" i="1" s="1"/>
  <c r="A14030" i="1" s="1"/>
  <c r="A14031" i="1" s="1"/>
  <c r="A14032" i="1" s="1"/>
  <c r="A14033" i="1" s="1"/>
  <c r="A14034" i="1" s="1"/>
  <c r="A14035" i="1" s="1"/>
  <c r="A14036" i="1" s="1"/>
  <c r="A14037" i="1" s="1"/>
  <c r="A14038" i="1" s="1"/>
  <c r="A14039" i="1" s="1"/>
  <c r="A14040" i="1" s="1"/>
  <c r="A14041" i="1" s="1"/>
  <c r="A14042" i="1" s="1"/>
  <c r="A14043" i="1" s="1"/>
  <c r="A14044" i="1" s="1"/>
  <c r="A14045" i="1" s="1"/>
  <c r="A14046" i="1" s="1"/>
  <c r="A14047" i="1" s="1"/>
  <c r="A14048" i="1" s="1"/>
  <c r="A14049" i="1" s="1"/>
  <c r="A14050" i="1" s="1"/>
  <c r="A14051" i="1" s="1"/>
  <c r="A14052" i="1" s="1"/>
  <c r="A14053" i="1" s="1"/>
  <c r="A14054" i="1" s="1"/>
  <c r="A14055" i="1" s="1"/>
  <c r="A14056" i="1" s="1"/>
  <c r="A14057" i="1" s="1"/>
  <c r="A14058" i="1" s="1"/>
  <c r="A14059" i="1" s="1"/>
  <c r="A14060" i="1" s="1"/>
  <c r="A14061" i="1" s="1"/>
  <c r="A14062" i="1" s="1"/>
  <c r="A14063" i="1" s="1"/>
  <c r="A14064" i="1" s="1"/>
  <c r="A14065" i="1" s="1"/>
  <c r="A14066" i="1" s="1"/>
  <c r="A14067" i="1" s="1"/>
  <c r="A14068" i="1" s="1"/>
  <c r="A14069" i="1" s="1"/>
  <c r="A14070" i="1" s="1"/>
  <c r="A14071" i="1" s="1"/>
  <c r="A14072" i="1" s="1"/>
  <c r="A14073" i="1" s="1"/>
  <c r="A14074" i="1" s="1"/>
  <c r="A14075" i="1" s="1"/>
  <c r="A14076" i="1" s="1"/>
  <c r="A14077" i="1" s="1"/>
  <c r="A14078" i="1" s="1"/>
  <c r="A14079" i="1" s="1"/>
  <c r="A14080" i="1" s="1"/>
  <c r="A14081" i="1" s="1"/>
  <c r="A14082" i="1" s="1"/>
  <c r="A14083" i="1" s="1"/>
  <c r="A14084" i="1" s="1"/>
  <c r="A14085" i="1" s="1"/>
  <c r="A14086" i="1" s="1"/>
  <c r="A14087" i="1" s="1"/>
  <c r="A14088" i="1" s="1"/>
  <c r="A14089" i="1" s="1"/>
  <c r="A14090" i="1" s="1"/>
  <c r="A14091" i="1" s="1"/>
  <c r="A14092" i="1" s="1"/>
  <c r="A14093" i="1" s="1"/>
  <c r="A14094" i="1" s="1"/>
  <c r="A14095" i="1" s="1"/>
  <c r="A14096" i="1" s="1"/>
  <c r="A14097" i="1" s="1"/>
  <c r="A14098" i="1" s="1"/>
  <c r="A14099" i="1" s="1"/>
  <c r="A14100" i="1" s="1"/>
  <c r="A14101" i="1" s="1"/>
  <c r="A14102" i="1" s="1"/>
  <c r="A14103" i="1" s="1"/>
  <c r="A14104" i="1" s="1"/>
  <c r="A14105" i="1" s="1"/>
  <c r="A14106" i="1" s="1"/>
  <c r="A14107" i="1" s="1"/>
  <c r="A14108" i="1" s="1"/>
  <c r="A14109" i="1" s="1"/>
  <c r="A14110" i="1" s="1"/>
  <c r="A14111" i="1" s="1"/>
  <c r="A14112" i="1" s="1"/>
  <c r="A14113" i="1" s="1"/>
  <c r="A14114" i="1" s="1"/>
  <c r="A14115" i="1" s="1"/>
  <c r="A14116" i="1" s="1"/>
  <c r="A14117" i="1" s="1"/>
  <c r="A14118" i="1" s="1"/>
  <c r="A14119" i="1" s="1"/>
  <c r="A14120" i="1" s="1"/>
  <c r="A14121" i="1" s="1"/>
  <c r="A14122" i="1" s="1"/>
  <c r="A14123" i="1" s="1"/>
  <c r="A14124" i="1" s="1"/>
  <c r="A14125" i="1" s="1"/>
  <c r="A14126" i="1" s="1"/>
  <c r="A14127" i="1" s="1"/>
  <c r="A14128" i="1" s="1"/>
  <c r="A14129" i="1" s="1"/>
  <c r="A14130" i="1" s="1"/>
  <c r="A14131" i="1" s="1"/>
  <c r="A14132" i="1" s="1"/>
  <c r="A14133" i="1" s="1"/>
  <c r="A14134" i="1" s="1"/>
  <c r="A14135" i="1" s="1"/>
  <c r="A14136" i="1" s="1"/>
  <c r="A14137" i="1" s="1"/>
  <c r="A14138" i="1" s="1"/>
  <c r="A14139" i="1" s="1"/>
  <c r="A14140" i="1" s="1"/>
  <c r="A14141" i="1" s="1"/>
  <c r="A14142" i="1" s="1"/>
  <c r="A14143" i="1" s="1"/>
  <c r="A14144" i="1" s="1"/>
  <c r="A14145" i="1" s="1"/>
  <c r="A14146" i="1" s="1"/>
  <c r="A14147" i="1" s="1"/>
  <c r="A14148" i="1" s="1"/>
  <c r="A14149" i="1" s="1"/>
  <c r="A14150" i="1" s="1"/>
  <c r="A14151" i="1" s="1"/>
  <c r="A14152" i="1" s="1"/>
  <c r="A14153" i="1" s="1"/>
  <c r="A14154" i="1" s="1"/>
  <c r="A14155" i="1" s="1"/>
  <c r="A14156" i="1" s="1"/>
  <c r="A14157" i="1" s="1"/>
  <c r="A14158" i="1" s="1"/>
  <c r="A14159" i="1" s="1"/>
  <c r="A14160" i="1" s="1"/>
  <c r="A14161" i="1" s="1"/>
  <c r="A14162" i="1" s="1"/>
  <c r="A14163" i="1" s="1"/>
  <c r="A14164" i="1" s="1"/>
  <c r="A14165" i="1" s="1"/>
  <c r="A14166" i="1" s="1"/>
  <c r="A14167" i="1" s="1"/>
  <c r="A14168" i="1" s="1"/>
  <c r="A14169" i="1" s="1"/>
  <c r="A14170" i="1" s="1"/>
  <c r="A14171" i="1" s="1"/>
  <c r="A14172" i="1" s="1"/>
  <c r="A14173" i="1" s="1"/>
  <c r="A14174" i="1" s="1"/>
  <c r="A14175" i="1" s="1"/>
  <c r="A14176" i="1" s="1"/>
  <c r="A14177" i="1" s="1"/>
  <c r="A14178" i="1" s="1"/>
  <c r="A14179" i="1" s="1"/>
  <c r="A14180" i="1" s="1"/>
  <c r="A14181" i="1" s="1"/>
  <c r="A14182" i="1" s="1"/>
  <c r="A14183" i="1" s="1"/>
  <c r="A14184" i="1" s="1"/>
  <c r="A14185" i="1" s="1"/>
  <c r="A14186" i="1" s="1"/>
  <c r="A14187" i="1" s="1"/>
  <c r="A14188" i="1" s="1"/>
  <c r="A14189" i="1" s="1"/>
  <c r="A14190" i="1" s="1"/>
  <c r="A14191" i="1" s="1"/>
  <c r="A14192" i="1" s="1"/>
  <c r="A14193" i="1" s="1"/>
  <c r="A14194" i="1" s="1"/>
  <c r="A14195" i="1" s="1"/>
  <c r="A14196" i="1" s="1"/>
  <c r="A14197" i="1" s="1"/>
  <c r="A14198" i="1" s="1"/>
  <c r="A14199" i="1" s="1"/>
  <c r="A14200" i="1" s="1"/>
  <c r="A14201" i="1" s="1"/>
  <c r="A14202" i="1" s="1"/>
  <c r="A14203" i="1" s="1"/>
  <c r="A14204" i="1" s="1"/>
  <c r="A14205" i="1" s="1"/>
  <c r="A14206" i="1" s="1"/>
  <c r="A14207" i="1" s="1"/>
  <c r="A14208" i="1" s="1"/>
  <c r="A14209" i="1" s="1"/>
  <c r="A14210" i="1" s="1"/>
  <c r="A14211" i="1" s="1"/>
  <c r="A14212" i="1" s="1"/>
  <c r="A14213" i="1" s="1"/>
  <c r="A14214" i="1" s="1"/>
  <c r="A14215" i="1" s="1"/>
  <c r="A14216" i="1" s="1"/>
  <c r="A14217" i="1" s="1"/>
  <c r="A14218" i="1" s="1"/>
  <c r="A14219" i="1" s="1"/>
  <c r="A14220" i="1" s="1"/>
  <c r="A14221" i="1" s="1"/>
  <c r="A14222" i="1" s="1"/>
  <c r="A14223" i="1" s="1"/>
  <c r="A14224" i="1" s="1"/>
  <c r="A14225" i="1" s="1"/>
  <c r="A14226" i="1" s="1"/>
  <c r="A14227" i="1" s="1"/>
  <c r="A14228" i="1" s="1"/>
  <c r="A14229" i="1" s="1"/>
  <c r="A14230" i="1" s="1"/>
  <c r="A14231" i="1" s="1"/>
  <c r="A14232" i="1" s="1"/>
  <c r="A14233" i="1" s="1"/>
  <c r="A14234" i="1" s="1"/>
  <c r="A14235" i="1" s="1"/>
  <c r="A14236" i="1" s="1"/>
  <c r="A14237" i="1" s="1"/>
  <c r="A14238" i="1" s="1"/>
  <c r="A14239" i="1" s="1"/>
  <c r="A14240" i="1" s="1"/>
  <c r="A14241" i="1" s="1"/>
  <c r="A14242" i="1" s="1"/>
  <c r="A14243" i="1" s="1"/>
  <c r="A14244" i="1" s="1"/>
  <c r="A14245" i="1" s="1"/>
  <c r="A14246" i="1" s="1"/>
  <c r="A14247" i="1" s="1"/>
  <c r="A14248" i="1" s="1"/>
  <c r="A14249" i="1" s="1"/>
  <c r="A14250" i="1" s="1"/>
  <c r="A14251" i="1" s="1"/>
  <c r="A14252" i="1" s="1"/>
  <c r="A14253" i="1" s="1"/>
  <c r="A14254" i="1" s="1"/>
  <c r="A14255" i="1" s="1"/>
  <c r="A14256" i="1" s="1"/>
  <c r="A14257" i="1" s="1"/>
  <c r="A14258" i="1" s="1"/>
  <c r="A14259" i="1" s="1"/>
  <c r="A14260" i="1" s="1"/>
  <c r="A14261" i="1" s="1"/>
  <c r="A14262" i="1" s="1"/>
  <c r="A14263" i="1" s="1"/>
  <c r="A14264" i="1" s="1"/>
  <c r="A14265" i="1" s="1"/>
  <c r="A14266" i="1" s="1"/>
  <c r="A14267" i="1" s="1"/>
  <c r="A14268" i="1" s="1"/>
  <c r="A14269" i="1" s="1"/>
  <c r="A14270" i="1" s="1"/>
  <c r="A14271" i="1" s="1"/>
  <c r="A14272" i="1" s="1"/>
  <c r="A14273" i="1" s="1"/>
  <c r="A14274" i="1" s="1"/>
  <c r="A14275" i="1" s="1"/>
  <c r="A14276" i="1" s="1"/>
  <c r="A14277" i="1" s="1"/>
  <c r="A14278" i="1" s="1"/>
  <c r="A14279" i="1" s="1"/>
  <c r="A14280" i="1" s="1"/>
  <c r="A14281" i="1" s="1"/>
  <c r="A14282" i="1" s="1"/>
  <c r="A14283" i="1" s="1"/>
  <c r="A14284" i="1" s="1"/>
  <c r="A14285" i="1" s="1"/>
  <c r="A14286" i="1" s="1"/>
  <c r="A14287" i="1" s="1"/>
  <c r="A14288" i="1" s="1"/>
  <c r="A14289" i="1" s="1"/>
  <c r="A14290" i="1" s="1"/>
  <c r="A14291" i="1" s="1"/>
  <c r="A14292" i="1" s="1"/>
  <c r="A14293" i="1" s="1"/>
  <c r="A14294" i="1" s="1"/>
  <c r="A14295" i="1" s="1"/>
  <c r="A14296" i="1" s="1"/>
  <c r="A14297" i="1" s="1"/>
  <c r="A14298" i="1" s="1"/>
  <c r="A14299" i="1" s="1"/>
  <c r="A14300" i="1" s="1"/>
  <c r="A14301" i="1" s="1"/>
  <c r="A14302" i="1" s="1"/>
  <c r="A14303" i="1" s="1"/>
  <c r="A14304" i="1" s="1"/>
  <c r="A14305" i="1" s="1"/>
  <c r="A14306" i="1" s="1"/>
  <c r="A14307" i="1" s="1"/>
  <c r="A14308" i="1" s="1"/>
  <c r="A14309" i="1" s="1"/>
  <c r="A14310" i="1" s="1"/>
  <c r="A14311" i="1" s="1"/>
  <c r="A14312" i="1" s="1"/>
  <c r="A14313" i="1" s="1"/>
  <c r="A14314" i="1" s="1"/>
  <c r="A14315" i="1" s="1"/>
  <c r="A14316" i="1" s="1"/>
  <c r="A14317" i="1" s="1"/>
  <c r="A14318" i="1" s="1"/>
  <c r="A14319" i="1" s="1"/>
  <c r="A14320" i="1" s="1"/>
  <c r="A14321" i="1" s="1"/>
  <c r="A14322" i="1" s="1"/>
  <c r="A14323" i="1" s="1"/>
  <c r="A14324" i="1" s="1"/>
  <c r="A14325" i="1" s="1"/>
  <c r="A14326" i="1" s="1"/>
  <c r="A14327" i="1" s="1"/>
  <c r="A14328" i="1" s="1"/>
  <c r="A14329" i="1" s="1"/>
  <c r="A14330" i="1" s="1"/>
  <c r="A14331" i="1" s="1"/>
  <c r="A14332" i="1" s="1"/>
  <c r="A14333" i="1" s="1"/>
  <c r="A14334" i="1" s="1"/>
  <c r="A14335" i="1" s="1"/>
  <c r="A14336" i="1" s="1"/>
  <c r="A14337" i="1" s="1"/>
  <c r="A14338" i="1" s="1"/>
  <c r="A14339" i="1" s="1"/>
  <c r="A14340" i="1" s="1"/>
  <c r="A14341" i="1" s="1"/>
  <c r="A14342" i="1" s="1"/>
  <c r="A14343" i="1" s="1"/>
  <c r="A14344" i="1" s="1"/>
  <c r="A14345" i="1" s="1"/>
  <c r="A14346" i="1" s="1"/>
  <c r="A14347" i="1" s="1"/>
  <c r="A14348" i="1" s="1"/>
  <c r="A14349" i="1" s="1"/>
  <c r="A14350" i="1" s="1"/>
  <c r="A14351" i="1" s="1"/>
  <c r="A14352" i="1" s="1"/>
  <c r="A14353" i="1" s="1"/>
  <c r="A14354" i="1" s="1"/>
  <c r="A14355" i="1" s="1"/>
  <c r="A14356" i="1" s="1"/>
  <c r="A14357" i="1" s="1"/>
  <c r="A14358" i="1" s="1"/>
  <c r="A14359" i="1" s="1"/>
  <c r="A14360" i="1" s="1"/>
  <c r="A14361" i="1" s="1"/>
  <c r="A14362" i="1" s="1"/>
  <c r="A14363" i="1" s="1"/>
  <c r="A14364" i="1" s="1"/>
  <c r="A14365" i="1" s="1"/>
  <c r="A14366" i="1" s="1"/>
  <c r="A14367" i="1" s="1"/>
  <c r="A14368" i="1" s="1"/>
  <c r="A14369" i="1" s="1"/>
  <c r="A14370" i="1" s="1"/>
  <c r="A14371" i="1" s="1"/>
  <c r="A14372" i="1" s="1"/>
  <c r="A14373" i="1" s="1"/>
  <c r="A14374" i="1" s="1"/>
  <c r="A14375" i="1" s="1"/>
  <c r="A14376" i="1" s="1"/>
  <c r="A14377" i="1" s="1"/>
  <c r="A14378" i="1" s="1"/>
  <c r="A14379" i="1" s="1"/>
  <c r="A14380" i="1" s="1"/>
  <c r="A14381" i="1" s="1"/>
  <c r="A14382" i="1" s="1"/>
  <c r="A14383" i="1" s="1"/>
  <c r="A14384" i="1" s="1"/>
  <c r="A14385" i="1" s="1"/>
  <c r="A14386" i="1" s="1"/>
  <c r="A14387" i="1" s="1"/>
  <c r="A14388" i="1" s="1"/>
  <c r="A14389" i="1" s="1"/>
  <c r="A14390" i="1" s="1"/>
  <c r="A14391" i="1" s="1"/>
  <c r="A14392" i="1" s="1"/>
  <c r="A14393" i="1" s="1"/>
  <c r="A14394" i="1" s="1"/>
  <c r="A14395" i="1" s="1"/>
  <c r="A14396" i="1" s="1"/>
  <c r="A14397" i="1" s="1"/>
  <c r="A14398" i="1" s="1"/>
  <c r="A14399" i="1" s="1"/>
  <c r="A14400" i="1" s="1"/>
  <c r="A14401" i="1" s="1"/>
  <c r="A14402" i="1" s="1"/>
  <c r="A14403" i="1" s="1"/>
  <c r="A14404" i="1" s="1"/>
  <c r="A14405" i="1" s="1"/>
  <c r="A14406" i="1" s="1"/>
  <c r="A14407" i="1" s="1"/>
  <c r="A14408" i="1" s="1"/>
  <c r="A14409" i="1" s="1"/>
  <c r="A14410" i="1" s="1"/>
  <c r="A14411" i="1" s="1"/>
  <c r="A14412" i="1" s="1"/>
  <c r="A14413" i="1" s="1"/>
  <c r="A14414" i="1" s="1"/>
  <c r="A14415" i="1" s="1"/>
  <c r="A14416" i="1" s="1"/>
  <c r="A14417" i="1" s="1"/>
  <c r="A14418" i="1" s="1"/>
  <c r="A14419" i="1" s="1"/>
  <c r="A14420" i="1" s="1"/>
  <c r="A14421" i="1" s="1"/>
  <c r="A14422" i="1" s="1"/>
  <c r="A14423" i="1" s="1"/>
  <c r="A14424" i="1" s="1"/>
  <c r="A14425" i="1" s="1"/>
  <c r="A14426" i="1" s="1"/>
  <c r="A14427" i="1" s="1"/>
  <c r="A14428" i="1" s="1"/>
  <c r="A14429" i="1" s="1"/>
  <c r="A14430" i="1" s="1"/>
  <c r="A14431" i="1" s="1"/>
  <c r="A14432" i="1" s="1"/>
  <c r="A14433" i="1" s="1"/>
  <c r="A14434" i="1" s="1"/>
  <c r="A14435" i="1" s="1"/>
  <c r="A14436" i="1" s="1"/>
  <c r="A14437" i="1" s="1"/>
  <c r="A14438" i="1" s="1"/>
  <c r="A14439" i="1" s="1"/>
  <c r="A14440" i="1" s="1"/>
  <c r="A14441" i="1" s="1"/>
  <c r="A14442" i="1" s="1"/>
  <c r="A14443" i="1" s="1"/>
  <c r="A14444" i="1" s="1"/>
  <c r="A14445" i="1" s="1"/>
  <c r="A14446" i="1" s="1"/>
  <c r="A14447" i="1" s="1"/>
  <c r="A14448" i="1" s="1"/>
  <c r="A14449" i="1" s="1"/>
  <c r="A14450" i="1" s="1"/>
  <c r="A14451" i="1" s="1"/>
  <c r="A14452" i="1" s="1"/>
  <c r="A14453" i="1" s="1"/>
  <c r="A14454" i="1" s="1"/>
  <c r="A14455" i="1" s="1"/>
  <c r="A14456" i="1" s="1"/>
  <c r="A14457" i="1" s="1"/>
  <c r="A14458" i="1" s="1"/>
  <c r="A14459" i="1" s="1"/>
  <c r="A14460" i="1" s="1"/>
  <c r="A14461" i="1" s="1"/>
  <c r="A14462" i="1" s="1"/>
  <c r="A14463" i="1" s="1"/>
  <c r="A14464" i="1" s="1"/>
  <c r="A14465" i="1" s="1"/>
  <c r="A14466" i="1" s="1"/>
  <c r="A14467" i="1" s="1"/>
  <c r="A14468" i="1" s="1"/>
  <c r="A14469" i="1" s="1"/>
  <c r="A14470" i="1" s="1"/>
  <c r="A14471" i="1" s="1"/>
  <c r="A14472" i="1" s="1"/>
  <c r="A14473" i="1" s="1"/>
  <c r="A14474" i="1" s="1"/>
  <c r="A14475" i="1" s="1"/>
  <c r="A14476" i="1" s="1"/>
  <c r="A14477" i="1" s="1"/>
  <c r="A14478" i="1" s="1"/>
  <c r="A14479" i="1" s="1"/>
  <c r="A14480" i="1" s="1"/>
  <c r="A14481" i="1" s="1"/>
  <c r="A14482" i="1" s="1"/>
  <c r="A14483" i="1" s="1"/>
  <c r="A14484" i="1" s="1"/>
  <c r="A14485" i="1" s="1"/>
  <c r="A14486" i="1" s="1"/>
  <c r="A14487" i="1" s="1"/>
  <c r="A14488" i="1" s="1"/>
  <c r="A14489" i="1" s="1"/>
  <c r="A14490" i="1" s="1"/>
  <c r="A14491" i="1" s="1"/>
  <c r="A14492" i="1" s="1"/>
  <c r="A14493" i="1" s="1"/>
  <c r="A14494" i="1" s="1"/>
  <c r="A14495" i="1" s="1"/>
  <c r="A14496" i="1" s="1"/>
  <c r="A14497" i="1" s="1"/>
  <c r="A14498" i="1" s="1"/>
  <c r="A14499" i="1" s="1"/>
  <c r="A14500" i="1" s="1"/>
  <c r="A14501" i="1" s="1"/>
  <c r="A14502" i="1" s="1"/>
  <c r="A14503" i="1" s="1"/>
  <c r="A14504" i="1" s="1"/>
  <c r="A14505" i="1" s="1"/>
  <c r="A14506" i="1" s="1"/>
  <c r="A14507" i="1" s="1"/>
  <c r="A14508" i="1" s="1"/>
  <c r="A14509" i="1" s="1"/>
  <c r="A14510" i="1" s="1"/>
  <c r="A14511" i="1" s="1"/>
  <c r="A14512" i="1" s="1"/>
  <c r="A14513" i="1" s="1"/>
  <c r="A14514" i="1" s="1"/>
  <c r="A14515" i="1" s="1"/>
  <c r="A14516" i="1" s="1"/>
  <c r="A14517" i="1" s="1"/>
  <c r="A14518" i="1" s="1"/>
  <c r="A14519" i="1" s="1"/>
  <c r="A14520" i="1" s="1"/>
  <c r="A14521" i="1" s="1"/>
  <c r="A14522" i="1" s="1"/>
  <c r="A14523" i="1" s="1"/>
  <c r="A14524" i="1" s="1"/>
  <c r="A14525" i="1" s="1"/>
  <c r="A14526" i="1" s="1"/>
  <c r="A14527" i="1" s="1"/>
  <c r="A14528" i="1" s="1"/>
  <c r="A14529" i="1" s="1"/>
  <c r="A14530" i="1" s="1"/>
  <c r="A14531" i="1" s="1"/>
  <c r="A14532" i="1" s="1"/>
  <c r="A14533" i="1" s="1"/>
  <c r="A14534" i="1" s="1"/>
  <c r="A14535" i="1" s="1"/>
  <c r="A14536" i="1" s="1"/>
  <c r="A14537" i="1" s="1"/>
  <c r="A14538" i="1" s="1"/>
  <c r="A14539" i="1" s="1"/>
  <c r="A14540" i="1" s="1"/>
  <c r="A14541" i="1" s="1"/>
  <c r="A14542" i="1" s="1"/>
  <c r="A14543" i="1" s="1"/>
  <c r="A14544" i="1" s="1"/>
  <c r="A14545" i="1" s="1"/>
  <c r="A14546" i="1" s="1"/>
  <c r="A14547" i="1" s="1"/>
  <c r="A14548" i="1" s="1"/>
  <c r="A14549" i="1" s="1"/>
  <c r="A14550" i="1" s="1"/>
  <c r="A14551" i="1" s="1"/>
  <c r="A14552" i="1" s="1"/>
  <c r="A14553" i="1" s="1"/>
  <c r="A14554" i="1" s="1"/>
  <c r="A14555" i="1" s="1"/>
  <c r="A14556" i="1" s="1"/>
  <c r="A14557" i="1" s="1"/>
  <c r="A14558" i="1" s="1"/>
  <c r="A14559" i="1" s="1"/>
  <c r="A14560" i="1" s="1"/>
  <c r="A14561" i="1" s="1"/>
  <c r="A14562" i="1" s="1"/>
  <c r="A14563" i="1" s="1"/>
  <c r="A14564" i="1" s="1"/>
  <c r="A14565" i="1" s="1"/>
  <c r="A14566" i="1" s="1"/>
  <c r="A14567" i="1" s="1"/>
  <c r="A14568" i="1" s="1"/>
  <c r="A14569" i="1" s="1"/>
  <c r="A14570" i="1" s="1"/>
  <c r="A14571" i="1" s="1"/>
  <c r="A14572" i="1" s="1"/>
  <c r="A14573" i="1" s="1"/>
  <c r="A14574" i="1" s="1"/>
  <c r="A14575" i="1" s="1"/>
  <c r="A14576" i="1" s="1"/>
  <c r="A14577" i="1" s="1"/>
  <c r="A14578" i="1" s="1"/>
  <c r="A14579" i="1" s="1"/>
  <c r="A14580" i="1" s="1"/>
  <c r="A14581" i="1" s="1"/>
  <c r="A14582" i="1" s="1"/>
  <c r="A14583" i="1" s="1"/>
  <c r="A14584" i="1" s="1"/>
  <c r="A14585" i="1" s="1"/>
  <c r="A14586" i="1" s="1"/>
  <c r="A14587" i="1" s="1"/>
  <c r="A14588" i="1" s="1"/>
  <c r="A14589" i="1" s="1"/>
  <c r="A14590" i="1" s="1"/>
  <c r="A14591" i="1" s="1"/>
  <c r="A14592" i="1" s="1"/>
  <c r="A14593" i="1" s="1"/>
  <c r="A14594" i="1" s="1"/>
  <c r="A14595" i="1" s="1"/>
  <c r="A14596" i="1" s="1"/>
  <c r="A14597" i="1" s="1"/>
  <c r="A14598" i="1" s="1"/>
  <c r="A14599" i="1" s="1"/>
  <c r="A14600" i="1" s="1"/>
  <c r="A14601" i="1" s="1"/>
  <c r="A14602" i="1" s="1"/>
  <c r="A14603" i="1" s="1"/>
  <c r="A14604" i="1" s="1"/>
  <c r="A14605" i="1" s="1"/>
  <c r="A14606" i="1" s="1"/>
  <c r="A14607" i="1" s="1"/>
  <c r="A14608" i="1" s="1"/>
  <c r="A14609" i="1" s="1"/>
  <c r="A14610" i="1" s="1"/>
  <c r="A14611" i="1" s="1"/>
  <c r="A14612" i="1" s="1"/>
  <c r="A14613" i="1" s="1"/>
  <c r="A14614" i="1" s="1"/>
  <c r="A14615" i="1" s="1"/>
  <c r="A14616" i="1" s="1"/>
  <c r="A14617" i="1" s="1"/>
  <c r="A14618" i="1" s="1"/>
  <c r="A14619" i="1" s="1"/>
  <c r="A14620" i="1" s="1"/>
  <c r="A14621" i="1" s="1"/>
  <c r="A14622" i="1" s="1"/>
  <c r="A14623" i="1" s="1"/>
  <c r="A14624" i="1" s="1"/>
  <c r="A14625" i="1" s="1"/>
  <c r="A14626" i="1" s="1"/>
  <c r="A14627" i="1" s="1"/>
  <c r="A14628" i="1" s="1"/>
  <c r="A14629" i="1" s="1"/>
  <c r="A14630" i="1" s="1"/>
  <c r="A14631" i="1" s="1"/>
  <c r="A14632" i="1" s="1"/>
  <c r="A14633" i="1" s="1"/>
  <c r="A14634" i="1" s="1"/>
  <c r="A14635" i="1" s="1"/>
  <c r="A14636" i="1" s="1"/>
  <c r="A14637" i="1" s="1"/>
  <c r="A14638" i="1" s="1"/>
  <c r="A14639" i="1" s="1"/>
  <c r="A14640" i="1" s="1"/>
  <c r="A14641" i="1" s="1"/>
  <c r="A14642" i="1" s="1"/>
  <c r="A14643" i="1" s="1"/>
  <c r="A14644" i="1" s="1"/>
  <c r="A14645" i="1" s="1"/>
  <c r="A14646" i="1" s="1"/>
  <c r="A14647" i="1" s="1"/>
  <c r="A14648" i="1" s="1"/>
  <c r="A14649" i="1" s="1"/>
  <c r="A14650" i="1" s="1"/>
  <c r="A14651" i="1" s="1"/>
  <c r="A14652" i="1" s="1"/>
  <c r="A14653" i="1" s="1"/>
  <c r="A14654" i="1" s="1"/>
  <c r="A14655" i="1" s="1"/>
  <c r="A14656" i="1" s="1"/>
  <c r="A14657" i="1" s="1"/>
  <c r="A14658" i="1" s="1"/>
  <c r="A14659" i="1" s="1"/>
  <c r="A14660" i="1" s="1"/>
  <c r="A14661" i="1" s="1"/>
  <c r="A14662" i="1" s="1"/>
  <c r="A14663" i="1" s="1"/>
  <c r="A14664" i="1" s="1"/>
  <c r="A14665" i="1" s="1"/>
  <c r="A14666" i="1" s="1"/>
  <c r="A14667" i="1" s="1"/>
  <c r="A14668" i="1" s="1"/>
  <c r="A14669" i="1" s="1"/>
  <c r="A14670" i="1" s="1"/>
  <c r="A14671" i="1" s="1"/>
  <c r="A14672" i="1" s="1"/>
  <c r="A14673" i="1" s="1"/>
  <c r="A14674" i="1" s="1"/>
  <c r="A14675" i="1" s="1"/>
  <c r="A14676" i="1" s="1"/>
  <c r="A14677" i="1" s="1"/>
  <c r="A14678" i="1" s="1"/>
  <c r="A14679" i="1" s="1"/>
  <c r="A14680" i="1" s="1"/>
  <c r="A14681" i="1" s="1"/>
  <c r="A14682" i="1" s="1"/>
  <c r="A14683" i="1" s="1"/>
  <c r="A14684" i="1" s="1"/>
  <c r="A14685" i="1" s="1"/>
  <c r="A14686" i="1" s="1"/>
  <c r="A14687" i="1" s="1"/>
  <c r="A14688" i="1" s="1"/>
  <c r="A14689" i="1" s="1"/>
  <c r="A14690" i="1" s="1"/>
  <c r="A14691" i="1" s="1"/>
  <c r="A14692" i="1" s="1"/>
  <c r="A14693" i="1" s="1"/>
  <c r="A14694" i="1" s="1"/>
  <c r="A14695" i="1" s="1"/>
  <c r="A14696" i="1" s="1"/>
  <c r="A14697" i="1" s="1"/>
  <c r="A14698" i="1" s="1"/>
  <c r="A14699" i="1" s="1"/>
  <c r="A14700" i="1" s="1"/>
  <c r="A14701" i="1" s="1"/>
  <c r="A14702" i="1" s="1"/>
  <c r="A14703" i="1" s="1"/>
  <c r="A14704" i="1" s="1"/>
  <c r="A14705" i="1" s="1"/>
  <c r="A14706" i="1" s="1"/>
  <c r="A14707" i="1" s="1"/>
  <c r="A14708" i="1" s="1"/>
  <c r="A14709" i="1" s="1"/>
  <c r="A14710" i="1" s="1"/>
  <c r="A14711" i="1" s="1"/>
  <c r="A14712" i="1" s="1"/>
  <c r="A14713" i="1" s="1"/>
  <c r="A14714" i="1" s="1"/>
  <c r="A14715" i="1" s="1"/>
  <c r="A14716" i="1" s="1"/>
  <c r="A14717" i="1" s="1"/>
  <c r="A14718" i="1" s="1"/>
  <c r="A14719" i="1" s="1"/>
  <c r="A14720" i="1" s="1"/>
  <c r="A14721" i="1" s="1"/>
  <c r="A14722" i="1" s="1"/>
  <c r="A14723" i="1" s="1"/>
  <c r="A14724" i="1" s="1"/>
  <c r="A14725" i="1" s="1"/>
  <c r="A14726" i="1" s="1"/>
  <c r="A14727" i="1" s="1"/>
  <c r="A14728" i="1" s="1"/>
  <c r="A14729" i="1" s="1"/>
  <c r="A14730" i="1" s="1"/>
  <c r="A14731" i="1" s="1"/>
  <c r="A14732" i="1" s="1"/>
  <c r="A14733" i="1" s="1"/>
  <c r="A14734" i="1" s="1"/>
  <c r="A14735" i="1" s="1"/>
  <c r="A14736" i="1" s="1"/>
  <c r="A14737" i="1" s="1"/>
  <c r="A14738" i="1" s="1"/>
  <c r="A14739" i="1" s="1"/>
  <c r="A14740" i="1" s="1"/>
  <c r="A14741" i="1" s="1"/>
  <c r="A14742" i="1" s="1"/>
  <c r="A14743" i="1" s="1"/>
  <c r="A14744" i="1" s="1"/>
  <c r="A14745" i="1" s="1"/>
  <c r="A14746" i="1" s="1"/>
  <c r="A14747" i="1" s="1"/>
  <c r="A14748" i="1" s="1"/>
  <c r="A14749" i="1" s="1"/>
  <c r="A14750" i="1" s="1"/>
  <c r="A14751" i="1" s="1"/>
  <c r="A14752" i="1" s="1"/>
  <c r="A14753" i="1" s="1"/>
  <c r="A14754" i="1" s="1"/>
  <c r="A14755" i="1" s="1"/>
  <c r="A14756" i="1" s="1"/>
  <c r="A14757" i="1" s="1"/>
  <c r="A14758" i="1" s="1"/>
  <c r="A14759" i="1" s="1"/>
  <c r="A14760" i="1" s="1"/>
  <c r="A14761" i="1" s="1"/>
  <c r="A14762" i="1" s="1"/>
  <c r="A14763" i="1" s="1"/>
  <c r="A14764" i="1" s="1"/>
  <c r="A14765" i="1" s="1"/>
  <c r="A14766" i="1" s="1"/>
  <c r="A14767" i="1" s="1"/>
  <c r="A14768" i="1" s="1"/>
  <c r="A14769" i="1" s="1"/>
  <c r="A14770" i="1" s="1"/>
  <c r="A14771" i="1" s="1"/>
  <c r="A14772" i="1" s="1"/>
  <c r="A14773" i="1" s="1"/>
  <c r="A14774" i="1" s="1"/>
  <c r="A14775" i="1" s="1"/>
  <c r="A14776" i="1" s="1"/>
  <c r="A14777" i="1" s="1"/>
  <c r="A14778" i="1" s="1"/>
  <c r="A14779" i="1" s="1"/>
  <c r="A14780" i="1" s="1"/>
  <c r="A14781" i="1" s="1"/>
  <c r="A14782" i="1" s="1"/>
  <c r="A14783" i="1" s="1"/>
  <c r="A14784" i="1" s="1"/>
  <c r="A14785" i="1" s="1"/>
  <c r="A14786" i="1" s="1"/>
  <c r="A14787" i="1" s="1"/>
  <c r="A14788" i="1" s="1"/>
  <c r="A14789" i="1" s="1"/>
  <c r="A14790" i="1" s="1"/>
  <c r="A14791" i="1" s="1"/>
  <c r="A14792" i="1" s="1"/>
  <c r="A14793" i="1" s="1"/>
  <c r="A14794" i="1" s="1"/>
  <c r="A14795" i="1" s="1"/>
  <c r="A14796" i="1" s="1"/>
  <c r="A14797" i="1" s="1"/>
  <c r="A14798" i="1" s="1"/>
  <c r="A14799" i="1" s="1"/>
  <c r="A14800" i="1" s="1"/>
  <c r="A14801" i="1" s="1"/>
  <c r="A14802" i="1" s="1"/>
  <c r="A14803" i="1" s="1"/>
  <c r="A14804" i="1" s="1"/>
  <c r="A14805" i="1" s="1"/>
  <c r="A14806" i="1" s="1"/>
  <c r="A14807" i="1" s="1"/>
  <c r="A14808" i="1" s="1"/>
  <c r="A14809" i="1" s="1"/>
  <c r="A14810" i="1" s="1"/>
  <c r="A14811" i="1" s="1"/>
  <c r="A14812" i="1" s="1"/>
  <c r="A14813" i="1" s="1"/>
  <c r="A14814" i="1" s="1"/>
  <c r="A14815" i="1" s="1"/>
  <c r="A14816" i="1" s="1"/>
  <c r="A14817" i="1" s="1"/>
  <c r="A14818" i="1" s="1"/>
  <c r="A14819" i="1" s="1"/>
  <c r="A14820" i="1" s="1"/>
  <c r="A14821" i="1" s="1"/>
  <c r="A14822" i="1" s="1"/>
  <c r="A14823" i="1" s="1"/>
  <c r="A14824" i="1" s="1"/>
  <c r="A14825" i="1" s="1"/>
  <c r="A14826" i="1" s="1"/>
  <c r="A14827" i="1" s="1"/>
  <c r="A14828" i="1" s="1"/>
  <c r="A14829" i="1" s="1"/>
  <c r="A14830" i="1" s="1"/>
  <c r="A14831" i="1" s="1"/>
  <c r="A14832" i="1" s="1"/>
  <c r="A14833" i="1" s="1"/>
  <c r="A14834" i="1" s="1"/>
  <c r="A14835" i="1" s="1"/>
  <c r="A14836" i="1" s="1"/>
  <c r="A14837" i="1" s="1"/>
  <c r="A14838" i="1" s="1"/>
  <c r="A14839" i="1" s="1"/>
  <c r="A14840" i="1" s="1"/>
  <c r="A14841" i="1" s="1"/>
  <c r="A14842" i="1" s="1"/>
  <c r="A14843" i="1" s="1"/>
  <c r="A14844" i="1" s="1"/>
  <c r="A14845" i="1" s="1"/>
  <c r="A14846" i="1" s="1"/>
  <c r="A14847" i="1" s="1"/>
  <c r="A14848" i="1" s="1"/>
  <c r="A14849" i="1" s="1"/>
  <c r="A14850" i="1" s="1"/>
  <c r="A14851" i="1" s="1"/>
  <c r="A14852" i="1" s="1"/>
  <c r="A14853" i="1" s="1"/>
  <c r="A14854" i="1" s="1"/>
  <c r="A14855" i="1" s="1"/>
  <c r="A14856" i="1" s="1"/>
  <c r="A14857" i="1" s="1"/>
  <c r="A14858" i="1" s="1"/>
  <c r="A14859" i="1" s="1"/>
  <c r="A14860" i="1" s="1"/>
  <c r="A14861" i="1" s="1"/>
  <c r="A14862" i="1" s="1"/>
  <c r="A14863" i="1" s="1"/>
  <c r="A14864" i="1" s="1"/>
  <c r="A14865" i="1" s="1"/>
  <c r="A14866" i="1" s="1"/>
  <c r="A14867" i="1" s="1"/>
  <c r="A14868" i="1" s="1"/>
  <c r="A14869" i="1" s="1"/>
  <c r="A14870" i="1" s="1"/>
  <c r="A14871" i="1" s="1"/>
  <c r="A14872" i="1" s="1"/>
  <c r="A14873" i="1" s="1"/>
  <c r="A14874" i="1" s="1"/>
  <c r="A14875" i="1" s="1"/>
  <c r="A14876" i="1" s="1"/>
  <c r="A14877" i="1" s="1"/>
  <c r="A14878" i="1" s="1"/>
  <c r="A14879" i="1" s="1"/>
  <c r="A14880" i="1" s="1"/>
  <c r="A14881" i="1" s="1"/>
  <c r="A14882" i="1" s="1"/>
  <c r="A14883" i="1" s="1"/>
  <c r="A14884" i="1" s="1"/>
  <c r="A14885" i="1" s="1"/>
  <c r="A14886" i="1" s="1"/>
  <c r="A14887" i="1" s="1"/>
  <c r="A14888" i="1" s="1"/>
  <c r="A14889" i="1" s="1"/>
  <c r="A14890" i="1" s="1"/>
  <c r="A14891" i="1" s="1"/>
  <c r="A14892" i="1" s="1"/>
  <c r="A14893" i="1" s="1"/>
  <c r="A14894" i="1" s="1"/>
  <c r="A14895" i="1" s="1"/>
  <c r="A14896" i="1" s="1"/>
  <c r="A14897" i="1" s="1"/>
  <c r="A14898" i="1" s="1"/>
  <c r="A14899" i="1" s="1"/>
  <c r="A14900" i="1" s="1"/>
  <c r="A14901" i="1" s="1"/>
  <c r="A14902" i="1" s="1"/>
  <c r="A14903" i="1" s="1"/>
  <c r="A14904" i="1" s="1"/>
  <c r="A14905" i="1" s="1"/>
  <c r="A14906" i="1" s="1"/>
  <c r="A14907" i="1" s="1"/>
  <c r="A14908" i="1" s="1"/>
  <c r="A14909" i="1" s="1"/>
  <c r="A14910" i="1" s="1"/>
  <c r="A14911" i="1" s="1"/>
  <c r="A14912" i="1" s="1"/>
  <c r="A14913" i="1" s="1"/>
  <c r="A14914" i="1" s="1"/>
  <c r="A14915" i="1" s="1"/>
  <c r="A14916" i="1" s="1"/>
  <c r="A14917" i="1" s="1"/>
  <c r="A14918" i="1" s="1"/>
  <c r="A14919" i="1" s="1"/>
  <c r="A14920" i="1" s="1"/>
  <c r="A14921" i="1" s="1"/>
  <c r="A14922" i="1" s="1"/>
  <c r="A14923" i="1" s="1"/>
  <c r="A14924" i="1" s="1"/>
  <c r="A14925" i="1" s="1"/>
  <c r="A14926" i="1" s="1"/>
  <c r="A14927" i="1" s="1"/>
  <c r="A14928" i="1" s="1"/>
  <c r="A14929" i="1" s="1"/>
  <c r="A14930" i="1" s="1"/>
  <c r="A14931" i="1" s="1"/>
  <c r="A14932" i="1" s="1"/>
  <c r="A14933" i="1" s="1"/>
  <c r="A14934" i="1" s="1"/>
  <c r="A14935" i="1" s="1"/>
  <c r="A14936" i="1" s="1"/>
  <c r="A14937" i="1" s="1"/>
  <c r="A14938" i="1" s="1"/>
  <c r="A14939" i="1" s="1"/>
  <c r="A14940" i="1" s="1"/>
  <c r="A14941" i="1" s="1"/>
  <c r="A14942" i="1" s="1"/>
  <c r="A14943" i="1" s="1"/>
  <c r="A14944" i="1" s="1"/>
  <c r="A14945" i="1" s="1"/>
  <c r="A14946" i="1" s="1"/>
  <c r="A14947" i="1" s="1"/>
  <c r="A14948" i="1" s="1"/>
  <c r="A14949" i="1" s="1"/>
  <c r="A14950" i="1" s="1"/>
  <c r="A14951" i="1" s="1"/>
  <c r="A14952" i="1" s="1"/>
  <c r="A14953" i="1" s="1"/>
  <c r="A14954" i="1" s="1"/>
  <c r="A14955" i="1" s="1"/>
  <c r="A14956" i="1" s="1"/>
  <c r="A14957" i="1" s="1"/>
  <c r="A14958" i="1" s="1"/>
  <c r="A14959" i="1" s="1"/>
  <c r="A14960" i="1" s="1"/>
  <c r="A14961" i="1" s="1"/>
  <c r="A14962" i="1" s="1"/>
  <c r="A14963" i="1" s="1"/>
  <c r="A14964" i="1" s="1"/>
  <c r="A14965" i="1" s="1"/>
  <c r="A14966" i="1" s="1"/>
  <c r="A14967" i="1" s="1"/>
  <c r="A14968" i="1" s="1"/>
  <c r="A14969" i="1" s="1"/>
  <c r="A14970" i="1" s="1"/>
  <c r="A14971" i="1" s="1"/>
  <c r="A14972" i="1" s="1"/>
  <c r="A14973" i="1" s="1"/>
  <c r="A14974" i="1" s="1"/>
  <c r="A14975" i="1" s="1"/>
  <c r="A14976" i="1" s="1"/>
  <c r="A14977" i="1" s="1"/>
  <c r="A14978" i="1" s="1"/>
  <c r="A14979" i="1" s="1"/>
  <c r="A14980" i="1" s="1"/>
  <c r="A14981" i="1" s="1"/>
  <c r="A14982" i="1" s="1"/>
  <c r="A14983" i="1" s="1"/>
  <c r="A14984" i="1" s="1"/>
  <c r="A14985" i="1" s="1"/>
  <c r="A14986" i="1" s="1"/>
  <c r="A14987" i="1" s="1"/>
  <c r="A14988" i="1" s="1"/>
  <c r="A14989" i="1" s="1"/>
  <c r="A14990" i="1" s="1"/>
  <c r="A14991" i="1" s="1"/>
  <c r="A14992" i="1" s="1"/>
  <c r="A14993" i="1" s="1"/>
  <c r="A14994" i="1" s="1"/>
  <c r="A14995" i="1" s="1"/>
  <c r="A14996" i="1" s="1"/>
  <c r="A14997" i="1" s="1"/>
  <c r="A14998" i="1" s="1"/>
  <c r="A14999" i="1" s="1"/>
  <c r="A15000" i="1" s="1"/>
  <c r="A15001" i="1" s="1"/>
  <c r="A15002" i="1" s="1"/>
  <c r="A15003" i="1" s="1"/>
  <c r="A15004" i="1" s="1"/>
  <c r="A15005" i="1" s="1"/>
  <c r="A15006" i="1" s="1"/>
  <c r="A15007" i="1" s="1"/>
  <c r="A15008" i="1" s="1"/>
  <c r="A15009" i="1" s="1"/>
  <c r="A15010" i="1" s="1"/>
  <c r="A15011" i="1" s="1"/>
  <c r="A15012" i="1" s="1"/>
  <c r="A15013" i="1" s="1"/>
  <c r="A15014" i="1" s="1"/>
  <c r="A15015" i="1" s="1"/>
  <c r="A15016" i="1" s="1"/>
  <c r="A15017" i="1" s="1"/>
  <c r="A15018" i="1" s="1"/>
  <c r="A15019" i="1" s="1"/>
  <c r="A15020" i="1" s="1"/>
  <c r="A15021" i="1" s="1"/>
  <c r="A15022" i="1" s="1"/>
  <c r="A15023" i="1" s="1"/>
  <c r="A15024" i="1" s="1"/>
  <c r="A15025" i="1" s="1"/>
  <c r="A15026" i="1" s="1"/>
  <c r="A15027" i="1" s="1"/>
  <c r="A15028" i="1" s="1"/>
  <c r="A15029" i="1" s="1"/>
  <c r="A15030" i="1" s="1"/>
  <c r="A15031" i="1" s="1"/>
  <c r="A15032" i="1" s="1"/>
  <c r="A15033" i="1" s="1"/>
  <c r="A15034" i="1" s="1"/>
  <c r="A15035" i="1" s="1"/>
  <c r="A15036" i="1" s="1"/>
  <c r="A15037" i="1" s="1"/>
  <c r="A15038" i="1" s="1"/>
  <c r="A15039" i="1" s="1"/>
  <c r="A15040" i="1" s="1"/>
  <c r="A15041" i="1" s="1"/>
  <c r="A15042" i="1" s="1"/>
  <c r="A15043" i="1" s="1"/>
  <c r="A15044" i="1" s="1"/>
  <c r="A15045" i="1" s="1"/>
  <c r="A15046" i="1" s="1"/>
  <c r="A15047" i="1" s="1"/>
  <c r="A15048" i="1" s="1"/>
  <c r="A15049" i="1" s="1"/>
  <c r="A15050" i="1" s="1"/>
  <c r="A15051" i="1" s="1"/>
  <c r="A15052" i="1" s="1"/>
  <c r="A15053" i="1" s="1"/>
  <c r="A15054" i="1" s="1"/>
  <c r="A15055" i="1" s="1"/>
  <c r="A15056" i="1" s="1"/>
  <c r="A15057" i="1" s="1"/>
  <c r="A15058" i="1" s="1"/>
  <c r="A15059" i="1" s="1"/>
  <c r="A15060" i="1" s="1"/>
  <c r="A15061" i="1" s="1"/>
  <c r="A15062" i="1" s="1"/>
  <c r="A15063" i="1" s="1"/>
  <c r="A15064" i="1" s="1"/>
  <c r="A15065" i="1" s="1"/>
  <c r="A15066" i="1" s="1"/>
  <c r="A15067" i="1" s="1"/>
  <c r="A15068" i="1" s="1"/>
  <c r="A15069" i="1" s="1"/>
  <c r="A15070" i="1" s="1"/>
  <c r="A15071" i="1" s="1"/>
  <c r="A15072" i="1" s="1"/>
  <c r="A15073" i="1" s="1"/>
  <c r="A15074" i="1" s="1"/>
  <c r="A15075" i="1" s="1"/>
  <c r="A15076" i="1" s="1"/>
  <c r="A15077" i="1" s="1"/>
  <c r="A15078" i="1" s="1"/>
  <c r="A15079" i="1" s="1"/>
  <c r="A15080" i="1" s="1"/>
  <c r="A15081" i="1" s="1"/>
  <c r="A15082" i="1" s="1"/>
  <c r="A15083" i="1" s="1"/>
  <c r="A15084" i="1" s="1"/>
  <c r="A15085" i="1" s="1"/>
  <c r="A15086" i="1" s="1"/>
  <c r="A15087" i="1" s="1"/>
  <c r="A15088" i="1" s="1"/>
  <c r="A15089" i="1" s="1"/>
  <c r="A15090" i="1" s="1"/>
  <c r="A15091" i="1" s="1"/>
  <c r="A15092" i="1" s="1"/>
  <c r="A15093" i="1" s="1"/>
  <c r="A15094" i="1" s="1"/>
  <c r="A15095" i="1" s="1"/>
  <c r="A15096" i="1" s="1"/>
  <c r="A15097" i="1" s="1"/>
  <c r="A15098" i="1" s="1"/>
  <c r="A15099" i="1" s="1"/>
  <c r="A15100" i="1" s="1"/>
  <c r="A15101" i="1" s="1"/>
  <c r="A15102" i="1" s="1"/>
  <c r="A15103" i="1" s="1"/>
  <c r="A15104" i="1" s="1"/>
  <c r="A15105" i="1" s="1"/>
  <c r="A15106" i="1" s="1"/>
  <c r="A15107" i="1" s="1"/>
  <c r="A15108" i="1" s="1"/>
  <c r="A15109" i="1" s="1"/>
  <c r="A15110" i="1" s="1"/>
  <c r="A15111" i="1" s="1"/>
  <c r="A15112" i="1" s="1"/>
  <c r="A15113" i="1" s="1"/>
  <c r="A15114" i="1" s="1"/>
  <c r="A15115" i="1" s="1"/>
  <c r="A15116" i="1" s="1"/>
  <c r="A15117" i="1" s="1"/>
  <c r="A15118" i="1" s="1"/>
  <c r="A15119" i="1" s="1"/>
  <c r="A15120" i="1" s="1"/>
  <c r="A15121" i="1" s="1"/>
  <c r="A15122" i="1" s="1"/>
  <c r="A15123" i="1" s="1"/>
  <c r="A15124" i="1" s="1"/>
  <c r="A15125" i="1" s="1"/>
  <c r="A15126" i="1" s="1"/>
  <c r="A15127" i="1" s="1"/>
  <c r="A15128" i="1" s="1"/>
  <c r="A15129" i="1" s="1"/>
  <c r="A15130" i="1" s="1"/>
  <c r="A15131" i="1" s="1"/>
  <c r="A15132" i="1" s="1"/>
  <c r="A15133" i="1" s="1"/>
  <c r="A15134" i="1" s="1"/>
  <c r="A15135" i="1" s="1"/>
  <c r="A15136" i="1" s="1"/>
  <c r="A15137" i="1" s="1"/>
  <c r="A15138" i="1" s="1"/>
  <c r="A15139" i="1" s="1"/>
  <c r="A15140" i="1" s="1"/>
  <c r="A15141" i="1" s="1"/>
  <c r="A15142" i="1" s="1"/>
  <c r="A15143" i="1" s="1"/>
  <c r="A15144" i="1" s="1"/>
  <c r="A15145" i="1" s="1"/>
  <c r="A15146" i="1" s="1"/>
  <c r="A15147" i="1" s="1"/>
  <c r="A15148" i="1" s="1"/>
  <c r="A15149" i="1" s="1"/>
  <c r="A15150" i="1" s="1"/>
  <c r="A15151" i="1" s="1"/>
  <c r="A15152" i="1" s="1"/>
  <c r="A15153" i="1" s="1"/>
  <c r="A15154" i="1" s="1"/>
  <c r="A15155" i="1" s="1"/>
  <c r="A15156" i="1" s="1"/>
  <c r="A15157" i="1" s="1"/>
  <c r="A15158" i="1" s="1"/>
  <c r="A15159" i="1" s="1"/>
  <c r="A15160" i="1" s="1"/>
  <c r="A15161" i="1" s="1"/>
  <c r="A15162" i="1" s="1"/>
  <c r="A15163" i="1" s="1"/>
  <c r="A15164" i="1" s="1"/>
  <c r="A15165" i="1" s="1"/>
  <c r="A15166" i="1" s="1"/>
  <c r="A15167" i="1" s="1"/>
  <c r="A15168" i="1" s="1"/>
  <c r="A15169" i="1" s="1"/>
  <c r="A15170" i="1" s="1"/>
  <c r="A15171" i="1" s="1"/>
  <c r="A15172" i="1" s="1"/>
  <c r="A15173" i="1" s="1"/>
  <c r="A15174" i="1" s="1"/>
  <c r="A15175" i="1" s="1"/>
  <c r="A15176" i="1" s="1"/>
  <c r="A15177" i="1" s="1"/>
  <c r="A15178" i="1" s="1"/>
  <c r="A15179" i="1" s="1"/>
  <c r="A15180" i="1" s="1"/>
  <c r="A15181" i="1" s="1"/>
  <c r="A15182" i="1" s="1"/>
  <c r="A15183" i="1" s="1"/>
  <c r="A15184" i="1" s="1"/>
  <c r="A15185" i="1" s="1"/>
  <c r="A15186" i="1" s="1"/>
  <c r="A15187" i="1" s="1"/>
  <c r="A15188" i="1" s="1"/>
  <c r="A15189" i="1" s="1"/>
  <c r="A15190" i="1" s="1"/>
  <c r="A15191" i="1" s="1"/>
  <c r="A15192" i="1" s="1"/>
  <c r="A15193" i="1" s="1"/>
  <c r="A15194" i="1" s="1"/>
  <c r="A15195" i="1" s="1"/>
  <c r="A15196" i="1" s="1"/>
  <c r="A15197" i="1" s="1"/>
  <c r="A15198" i="1" s="1"/>
  <c r="A15199" i="1" s="1"/>
  <c r="A15200" i="1" s="1"/>
  <c r="A15201" i="1" s="1"/>
  <c r="A15202" i="1" s="1"/>
  <c r="A15203" i="1" s="1"/>
  <c r="A15204" i="1" s="1"/>
  <c r="A15205" i="1" s="1"/>
  <c r="A15206" i="1" s="1"/>
  <c r="A15207" i="1" s="1"/>
  <c r="A15208" i="1" s="1"/>
  <c r="A15209" i="1" s="1"/>
  <c r="A15210" i="1" s="1"/>
  <c r="A15211" i="1" s="1"/>
  <c r="A15212" i="1" s="1"/>
  <c r="A15213" i="1" s="1"/>
  <c r="A15214" i="1" s="1"/>
  <c r="A15215" i="1" s="1"/>
  <c r="A15216" i="1" s="1"/>
  <c r="A15217" i="1" s="1"/>
  <c r="A15218" i="1" s="1"/>
  <c r="A15219" i="1" s="1"/>
  <c r="A15220" i="1" s="1"/>
  <c r="A15221" i="1" s="1"/>
  <c r="A15222" i="1" s="1"/>
  <c r="A15223" i="1" s="1"/>
  <c r="A15224" i="1" s="1"/>
  <c r="A15225" i="1" s="1"/>
  <c r="A15226" i="1" s="1"/>
  <c r="A15227" i="1" s="1"/>
  <c r="A15228" i="1" s="1"/>
  <c r="A15229" i="1" s="1"/>
  <c r="A15230" i="1" s="1"/>
  <c r="A15231" i="1" s="1"/>
  <c r="A15232" i="1" s="1"/>
  <c r="A15233" i="1" s="1"/>
  <c r="A15234" i="1" s="1"/>
  <c r="A15235" i="1" s="1"/>
  <c r="A15236" i="1" s="1"/>
  <c r="A15237" i="1" s="1"/>
  <c r="A15238" i="1" s="1"/>
  <c r="A15239" i="1" s="1"/>
  <c r="A15240" i="1" s="1"/>
  <c r="A15241" i="1" s="1"/>
  <c r="A15242" i="1" s="1"/>
  <c r="A15243" i="1" s="1"/>
  <c r="A15244" i="1" s="1"/>
  <c r="A15245" i="1" s="1"/>
  <c r="A15246" i="1" s="1"/>
  <c r="A15247" i="1" s="1"/>
  <c r="A15248" i="1" s="1"/>
  <c r="A15249" i="1" s="1"/>
  <c r="A15250" i="1" s="1"/>
  <c r="A15251" i="1" s="1"/>
  <c r="A15252" i="1" s="1"/>
  <c r="A15253" i="1" s="1"/>
  <c r="A15254" i="1" s="1"/>
  <c r="A15255" i="1" s="1"/>
  <c r="A15256" i="1" s="1"/>
  <c r="A15257" i="1" s="1"/>
  <c r="A15258" i="1" s="1"/>
  <c r="A15259" i="1" s="1"/>
  <c r="A15260" i="1" s="1"/>
  <c r="A15261" i="1" s="1"/>
  <c r="A15262" i="1" s="1"/>
  <c r="A15263" i="1" s="1"/>
  <c r="A15264" i="1" s="1"/>
  <c r="A15265" i="1" s="1"/>
  <c r="A15266" i="1" s="1"/>
  <c r="A15267" i="1" s="1"/>
  <c r="A15268" i="1" s="1"/>
  <c r="A15269" i="1" s="1"/>
  <c r="A15270" i="1" s="1"/>
  <c r="A15271" i="1" s="1"/>
  <c r="A15272" i="1" s="1"/>
  <c r="A15273" i="1" s="1"/>
  <c r="A15274" i="1" s="1"/>
  <c r="A15275" i="1" s="1"/>
  <c r="A15276" i="1" s="1"/>
  <c r="A15277" i="1" s="1"/>
  <c r="A15278" i="1" s="1"/>
  <c r="A15279" i="1" s="1"/>
  <c r="A15280" i="1" s="1"/>
  <c r="A15281" i="1" s="1"/>
  <c r="A15282" i="1" s="1"/>
  <c r="A15283" i="1" s="1"/>
  <c r="A15284" i="1" s="1"/>
  <c r="A15285" i="1" s="1"/>
  <c r="A15286" i="1" s="1"/>
  <c r="A15287" i="1" s="1"/>
  <c r="A15288" i="1" s="1"/>
  <c r="A15289" i="1" s="1"/>
  <c r="A15290" i="1" s="1"/>
  <c r="A15291" i="1" s="1"/>
  <c r="A15292" i="1" s="1"/>
  <c r="A15293" i="1" s="1"/>
  <c r="A15294" i="1" s="1"/>
  <c r="A15295" i="1" s="1"/>
  <c r="A15296" i="1" s="1"/>
  <c r="A15297" i="1" s="1"/>
  <c r="A15298" i="1" s="1"/>
  <c r="A15299" i="1" s="1"/>
  <c r="A15300" i="1" s="1"/>
  <c r="A15301" i="1" s="1"/>
  <c r="A15302" i="1" s="1"/>
  <c r="A15303" i="1" s="1"/>
  <c r="A15304" i="1" s="1"/>
  <c r="A15305" i="1" s="1"/>
  <c r="A15306" i="1" s="1"/>
  <c r="A15307" i="1" s="1"/>
  <c r="A15308" i="1" s="1"/>
  <c r="A15309" i="1" s="1"/>
  <c r="A15310" i="1" s="1"/>
  <c r="A15311" i="1" s="1"/>
  <c r="A15312" i="1" s="1"/>
  <c r="A15313" i="1" s="1"/>
  <c r="A15314" i="1" s="1"/>
  <c r="A15315" i="1" s="1"/>
  <c r="A15316" i="1" s="1"/>
  <c r="A15317" i="1" s="1"/>
  <c r="A15318" i="1" s="1"/>
  <c r="A15319" i="1" s="1"/>
  <c r="A15320" i="1" s="1"/>
  <c r="A15321" i="1" s="1"/>
  <c r="A15322" i="1" s="1"/>
  <c r="A15323" i="1" s="1"/>
  <c r="A15324" i="1" s="1"/>
  <c r="A15325" i="1" s="1"/>
  <c r="A15326" i="1" s="1"/>
  <c r="A15327" i="1" s="1"/>
  <c r="A15328" i="1" s="1"/>
  <c r="A15329" i="1" s="1"/>
  <c r="A15330" i="1" s="1"/>
  <c r="A15331" i="1" s="1"/>
  <c r="A15332" i="1" s="1"/>
  <c r="A15333" i="1" s="1"/>
  <c r="A15334" i="1" s="1"/>
  <c r="A15335" i="1" s="1"/>
  <c r="A15336" i="1" s="1"/>
  <c r="A15337" i="1" s="1"/>
  <c r="A15338" i="1" s="1"/>
  <c r="A15339" i="1" s="1"/>
  <c r="A15340" i="1" s="1"/>
  <c r="A15341" i="1" s="1"/>
  <c r="A15342" i="1" s="1"/>
  <c r="A15343" i="1" s="1"/>
  <c r="A15344" i="1" s="1"/>
  <c r="A15345" i="1" s="1"/>
  <c r="A15346" i="1" s="1"/>
  <c r="A15347" i="1" s="1"/>
  <c r="A15348" i="1" s="1"/>
  <c r="A15349" i="1" s="1"/>
  <c r="A15350" i="1" s="1"/>
  <c r="A15351" i="1" s="1"/>
  <c r="A15352" i="1" s="1"/>
  <c r="A15353" i="1" s="1"/>
  <c r="A15354" i="1" s="1"/>
  <c r="A15355" i="1" s="1"/>
  <c r="A15356" i="1" s="1"/>
  <c r="A15357" i="1" s="1"/>
  <c r="A15358" i="1" s="1"/>
  <c r="A15359" i="1" s="1"/>
  <c r="A15360" i="1" s="1"/>
  <c r="A15361" i="1" s="1"/>
  <c r="A15362" i="1" s="1"/>
  <c r="A15363" i="1" s="1"/>
  <c r="A15364" i="1" s="1"/>
  <c r="A15365" i="1" s="1"/>
  <c r="A15366" i="1" s="1"/>
  <c r="A15367" i="1" s="1"/>
  <c r="A15368" i="1" s="1"/>
  <c r="A15369" i="1" s="1"/>
  <c r="A15370" i="1" s="1"/>
  <c r="A15371" i="1" s="1"/>
  <c r="A15372" i="1" s="1"/>
  <c r="A15373" i="1" s="1"/>
  <c r="A15374" i="1" s="1"/>
  <c r="A15375" i="1" s="1"/>
  <c r="A15376" i="1" s="1"/>
  <c r="A15377" i="1" s="1"/>
  <c r="A15378" i="1" s="1"/>
  <c r="A15379" i="1" s="1"/>
  <c r="A15380" i="1" s="1"/>
  <c r="A15381" i="1" s="1"/>
  <c r="A15382" i="1" s="1"/>
  <c r="A15383" i="1" s="1"/>
  <c r="A15384" i="1" s="1"/>
  <c r="A15385" i="1" s="1"/>
  <c r="A15386" i="1" s="1"/>
  <c r="A15387" i="1" s="1"/>
  <c r="A15388" i="1" s="1"/>
  <c r="A15389" i="1" s="1"/>
  <c r="A15390" i="1" s="1"/>
  <c r="A15391" i="1" s="1"/>
  <c r="A15392" i="1" s="1"/>
  <c r="A15393" i="1" s="1"/>
  <c r="A15394" i="1" s="1"/>
  <c r="A15395" i="1" s="1"/>
  <c r="A15396" i="1" s="1"/>
  <c r="A15397" i="1" s="1"/>
  <c r="A15398" i="1" s="1"/>
  <c r="A15399" i="1" s="1"/>
  <c r="A15400" i="1" s="1"/>
  <c r="A15401" i="1" s="1"/>
  <c r="A15402" i="1" s="1"/>
  <c r="A15403" i="1" s="1"/>
  <c r="A15404" i="1" s="1"/>
  <c r="A15405" i="1" s="1"/>
  <c r="A15406" i="1" s="1"/>
  <c r="A15407" i="1" s="1"/>
  <c r="A15408" i="1" s="1"/>
  <c r="A15409" i="1" s="1"/>
  <c r="A15410" i="1" s="1"/>
  <c r="A15411" i="1" s="1"/>
  <c r="A15412" i="1" s="1"/>
  <c r="A15413" i="1" s="1"/>
  <c r="A15414" i="1" s="1"/>
  <c r="A15415" i="1" s="1"/>
  <c r="A15416" i="1" s="1"/>
  <c r="A15417" i="1" s="1"/>
  <c r="A15418" i="1" s="1"/>
  <c r="A15419" i="1" s="1"/>
  <c r="A15420" i="1" s="1"/>
  <c r="A15421" i="1" s="1"/>
  <c r="A15422" i="1" s="1"/>
  <c r="A15423" i="1" s="1"/>
  <c r="A15424" i="1" s="1"/>
  <c r="A15425" i="1" s="1"/>
  <c r="A15426" i="1" s="1"/>
  <c r="A15427" i="1" s="1"/>
  <c r="A15428" i="1" s="1"/>
  <c r="A15429" i="1" s="1"/>
  <c r="A15430" i="1" s="1"/>
  <c r="A15431" i="1" s="1"/>
  <c r="A15432" i="1" s="1"/>
  <c r="A15433" i="1" s="1"/>
  <c r="A15434" i="1" s="1"/>
  <c r="A15435" i="1" s="1"/>
  <c r="A15436" i="1" s="1"/>
  <c r="A15437" i="1" s="1"/>
  <c r="A15438" i="1" s="1"/>
  <c r="A15439" i="1" s="1"/>
  <c r="A15440" i="1" s="1"/>
  <c r="A15441" i="1" s="1"/>
  <c r="A15442" i="1" s="1"/>
  <c r="A15443" i="1" s="1"/>
  <c r="A15444" i="1" s="1"/>
  <c r="A15445" i="1" s="1"/>
  <c r="A15446" i="1" s="1"/>
  <c r="A15447" i="1" s="1"/>
  <c r="A15448" i="1" s="1"/>
  <c r="A15449" i="1" s="1"/>
  <c r="A15450" i="1" s="1"/>
  <c r="A15451" i="1" s="1"/>
  <c r="A15452" i="1" s="1"/>
  <c r="A15453" i="1" s="1"/>
  <c r="A15454" i="1" s="1"/>
  <c r="A15455" i="1" s="1"/>
  <c r="A15456" i="1" s="1"/>
  <c r="A15457" i="1" s="1"/>
  <c r="A15458" i="1" s="1"/>
  <c r="A15459" i="1" s="1"/>
  <c r="A15460" i="1" s="1"/>
  <c r="A15461" i="1" s="1"/>
  <c r="A15462" i="1" s="1"/>
  <c r="A15463" i="1" s="1"/>
  <c r="A15464" i="1" s="1"/>
  <c r="A15465" i="1" s="1"/>
  <c r="A15466" i="1" s="1"/>
  <c r="A15467" i="1" s="1"/>
  <c r="A15468" i="1" s="1"/>
  <c r="A15469" i="1" s="1"/>
  <c r="A15470" i="1" s="1"/>
  <c r="A15471" i="1" s="1"/>
  <c r="A15472" i="1" s="1"/>
  <c r="A15473" i="1" s="1"/>
  <c r="A15474" i="1" s="1"/>
  <c r="A15475" i="1" s="1"/>
  <c r="A15476" i="1" s="1"/>
  <c r="A15477" i="1" s="1"/>
  <c r="A15478" i="1" s="1"/>
  <c r="A15479" i="1" s="1"/>
  <c r="A15480" i="1" s="1"/>
  <c r="A15481" i="1" s="1"/>
  <c r="A15482" i="1" s="1"/>
  <c r="A15483" i="1" s="1"/>
  <c r="A15484" i="1" s="1"/>
  <c r="A15485" i="1" s="1"/>
  <c r="A15486" i="1" s="1"/>
  <c r="A15487" i="1" s="1"/>
  <c r="A15488" i="1" s="1"/>
  <c r="A15489" i="1" s="1"/>
  <c r="A15490" i="1" s="1"/>
  <c r="A15491" i="1" s="1"/>
  <c r="A15492" i="1" s="1"/>
  <c r="A15493" i="1" s="1"/>
  <c r="A15494" i="1" s="1"/>
  <c r="A15495" i="1" s="1"/>
  <c r="A15496" i="1" s="1"/>
  <c r="A15497" i="1" s="1"/>
  <c r="A15498" i="1" s="1"/>
  <c r="A15499" i="1" s="1"/>
  <c r="A15500" i="1" s="1"/>
  <c r="A15501" i="1" s="1"/>
  <c r="A15502" i="1" s="1"/>
  <c r="A15503" i="1" s="1"/>
  <c r="A15504" i="1" s="1"/>
  <c r="A15505" i="1" s="1"/>
  <c r="A15506" i="1" s="1"/>
  <c r="A15507" i="1" s="1"/>
  <c r="A15508" i="1" s="1"/>
  <c r="A15509" i="1" s="1"/>
  <c r="A15510" i="1" s="1"/>
  <c r="A15511" i="1" s="1"/>
  <c r="A15512" i="1" s="1"/>
  <c r="A15513" i="1" s="1"/>
  <c r="A15514" i="1" s="1"/>
  <c r="A15515" i="1" s="1"/>
  <c r="A15516" i="1" s="1"/>
  <c r="A15517" i="1" s="1"/>
  <c r="A15518" i="1" s="1"/>
  <c r="A15519" i="1" s="1"/>
  <c r="A15520" i="1" s="1"/>
  <c r="A15521" i="1" s="1"/>
  <c r="A15522" i="1" s="1"/>
  <c r="A15523" i="1" s="1"/>
  <c r="A15524" i="1" s="1"/>
  <c r="A15525" i="1" s="1"/>
  <c r="A15526" i="1" s="1"/>
  <c r="A15527" i="1" s="1"/>
  <c r="A15528" i="1" s="1"/>
  <c r="A15529" i="1" s="1"/>
  <c r="A15530" i="1" s="1"/>
  <c r="A15531" i="1" s="1"/>
  <c r="A15532" i="1" s="1"/>
  <c r="A15533" i="1" s="1"/>
  <c r="A15534" i="1" s="1"/>
  <c r="A15535" i="1" s="1"/>
  <c r="A15536" i="1" s="1"/>
  <c r="A15537" i="1" s="1"/>
  <c r="A15538" i="1" s="1"/>
  <c r="A15539" i="1" s="1"/>
  <c r="A15540" i="1" s="1"/>
  <c r="A15541" i="1" s="1"/>
  <c r="A15542" i="1" s="1"/>
  <c r="A15543" i="1" s="1"/>
  <c r="A15544" i="1" s="1"/>
  <c r="A15545" i="1" s="1"/>
  <c r="A15546" i="1" s="1"/>
  <c r="A15547" i="1" s="1"/>
  <c r="A15548" i="1" s="1"/>
  <c r="A15549" i="1" s="1"/>
  <c r="A15550" i="1" s="1"/>
  <c r="A15551" i="1" s="1"/>
  <c r="A15552" i="1" s="1"/>
  <c r="A15553" i="1" s="1"/>
  <c r="A15554" i="1" s="1"/>
  <c r="A15555" i="1" s="1"/>
  <c r="A15556" i="1" s="1"/>
  <c r="A15557" i="1" s="1"/>
  <c r="A15558" i="1" s="1"/>
  <c r="A15559" i="1" s="1"/>
  <c r="A15560" i="1" s="1"/>
  <c r="A15561" i="1" s="1"/>
  <c r="A15562" i="1" s="1"/>
  <c r="A15563" i="1" s="1"/>
  <c r="A15564" i="1" s="1"/>
  <c r="A15565" i="1" s="1"/>
  <c r="A15566" i="1" s="1"/>
  <c r="A15567" i="1" s="1"/>
  <c r="A15568" i="1" s="1"/>
  <c r="A15569" i="1" s="1"/>
  <c r="A15570" i="1" s="1"/>
  <c r="A15571" i="1" s="1"/>
  <c r="A15572" i="1" s="1"/>
  <c r="A15573" i="1" s="1"/>
  <c r="A15574" i="1" s="1"/>
  <c r="A15575" i="1" s="1"/>
  <c r="A15576" i="1" s="1"/>
  <c r="A15577" i="1" s="1"/>
  <c r="A15578" i="1" s="1"/>
  <c r="A15579" i="1" s="1"/>
  <c r="A15580" i="1" s="1"/>
  <c r="A15581" i="1" s="1"/>
  <c r="A15582" i="1" s="1"/>
  <c r="A15583" i="1" s="1"/>
  <c r="A15584" i="1" s="1"/>
  <c r="A15585" i="1" s="1"/>
  <c r="A15586" i="1" s="1"/>
  <c r="A15587" i="1" s="1"/>
  <c r="A15588" i="1" s="1"/>
  <c r="A15589" i="1" s="1"/>
  <c r="A15590" i="1" s="1"/>
  <c r="A15591" i="1" s="1"/>
  <c r="A15592" i="1" s="1"/>
  <c r="A15593" i="1" s="1"/>
  <c r="A15594" i="1" s="1"/>
  <c r="A15595" i="1" s="1"/>
  <c r="A15596" i="1" s="1"/>
  <c r="A15597" i="1" s="1"/>
  <c r="A15598" i="1" s="1"/>
  <c r="A15599" i="1" s="1"/>
  <c r="A15600" i="1" s="1"/>
  <c r="A15601" i="1" s="1"/>
  <c r="A15602" i="1" s="1"/>
  <c r="A15603" i="1" s="1"/>
  <c r="A15604" i="1" s="1"/>
  <c r="A15605" i="1" s="1"/>
  <c r="A15606" i="1" s="1"/>
  <c r="A15607" i="1" s="1"/>
  <c r="A15608" i="1" s="1"/>
  <c r="A15609" i="1" s="1"/>
  <c r="A15610" i="1" s="1"/>
  <c r="A15611" i="1" s="1"/>
  <c r="A15612" i="1" s="1"/>
  <c r="A15613" i="1" s="1"/>
  <c r="A15614" i="1" s="1"/>
  <c r="A15615" i="1" s="1"/>
  <c r="A15616" i="1" s="1"/>
  <c r="A15617" i="1" s="1"/>
  <c r="A15618" i="1" s="1"/>
  <c r="A15619" i="1" s="1"/>
  <c r="A15620" i="1" s="1"/>
  <c r="A15621" i="1" s="1"/>
  <c r="A15622" i="1" s="1"/>
  <c r="A15623" i="1" s="1"/>
  <c r="A15624" i="1" s="1"/>
  <c r="A15625" i="1" s="1"/>
  <c r="A15626" i="1" s="1"/>
  <c r="A15627" i="1" s="1"/>
  <c r="A15628" i="1" s="1"/>
  <c r="A15629" i="1" s="1"/>
  <c r="A15630" i="1" s="1"/>
  <c r="A15631" i="1" s="1"/>
  <c r="A15632" i="1" s="1"/>
  <c r="A15633" i="1" s="1"/>
  <c r="A15634" i="1" s="1"/>
  <c r="A15635" i="1" s="1"/>
  <c r="A15636" i="1" s="1"/>
  <c r="A15637" i="1" s="1"/>
  <c r="A15638" i="1" s="1"/>
  <c r="A15639" i="1" s="1"/>
  <c r="A15640" i="1" s="1"/>
  <c r="A15641" i="1" s="1"/>
  <c r="A15642" i="1" s="1"/>
  <c r="A15643" i="1" s="1"/>
  <c r="A15644" i="1" s="1"/>
  <c r="A15645" i="1" s="1"/>
  <c r="A15646" i="1" s="1"/>
  <c r="A15647" i="1" s="1"/>
  <c r="A15648" i="1" s="1"/>
  <c r="A15649" i="1" s="1"/>
  <c r="A15650" i="1" s="1"/>
  <c r="A15651" i="1" s="1"/>
  <c r="A15652" i="1" s="1"/>
  <c r="A15653" i="1" s="1"/>
  <c r="A15654" i="1" s="1"/>
  <c r="A15655" i="1" s="1"/>
  <c r="A15656" i="1" s="1"/>
  <c r="A15657" i="1" s="1"/>
  <c r="A15658" i="1" s="1"/>
  <c r="A15659" i="1" s="1"/>
  <c r="A15660" i="1" s="1"/>
  <c r="A15661" i="1" s="1"/>
  <c r="A15662" i="1" s="1"/>
  <c r="A15663" i="1" s="1"/>
  <c r="A15664" i="1" s="1"/>
  <c r="A15665" i="1" s="1"/>
  <c r="A15666" i="1" s="1"/>
  <c r="A15667" i="1" s="1"/>
  <c r="A15668" i="1" s="1"/>
  <c r="A15669" i="1" s="1"/>
  <c r="A15670" i="1" s="1"/>
  <c r="A15671" i="1" s="1"/>
  <c r="A15672" i="1" s="1"/>
  <c r="A15673" i="1" s="1"/>
  <c r="A15674" i="1" s="1"/>
  <c r="A15675" i="1" s="1"/>
  <c r="A15676" i="1" s="1"/>
  <c r="A15677" i="1" s="1"/>
  <c r="A15678" i="1" s="1"/>
  <c r="A15679" i="1" s="1"/>
  <c r="A15680" i="1" s="1"/>
  <c r="A15681" i="1" s="1"/>
  <c r="A15682" i="1" s="1"/>
  <c r="A15683" i="1" s="1"/>
  <c r="A15684" i="1" s="1"/>
  <c r="A15685" i="1" s="1"/>
  <c r="A15686" i="1" s="1"/>
  <c r="A15687" i="1" s="1"/>
  <c r="A15688" i="1" s="1"/>
  <c r="A15689" i="1" s="1"/>
  <c r="A15690" i="1" s="1"/>
  <c r="A15691" i="1" s="1"/>
  <c r="A15692" i="1" s="1"/>
  <c r="A15693" i="1" s="1"/>
  <c r="A15694" i="1" s="1"/>
  <c r="A15695" i="1" s="1"/>
  <c r="A15696" i="1" s="1"/>
  <c r="A15697" i="1" s="1"/>
  <c r="A15698" i="1" s="1"/>
  <c r="A15699" i="1" s="1"/>
  <c r="A15700" i="1" s="1"/>
  <c r="A15701" i="1" s="1"/>
  <c r="A15702" i="1" s="1"/>
  <c r="A15703" i="1" s="1"/>
  <c r="A15704" i="1" s="1"/>
  <c r="A15705" i="1" s="1"/>
  <c r="A15706" i="1" s="1"/>
  <c r="A15707" i="1" s="1"/>
  <c r="A15708" i="1" s="1"/>
  <c r="A15709" i="1" s="1"/>
  <c r="A15710" i="1" s="1"/>
  <c r="A15711" i="1" s="1"/>
  <c r="A15712" i="1" s="1"/>
  <c r="A15713" i="1" s="1"/>
  <c r="A15714" i="1" s="1"/>
  <c r="A15715" i="1" s="1"/>
  <c r="A15716" i="1" s="1"/>
  <c r="A15717" i="1" s="1"/>
  <c r="A15718" i="1" s="1"/>
  <c r="A15719" i="1" s="1"/>
  <c r="A15720" i="1" s="1"/>
  <c r="A15721" i="1" s="1"/>
  <c r="A15722" i="1" s="1"/>
  <c r="A15723" i="1" s="1"/>
  <c r="A15724" i="1" s="1"/>
  <c r="A15725" i="1" s="1"/>
  <c r="A15726" i="1" s="1"/>
  <c r="A15727" i="1" s="1"/>
  <c r="A15728" i="1" s="1"/>
  <c r="A15729" i="1" s="1"/>
  <c r="A15730" i="1" s="1"/>
  <c r="A15731" i="1" s="1"/>
  <c r="A15732" i="1" s="1"/>
  <c r="A15733" i="1" s="1"/>
  <c r="A15734" i="1" s="1"/>
  <c r="A15735" i="1" s="1"/>
  <c r="A15736" i="1" s="1"/>
  <c r="A15737" i="1" s="1"/>
  <c r="A15738" i="1" s="1"/>
  <c r="A15739" i="1" s="1"/>
  <c r="A15740" i="1" s="1"/>
  <c r="A15741" i="1" s="1"/>
  <c r="A15742" i="1" s="1"/>
  <c r="A15743" i="1" s="1"/>
  <c r="A15744" i="1" s="1"/>
  <c r="A15745" i="1" s="1"/>
  <c r="A15746" i="1" s="1"/>
  <c r="A15747" i="1" s="1"/>
  <c r="A15748" i="1" s="1"/>
  <c r="A15749" i="1" s="1"/>
  <c r="A15750" i="1" s="1"/>
  <c r="A15751" i="1" s="1"/>
  <c r="A15752" i="1" s="1"/>
  <c r="A15753" i="1" s="1"/>
  <c r="A15754" i="1" s="1"/>
  <c r="A15755" i="1" s="1"/>
  <c r="A15756" i="1" s="1"/>
  <c r="A15757" i="1" s="1"/>
  <c r="A15758" i="1" s="1"/>
  <c r="A15759" i="1" s="1"/>
  <c r="A15760" i="1" s="1"/>
  <c r="A15761" i="1" s="1"/>
  <c r="A15762" i="1" s="1"/>
  <c r="A15763" i="1" s="1"/>
  <c r="A15764" i="1" s="1"/>
  <c r="A15765" i="1" s="1"/>
  <c r="A15766" i="1" s="1"/>
  <c r="A15767" i="1" s="1"/>
  <c r="A15768" i="1" s="1"/>
  <c r="A15769" i="1" s="1"/>
  <c r="A15770" i="1" s="1"/>
  <c r="A15771" i="1" s="1"/>
  <c r="A15772" i="1" s="1"/>
  <c r="A15773" i="1" s="1"/>
  <c r="A15774" i="1" s="1"/>
  <c r="A15775" i="1" s="1"/>
  <c r="A15776" i="1" s="1"/>
  <c r="A15777" i="1" s="1"/>
  <c r="A15778" i="1" s="1"/>
  <c r="A15779" i="1" s="1"/>
  <c r="A15780" i="1" s="1"/>
  <c r="A15781" i="1" s="1"/>
  <c r="A15782" i="1" s="1"/>
  <c r="A15783" i="1" s="1"/>
  <c r="A15784" i="1" s="1"/>
  <c r="A15785" i="1" s="1"/>
  <c r="A15786" i="1" s="1"/>
  <c r="A15787" i="1" s="1"/>
  <c r="A15788" i="1" s="1"/>
  <c r="A15789" i="1" s="1"/>
  <c r="A15790" i="1" s="1"/>
  <c r="A15791" i="1" s="1"/>
  <c r="A15792" i="1" s="1"/>
  <c r="A15793" i="1" s="1"/>
  <c r="A15794" i="1" s="1"/>
  <c r="A15795" i="1" s="1"/>
  <c r="A15796" i="1" s="1"/>
  <c r="A15797" i="1" s="1"/>
  <c r="A15798" i="1" s="1"/>
  <c r="A15799" i="1" s="1"/>
  <c r="A15800" i="1" s="1"/>
  <c r="A15801" i="1" s="1"/>
  <c r="A15802" i="1" s="1"/>
  <c r="A15803" i="1" s="1"/>
  <c r="A15804" i="1" s="1"/>
  <c r="A15805" i="1" s="1"/>
  <c r="A15806" i="1" s="1"/>
  <c r="A15807" i="1" s="1"/>
  <c r="A15808" i="1" s="1"/>
  <c r="A15809" i="1" s="1"/>
  <c r="A15810" i="1" s="1"/>
  <c r="A15811" i="1" s="1"/>
  <c r="A15812" i="1" s="1"/>
  <c r="A15813" i="1" s="1"/>
  <c r="A15814" i="1" s="1"/>
  <c r="A15815" i="1" s="1"/>
  <c r="A15816" i="1" s="1"/>
  <c r="A15817" i="1" s="1"/>
  <c r="A15818" i="1" s="1"/>
  <c r="A15819" i="1" s="1"/>
  <c r="A15820" i="1" s="1"/>
  <c r="A15821" i="1" s="1"/>
  <c r="A15822" i="1" s="1"/>
  <c r="A15823" i="1" s="1"/>
  <c r="A15824" i="1" s="1"/>
  <c r="A15825" i="1" s="1"/>
  <c r="A15826" i="1" s="1"/>
  <c r="A15827" i="1" s="1"/>
  <c r="A15828" i="1" s="1"/>
  <c r="A15829" i="1" s="1"/>
  <c r="A15830" i="1" s="1"/>
  <c r="A15831" i="1" s="1"/>
  <c r="A15832" i="1" s="1"/>
  <c r="A15833" i="1" s="1"/>
  <c r="A15834" i="1" s="1"/>
  <c r="A15835" i="1" s="1"/>
  <c r="A15836" i="1" s="1"/>
  <c r="A15837" i="1" s="1"/>
  <c r="A15838" i="1" s="1"/>
  <c r="A15839" i="1" s="1"/>
  <c r="A15840" i="1" s="1"/>
  <c r="A15841" i="1" s="1"/>
  <c r="A15842" i="1" s="1"/>
  <c r="A15843" i="1" s="1"/>
  <c r="A15844" i="1" s="1"/>
  <c r="A15845" i="1" s="1"/>
  <c r="A15846" i="1" s="1"/>
  <c r="A15847" i="1" s="1"/>
  <c r="A15848" i="1" s="1"/>
  <c r="A15849" i="1" s="1"/>
  <c r="A15850" i="1" s="1"/>
  <c r="A15851" i="1" s="1"/>
  <c r="A15852" i="1" s="1"/>
  <c r="A15853" i="1" s="1"/>
  <c r="A15854" i="1" s="1"/>
  <c r="A15855" i="1" s="1"/>
  <c r="A15856" i="1" s="1"/>
  <c r="A15857" i="1" s="1"/>
  <c r="A15858" i="1" s="1"/>
  <c r="A15859" i="1" s="1"/>
  <c r="A15860" i="1" s="1"/>
  <c r="A15861" i="1" s="1"/>
  <c r="A15862" i="1" s="1"/>
  <c r="A15863" i="1" s="1"/>
  <c r="A15864" i="1" s="1"/>
  <c r="A15865" i="1" s="1"/>
  <c r="A15866" i="1" s="1"/>
  <c r="A15867" i="1" s="1"/>
  <c r="A15868" i="1" s="1"/>
  <c r="A15869" i="1" s="1"/>
  <c r="A15870" i="1" s="1"/>
  <c r="A15871" i="1" s="1"/>
  <c r="A15872" i="1" s="1"/>
  <c r="A15873" i="1" s="1"/>
  <c r="A15874" i="1" s="1"/>
  <c r="A15875" i="1" s="1"/>
  <c r="A15876" i="1" s="1"/>
  <c r="A15877" i="1" s="1"/>
  <c r="A15878" i="1" s="1"/>
  <c r="A15879" i="1" s="1"/>
  <c r="A15880" i="1" s="1"/>
  <c r="A15881" i="1" s="1"/>
  <c r="A15882" i="1" s="1"/>
  <c r="A15883" i="1" s="1"/>
  <c r="A15884" i="1" s="1"/>
  <c r="A15885" i="1" s="1"/>
  <c r="A15886" i="1" s="1"/>
  <c r="A15887" i="1" s="1"/>
  <c r="A15888" i="1" s="1"/>
  <c r="A15889" i="1" s="1"/>
  <c r="A15890" i="1" s="1"/>
  <c r="A15891" i="1" s="1"/>
  <c r="A15892" i="1" s="1"/>
  <c r="A15893" i="1" s="1"/>
  <c r="A15894" i="1" s="1"/>
  <c r="A15895" i="1" s="1"/>
  <c r="A15896" i="1" s="1"/>
  <c r="A15897" i="1" s="1"/>
  <c r="A15898" i="1" s="1"/>
  <c r="A15899" i="1" s="1"/>
  <c r="A15900" i="1" s="1"/>
  <c r="A15901" i="1" s="1"/>
  <c r="A15902" i="1" s="1"/>
  <c r="A15903" i="1" s="1"/>
  <c r="A15904" i="1" s="1"/>
  <c r="A15905" i="1" s="1"/>
  <c r="A15906" i="1" s="1"/>
  <c r="A15907" i="1" s="1"/>
  <c r="A15908" i="1" s="1"/>
  <c r="A15909" i="1" s="1"/>
  <c r="A15910" i="1" s="1"/>
  <c r="A15911" i="1" s="1"/>
  <c r="A15912" i="1" s="1"/>
  <c r="A15913" i="1" s="1"/>
  <c r="A15914" i="1" s="1"/>
  <c r="A15915" i="1" s="1"/>
  <c r="A15916" i="1" s="1"/>
  <c r="A15917" i="1" s="1"/>
  <c r="A15918" i="1" s="1"/>
  <c r="A15919" i="1" s="1"/>
  <c r="A15920" i="1" s="1"/>
  <c r="A15921" i="1" s="1"/>
  <c r="A15922" i="1" s="1"/>
  <c r="A15923" i="1" s="1"/>
  <c r="A15924" i="1" s="1"/>
  <c r="A15925" i="1" s="1"/>
  <c r="A15926" i="1" s="1"/>
  <c r="A15927" i="1" s="1"/>
  <c r="A15928" i="1" s="1"/>
  <c r="A15929" i="1" s="1"/>
  <c r="A15930" i="1" s="1"/>
  <c r="A15931" i="1" s="1"/>
  <c r="A15932" i="1" s="1"/>
  <c r="A15933" i="1" s="1"/>
  <c r="A15934" i="1" s="1"/>
  <c r="A15935" i="1" s="1"/>
  <c r="A15936" i="1" s="1"/>
  <c r="A15937" i="1" s="1"/>
  <c r="A15938" i="1" s="1"/>
  <c r="A15939" i="1" s="1"/>
  <c r="A15940" i="1" s="1"/>
  <c r="A15941" i="1" s="1"/>
  <c r="A15942" i="1" s="1"/>
  <c r="A15943" i="1" s="1"/>
  <c r="A15944" i="1" s="1"/>
  <c r="A15945" i="1" s="1"/>
  <c r="A15946" i="1" s="1"/>
  <c r="A15947" i="1" s="1"/>
  <c r="A15948" i="1" s="1"/>
  <c r="A15949" i="1" s="1"/>
  <c r="A15950" i="1" s="1"/>
  <c r="A15951" i="1" s="1"/>
  <c r="A15952" i="1" s="1"/>
  <c r="A15953" i="1" s="1"/>
  <c r="A15954" i="1" s="1"/>
  <c r="A15955" i="1" s="1"/>
  <c r="A15956" i="1" s="1"/>
  <c r="A15957" i="1" s="1"/>
  <c r="A15958" i="1" s="1"/>
  <c r="A15959" i="1" s="1"/>
  <c r="A15960" i="1" s="1"/>
  <c r="A15961" i="1" s="1"/>
  <c r="A15962" i="1" s="1"/>
  <c r="A15963" i="1" s="1"/>
  <c r="A15964" i="1" s="1"/>
  <c r="A15965" i="1" s="1"/>
  <c r="A15966" i="1" s="1"/>
  <c r="A15967" i="1" s="1"/>
  <c r="A15968" i="1" s="1"/>
  <c r="A15969" i="1" s="1"/>
  <c r="A15970" i="1" s="1"/>
  <c r="A15971" i="1" s="1"/>
  <c r="A15972" i="1" s="1"/>
  <c r="A15973" i="1" s="1"/>
  <c r="A15974" i="1" s="1"/>
  <c r="A15975" i="1" s="1"/>
  <c r="A15976" i="1" s="1"/>
  <c r="A15977" i="1" s="1"/>
  <c r="A15978" i="1" s="1"/>
  <c r="A15979" i="1" s="1"/>
  <c r="A15980" i="1" s="1"/>
  <c r="A15981" i="1" s="1"/>
  <c r="A15982" i="1" s="1"/>
  <c r="A15983" i="1" s="1"/>
  <c r="A15984" i="1" s="1"/>
  <c r="A15985" i="1" s="1"/>
  <c r="A15986" i="1" s="1"/>
  <c r="A15987" i="1" s="1"/>
  <c r="A15988" i="1" s="1"/>
  <c r="A15989" i="1" s="1"/>
  <c r="A15990" i="1" s="1"/>
  <c r="A15991" i="1" s="1"/>
  <c r="A15992" i="1" s="1"/>
  <c r="A15993" i="1" s="1"/>
  <c r="A15994" i="1" s="1"/>
  <c r="A15995" i="1" s="1"/>
  <c r="A15996" i="1" s="1"/>
  <c r="A15997" i="1" s="1"/>
  <c r="A15998" i="1" s="1"/>
  <c r="A15999" i="1" s="1"/>
  <c r="A16000" i="1" s="1"/>
  <c r="A16001" i="1" s="1"/>
  <c r="A16002" i="1" s="1"/>
  <c r="A16003" i="1" s="1"/>
  <c r="A16004" i="1" s="1"/>
  <c r="A16005" i="1" s="1"/>
  <c r="A16006" i="1" s="1"/>
  <c r="A16007" i="1" s="1"/>
  <c r="A16008" i="1" s="1"/>
  <c r="A16009" i="1" s="1"/>
  <c r="A16010" i="1" s="1"/>
  <c r="A16011" i="1" s="1"/>
  <c r="A16012" i="1" s="1"/>
  <c r="A16013" i="1" s="1"/>
  <c r="A16014" i="1" s="1"/>
  <c r="A16015" i="1" s="1"/>
  <c r="A16016" i="1" s="1"/>
  <c r="A16017" i="1" s="1"/>
  <c r="A16018" i="1" s="1"/>
  <c r="A16019" i="1" s="1"/>
  <c r="A16020" i="1" s="1"/>
  <c r="A16021" i="1" s="1"/>
  <c r="A16022" i="1" s="1"/>
  <c r="A16023" i="1" s="1"/>
  <c r="A16024" i="1" s="1"/>
  <c r="A16025" i="1" s="1"/>
  <c r="A16026" i="1" s="1"/>
  <c r="A16027" i="1" s="1"/>
  <c r="A16028" i="1" s="1"/>
  <c r="A16029" i="1" s="1"/>
  <c r="A16030" i="1" s="1"/>
  <c r="A16031" i="1" s="1"/>
  <c r="A16032" i="1" s="1"/>
  <c r="A16033" i="1" s="1"/>
  <c r="A16034" i="1" s="1"/>
  <c r="A16035" i="1" s="1"/>
  <c r="A16036" i="1" s="1"/>
  <c r="A16037" i="1" s="1"/>
  <c r="A16038" i="1" s="1"/>
  <c r="A16039" i="1" s="1"/>
  <c r="A16040" i="1" s="1"/>
  <c r="A16041" i="1" s="1"/>
  <c r="A16042" i="1" s="1"/>
  <c r="A16043" i="1" s="1"/>
  <c r="A16044" i="1" s="1"/>
  <c r="A16045" i="1" s="1"/>
  <c r="A16046" i="1" s="1"/>
  <c r="A16047" i="1" s="1"/>
  <c r="A16048" i="1" s="1"/>
  <c r="A16049" i="1" s="1"/>
  <c r="A16050" i="1" s="1"/>
  <c r="A16051" i="1" s="1"/>
  <c r="A16052" i="1" s="1"/>
  <c r="A16053" i="1" s="1"/>
  <c r="A16054" i="1" s="1"/>
  <c r="A16055" i="1" s="1"/>
  <c r="A16056" i="1" s="1"/>
  <c r="A16057" i="1" s="1"/>
  <c r="A16058" i="1" s="1"/>
  <c r="A16059" i="1" s="1"/>
  <c r="A16060" i="1" s="1"/>
  <c r="A16061" i="1" s="1"/>
  <c r="A16062" i="1" s="1"/>
  <c r="A16063" i="1" s="1"/>
  <c r="A16064" i="1" s="1"/>
  <c r="A16065" i="1" s="1"/>
  <c r="A16066" i="1" s="1"/>
  <c r="A16067" i="1" s="1"/>
  <c r="A16068" i="1" s="1"/>
  <c r="A16069" i="1" s="1"/>
  <c r="A16070" i="1" s="1"/>
  <c r="A16071" i="1" s="1"/>
  <c r="A16072" i="1" s="1"/>
  <c r="A16073" i="1" s="1"/>
  <c r="A16074" i="1" s="1"/>
  <c r="A16075" i="1" s="1"/>
  <c r="A16076" i="1" s="1"/>
  <c r="A16077" i="1" s="1"/>
  <c r="A16078" i="1" s="1"/>
  <c r="A16079" i="1" s="1"/>
  <c r="A16080" i="1" s="1"/>
  <c r="A16081" i="1" s="1"/>
  <c r="A16082" i="1" s="1"/>
  <c r="A16083" i="1" s="1"/>
  <c r="A16084" i="1" s="1"/>
  <c r="A16085" i="1" s="1"/>
  <c r="A16086" i="1" s="1"/>
  <c r="A16087" i="1" s="1"/>
  <c r="A16088" i="1" s="1"/>
  <c r="A16089" i="1" s="1"/>
  <c r="A16090" i="1" s="1"/>
  <c r="A16091" i="1" s="1"/>
  <c r="A16092" i="1" s="1"/>
  <c r="A16093" i="1" s="1"/>
  <c r="A16094" i="1" s="1"/>
  <c r="A16095" i="1" s="1"/>
  <c r="A16096" i="1" s="1"/>
  <c r="A16097" i="1" s="1"/>
  <c r="A16098" i="1" s="1"/>
  <c r="A16099" i="1" s="1"/>
  <c r="A16100" i="1" s="1"/>
  <c r="A16101" i="1" s="1"/>
  <c r="A16102" i="1" s="1"/>
  <c r="A16103" i="1" s="1"/>
  <c r="A16104" i="1" s="1"/>
  <c r="A16105" i="1" s="1"/>
  <c r="A16106" i="1" s="1"/>
  <c r="A16107" i="1" s="1"/>
  <c r="A16108" i="1" s="1"/>
  <c r="A16109" i="1" s="1"/>
  <c r="A16110" i="1" s="1"/>
  <c r="A16111" i="1" s="1"/>
  <c r="A16112" i="1" s="1"/>
  <c r="A16113" i="1" s="1"/>
  <c r="A16114" i="1" s="1"/>
  <c r="A16115" i="1" s="1"/>
  <c r="A16116" i="1" s="1"/>
  <c r="A16117" i="1" s="1"/>
  <c r="A16118" i="1" s="1"/>
  <c r="A16119" i="1" s="1"/>
  <c r="A16120" i="1" s="1"/>
  <c r="A16121" i="1" s="1"/>
  <c r="A16122" i="1" s="1"/>
  <c r="A16123" i="1" s="1"/>
  <c r="A16124" i="1" s="1"/>
  <c r="A16125" i="1" s="1"/>
  <c r="A16126" i="1" s="1"/>
  <c r="A16127" i="1" s="1"/>
  <c r="A16128" i="1" s="1"/>
  <c r="A16129" i="1" s="1"/>
  <c r="A16130" i="1" s="1"/>
  <c r="A16131" i="1" s="1"/>
  <c r="A16132" i="1" s="1"/>
  <c r="A16133" i="1" s="1"/>
  <c r="A16134" i="1" s="1"/>
  <c r="A16135" i="1" s="1"/>
  <c r="A16136" i="1" s="1"/>
  <c r="A16137" i="1" s="1"/>
  <c r="A16138" i="1" s="1"/>
  <c r="A16139" i="1" s="1"/>
  <c r="A16140" i="1" s="1"/>
  <c r="A16141" i="1" s="1"/>
  <c r="A16142" i="1" s="1"/>
  <c r="A16143" i="1" s="1"/>
  <c r="A16144" i="1" s="1"/>
  <c r="A16145" i="1" s="1"/>
  <c r="A16146" i="1" s="1"/>
  <c r="A16147" i="1" s="1"/>
  <c r="A16148" i="1" s="1"/>
  <c r="A16149" i="1" s="1"/>
  <c r="A16150" i="1" s="1"/>
  <c r="A16151" i="1" s="1"/>
  <c r="A16152" i="1" s="1"/>
  <c r="A16153" i="1" s="1"/>
  <c r="A16154" i="1" s="1"/>
  <c r="A16155" i="1" s="1"/>
  <c r="A16156" i="1" s="1"/>
  <c r="A16157" i="1" s="1"/>
  <c r="A16158" i="1" s="1"/>
  <c r="A16159" i="1" s="1"/>
  <c r="A16160" i="1" s="1"/>
  <c r="A16161" i="1" s="1"/>
  <c r="A16162" i="1" s="1"/>
  <c r="A16163" i="1" s="1"/>
  <c r="A16164" i="1" s="1"/>
  <c r="A16165" i="1" s="1"/>
  <c r="A16166" i="1" s="1"/>
  <c r="A16167" i="1" s="1"/>
  <c r="A16168" i="1" s="1"/>
  <c r="A16169" i="1" s="1"/>
  <c r="A16170" i="1" s="1"/>
  <c r="A16171" i="1" s="1"/>
  <c r="A16172" i="1" s="1"/>
  <c r="A16173" i="1" s="1"/>
  <c r="A16174" i="1" s="1"/>
  <c r="A16175" i="1" s="1"/>
  <c r="A16176" i="1" s="1"/>
  <c r="A16177" i="1" s="1"/>
  <c r="A16178" i="1" s="1"/>
  <c r="A16179" i="1" s="1"/>
  <c r="A16180" i="1" s="1"/>
  <c r="A16181" i="1" s="1"/>
  <c r="A16182" i="1" s="1"/>
  <c r="A16183" i="1" s="1"/>
  <c r="A16184" i="1" s="1"/>
  <c r="A16185" i="1" s="1"/>
  <c r="A16186" i="1" s="1"/>
  <c r="A16187" i="1" s="1"/>
  <c r="A16188" i="1" s="1"/>
  <c r="A16189" i="1" s="1"/>
  <c r="A16190" i="1" s="1"/>
  <c r="A16191" i="1" s="1"/>
  <c r="A16192" i="1" s="1"/>
  <c r="A16193" i="1" s="1"/>
  <c r="A16194" i="1" s="1"/>
  <c r="A16195" i="1" s="1"/>
  <c r="A16196" i="1" s="1"/>
  <c r="A16197" i="1" s="1"/>
  <c r="A16198" i="1" s="1"/>
  <c r="A16199" i="1" s="1"/>
  <c r="A16200" i="1" s="1"/>
  <c r="A16201" i="1" s="1"/>
  <c r="A16202" i="1" s="1"/>
  <c r="A16203" i="1" s="1"/>
  <c r="A16204" i="1" s="1"/>
  <c r="A16205" i="1" s="1"/>
  <c r="A16206" i="1" s="1"/>
  <c r="A16207" i="1" s="1"/>
  <c r="A16208" i="1" s="1"/>
  <c r="A16209" i="1" s="1"/>
  <c r="A16210" i="1" s="1"/>
  <c r="A16211" i="1" s="1"/>
  <c r="A16212" i="1" s="1"/>
  <c r="A16213" i="1" s="1"/>
  <c r="A16214" i="1" s="1"/>
  <c r="A16215" i="1" s="1"/>
  <c r="A16216" i="1" s="1"/>
  <c r="A16217" i="1" s="1"/>
  <c r="A16218" i="1" s="1"/>
  <c r="A16219" i="1" s="1"/>
  <c r="A16220" i="1" s="1"/>
  <c r="A16221" i="1" s="1"/>
  <c r="A16222" i="1" s="1"/>
  <c r="A16223" i="1" s="1"/>
  <c r="A16224" i="1" s="1"/>
  <c r="A16225" i="1" s="1"/>
  <c r="A16226" i="1" s="1"/>
  <c r="A16227" i="1" s="1"/>
  <c r="A16228" i="1" s="1"/>
  <c r="A16229" i="1" s="1"/>
  <c r="A16230" i="1" s="1"/>
  <c r="A16231" i="1" s="1"/>
  <c r="A16232" i="1" s="1"/>
  <c r="A16233" i="1" s="1"/>
  <c r="A16234" i="1" s="1"/>
  <c r="A16235" i="1" s="1"/>
  <c r="A16236" i="1" s="1"/>
  <c r="A16237" i="1" s="1"/>
  <c r="A16238" i="1" s="1"/>
  <c r="A16239" i="1" s="1"/>
  <c r="A16240" i="1" s="1"/>
  <c r="A16241" i="1" s="1"/>
  <c r="A16242" i="1" s="1"/>
  <c r="A16243" i="1" s="1"/>
  <c r="A16244" i="1" s="1"/>
  <c r="A16245" i="1" s="1"/>
  <c r="A16246" i="1" s="1"/>
  <c r="A16247" i="1" s="1"/>
  <c r="A16248" i="1" s="1"/>
  <c r="A16249" i="1" s="1"/>
  <c r="A16250" i="1" s="1"/>
  <c r="A16251" i="1" s="1"/>
  <c r="A16252" i="1" s="1"/>
  <c r="A16253" i="1" s="1"/>
  <c r="A16254" i="1" s="1"/>
  <c r="A16255" i="1" s="1"/>
  <c r="A16256" i="1" s="1"/>
  <c r="A16257" i="1" s="1"/>
  <c r="A16258" i="1" s="1"/>
  <c r="A16259" i="1" s="1"/>
  <c r="A16260" i="1" s="1"/>
  <c r="A16261" i="1" s="1"/>
  <c r="A16262" i="1" s="1"/>
  <c r="A16263" i="1" s="1"/>
  <c r="A16264" i="1" s="1"/>
  <c r="A16265" i="1" s="1"/>
  <c r="A16266" i="1" s="1"/>
  <c r="A16267" i="1" s="1"/>
  <c r="A16268" i="1" s="1"/>
  <c r="A16269" i="1" s="1"/>
  <c r="A16270" i="1" s="1"/>
  <c r="A16271" i="1" s="1"/>
  <c r="A16272" i="1" s="1"/>
  <c r="A16273" i="1" s="1"/>
  <c r="A16274" i="1" s="1"/>
  <c r="A16275" i="1" s="1"/>
  <c r="A16276" i="1" s="1"/>
  <c r="A16277" i="1" s="1"/>
  <c r="A16278" i="1" s="1"/>
  <c r="A16279" i="1" s="1"/>
  <c r="A16280" i="1" s="1"/>
  <c r="A16281" i="1" s="1"/>
  <c r="A16282" i="1" s="1"/>
  <c r="A16283" i="1" s="1"/>
  <c r="A16284" i="1" s="1"/>
  <c r="A16285" i="1" s="1"/>
  <c r="A16286" i="1" s="1"/>
  <c r="A16287" i="1" s="1"/>
  <c r="A16288" i="1" s="1"/>
  <c r="A16289" i="1" s="1"/>
  <c r="A16290" i="1" s="1"/>
  <c r="A16291" i="1" s="1"/>
  <c r="A16292" i="1" s="1"/>
  <c r="A16293" i="1" s="1"/>
  <c r="A16294" i="1" s="1"/>
  <c r="A16295" i="1" s="1"/>
  <c r="A16296" i="1" s="1"/>
  <c r="A16297" i="1" s="1"/>
  <c r="A16298" i="1" s="1"/>
  <c r="A16299" i="1" s="1"/>
  <c r="A16300" i="1" s="1"/>
  <c r="A16301" i="1" s="1"/>
  <c r="A16302" i="1" s="1"/>
  <c r="A16303" i="1" s="1"/>
  <c r="A16304" i="1" s="1"/>
  <c r="A16305" i="1" s="1"/>
  <c r="A16306" i="1" s="1"/>
  <c r="A16307" i="1" s="1"/>
  <c r="A16308" i="1" s="1"/>
  <c r="A16309" i="1" s="1"/>
  <c r="A16310" i="1" s="1"/>
  <c r="A16311" i="1" s="1"/>
  <c r="A16312" i="1" s="1"/>
  <c r="A16313" i="1" s="1"/>
  <c r="A16314" i="1" s="1"/>
  <c r="A16315" i="1" s="1"/>
  <c r="A16316" i="1" s="1"/>
  <c r="A16317" i="1" s="1"/>
  <c r="A16318" i="1" s="1"/>
  <c r="A16319" i="1" s="1"/>
  <c r="A16320" i="1" s="1"/>
  <c r="A16321" i="1" s="1"/>
  <c r="A16322" i="1" s="1"/>
  <c r="A16323" i="1" s="1"/>
  <c r="A16324" i="1" s="1"/>
  <c r="A16325" i="1" s="1"/>
  <c r="A16326" i="1" s="1"/>
  <c r="A16327" i="1" s="1"/>
  <c r="A16328" i="1" s="1"/>
  <c r="A16329" i="1" s="1"/>
  <c r="A16330" i="1" s="1"/>
  <c r="A16331" i="1" s="1"/>
  <c r="A16332" i="1" s="1"/>
  <c r="A16333" i="1" s="1"/>
  <c r="A16334" i="1" s="1"/>
  <c r="A16335" i="1" s="1"/>
  <c r="A16336" i="1" s="1"/>
  <c r="A16337" i="1" s="1"/>
  <c r="A16338" i="1" s="1"/>
  <c r="A16339" i="1" s="1"/>
  <c r="A16340" i="1" s="1"/>
  <c r="A16341" i="1" s="1"/>
  <c r="A16342" i="1" s="1"/>
  <c r="A16343" i="1" s="1"/>
  <c r="A16344" i="1" s="1"/>
  <c r="A16345" i="1" s="1"/>
  <c r="A16346" i="1" s="1"/>
  <c r="A16347" i="1" s="1"/>
  <c r="A16348" i="1" s="1"/>
  <c r="A16349" i="1" s="1"/>
  <c r="A16350" i="1" s="1"/>
  <c r="A16351" i="1" s="1"/>
  <c r="A16352" i="1" s="1"/>
  <c r="A16353" i="1" s="1"/>
  <c r="A16354" i="1" s="1"/>
  <c r="A16355" i="1" s="1"/>
  <c r="A16356" i="1" s="1"/>
  <c r="A16357" i="1" s="1"/>
  <c r="A16358" i="1" s="1"/>
  <c r="A16359" i="1" s="1"/>
  <c r="A16360" i="1" s="1"/>
  <c r="A16361" i="1" s="1"/>
  <c r="A16362" i="1" s="1"/>
  <c r="A16363" i="1" s="1"/>
  <c r="A16364" i="1" s="1"/>
  <c r="A16365" i="1" s="1"/>
  <c r="A16366" i="1" s="1"/>
  <c r="A16367" i="1" s="1"/>
  <c r="A16368" i="1" s="1"/>
  <c r="A16369" i="1" s="1"/>
  <c r="A16370" i="1" s="1"/>
  <c r="A16371" i="1" s="1"/>
  <c r="A16372" i="1" s="1"/>
  <c r="A16373" i="1" s="1"/>
  <c r="A16374" i="1" s="1"/>
  <c r="A16375" i="1" s="1"/>
  <c r="A16376" i="1" s="1"/>
  <c r="A16377" i="1" s="1"/>
  <c r="A16378" i="1" s="1"/>
  <c r="A16379" i="1" s="1"/>
  <c r="A16380" i="1" s="1"/>
  <c r="A16381" i="1" s="1"/>
  <c r="A16382" i="1" s="1"/>
  <c r="A16383" i="1" s="1"/>
  <c r="A16384" i="1" s="1"/>
  <c r="A16385" i="1" s="1"/>
  <c r="A16386" i="1" s="1"/>
  <c r="A16387" i="1" s="1"/>
  <c r="A16388" i="1" s="1"/>
  <c r="A16389" i="1" s="1"/>
  <c r="A16390" i="1" s="1"/>
  <c r="A16391" i="1" s="1"/>
  <c r="A16392" i="1" s="1"/>
  <c r="A16393" i="1" s="1"/>
  <c r="A16394" i="1" s="1"/>
  <c r="A16395" i="1" s="1"/>
  <c r="A16396" i="1" s="1"/>
  <c r="A16397" i="1" s="1"/>
  <c r="A16398" i="1" s="1"/>
  <c r="A16399" i="1" s="1"/>
  <c r="A16400" i="1" s="1"/>
  <c r="A16401" i="1" s="1"/>
  <c r="A16402" i="1" s="1"/>
  <c r="A16403" i="1" s="1"/>
  <c r="A16404" i="1" s="1"/>
  <c r="A16405" i="1" s="1"/>
  <c r="A16406" i="1" s="1"/>
  <c r="A16407" i="1" s="1"/>
  <c r="A16408" i="1" s="1"/>
  <c r="A16409" i="1" s="1"/>
  <c r="A16410" i="1" s="1"/>
  <c r="A16411" i="1" s="1"/>
  <c r="A16412" i="1" s="1"/>
  <c r="A16413" i="1" s="1"/>
  <c r="A16414" i="1" s="1"/>
  <c r="A16415" i="1" s="1"/>
  <c r="A16416" i="1" s="1"/>
  <c r="A16417" i="1" s="1"/>
  <c r="A16418" i="1" s="1"/>
  <c r="A16419" i="1" s="1"/>
  <c r="A16420" i="1" s="1"/>
  <c r="A16421" i="1" s="1"/>
  <c r="A16422" i="1" s="1"/>
  <c r="A16423" i="1" s="1"/>
  <c r="A16424" i="1" s="1"/>
  <c r="A16425" i="1" s="1"/>
  <c r="A16426" i="1" s="1"/>
  <c r="A16427" i="1" s="1"/>
  <c r="A16428" i="1" s="1"/>
  <c r="A16429" i="1" s="1"/>
  <c r="A16430" i="1" s="1"/>
  <c r="A16431" i="1" s="1"/>
  <c r="A16432" i="1" s="1"/>
  <c r="A16433" i="1" s="1"/>
  <c r="A16434" i="1" s="1"/>
  <c r="A16435" i="1" s="1"/>
  <c r="A16436" i="1" s="1"/>
  <c r="A16437" i="1" s="1"/>
  <c r="A16438" i="1" s="1"/>
  <c r="A16439" i="1" s="1"/>
  <c r="A16440" i="1" s="1"/>
  <c r="A16441" i="1" s="1"/>
  <c r="A16442" i="1" s="1"/>
  <c r="A16443" i="1" s="1"/>
  <c r="A16444" i="1" s="1"/>
  <c r="A16445" i="1" s="1"/>
  <c r="A16446" i="1" s="1"/>
  <c r="A16447" i="1" s="1"/>
  <c r="A16448" i="1" s="1"/>
  <c r="A16449" i="1" s="1"/>
  <c r="A16450" i="1" s="1"/>
  <c r="A16451" i="1" s="1"/>
  <c r="A16452" i="1" s="1"/>
  <c r="A16453" i="1" s="1"/>
  <c r="A16454" i="1" s="1"/>
  <c r="A16455" i="1" s="1"/>
  <c r="A16456" i="1" s="1"/>
  <c r="A16457" i="1" s="1"/>
  <c r="A16458" i="1" s="1"/>
  <c r="A16459" i="1" s="1"/>
  <c r="A16460" i="1" s="1"/>
  <c r="A16461" i="1" s="1"/>
  <c r="A16462" i="1" s="1"/>
  <c r="A16463" i="1" s="1"/>
  <c r="A16464" i="1" s="1"/>
  <c r="A16465" i="1" s="1"/>
  <c r="A16466" i="1" s="1"/>
  <c r="A16467" i="1" s="1"/>
  <c r="A16468" i="1" s="1"/>
  <c r="A16469" i="1" s="1"/>
  <c r="A16470" i="1" s="1"/>
  <c r="A16471" i="1" s="1"/>
  <c r="A16472" i="1" s="1"/>
  <c r="A16473" i="1" s="1"/>
  <c r="A16474" i="1" s="1"/>
  <c r="A16475" i="1" s="1"/>
  <c r="A16476" i="1" s="1"/>
  <c r="A16477" i="1" s="1"/>
  <c r="A16478" i="1" s="1"/>
  <c r="A16479" i="1" s="1"/>
  <c r="A16480" i="1" s="1"/>
  <c r="A16481" i="1" s="1"/>
  <c r="A16482" i="1" s="1"/>
  <c r="A16483" i="1" s="1"/>
  <c r="A16484" i="1" s="1"/>
  <c r="A16485" i="1" s="1"/>
  <c r="A16486" i="1" s="1"/>
  <c r="A16487" i="1" s="1"/>
  <c r="A16488" i="1" s="1"/>
  <c r="A16489" i="1" s="1"/>
  <c r="A16490" i="1" s="1"/>
  <c r="A16491" i="1" s="1"/>
  <c r="A16492" i="1" s="1"/>
  <c r="A16493" i="1" s="1"/>
  <c r="A16494" i="1" s="1"/>
  <c r="A16495" i="1" s="1"/>
  <c r="A16496" i="1" s="1"/>
  <c r="A16497" i="1" s="1"/>
  <c r="A16498" i="1" s="1"/>
  <c r="A16499" i="1" s="1"/>
  <c r="A16500" i="1" s="1"/>
  <c r="A16501" i="1" s="1"/>
  <c r="A16502" i="1" s="1"/>
  <c r="A16503" i="1" s="1"/>
  <c r="A16504" i="1" s="1"/>
  <c r="A16505" i="1" s="1"/>
  <c r="A16506" i="1" s="1"/>
  <c r="A16507" i="1" s="1"/>
  <c r="A16508" i="1" s="1"/>
  <c r="A16509" i="1" s="1"/>
  <c r="A16510" i="1" s="1"/>
  <c r="A16511" i="1" s="1"/>
  <c r="A16512" i="1" s="1"/>
  <c r="A16513" i="1" s="1"/>
  <c r="A16514" i="1" s="1"/>
  <c r="A16515" i="1" s="1"/>
  <c r="A16516" i="1" s="1"/>
  <c r="A16517" i="1" s="1"/>
  <c r="A16518" i="1" s="1"/>
  <c r="A16519" i="1" s="1"/>
  <c r="A16520" i="1" s="1"/>
  <c r="A16521" i="1" s="1"/>
  <c r="A16522" i="1" s="1"/>
  <c r="A16523" i="1" s="1"/>
  <c r="A16524" i="1" s="1"/>
  <c r="A16525" i="1" s="1"/>
  <c r="A16526" i="1" s="1"/>
  <c r="A16527" i="1" s="1"/>
  <c r="A16528" i="1" s="1"/>
  <c r="A16529" i="1" s="1"/>
  <c r="A16530" i="1" s="1"/>
  <c r="A16531" i="1" s="1"/>
  <c r="A16532" i="1" s="1"/>
  <c r="A16533" i="1" s="1"/>
  <c r="A16534" i="1" s="1"/>
  <c r="A16535" i="1" s="1"/>
  <c r="A16536" i="1" s="1"/>
  <c r="A16537" i="1" s="1"/>
  <c r="A16538" i="1" s="1"/>
  <c r="A16539" i="1" s="1"/>
  <c r="A16540" i="1" s="1"/>
  <c r="A16541" i="1" s="1"/>
  <c r="A16542" i="1" s="1"/>
  <c r="A16543" i="1" s="1"/>
  <c r="A16544" i="1" s="1"/>
  <c r="A16545" i="1" s="1"/>
  <c r="A16546" i="1" s="1"/>
  <c r="A16547" i="1" s="1"/>
  <c r="A16548" i="1" s="1"/>
  <c r="A16549" i="1" s="1"/>
  <c r="A16550" i="1" s="1"/>
  <c r="A16551" i="1" s="1"/>
  <c r="A16552" i="1" s="1"/>
  <c r="A16553" i="1" s="1"/>
  <c r="A16554" i="1" s="1"/>
  <c r="A16555" i="1" s="1"/>
  <c r="A16556" i="1" s="1"/>
  <c r="A16557" i="1" s="1"/>
  <c r="A16558" i="1" s="1"/>
  <c r="A16559" i="1" s="1"/>
  <c r="A16560" i="1" s="1"/>
  <c r="A16561" i="1" s="1"/>
  <c r="A16562" i="1" s="1"/>
  <c r="A16563" i="1" s="1"/>
  <c r="A16564" i="1" s="1"/>
  <c r="A16565" i="1" s="1"/>
  <c r="A16566" i="1" s="1"/>
  <c r="A16567" i="1" s="1"/>
  <c r="A16568" i="1" s="1"/>
  <c r="A16569" i="1" s="1"/>
  <c r="A16570" i="1" s="1"/>
  <c r="A16571" i="1" s="1"/>
  <c r="A16572" i="1" s="1"/>
  <c r="A16573" i="1" s="1"/>
  <c r="A16574" i="1" s="1"/>
  <c r="A16575" i="1" s="1"/>
  <c r="A16576" i="1" s="1"/>
  <c r="A16577" i="1" s="1"/>
  <c r="A16578" i="1" s="1"/>
  <c r="A16579" i="1" s="1"/>
  <c r="A16580" i="1" s="1"/>
  <c r="A16581" i="1" s="1"/>
  <c r="A16582" i="1" s="1"/>
  <c r="A16583" i="1" s="1"/>
  <c r="A16584" i="1" s="1"/>
  <c r="A16585" i="1" s="1"/>
  <c r="A16586" i="1" s="1"/>
  <c r="A16587" i="1" s="1"/>
  <c r="A16588" i="1" s="1"/>
  <c r="A16589" i="1" s="1"/>
  <c r="A16590" i="1" s="1"/>
  <c r="A16591" i="1" s="1"/>
  <c r="A16592" i="1" s="1"/>
  <c r="A16593" i="1" s="1"/>
  <c r="A16594" i="1" s="1"/>
  <c r="A16595" i="1" s="1"/>
  <c r="A16596" i="1" s="1"/>
  <c r="A16597" i="1" s="1"/>
  <c r="A16598" i="1" s="1"/>
  <c r="A16599" i="1" s="1"/>
  <c r="A16600" i="1" s="1"/>
  <c r="A16601" i="1" s="1"/>
  <c r="A16602" i="1" s="1"/>
  <c r="A16603" i="1" s="1"/>
  <c r="A16604" i="1" s="1"/>
  <c r="A16605" i="1" s="1"/>
  <c r="A16606" i="1" s="1"/>
  <c r="A16607" i="1" s="1"/>
  <c r="A16608" i="1" s="1"/>
  <c r="A16609" i="1" s="1"/>
  <c r="A16610" i="1" s="1"/>
  <c r="A16611" i="1" s="1"/>
  <c r="A16612" i="1" s="1"/>
  <c r="A16613" i="1" s="1"/>
  <c r="A16614" i="1" s="1"/>
  <c r="A16615" i="1" s="1"/>
  <c r="A16616" i="1" s="1"/>
  <c r="A16617" i="1" s="1"/>
  <c r="A16618" i="1" s="1"/>
  <c r="A16619" i="1" s="1"/>
  <c r="A16620" i="1" s="1"/>
  <c r="A16621" i="1" s="1"/>
  <c r="A16622" i="1" s="1"/>
  <c r="A16623" i="1" s="1"/>
  <c r="A16624" i="1" s="1"/>
  <c r="A16625" i="1" s="1"/>
  <c r="A16626" i="1" s="1"/>
  <c r="A16627" i="1" s="1"/>
  <c r="A16628" i="1" s="1"/>
  <c r="A16629" i="1" s="1"/>
  <c r="A16630" i="1" s="1"/>
  <c r="A16631" i="1" s="1"/>
  <c r="A16632" i="1" s="1"/>
  <c r="A16633" i="1" s="1"/>
  <c r="A16634" i="1" s="1"/>
  <c r="A16635" i="1" s="1"/>
  <c r="A16636" i="1" s="1"/>
  <c r="A16637" i="1" s="1"/>
  <c r="A16638" i="1" s="1"/>
  <c r="A16639" i="1" s="1"/>
  <c r="A16640" i="1" s="1"/>
  <c r="A16641" i="1" s="1"/>
  <c r="A16642" i="1" s="1"/>
  <c r="A16643" i="1" s="1"/>
  <c r="A16644" i="1" s="1"/>
  <c r="A16645" i="1" s="1"/>
  <c r="A16646" i="1" s="1"/>
  <c r="A16647" i="1" s="1"/>
  <c r="A16648" i="1" s="1"/>
  <c r="A16649" i="1" s="1"/>
  <c r="A16650" i="1" s="1"/>
  <c r="A16651" i="1" s="1"/>
  <c r="A16652" i="1" s="1"/>
  <c r="A16653" i="1" s="1"/>
  <c r="A16654" i="1" s="1"/>
  <c r="A16655" i="1" s="1"/>
  <c r="A16656" i="1" s="1"/>
  <c r="A16657" i="1" s="1"/>
  <c r="A16658" i="1" s="1"/>
  <c r="A16659" i="1" s="1"/>
  <c r="A16660" i="1" s="1"/>
  <c r="A16661" i="1" s="1"/>
  <c r="A16662" i="1" s="1"/>
  <c r="A16663" i="1" s="1"/>
  <c r="A16664" i="1" s="1"/>
  <c r="A16665" i="1" s="1"/>
  <c r="A16666" i="1" s="1"/>
  <c r="A16667" i="1" s="1"/>
  <c r="A16668" i="1" s="1"/>
  <c r="A16669" i="1" s="1"/>
  <c r="A16670" i="1" s="1"/>
  <c r="A16671" i="1" s="1"/>
  <c r="A16672" i="1" s="1"/>
  <c r="A16673" i="1" s="1"/>
  <c r="A16674" i="1" s="1"/>
  <c r="A16675" i="1" s="1"/>
  <c r="A16676" i="1" s="1"/>
  <c r="A16677" i="1" s="1"/>
  <c r="A16678" i="1" s="1"/>
  <c r="A16679" i="1" s="1"/>
  <c r="A16680" i="1" s="1"/>
  <c r="A16681" i="1" s="1"/>
  <c r="A16682" i="1" s="1"/>
  <c r="A16683" i="1" s="1"/>
  <c r="A16684" i="1" s="1"/>
  <c r="A16685" i="1" s="1"/>
  <c r="A16686" i="1" s="1"/>
  <c r="A16687" i="1" s="1"/>
  <c r="A16688" i="1" s="1"/>
  <c r="A16689" i="1" s="1"/>
  <c r="A16690" i="1" s="1"/>
  <c r="A16691" i="1" s="1"/>
  <c r="A16692" i="1" s="1"/>
  <c r="A16693" i="1" s="1"/>
  <c r="A16694" i="1" s="1"/>
  <c r="A16695" i="1" s="1"/>
  <c r="A16696" i="1" s="1"/>
  <c r="A16697" i="1" s="1"/>
  <c r="A16698" i="1" s="1"/>
  <c r="A16699" i="1" s="1"/>
  <c r="A16700" i="1" s="1"/>
  <c r="A16701" i="1" s="1"/>
  <c r="A16702" i="1" s="1"/>
  <c r="A16703" i="1" s="1"/>
  <c r="A16704" i="1" s="1"/>
  <c r="A16705" i="1" s="1"/>
  <c r="A16706" i="1" s="1"/>
  <c r="A16707" i="1" s="1"/>
  <c r="A16708" i="1" s="1"/>
  <c r="A16709" i="1" s="1"/>
  <c r="A16710" i="1" s="1"/>
  <c r="A16711" i="1" s="1"/>
  <c r="A16712" i="1" s="1"/>
  <c r="A16713" i="1" s="1"/>
  <c r="A16714" i="1" s="1"/>
  <c r="A16715" i="1" s="1"/>
  <c r="A16716" i="1" s="1"/>
  <c r="A16717" i="1" s="1"/>
  <c r="A16718" i="1" s="1"/>
  <c r="A16719" i="1" s="1"/>
  <c r="A16720" i="1" s="1"/>
  <c r="A16721" i="1" s="1"/>
  <c r="A16722" i="1" s="1"/>
  <c r="A16723" i="1" s="1"/>
  <c r="A16724" i="1" s="1"/>
  <c r="A16725" i="1" s="1"/>
  <c r="A16726" i="1" s="1"/>
  <c r="A16727" i="1" s="1"/>
  <c r="A16728" i="1" s="1"/>
  <c r="A16729" i="1" s="1"/>
  <c r="A16730" i="1" s="1"/>
  <c r="A16731" i="1" s="1"/>
  <c r="A16732" i="1" s="1"/>
  <c r="A16733" i="1" s="1"/>
  <c r="A16734" i="1" s="1"/>
  <c r="A16735" i="1" s="1"/>
  <c r="A16736" i="1" s="1"/>
  <c r="A16737" i="1" s="1"/>
  <c r="A16738" i="1" s="1"/>
  <c r="A16739" i="1" s="1"/>
  <c r="A16740" i="1" s="1"/>
  <c r="A16741" i="1" s="1"/>
  <c r="A16742" i="1" s="1"/>
  <c r="A16743" i="1" s="1"/>
  <c r="A16744" i="1" s="1"/>
  <c r="A16745" i="1" s="1"/>
  <c r="A16746" i="1" s="1"/>
  <c r="A16747" i="1" s="1"/>
  <c r="A16748" i="1" s="1"/>
  <c r="A16749" i="1" s="1"/>
  <c r="A16750" i="1" s="1"/>
  <c r="A16751" i="1" s="1"/>
  <c r="A16752" i="1" s="1"/>
  <c r="A16753" i="1" s="1"/>
  <c r="A16754" i="1" s="1"/>
  <c r="A16755" i="1" s="1"/>
  <c r="A16756" i="1" s="1"/>
  <c r="A16757" i="1" s="1"/>
  <c r="A16758" i="1" s="1"/>
  <c r="A16759" i="1" s="1"/>
  <c r="A16760" i="1" s="1"/>
  <c r="A16761" i="1" s="1"/>
  <c r="A16762" i="1" s="1"/>
  <c r="A16763" i="1" s="1"/>
  <c r="A16764" i="1" s="1"/>
  <c r="A16765" i="1" s="1"/>
  <c r="A16766" i="1" s="1"/>
  <c r="A16767" i="1" s="1"/>
  <c r="A16768" i="1" s="1"/>
  <c r="A16769" i="1" s="1"/>
  <c r="A16770" i="1" s="1"/>
  <c r="A16771" i="1" s="1"/>
  <c r="A16772" i="1" s="1"/>
  <c r="A16773" i="1" s="1"/>
  <c r="A16774" i="1" s="1"/>
  <c r="A16775" i="1" s="1"/>
  <c r="A16776" i="1" s="1"/>
  <c r="A16777" i="1" s="1"/>
  <c r="A16778" i="1" s="1"/>
  <c r="A16779" i="1" s="1"/>
  <c r="A16780" i="1" s="1"/>
  <c r="A16781" i="1" s="1"/>
  <c r="A16782" i="1" s="1"/>
  <c r="A16783" i="1" s="1"/>
  <c r="A16784" i="1" s="1"/>
  <c r="A16785" i="1" s="1"/>
  <c r="A16786" i="1" s="1"/>
  <c r="A16787" i="1" s="1"/>
  <c r="A16788" i="1" s="1"/>
  <c r="A16789" i="1" s="1"/>
  <c r="A16790" i="1" s="1"/>
  <c r="A16791" i="1" s="1"/>
  <c r="A16792" i="1" s="1"/>
  <c r="A16793" i="1" s="1"/>
  <c r="A16794" i="1" s="1"/>
  <c r="A16795" i="1" s="1"/>
  <c r="A16796" i="1" s="1"/>
  <c r="A16797" i="1" s="1"/>
  <c r="A16798" i="1" s="1"/>
  <c r="A16799" i="1" s="1"/>
  <c r="A16800" i="1" s="1"/>
  <c r="A16801" i="1" s="1"/>
  <c r="A16802" i="1" s="1"/>
  <c r="A16803" i="1" s="1"/>
  <c r="A16804" i="1" s="1"/>
  <c r="A16805" i="1" s="1"/>
  <c r="A16806" i="1" s="1"/>
  <c r="A16807" i="1" s="1"/>
  <c r="A16808" i="1" s="1"/>
  <c r="A16809" i="1" s="1"/>
  <c r="A16810" i="1" s="1"/>
  <c r="A16811" i="1" s="1"/>
  <c r="A16812" i="1" s="1"/>
  <c r="A16813" i="1" s="1"/>
  <c r="A16814" i="1" s="1"/>
  <c r="A16815" i="1" s="1"/>
  <c r="A16816" i="1" s="1"/>
  <c r="A16817" i="1" s="1"/>
  <c r="A16818" i="1" s="1"/>
  <c r="A16819" i="1" s="1"/>
  <c r="A16820" i="1" s="1"/>
  <c r="A16821" i="1" s="1"/>
  <c r="A16822" i="1" s="1"/>
  <c r="A16823" i="1" s="1"/>
  <c r="A16824" i="1" s="1"/>
  <c r="A16825" i="1" s="1"/>
  <c r="A16826" i="1" s="1"/>
  <c r="A16827" i="1" s="1"/>
  <c r="A16828" i="1" s="1"/>
  <c r="A16829" i="1" s="1"/>
  <c r="A16830" i="1" s="1"/>
  <c r="A16831" i="1" s="1"/>
  <c r="A16832" i="1" s="1"/>
  <c r="A16833" i="1" s="1"/>
  <c r="A16834" i="1" s="1"/>
  <c r="A16835" i="1" s="1"/>
  <c r="A16836" i="1" s="1"/>
  <c r="A16837" i="1" s="1"/>
  <c r="A16838" i="1" s="1"/>
  <c r="A16839" i="1" s="1"/>
  <c r="A16840" i="1" s="1"/>
  <c r="A16841" i="1" s="1"/>
  <c r="A16842" i="1" s="1"/>
  <c r="A16843" i="1" s="1"/>
  <c r="A16844" i="1" s="1"/>
  <c r="A16845" i="1" s="1"/>
  <c r="A16846" i="1" s="1"/>
  <c r="A16847" i="1" s="1"/>
  <c r="A16848" i="1" s="1"/>
  <c r="A16849" i="1" s="1"/>
  <c r="A16850" i="1" s="1"/>
  <c r="A16851" i="1" s="1"/>
  <c r="A16852" i="1" s="1"/>
  <c r="A16853" i="1" s="1"/>
  <c r="A16854" i="1" s="1"/>
  <c r="A16855" i="1" s="1"/>
  <c r="A16856" i="1" s="1"/>
  <c r="A16857" i="1" s="1"/>
  <c r="A16858" i="1" s="1"/>
  <c r="A16859" i="1" s="1"/>
  <c r="A16860" i="1" s="1"/>
  <c r="A16861" i="1" s="1"/>
  <c r="A16862" i="1" s="1"/>
  <c r="A16863" i="1" s="1"/>
  <c r="A16864" i="1" s="1"/>
  <c r="A16865" i="1" s="1"/>
  <c r="A16866" i="1" s="1"/>
  <c r="A16867" i="1" s="1"/>
  <c r="A16868" i="1" s="1"/>
  <c r="A16869" i="1" s="1"/>
  <c r="A16870" i="1" s="1"/>
  <c r="A16871" i="1" s="1"/>
  <c r="A16872" i="1" s="1"/>
  <c r="A16873" i="1" s="1"/>
  <c r="A16874" i="1" s="1"/>
  <c r="A16875" i="1" s="1"/>
  <c r="A16876" i="1" s="1"/>
  <c r="A16877" i="1" s="1"/>
  <c r="A16878" i="1" s="1"/>
  <c r="A16879" i="1" s="1"/>
  <c r="A16880" i="1" s="1"/>
  <c r="A16881" i="1" s="1"/>
  <c r="A16882" i="1" s="1"/>
  <c r="A16883" i="1" s="1"/>
  <c r="A16884" i="1" s="1"/>
  <c r="A16885" i="1" s="1"/>
  <c r="A16886" i="1" s="1"/>
  <c r="A16887" i="1" s="1"/>
  <c r="A16888" i="1" s="1"/>
  <c r="A16889" i="1" s="1"/>
  <c r="A16890" i="1" s="1"/>
  <c r="A16891" i="1" s="1"/>
  <c r="A16892" i="1" s="1"/>
  <c r="A16893" i="1" s="1"/>
  <c r="A16894" i="1" s="1"/>
  <c r="A16895" i="1" s="1"/>
  <c r="A16896" i="1" s="1"/>
  <c r="A16897" i="1" s="1"/>
  <c r="A16898" i="1" s="1"/>
  <c r="A16899" i="1" s="1"/>
  <c r="A16900" i="1" s="1"/>
  <c r="A16901" i="1" s="1"/>
  <c r="A16902" i="1" s="1"/>
  <c r="A16903" i="1" s="1"/>
  <c r="A16904" i="1" s="1"/>
  <c r="A16905" i="1" s="1"/>
  <c r="A16906" i="1" s="1"/>
  <c r="A16907" i="1" s="1"/>
  <c r="A16908" i="1" s="1"/>
  <c r="A16909" i="1" s="1"/>
  <c r="A16910" i="1" s="1"/>
  <c r="A16911" i="1" s="1"/>
  <c r="A16912" i="1" s="1"/>
  <c r="A16913" i="1" s="1"/>
  <c r="A16914" i="1" s="1"/>
  <c r="A16915" i="1" s="1"/>
  <c r="A16916" i="1" s="1"/>
  <c r="A16917" i="1" s="1"/>
  <c r="A16918" i="1" s="1"/>
  <c r="A16919" i="1" s="1"/>
  <c r="A16920" i="1" s="1"/>
  <c r="A16921" i="1" s="1"/>
  <c r="A16922" i="1" s="1"/>
  <c r="A16923" i="1" s="1"/>
  <c r="A16924" i="1" s="1"/>
  <c r="A16925" i="1" s="1"/>
  <c r="A16926" i="1" s="1"/>
  <c r="A16927" i="1" s="1"/>
  <c r="A16928" i="1" s="1"/>
  <c r="A16929" i="1" s="1"/>
  <c r="A16930" i="1" s="1"/>
  <c r="A16931" i="1" s="1"/>
  <c r="A16932" i="1" s="1"/>
  <c r="A16933" i="1" s="1"/>
  <c r="A16934" i="1" s="1"/>
  <c r="A16935" i="1" s="1"/>
  <c r="A16936" i="1" s="1"/>
  <c r="A16937" i="1" s="1"/>
  <c r="A16938" i="1" s="1"/>
  <c r="A16939" i="1" s="1"/>
  <c r="A16940" i="1" s="1"/>
  <c r="A16941" i="1" s="1"/>
  <c r="A16942" i="1" s="1"/>
  <c r="A16943" i="1" s="1"/>
  <c r="A16944" i="1" s="1"/>
  <c r="A16945" i="1" s="1"/>
  <c r="A16946" i="1" s="1"/>
  <c r="A16947" i="1" s="1"/>
  <c r="A16948" i="1" s="1"/>
  <c r="A16949" i="1" s="1"/>
  <c r="A16950" i="1" s="1"/>
  <c r="A16951" i="1" s="1"/>
  <c r="A16952" i="1" s="1"/>
  <c r="A16953" i="1" s="1"/>
  <c r="A16954" i="1" s="1"/>
  <c r="A16955" i="1" s="1"/>
  <c r="A16956" i="1" s="1"/>
  <c r="A16957" i="1" s="1"/>
  <c r="A16958" i="1" s="1"/>
  <c r="A16959" i="1" s="1"/>
  <c r="A16960" i="1" s="1"/>
  <c r="A16961" i="1" s="1"/>
  <c r="A16962" i="1" s="1"/>
  <c r="A16963" i="1" s="1"/>
  <c r="A16964" i="1" s="1"/>
  <c r="A16965" i="1" s="1"/>
  <c r="A16966" i="1" s="1"/>
  <c r="A16967" i="1" s="1"/>
  <c r="A16968" i="1" s="1"/>
  <c r="A16969" i="1" s="1"/>
  <c r="A16970" i="1" s="1"/>
  <c r="A16971" i="1" s="1"/>
  <c r="A16972" i="1" s="1"/>
  <c r="A16973" i="1" s="1"/>
  <c r="A16974" i="1" s="1"/>
  <c r="A16975" i="1" s="1"/>
  <c r="A16976" i="1" s="1"/>
  <c r="A16977" i="1" s="1"/>
  <c r="A16978" i="1" s="1"/>
  <c r="A16979" i="1" s="1"/>
  <c r="A16980" i="1" s="1"/>
  <c r="A16981" i="1" s="1"/>
  <c r="A16982" i="1" s="1"/>
  <c r="A16983" i="1" s="1"/>
  <c r="A16984" i="1" s="1"/>
  <c r="A16985" i="1" s="1"/>
  <c r="A16986" i="1" s="1"/>
  <c r="A16987" i="1" s="1"/>
  <c r="A16988" i="1" s="1"/>
  <c r="A16989" i="1" s="1"/>
  <c r="A16990" i="1" s="1"/>
  <c r="A16991" i="1" s="1"/>
  <c r="A16992" i="1" s="1"/>
  <c r="A16993" i="1" s="1"/>
  <c r="A16994" i="1" s="1"/>
  <c r="A16995" i="1" s="1"/>
  <c r="A16996" i="1" s="1"/>
  <c r="A16997" i="1" s="1"/>
  <c r="A16998" i="1" s="1"/>
  <c r="A16999" i="1" s="1"/>
  <c r="A17000" i="1" s="1"/>
  <c r="A17001" i="1" s="1"/>
  <c r="A17002" i="1" s="1"/>
  <c r="A17003" i="1" s="1"/>
  <c r="A17004" i="1" s="1"/>
  <c r="A17005" i="1" s="1"/>
  <c r="A17006" i="1" s="1"/>
  <c r="A17007" i="1" s="1"/>
  <c r="A17008" i="1" s="1"/>
  <c r="A17009" i="1" s="1"/>
  <c r="A17010" i="1" s="1"/>
  <c r="A17011" i="1" s="1"/>
  <c r="A17012" i="1" s="1"/>
  <c r="A17013" i="1" s="1"/>
  <c r="A17014" i="1" s="1"/>
  <c r="A17015" i="1" s="1"/>
  <c r="A17016" i="1" s="1"/>
  <c r="A17017" i="1" s="1"/>
  <c r="A17018" i="1" s="1"/>
  <c r="A17019" i="1" s="1"/>
  <c r="A17020" i="1" s="1"/>
  <c r="A17021" i="1" s="1"/>
  <c r="A17022" i="1" s="1"/>
  <c r="A17023" i="1" s="1"/>
  <c r="A17024" i="1" s="1"/>
  <c r="A17025" i="1" s="1"/>
  <c r="A17026" i="1" s="1"/>
  <c r="A17027" i="1" s="1"/>
  <c r="A17028" i="1" s="1"/>
  <c r="A17029" i="1" s="1"/>
  <c r="A17030" i="1" s="1"/>
  <c r="A17031" i="1" s="1"/>
  <c r="A17032" i="1" s="1"/>
  <c r="A17033" i="1" s="1"/>
  <c r="A17034" i="1" s="1"/>
  <c r="A17035" i="1" s="1"/>
  <c r="A17036" i="1" s="1"/>
  <c r="A17037" i="1" s="1"/>
  <c r="A17038" i="1" s="1"/>
  <c r="A17039" i="1" s="1"/>
  <c r="A17040" i="1" s="1"/>
  <c r="A17041" i="1" s="1"/>
  <c r="A17042" i="1" s="1"/>
  <c r="A17043" i="1" s="1"/>
  <c r="A17044" i="1" s="1"/>
  <c r="A17045" i="1" s="1"/>
  <c r="A17046" i="1" s="1"/>
  <c r="A17047" i="1" s="1"/>
  <c r="A17048" i="1" s="1"/>
  <c r="A17049" i="1" s="1"/>
  <c r="A17050" i="1" s="1"/>
  <c r="A17051" i="1" s="1"/>
  <c r="A17052" i="1" s="1"/>
  <c r="A17053" i="1" s="1"/>
  <c r="A17054" i="1" s="1"/>
  <c r="A17055" i="1" s="1"/>
  <c r="A17056" i="1" s="1"/>
  <c r="A17057" i="1" s="1"/>
  <c r="A17058" i="1" s="1"/>
  <c r="A17059" i="1" s="1"/>
  <c r="A17060" i="1" s="1"/>
  <c r="A17061" i="1" s="1"/>
  <c r="A17062" i="1" s="1"/>
  <c r="A17063" i="1" s="1"/>
  <c r="A17064" i="1" s="1"/>
  <c r="A17065" i="1" s="1"/>
  <c r="A17066" i="1" s="1"/>
  <c r="A17067" i="1" s="1"/>
  <c r="A17068" i="1" s="1"/>
  <c r="A17069" i="1" s="1"/>
  <c r="A17070" i="1" s="1"/>
  <c r="A17071" i="1" s="1"/>
  <c r="A17072" i="1" s="1"/>
  <c r="A17073" i="1" s="1"/>
  <c r="A17074" i="1" s="1"/>
  <c r="A17075" i="1" s="1"/>
  <c r="A17076" i="1" s="1"/>
  <c r="A17077" i="1" s="1"/>
  <c r="A17078" i="1" s="1"/>
  <c r="A17079" i="1" s="1"/>
  <c r="A17080" i="1" s="1"/>
  <c r="A17081" i="1" s="1"/>
  <c r="A17082" i="1" s="1"/>
  <c r="A17083" i="1" s="1"/>
  <c r="A17084" i="1" s="1"/>
  <c r="A17085" i="1" s="1"/>
  <c r="A17086" i="1" s="1"/>
  <c r="A17087" i="1" s="1"/>
  <c r="A17088" i="1" s="1"/>
  <c r="A17089" i="1" s="1"/>
  <c r="A17090" i="1" s="1"/>
  <c r="A17091" i="1" s="1"/>
  <c r="A17092" i="1" s="1"/>
  <c r="A17093" i="1" s="1"/>
  <c r="A17094" i="1" s="1"/>
  <c r="A17095" i="1" s="1"/>
  <c r="A17096" i="1" s="1"/>
  <c r="A17097" i="1" s="1"/>
  <c r="A17098" i="1" s="1"/>
  <c r="A17099" i="1" s="1"/>
  <c r="A17100" i="1" s="1"/>
  <c r="A17101" i="1" s="1"/>
  <c r="A17102" i="1" s="1"/>
  <c r="A17103" i="1" s="1"/>
  <c r="A17104" i="1" s="1"/>
  <c r="A17105" i="1" s="1"/>
  <c r="A17106" i="1" s="1"/>
  <c r="A17107" i="1" s="1"/>
  <c r="A17108" i="1" s="1"/>
  <c r="A17109" i="1" s="1"/>
  <c r="A17110" i="1" s="1"/>
  <c r="A17111" i="1" s="1"/>
  <c r="A17112" i="1" s="1"/>
  <c r="A17113" i="1" s="1"/>
  <c r="A17114" i="1" s="1"/>
  <c r="A17115" i="1" s="1"/>
  <c r="A17116" i="1" s="1"/>
  <c r="A17117" i="1" s="1"/>
  <c r="A17118" i="1" s="1"/>
  <c r="A17119" i="1" s="1"/>
  <c r="A17120" i="1" s="1"/>
  <c r="A17121" i="1" s="1"/>
  <c r="A17122" i="1" s="1"/>
  <c r="A17123" i="1" s="1"/>
  <c r="A17124" i="1" s="1"/>
  <c r="A17125" i="1" s="1"/>
  <c r="A17126" i="1" s="1"/>
  <c r="A17127" i="1" s="1"/>
  <c r="A17128" i="1" s="1"/>
  <c r="A17129" i="1" s="1"/>
  <c r="A17130" i="1" s="1"/>
  <c r="A17131" i="1" s="1"/>
  <c r="A17132" i="1" s="1"/>
  <c r="A17133" i="1" s="1"/>
  <c r="A17134" i="1" s="1"/>
  <c r="A17135" i="1" s="1"/>
  <c r="A17136" i="1" s="1"/>
  <c r="A17137" i="1" s="1"/>
  <c r="A17138" i="1" s="1"/>
  <c r="A17139" i="1" s="1"/>
  <c r="A17140" i="1" s="1"/>
  <c r="A17141" i="1" s="1"/>
  <c r="A17142" i="1" s="1"/>
  <c r="A17143" i="1" s="1"/>
  <c r="A17144" i="1" s="1"/>
  <c r="A17145" i="1" s="1"/>
  <c r="A17146" i="1" s="1"/>
  <c r="A17147" i="1" s="1"/>
  <c r="A17148" i="1" s="1"/>
  <c r="A17149" i="1" s="1"/>
  <c r="A17150" i="1" s="1"/>
  <c r="A17151" i="1" s="1"/>
  <c r="A17152" i="1" s="1"/>
  <c r="A17153" i="1" s="1"/>
  <c r="A17154" i="1" s="1"/>
  <c r="A17155" i="1" s="1"/>
  <c r="A17156" i="1" s="1"/>
  <c r="A17157" i="1" s="1"/>
  <c r="A17158" i="1" s="1"/>
  <c r="A17159" i="1" s="1"/>
  <c r="A17160" i="1" s="1"/>
  <c r="A17161" i="1" s="1"/>
  <c r="A17162" i="1" s="1"/>
  <c r="A17163" i="1" s="1"/>
  <c r="A17164" i="1" s="1"/>
  <c r="A17165" i="1" s="1"/>
  <c r="A17166" i="1" s="1"/>
  <c r="A17167" i="1" s="1"/>
  <c r="A17168" i="1" s="1"/>
  <c r="A17169" i="1" s="1"/>
  <c r="A17170" i="1" s="1"/>
  <c r="A17171" i="1" s="1"/>
  <c r="A17172" i="1" s="1"/>
  <c r="A17173" i="1" s="1"/>
  <c r="A17174" i="1" s="1"/>
  <c r="A17175" i="1" s="1"/>
  <c r="A17176" i="1" s="1"/>
  <c r="A17177" i="1" s="1"/>
  <c r="A17178" i="1" s="1"/>
  <c r="A17179" i="1" s="1"/>
  <c r="A17180" i="1" s="1"/>
  <c r="A17181" i="1" s="1"/>
  <c r="A17182" i="1" s="1"/>
  <c r="A17183" i="1" s="1"/>
  <c r="A17184" i="1" s="1"/>
  <c r="A17185" i="1" s="1"/>
  <c r="A17186" i="1" s="1"/>
  <c r="A17187" i="1" s="1"/>
  <c r="A17188" i="1" s="1"/>
  <c r="A17189" i="1" s="1"/>
  <c r="A17190" i="1" s="1"/>
  <c r="A17191" i="1" s="1"/>
  <c r="A17192" i="1" s="1"/>
  <c r="A17193" i="1" s="1"/>
  <c r="A17194" i="1" s="1"/>
  <c r="A17195" i="1" s="1"/>
  <c r="A17196" i="1" s="1"/>
  <c r="A17197" i="1" s="1"/>
  <c r="A17198" i="1" s="1"/>
  <c r="A17199" i="1" s="1"/>
  <c r="A17200" i="1" s="1"/>
  <c r="A17201" i="1" s="1"/>
  <c r="A17202" i="1" s="1"/>
  <c r="A17203" i="1" s="1"/>
  <c r="A17204" i="1" s="1"/>
  <c r="A17205" i="1" s="1"/>
  <c r="A17206" i="1" s="1"/>
  <c r="A17207" i="1" s="1"/>
  <c r="A17208" i="1" s="1"/>
  <c r="A17209" i="1" s="1"/>
  <c r="A17210" i="1" s="1"/>
  <c r="A17211" i="1" s="1"/>
  <c r="A17212" i="1" s="1"/>
  <c r="A17213" i="1" s="1"/>
  <c r="A17214" i="1" s="1"/>
  <c r="A17215" i="1" s="1"/>
  <c r="A17216" i="1" s="1"/>
  <c r="A17217" i="1" s="1"/>
  <c r="A17218" i="1" s="1"/>
  <c r="A17219" i="1" s="1"/>
  <c r="A17220" i="1" s="1"/>
  <c r="A17221" i="1" s="1"/>
  <c r="A17222" i="1" s="1"/>
  <c r="A17223" i="1" s="1"/>
  <c r="A17224" i="1" s="1"/>
  <c r="A17225" i="1" s="1"/>
  <c r="A17226" i="1" s="1"/>
  <c r="A17227" i="1" s="1"/>
  <c r="A17228" i="1" s="1"/>
  <c r="A17229" i="1" s="1"/>
  <c r="A17230" i="1" s="1"/>
  <c r="A17231" i="1" s="1"/>
  <c r="A17232" i="1" s="1"/>
  <c r="A17233" i="1" s="1"/>
  <c r="A17234" i="1" s="1"/>
  <c r="A17235" i="1" s="1"/>
  <c r="A17236" i="1" s="1"/>
  <c r="A17237" i="1" s="1"/>
  <c r="A17238" i="1" s="1"/>
  <c r="A17239" i="1" s="1"/>
  <c r="A17240" i="1" s="1"/>
  <c r="A17241" i="1" s="1"/>
  <c r="A17242" i="1" s="1"/>
  <c r="A17243" i="1" s="1"/>
  <c r="A17244" i="1" s="1"/>
  <c r="A17245" i="1" s="1"/>
  <c r="A17246" i="1" s="1"/>
  <c r="A17247" i="1" s="1"/>
  <c r="A17248" i="1" s="1"/>
  <c r="A17249" i="1" s="1"/>
  <c r="A17250" i="1" s="1"/>
  <c r="A17251" i="1" s="1"/>
  <c r="A17252" i="1" s="1"/>
  <c r="A17253" i="1" s="1"/>
  <c r="A17254" i="1" s="1"/>
  <c r="A17255" i="1" s="1"/>
  <c r="A17256" i="1" s="1"/>
  <c r="A17257" i="1" s="1"/>
  <c r="A17258" i="1" s="1"/>
  <c r="A17259" i="1" s="1"/>
  <c r="A17260" i="1" s="1"/>
  <c r="A17261" i="1" s="1"/>
  <c r="A17262" i="1" s="1"/>
  <c r="A17263" i="1" s="1"/>
  <c r="A17264" i="1" s="1"/>
  <c r="A17265" i="1" s="1"/>
  <c r="A17266" i="1" s="1"/>
  <c r="A17267" i="1" s="1"/>
  <c r="A17268" i="1" s="1"/>
  <c r="A17269" i="1" s="1"/>
  <c r="A17270" i="1" s="1"/>
  <c r="A17271" i="1" s="1"/>
  <c r="A17272" i="1" s="1"/>
  <c r="A17273" i="1" s="1"/>
  <c r="A17274" i="1" s="1"/>
  <c r="A17275" i="1" s="1"/>
  <c r="A17276" i="1" s="1"/>
  <c r="A17277" i="1" s="1"/>
  <c r="A17278" i="1" s="1"/>
  <c r="A17279" i="1" s="1"/>
  <c r="A17280" i="1" s="1"/>
  <c r="A17281" i="1" s="1"/>
  <c r="A17282" i="1" s="1"/>
  <c r="A17283" i="1" s="1"/>
  <c r="A17284" i="1" s="1"/>
  <c r="A17285" i="1" s="1"/>
  <c r="A17286" i="1" s="1"/>
  <c r="A17287" i="1" s="1"/>
  <c r="A17288" i="1" s="1"/>
  <c r="A17289" i="1" s="1"/>
  <c r="A17290" i="1" s="1"/>
  <c r="A17291" i="1" s="1"/>
  <c r="A17292" i="1" s="1"/>
  <c r="A17293" i="1" s="1"/>
  <c r="A17294" i="1" s="1"/>
  <c r="A17295" i="1" s="1"/>
  <c r="A17296" i="1" s="1"/>
  <c r="A17297" i="1" s="1"/>
  <c r="A17298" i="1" s="1"/>
  <c r="A17299" i="1" s="1"/>
  <c r="A17300" i="1" s="1"/>
  <c r="A17301" i="1" s="1"/>
  <c r="A17302" i="1" s="1"/>
  <c r="A17303" i="1" s="1"/>
  <c r="A17304" i="1" s="1"/>
  <c r="A17305" i="1" s="1"/>
  <c r="A17306" i="1" s="1"/>
  <c r="A17307" i="1" s="1"/>
  <c r="A17308" i="1" s="1"/>
  <c r="A17309" i="1" s="1"/>
  <c r="A17310" i="1" s="1"/>
  <c r="A17311" i="1" s="1"/>
  <c r="A17312" i="1" s="1"/>
  <c r="A17313" i="1" s="1"/>
  <c r="A17314" i="1" s="1"/>
  <c r="A17315" i="1" s="1"/>
  <c r="A17316" i="1" s="1"/>
  <c r="A17317" i="1" s="1"/>
  <c r="A17318" i="1" s="1"/>
  <c r="A17319" i="1" s="1"/>
  <c r="A17320" i="1" s="1"/>
  <c r="A17321" i="1" s="1"/>
  <c r="A17322" i="1" s="1"/>
  <c r="A17323" i="1" s="1"/>
  <c r="A17324" i="1" s="1"/>
  <c r="A17325" i="1" s="1"/>
  <c r="A17326" i="1" s="1"/>
  <c r="A17327" i="1" s="1"/>
  <c r="A17328" i="1" s="1"/>
  <c r="A17329" i="1" s="1"/>
  <c r="A17330" i="1" s="1"/>
  <c r="A17331" i="1" s="1"/>
  <c r="A17332" i="1" s="1"/>
  <c r="A17333" i="1" s="1"/>
  <c r="A17334" i="1" s="1"/>
  <c r="A17335" i="1" s="1"/>
  <c r="A17336" i="1" s="1"/>
  <c r="A17337" i="1" s="1"/>
  <c r="A17338" i="1" s="1"/>
  <c r="A17339" i="1" s="1"/>
  <c r="A17340" i="1" s="1"/>
  <c r="A17341" i="1" s="1"/>
  <c r="A17342" i="1" s="1"/>
  <c r="A17343" i="1" s="1"/>
  <c r="A17344" i="1" s="1"/>
  <c r="A17345" i="1" s="1"/>
  <c r="A17346" i="1" s="1"/>
  <c r="A17347" i="1" s="1"/>
  <c r="A17348" i="1" s="1"/>
  <c r="A17349" i="1" s="1"/>
  <c r="A17350" i="1" s="1"/>
  <c r="A17351" i="1" s="1"/>
  <c r="A17352" i="1" s="1"/>
  <c r="A17353" i="1" s="1"/>
  <c r="A17354" i="1" s="1"/>
  <c r="A17355" i="1" s="1"/>
  <c r="A17356" i="1" s="1"/>
  <c r="A17357" i="1" s="1"/>
  <c r="A17358" i="1" s="1"/>
  <c r="A17359" i="1" s="1"/>
  <c r="A17360" i="1" s="1"/>
  <c r="A17361" i="1" s="1"/>
  <c r="A17362" i="1" s="1"/>
  <c r="A17363" i="1" s="1"/>
  <c r="A17364" i="1" s="1"/>
  <c r="A17365" i="1" s="1"/>
  <c r="A17366" i="1" s="1"/>
  <c r="A17367" i="1" s="1"/>
  <c r="A17368" i="1" s="1"/>
  <c r="A17369" i="1" s="1"/>
  <c r="A17370" i="1" s="1"/>
  <c r="A17371" i="1" s="1"/>
  <c r="A17372" i="1" s="1"/>
  <c r="A17373" i="1" s="1"/>
  <c r="A17374" i="1" s="1"/>
  <c r="A17375" i="1" s="1"/>
  <c r="A17376" i="1" s="1"/>
  <c r="A17377" i="1" s="1"/>
  <c r="A17378" i="1" s="1"/>
  <c r="A17379" i="1" s="1"/>
  <c r="A17380" i="1" s="1"/>
  <c r="A17381" i="1" s="1"/>
  <c r="A17382" i="1" s="1"/>
  <c r="A17383" i="1" s="1"/>
  <c r="A17384" i="1" s="1"/>
  <c r="A17385" i="1" s="1"/>
  <c r="A17386" i="1" s="1"/>
  <c r="A17387" i="1" s="1"/>
  <c r="A17388" i="1" s="1"/>
  <c r="A17389" i="1" s="1"/>
  <c r="A17390" i="1" s="1"/>
  <c r="A17391" i="1" s="1"/>
  <c r="A17392" i="1" s="1"/>
  <c r="A17393" i="1" s="1"/>
  <c r="A17394" i="1" s="1"/>
  <c r="A17395" i="1" s="1"/>
  <c r="A17396" i="1" s="1"/>
  <c r="A17397" i="1" s="1"/>
  <c r="A17398" i="1" s="1"/>
  <c r="A17399" i="1" s="1"/>
  <c r="A17400" i="1" s="1"/>
  <c r="A17401" i="1" s="1"/>
  <c r="A17402" i="1" s="1"/>
  <c r="A17403" i="1" s="1"/>
  <c r="A17404" i="1" s="1"/>
  <c r="A17405" i="1" s="1"/>
  <c r="A17406" i="1" s="1"/>
  <c r="A17407" i="1" s="1"/>
  <c r="A17408" i="1" s="1"/>
  <c r="A17409" i="1" s="1"/>
  <c r="A17410" i="1" s="1"/>
  <c r="A17411" i="1" s="1"/>
  <c r="A17412" i="1" s="1"/>
  <c r="A17413" i="1" s="1"/>
  <c r="A17414" i="1" s="1"/>
  <c r="A17415" i="1" s="1"/>
  <c r="A17416" i="1" s="1"/>
  <c r="A17417" i="1" s="1"/>
  <c r="A17418" i="1" s="1"/>
  <c r="A17419" i="1" s="1"/>
  <c r="A17420" i="1" s="1"/>
  <c r="A17421" i="1" s="1"/>
  <c r="A17422" i="1" s="1"/>
  <c r="A17423" i="1" s="1"/>
  <c r="A17424" i="1" s="1"/>
  <c r="A17425" i="1" s="1"/>
  <c r="A17426" i="1" s="1"/>
  <c r="A17427" i="1" s="1"/>
  <c r="A17428" i="1" s="1"/>
  <c r="A17429" i="1" s="1"/>
  <c r="A17430" i="1" s="1"/>
  <c r="A17431" i="1" s="1"/>
  <c r="A17432" i="1" s="1"/>
  <c r="A17433" i="1" s="1"/>
  <c r="A17434" i="1" s="1"/>
  <c r="A17435" i="1" s="1"/>
  <c r="A17436" i="1" s="1"/>
  <c r="A17437" i="1" s="1"/>
  <c r="A17438" i="1" s="1"/>
  <c r="A17439" i="1" s="1"/>
  <c r="A17440" i="1" s="1"/>
  <c r="A17441" i="1" s="1"/>
  <c r="A17442" i="1" s="1"/>
  <c r="A17443" i="1" s="1"/>
  <c r="A17444" i="1" s="1"/>
  <c r="A17445" i="1" s="1"/>
  <c r="A17446" i="1" s="1"/>
  <c r="A17447" i="1" s="1"/>
  <c r="A17448" i="1" s="1"/>
  <c r="A17449" i="1" s="1"/>
  <c r="A17450" i="1" s="1"/>
  <c r="A17451" i="1" s="1"/>
  <c r="A17452" i="1" s="1"/>
  <c r="A17453" i="1" s="1"/>
  <c r="A17454" i="1" s="1"/>
  <c r="A17455" i="1" s="1"/>
  <c r="A17456" i="1" s="1"/>
  <c r="A17457" i="1" s="1"/>
  <c r="A17458" i="1" s="1"/>
  <c r="A17459" i="1" s="1"/>
  <c r="A17460" i="1" s="1"/>
  <c r="A17461" i="1" s="1"/>
  <c r="A17462" i="1" s="1"/>
  <c r="A17463" i="1" s="1"/>
  <c r="A17464" i="1" s="1"/>
  <c r="A17465" i="1" s="1"/>
  <c r="A17466" i="1" s="1"/>
  <c r="A17467" i="1" s="1"/>
  <c r="A17468" i="1" s="1"/>
  <c r="A17469" i="1" s="1"/>
  <c r="A17470" i="1" s="1"/>
  <c r="A17471" i="1" s="1"/>
  <c r="A17472" i="1" s="1"/>
  <c r="A17473" i="1" s="1"/>
  <c r="A17474" i="1" s="1"/>
  <c r="A17475" i="1" s="1"/>
  <c r="A17476" i="1" s="1"/>
  <c r="A17477" i="1" s="1"/>
  <c r="A17478" i="1" s="1"/>
  <c r="A17479" i="1" s="1"/>
  <c r="A17480" i="1" s="1"/>
  <c r="A17481" i="1" s="1"/>
  <c r="A17482" i="1" s="1"/>
  <c r="A17483" i="1" s="1"/>
  <c r="A17484" i="1" s="1"/>
  <c r="A17485" i="1" s="1"/>
  <c r="A17486" i="1" s="1"/>
  <c r="A17487" i="1" s="1"/>
  <c r="A17488" i="1" s="1"/>
  <c r="A17489" i="1" s="1"/>
  <c r="A17490" i="1" s="1"/>
  <c r="A17491" i="1" s="1"/>
  <c r="A17492" i="1" s="1"/>
  <c r="A17493" i="1" s="1"/>
  <c r="A17494" i="1" s="1"/>
  <c r="A17495" i="1" s="1"/>
  <c r="A17496" i="1" s="1"/>
  <c r="A17497" i="1" s="1"/>
  <c r="A17498" i="1" s="1"/>
  <c r="A17499" i="1" s="1"/>
  <c r="A17500" i="1" s="1"/>
  <c r="A17501" i="1" s="1"/>
  <c r="A17502" i="1" s="1"/>
  <c r="A17503" i="1" s="1"/>
  <c r="A17504" i="1" s="1"/>
  <c r="A17505" i="1" s="1"/>
  <c r="A17506" i="1" s="1"/>
  <c r="A17507" i="1" s="1"/>
  <c r="A17508" i="1" s="1"/>
  <c r="A17509" i="1" s="1"/>
  <c r="A17510" i="1" s="1"/>
  <c r="A17511" i="1" s="1"/>
  <c r="A17512" i="1" s="1"/>
  <c r="A17513" i="1" s="1"/>
  <c r="A17514" i="1" s="1"/>
  <c r="A17515" i="1" s="1"/>
  <c r="A17516" i="1" s="1"/>
  <c r="A17517" i="1" s="1"/>
  <c r="A17518" i="1" s="1"/>
  <c r="A17519" i="1" s="1"/>
  <c r="A17520" i="1" s="1"/>
  <c r="A17521" i="1" s="1"/>
  <c r="A17522" i="1" s="1"/>
  <c r="A17523" i="1" s="1"/>
  <c r="A17524" i="1" s="1"/>
  <c r="A17525" i="1" s="1"/>
  <c r="A17526" i="1" s="1"/>
  <c r="A17527" i="1" s="1"/>
  <c r="A17528" i="1" s="1"/>
  <c r="A17529" i="1" s="1"/>
  <c r="A17530" i="1" s="1"/>
  <c r="A17531" i="1" s="1"/>
  <c r="A17532" i="1" s="1"/>
  <c r="A17533" i="1" s="1"/>
  <c r="A17534" i="1" s="1"/>
  <c r="A17535" i="1" s="1"/>
  <c r="A17536" i="1" s="1"/>
  <c r="A17537" i="1" s="1"/>
  <c r="A17538" i="1" s="1"/>
  <c r="A17539" i="1" s="1"/>
  <c r="A17540" i="1" s="1"/>
  <c r="A17541" i="1" s="1"/>
  <c r="A17542" i="1" s="1"/>
  <c r="A17543" i="1" s="1"/>
  <c r="A17544" i="1" s="1"/>
  <c r="A17545" i="1" s="1"/>
  <c r="A17546" i="1" s="1"/>
  <c r="A17547" i="1" s="1"/>
  <c r="A17548" i="1" s="1"/>
  <c r="A17549" i="1" s="1"/>
  <c r="A17550" i="1" s="1"/>
  <c r="A17551" i="1" s="1"/>
  <c r="A17552" i="1" s="1"/>
  <c r="A17553" i="1" s="1"/>
  <c r="A17554" i="1" s="1"/>
  <c r="A17555" i="1" s="1"/>
  <c r="A17556" i="1" s="1"/>
  <c r="A17557" i="1" s="1"/>
  <c r="A17558" i="1" s="1"/>
  <c r="A17559" i="1" s="1"/>
  <c r="A17560" i="1" s="1"/>
  <c r="A17561" i="1" s="1"/>
  <c r="A17562" i="1" s="1"/>
  <c r="A17563" i="1" s="1"/>
  <c r="A17564" i="1" s="1"/>
  <c r="A17565" i="1" s="1"/>
  <c r="A17566" i="1" s="1"/>
  <c r="A17567" i="1" s="1"/>
  <c r="A17568" i="1" s="1"/>
  <c r="A17569" i="1" s="1"/>
  <c r="A17570" i="1" s="1"/>
  <c r="A17571" i="1" s="1"/>
  <c r="A17572" i="1" s="1"/>
  <c r="A17573" i="1" s="1"/>
  <c r="A17574" i="1" s="1"/>
  <c r="A17575" i="1" s="1"/>
  <c r="A17576" i="1" s="1"/>
  <c r="A17577" i="1" s="1"/>
  <c r="A17578" i="1" s="1"/>
  <c r="A17579" i="1" s="1"/>
  <c r="A17580" i="1" s="1"/>
  <c r="A17581" i="1" s="1"/>
  <c r="A17582" i="1" s="1"/>
  <c r="A17583" i="1" s="1"/>
  <c r="A17584" i="1" s="1"/>
  <c r="A17585" i="1" s="1"/>
  <c r="A17586" i="1" s="1"/>
  <c r="A17587" i="1" s="1"/>
  <c r="A17588" i="1" s="1"/>
  <c r="A17589" i="1" s="1"/>
  <c r="A17590" i="1" s="1"/>
  <c r="A17591" i="1" s="1"/>
  <c r="A17592" i="1" s="1"/>
  <c r="A17593" i="1" s="1"/>
  <c r="A17594" i="1" s="1"/>
  <c r="A17595" i="1" s="1"/>
  <c r="A17596" i="1" s="1"/>
  <c r="A17597" i="1" s="1"/>
  <c r="A17598" i="1" s="1"/>
  <c r="A17599" i="1" s="1"/>
  <c r="A17600" i="1" s="1"/>
  <c r="A17601" i="1" s="1"/>
  <c r="A17602" i="1" s="1"/>
  <c r="A17603" i="1" s="1"/>
  <c r="A17604" i="1" s="1"/>
  <c r="A17605" i="1" s="1"/>
  <c r="A17606" i="1" s="1"/>
  <c r="A17607" i="1" s="1"/>
  <c r="A17608" i="1" s="1"/>
  <c r="A17609" i="1" s="1"/>
  <c r="A17610" i="1" s="1"/>
  <c r="A17611" i="1" s="1"/>
  <c r="A17612" i="1" s="1"/>
  <c r="A17613" i="1" s="1"/>
  <c r="A17614" i="1" s="1"/>
  <c r="A17615" i="1" s="1"/>
  <c r="A17616" i="1" s="1"/>
  <c r="A17617" i="1" s="1"/>
  <c r="A17618" i="1" s="1"/>
  <c r="A17619" i="1" s="1"/>
  <c r="A17620" i="1" s="1"/>
  <c r="A17621" i="1" s="1"/>
  <c r="A17622" i="1" s="1"/>
  <c r="A17623" i="1" s="1"/>
  <c r="A17624" i="1" s="1"/>
  <c r="A17625" i="1" s="1"/>
  <c r="A17626" i="1" s="1"/>
  <c r="A17627" i="1" s="1"/>
  <c r="A17628" i="1" s="1"/>
  <c r="A17629" i="1" s="1"/>
  <c r="A17630" i="1" s="1"/>
  <c r="A17631" i="1" s="1"/>
  <c r="A17632" i="1" s="1"/>
  <c r="A17633" i="1" s="1"/>
  <c r="A17634" i="1" s="1"/>
  <c r="A17635" i="1" s="1"/>
  <c r="A17636" i="1" s="1"/>
  <c r="A17637" i="1" s="1"/>
  <c r="A17638" i="1" s="1"/>
  <c r="A17639" i="1" s="1"/>
  <c r="A17640" i="1" s="1"/>
  <c r="A17641" i="1" s="1"/>
  <c r="A17642" i="1" s="1"/>
  <c r="A17643" i="1" s="1"/>
  <c r="A17644" i="1" s="1"/>
  <c r="A17645" i="1" s="1"/>
  <c r="A17646" i="1" s="1"/>
  <c r="A17647" i="1" s="1"/>
  <c r="A17648" i="1" s="1"/>
  <c r="A17649" i="1" s="1"/>
  <c r="A17650" i="1" s="1"/>
  <c r="A17651" i="1" s="1"/>
  <c r="A17652" i="1" s="1"/>
  <c r="A17653" i="1" s="1"/>
  <c r="A17654" i="1" s="1"/>
  <c r="A17655" i="1" s="1"/>
  <c r="A17656" i="1" s="1"/>
  <c r="A17657" i="1" s="1"/>
  <c r="A17658" i="1" s="1"/>
  <c r="A17659" i="1" s="1"/>
  <c r="A17660" i="1" s="1"/>
  <c r="A17661" i="1" s="1"/>
  <c r="A17662" i="1" s="1"/>
  <c r="A17663" i="1" s="1"/>
  <c r="A17664" i="1" s="1"/>
  <c r="A17665" i="1" s="1"/>
  <c r="A17666" i="1" s="1"/>
  <c r="A17667" i="1" s="1"/>
  <c r="A17668" i="1" s="1"/>
  <c r="A17669" i="1" s="1"/>
  <c r="A17670" i="1" s="1"/>
  <c r="A17671" i="1" s="1"/>
  <c r="A17672" i="1" s="1"/>
  <c r="A17673" i="1" s="1"/>
  <c r="A17674" i="1" s="1"/>
  <c r="A17675" i="1" s="1"/>
  <c r="A17676" i="1" s="1"/>
  <c r="A17677" i="1" s="1"/>
  <c r="A17678" i="1" s="1"/>
  <c r="A17679" i="1" s="1"/>
  <c r="A17680" i="1" s="1"/>
  <c r="A17681" i="1" s="1"/>
  <c r="A17682" i="1" s="1"/>
  <c r="A17683" i="1" s="1"/>
  <c r="A17684" i="1" s="1"/>
  <c r="A17685" i="1" s="1"/>
  <c r="A17686" i="1" s="1"/>
  <c r="A17687" i="1" s="1"/>
  <c r="A17688" i="1" s="1"/>
  <c r="A17689" i="1" s="1"/>
  <c r="A17690" i="1" s="1"/>
  <c r="A17691" i="1" s="1"/>
  <c r="A17692" i="1" s="1"/>
  <c r="A17693" i="1" s="1"/>
  <c r="A17694" i="1" s="1"/>
  <c r="A17695" i="1" s="1"/>
  <c r="A17696" i="1" s="1"/>
  <c r="A17697" i="1" s="1"/>
  <c r="A17698" i="1" s="1"/>
  <c r="A17699" i="1" s="1"/>
  <c r="A17700" i="1" s="1"/>
  <c r="A17701" i="1" s="1"/>
  <c r="A17702" i="1" s="1"/>
  <c r="A17703" i="1" s="1"/>
  <c r="A17704" i="1" s="1"/>
  <c r="A17705" i="1" s="1"/>
  <c r="A17706" i="1" s="1"/>
  <c r="A17707" i="1" s="1"/>
  <c r="A17708" i="1" s="1"/>
  <c r="A17709" i="1" s="1"/>
  <c r="A17710" i="1" s="1"/>
  <c r="A17711" i="1" s="1"/>
  <c r="A17712" i="1" s="1"/>
  <c r="A17713" i="1" s="1"/>
  <c r="A17714" i="1" s="1"/>
  <c r="A17715" i="1" s="1"/>
  <c r="A17716" i="1" s="1"/>
  <c r="A17717" i="1" s="1"/>
  <c r="A17718" i="1" s="1"/>
  <c r="A17719" i="1" s="1"/>
  <c r="A17720" i="1" s="1"/>
  <c r="A17721" i="1" s="1"/>
  <c r="A17722" i="1" s="1"/>
  <c r="A17723" i="1" s="1"/>
  <c r="A17724" i="1" s="1"/>
  <c r="A17725" i="1" s="1"/>
  <c r="A17726" i="1" s="1"/>
  <c r="A17727" i="1" s="1"/>
  <c r="A17728" i="1" s="1"/>
  <c r="A17729" i="1" s="1"/>
  <c r="A17730" i="1" s="1"/>
  <c r="A17731" i="1" s="1"/>
  <c r="A17732" i="1" s="1"/>
  <c r="A17733" i="1" s="1"/>
  <c r="A17734" i="1" s="1"/>
  <c r="A17735" i="1" s="1"/>
  <c r="A17736" i="1" s="1"/>
  <c r="A17737" i="1" s="1"/>
  <c r="A17738" i="1" s="1"/>
  <c r="A17739" i="1" s="1"/>
  <c r="A17740" i="1" s="1"/>
  <c r="A17741" i="1" s="1"/>
  <c r="A17742" i="1" s="1"/>
  <c r="A17743" i="1" s="1"/>
  <c r="A17744" i="1" s="1"/>
  <c r="A17745" i="1" s="1"/>
  <c r="A17746" i="1" s="1"/>
  <c r="A17747" i="1" s="1"/>
  <c r="A17748" i="1" s="1"/>
  <c r="A17749" i="1" s="1"/>
  <c r="A17750" i="1" s="1"/>
  <c r="A17751" i="1" s="1"/>
  <c r="A17752" i="1" s="1"/>
  <c r="A17753" i="1" s="1"/>
  <c r="A17754" i="1" s="1"/>
  <c r="A17755" i="1" s="1"/>
  <c r="A17756" i="1" s="1"/>
  <c r="A17757" i="1" s="1"/>
  <c r="A17758" i="1" s="1"/>
  <c r="A17759" i="1" s="1"/>
  <c r="A17760" i="1" s="1"/>
  <c r="A17761" i="1" s="1"/>
  <c r="A17762" i="1" s="1"/>
  <c r="A17763" i="1" s="1"/>
  <c r="A17764" i="1" s="1"/>
  <c r="A17765" i="1" s="1"/>
  <c r="A17766" i="1" s="1"/>
  <c r="A17767" i="1" s="1"/>
  <c r="A17768" i="1" s="1"/>
  <c r="A17769" i="1" s="1"/>
  <c r="A17770" i="1" s="1"/>
  <c r="A17771" i="1" s="1"/>
  <c r="A17772" i="1" s="1"/>
  <c r="A17773" i="1" s="1"/>
  <c r="A17774" i="1" s="1"/>
  <c r="A17775" i="1" s="1"/>
  <c r="A17776" i="1" s="1"/>
  <c r="A17777" i="1" s="1"/>
  <c r="A17778" i="1" s="1"/>
  <c r="A17779" i="1" s="1"/>
  <c r="A17780" i="1" s="1"/>
  <c r="A17781" i="1" s="1"/>
  <c r="A17782" i="1" s="1"/>
  <c r="A17783" i="1" s="1"/>
  <c r="A17784" i="1" s="1"/>
  <c r="A17785" i="1" s="1"/>
  <c r="A17786" i="1" s="1"/>
  <c r="A17787" i="1" s="1"/>
  <c r="A17788" i="1" s="1"/>
  <c r="A17789" i="1" s="1"/>
  <c r="A17790" i="1" s="1"/>
  <c r="A17791" i="1" s="1"/>
  <c r="A17792" i="1" s="1"/>
  <c r="A17793" i="1" s="1"/>
  <c r="A17794" i="1" s="1"/>
  <c r="A17795" i="1" s="1"/>
  <c r="A17796" i="1" s="1"/>
  <c r="A17797" i="1" s="1"/>
  <c r="A17798" i="1" s="1"/>
  <c r="A17799" i="1" s="1"/>
  <c r="A17800" i="1" s="1"/>
  <c r="A17801" i="1" s="1"/>
  <c r="A17802" i="1" s="1"/>
  <c r="A17803" i="1" s="1"/>
  <c r="A17804" i="1" s="1"/>
  <c r="A17805" i="1" s="1"/>
  <c r="A17806" i="1" s="1"/>
  <c r="A17807" i="1" s="1"/>
  <c r="A17808" i="1" s="1"/>
  <c r="A17809" i="1" s="1"/>
  <c r="A17810" i="1" s="1"/>
  <c r="A17811" i="1" s="1"/>
  <c r="A17812" i="1" s="1"/>
  <c r="A17813" i="1" s="1"/>
  <c r="A17814" i="1" s="1"/>
  <c r="A17815" i="1" s="1"/>
  <c r="A17816" i="1" s="1"/>
  <c r="A17817" i="1" s="1"/>
  <c r="A17818" i="1" s="1"/>
  <c r="A17819" i="1" s="1"/>
  <c r="A17820" i="1" s="1"/>
  <c r="A17821" i="1" s="1"/>
  <c r="A17822" i="1" s="1"/>
  <c r="A17823" i="1" s="1"/>
  <c r="A17824" i="1" s="1"/>
  <c r="A17825" i="1" s="1"/>
  <c r="A17826" i="1" s="1"/>
  <c r="A17827" i="1" s="1"/>
  <c r="A17828" i="1" s="1"/>
  <c r="A17829" i="1" s="1"/>
  <c r="A17830" i="1" s="1"/>
  <c r="A17831" i="1" s="1"/>
  <c r="A17832" i="1" s="1"/>
  <c r="A17833" i="1" s="1"/>
  <c r="A17834" i="1" s="1"/>
  <c r="A17835" i="1" s="1"/>
  <c r="A17836" i="1" s="1"/>
  <c r="A17837" i="1" s="1"/>
  <c r="A17838" i="1" s="1"/>
  <c r="A17839" i="1" s="1"/>
  <c r="A17840" i="1" s="1"/>
  <c r="A17841" i="1" s="1"/>
  <c r="A17842" i="1" s="1"/>
  <c r="A17843" i="1" s="1"/>
  <c r="A17844" i="1" s="1"/>
  <c r="A17845" i="1" s="1"/>
  <c r="A17846" i="1" s="1"/>
  <c r="A17847" i="1" s="1"/>
  <c r="A17848" i="1" s="1"/>
  <c r="A17849" i="1" s="1"/>
  <c r="A17850" i="1" s="1"/>
  <c r="A17851" i="1" s="1"/>
  <c r="A17852" i="1" s="1"/>
  <c r="A17853" i="1" s="1"/>
  <c r="A17854" i="1" s="1"/>
  <c r="A17855" i="1" s="1"/>
  <c r="A17856" i="1" s="1"/>
  <c r="A17857" i="1" s="1"/>
  <c r="A17858" i="1" s="1"/>
  <c r="A17859" i="1" s="1"/>
  <c r="A17860" i="1" s="1"/>
  <c r="A17861" i="1" s="1"/>
  <c r="A17862" i="1" s="1"/>
  <c r="A17863" i="1" s="1"/>
  <c r="A17864" i="1" s="1"/>
  <c r="A17865" i="1" s="1"/>
  <c r="A17866" i="1" s="1"/>
  <c r="A17867" i="1" s="1"/>
  <c r="A17868" i="1" s="1"/>
  <c r="A17869" i="1" s="1"/>
  <c r="A17870" i="1" s="1"/>
  <c r="A17871" i="1" s="1"/>
  <c r="A17872" i="1" s="1"/>
  <c r="A17873" i="1" s="1"/>
  <c r="A17874" i="1" s="1"/>
  <c r="A17875" i="1" s="1"/>
  <c r="A17876" i="1" s="1"/>
  <c r="A17877" i="1" s="1"/>
  <c r="A17878" i="1" s="1"/>
  <c r="A17879" i="1" s="1"/>
  <c r="A17880" i="1" s="1"/>
  <c r="A17881" i="1" s="1"/>
  <c r="A17882" i="1" s="1"/>
  <c r="A17883" i="1" s="1"/>
  <c r="A17884" i="1" s="1"/>
  <c r="A17885" i="1" s="1"/>
  <c r="A17886" i="1" s="1"/>
  <c r="A17887" i="1" s="1"/>
  <c r="A17888" i="1" s="1"/>
  <c r="A17889" i="1" s="1"/>
  <c r="A17890" i="1" s="1"/>
  <c r="A17891" i="1" s="1"/>
  <c r="A17892" i="1" s="1"/>
  <c r="A17893" i="1" s="1"/>
  <c r="A17894" i="1" s="1"/>
  <c r="A17895" i="1" s="1"/>
  <c r="A17896" i="1" s="1"/>
  <c r="A17897" i="1" s="1"/>
  <c r="A17898" i="1" s="1"/>
  <c r="A17899" i="1" s="1"/>
  <c r="A17900" i="1" s="1"/>
  <c r="A17901" i="1" s="1"/>
  <c r="A17902" i="1" s="1"/>
  <c r="A17903" i="1" s="1"/>
  <c r="A17904" i="1" s="1"/>
  <c r="A17905" i="1" s="1"/>
  <c r="A17906" i="1" s="1"/>
  <c r="A17907" i="1" s="1"/>
  <c r="A17908" i="1" s="1"/>
  <c r="A17909" i="1" s="1"/>
  <c r="A17910" i="1" s="1"/>
  <c r="A17911" i="1" s="1"/>
  <c r="A17912" i="1" s="1"/>
  <c r="A17913" i="1" s="1"/>
  <c r="A17914" i="1" s="1"/>
  <c r="A17915" i="1" s="1"/>
  <c r="A17916" i="1" s="1"/>
  <c r="A17917" i="1" s="1"/>
  <c r="A17918" i="1" s="1"/>
  <c r="A17919" i="1" s="1"/>
  <c r="A17920" i="1" s="1"/>
  <c r="A17921" i="1" s="1"/>
  <c r="A17922" i="1" s="1"/>
  <c r="A17923" i="1" s="1"/>
  <c r="A17924" i="1" s="1"/>
  <c r="A17925" i="1" s="1"/>
  <c r="A17926" i="1" s="1"/>
  <c r="A17927" i="1" s="1"/>
  <c r="A17928" i="1" s="1"/>
  <c r="A17929" i="1" s="1"/>
  <c r="A17930" i="1" s="1"/>
  <c r="A17931" i="1" s="1"/>
  <c r="A17932" i="1" s="1"/>
  <c r="A17933" i="1" s="1"/>
  <c r="A17934" i="1" s="1"/>
  <c r="A17935" i="1" s="1"/>
  <c r="A17936" i="1" s="1"/>
  <c r="A17937" i="1" s="1"/>
  <c r="A17938" i="1" s="1"/>
  <c r="A17939" i="1" s="1"/>
  <c r="A17940" i="1" s="1"/>
  <c r="A17941" i="1" s="1"/>
  <c r="A17942" i="1" s="1"/>
  <c r="A17943" i="1" s="1"/>
  <c r="A17944" i="1" s="1"/>
  <c r="A17945" i="1" s="1"/>
  <c r="A17946" i="1" s="1"/>
  <c r="A17947" i="1" s="1"/>
  <c r="A17948" i="1" s="1"/>
  <c r="A17949" i="1" s="1"/>
  <c r="A17950" i="1" s="1"/>
  <c r="A17951" i="1" s="1"/>
  <c r="A17952" i="1" s="1"/>
  <c r="A17953" i="1" s="1"/>
  <c r="A17954" i="1" s="1"/>
  <c r="A17955" i="1" s="1"/>
  <c r="A17956" i="1" s="1"/>
  <c r="A17957" i="1" s="1"/>
  <c r="A17958" i="1" s="1"/>
  <c r="A17959" i="1" s="1"/>
  <c r="A17960" i="1" s="1"/>
  <c r="A17961" i="1" s="1"/>
  <c r="A17962" i="1" s="1"/>
  <c r="A17963" i="1" s="1"/>
  <c r="A17964" i="1" s="1"/>
  <c r="A17965" i="1" s="1"/>
  <c r="A17966" i="1" s="1"/>
  <c r="A17967" i="1" s="1"/>
  <c r="A17968" i="1" s="1"/>
  <c r="A17969" i="1" s="1"/>
  <c r="A17970" i="1" s="1"/>
  <c r="A17971" i="1" s="1"/>
  <c r="A17972" i="1" s="1"/>
  <c r="A17973" i="1" s="1"/>
  <c r="A17974" i="1" s="1"/>
  <c r="A17975" i="1" s="1"/>
  <c r="A17976" i="1" s="1"/>
  <c r="A17977" i="1" s="1"/>
  <c r="A17978" i="1" s="1"/>
  <c r="A17979" i="1" s="1"/>
  <c r="A17980" i="1" s="1"/>
  <c r="A17981" i="1" s="1"/>
  <c r="A17982" i="1" s="1"/>
  <c r="A17983" i="1" s="1"/>
  <c r="A17984" i="1" s="1"/>
  <c r="A17985" i="1" s="1"/>
  <c r="A17986" i="1" s="1"/>
  <c r="A17987" i="1" s="1"/>
  <c r="A17988" i="1" s="1"/>
  <c r="A17989" i="1" s="1"/>
  <c r="A17990" i="1" s="1"/>
  <c r="A17991" i="1" s="1"/>
  <c r="A17992" i="1" s="1"/>
  <c r="A17993" i="1" s="1"/>
  <c r="A17994" i="1" s="1"/>
  <c r="A17995" i="1" s="1"/>
  <c r="A17996" i="1" s="1"/>
  <c r="A17997" i="1" s="1"/>
  <c r="A17998" i="1" s="1"/>
  <c r="A17999" i="1" s="1"/>
  <c r="A18000" i="1" s="1"/>
  <c r="A18001" i="1" s="1"/>
  <c r="A18002" i="1" s="1"/>
  <c r="A18003" i="1" s="1"/>
  <c r="A18004" i="1" s="1"/>
  <c r="A18005" i="1" s="1"/>
  <c r="A18006" i="1" s="1"/>
  <c r="A18007" i="1" s="1"/>
  <c r="A18008" i="1" s="1"/>
  <c r="A18009" i="1" s="1"/>
  <c r="A18010" i="1" s="1"/>
  <c r="A18011" i="1" s="1"/>
  <c r="A18012" i="1" s="1"/>
  <c r="A18013" i="1" s="1"/>
  <c r="A18014" i="1" s="1"/>
  <c r="A18015" i="1" s="1"/>
  <c r="A18016" i="1" s="1"/>
  <c r="A18017" i="1" s="1"/>
  <c r="A18018" i="1" s="1"/>
  <c r="A18019" i="1" s="1"/>
  <c r="A18020" i="1" s="1"/>
  <c r="A18021" i="1" s="1"/>
  <c r="A18022" i="1" s="1"/>
  <c r="A18023" i="1" s="1"/>
  <c r="A18024" i="1" s="1"/>
  <c r="A18025" i="1" s="1"/>
  <c r="A18026" i="1" s="1"/>
  <c r="A18027" i="1" s="1"/>
  <c r="A18028" i="1" s="1"/>
  <c r="A18029" i="1" s="1"/>
  <c r="A18030" i="1" s="1"/>
  <c r="A18031" i="1" s="1"/>
  <c r="A18032" i="1" s="1"/>
  <c r="A18033" i="1" s="1"/>
  <c r="A18034" i="1" s="1"/>
  <c r="A18035" i="1" s="1"/>
  <c r="A18036" i="1" s="1"/>
  <c r="A18037" i="1" s="1"/>
  <c r="A18038" i="1" s="1"/>
  <c r="A18039" i="1" s="1"/>
  <c r="A18040" i="1" s="1"/>
  <c r="A18041" i="1" s="1"/>
  <c r="A18042" i="1" s="1"/>
  <c r="A18043" i="1" s="1"/>
  <c r="A18044" i="1" s="1"/>
  <c r="A18045" i="1" s="1"/>
  <c r="A18046" i="1" s="1"/>
  <c r="A18047" i="1" s="1"/>
  <c r="A18048" i="1" s="1"/>
  <c r="A18049" i="1" s="1"/>
  <c r="A18050" i="1" s="1"/>
  <c r="A18051" i="1" s="1"/>
  <c r="A18052" i="1" s="1"/>
  <c r="A18053" i="1" s="1"/>
  <c r="A18054" i="1" s="1"/>
  <c r="A18055" i="1" s="1"/>
  <c r="A18056" i="1" s="1"/>
  <c r="A18057" i="1" s="1"/>
  <c r="A18058" i="1" s="1"/>
  <c r="A18059" i="1" s="1"/>
  <c r="A18060" i="1" s="1"/>
  <c r="A18061" i="1" s="1"/>
  <c r="A18062" i="1" s="1"/>
  <c r="A18063" i="1" s="1"/>
  <c r="A18064" i="1" s="1"/>
  <c r="A18065" i="1" s="1"/>
  <c r="A18066" i="1" s="1"/>
  <c r="A18067" i="1" s="1"/>
  <c r="A18068" i="1" s="1"/>
  <c r="A18069" i="1" s="1"/>
  <c r="A18070" i="1" s="1"/>
  <c r="A18071" i="1" s="1"/>
  <c r="A18072" i="1" s="1"/>
  <c r="A18073" i="1" s="1"/>
  <c r="A18074" i="1" s="1"/>
  <c r="A18075" i="1" s="1"/>
  <c r="A18076" i="1" s="1"/>
  <c r="A18077" i="1" s="1"/>
  <c r="A18078" i="1" s="1"/>
  <c r="A18079" i="1" s="1"/>
  <c r="A18080" i="1" s="1"/>
  <c r="A18081" i="1" s="1"/>
  <c r="A18082" i="1" s="1"/>
  <c r="A18083" i="1" s="1"/>
  <c r="A18084" i="1" s="1"/>
  <c r="A18085" i="1" s="1"/>
  <c r="A18086" i="1" s="1"/>
  <c r="A18087" i="1" s="1"/>
  <c r="A18088" i="1" s="1"/>
  <c r="A18089" i="1" s="1"/>
  <c r="A18090" i="1" s="1"/>
  <c r="A18091" i="1" s="1"/>
  <c r="A18092" i="1" s="1"/>
  <c r="A18093" i="1" s="1"/>
  <c r="A18094" i="1" s="1"/>
  <c r="A18095" i="1" s="1"/>
  <c r="A18096" i="1" s="1"/>
  <c r="A18097" i="1" s="1"/>
  <c r="A18098" i="1" s="1"/>
  <c r="A18099" i="1" s="1"/>
  <c r="A18100" i="1" s="1"/>
  <c r="A18101" i="1" s="1"/>
  <c r="A18102" i="1" s="1"/>
  <c r="A18103" i="1" s="1"/>
  <c r="A18104" i="1" s="1"/>
  <c r="A18105" i="1" s="1"/>
  <c r="A18106" i="1" s="1"/>
  <c r="A18107" i="1" s="1"/>
  <c r="A18108" i="1" s="1"/>
  <c r="A18109" i="1" s="1"/>
  <c r="A18110" i="1" s="1"/>
  <c r="A18111" i="1" s="1"/>
  <c r="A18112" i="1" s="1"/>
  <c r="A18113" i="1" s="1"/>
  <c r="A18114" i="1" s="1"/>
  <c r="A18115" i="1" s="1"/>
  <c r="A18116" i="1" s="1"/>
  <c r="A18117" i="1" s="1"/>
  <c r="A18118" i="1" s="1"/>
  <c r="A18119" i="1" s="1"/>
  <c r="A18120" i="1" s="1"/>
  <c r="A18121" i="1" s="1"/>
  <c r="A18122" i="1" s="1"/>
  <c r="A18123" i="1" s="1"/>
  <c r="A18124" i="1" s="1"/>
  <c r="A18125" i="1" s="1"/>
  <c r="A18126" i="1" s="1"/>
  <c r="A18127" i="1" s="1"/>
  <c r="A18128" i="1" s="1"/>
  <c r="A18129" i="1" s="1"/>
  <c r="A18130" i="1" s="1"/>
  <c r="A18131" i="1" s="1"/>
  <c r="A18132" i="1" s="1"/>
  <c r="A18133" i="1" s="1"/>
  <c r="A18134" i="1" s="1"/>
  <c r="A18135" i="1" s="1"/>
  <c r="A18136" i="1" s="1"/>
  <c r="A18137" i="1" s="1"/>
  <c r="A18138" i="1" s="1"/>
  <c r="A18139" i="1" s="1"/>
  <c r="A18140" i="1" s="1"/>
  <c r="A18141" i="1" s="1"/>
  <c r="A18142" i="1" s="1"/>
  <c r="A18143" i="1" s="1"/>
  <c r="A18144" i="1" s="1"/>
  <c r="A18145" i="1" s="1"/>
  <c r="A18146" i="1" s="1"/>
  <c r="A18147" i="1" s="1"/>
  <c r="A18148" i="1" s="1"/>
  <c r="A18149" i="1" s="1"/>
  <c r="A18150" i="1" s="1"/>
  <c r="A18151" i="1" s="1"/>
  <c r="A18152" i="1" s="1"/>
  <c r="A18153" i="1" s="1"/>
  <c r="A18154" i="1" s="1"/>
  <c r="A18155" i="1" s="1"/>
  <c r="A18156" i="1" s="1"/>
  <c r="A18157" i="1" s="1"/>
  <c r="A18158" i="1" s="1"/>
  <c r="A18159" i="1" s="1"/>
  <c r="A18160" i="1" s="1"/>
  <c r="A18161" i="1" s="1"/>
  <c r="A18162" i="1" s="1"/>
  <c r="A18163" i="1" s="1"/>
  <c r="A18164" i="1" s="1"/>
  <c r="A18165" i="1" s="1"/>
  <c r="A18166" i="1" s="1"/>
  <c r="A18167" i="1" s="1"/>
  <c r="A18168" i="1" s="1"/>
  <c r="A18169" i="1" s="1"/>
  <c r="A18170" i="1" s="1"/>
  <c r="A18171" i="1" s="1"/>
  <c r="A18172" i="1" s="1"/>
  <c r="A18173" i="1" s="1"/>
  <c r="A18174" i="1" s="1"/>
  <c r="A18175" i="1" s="1"/>
  <c r="A18176" i="1" s="1"/>
  <c r="A18177" i="1" s="1"/>
  <c r="A18178" i="1" s="1"/>
  <c r="A18179" i="1" s="1"/>
  <c r="A18180" i="1" s="1"/>
  <c r="A18181" i="1" s="1"/>
  <c r="A18182" i="1" s="1"/>
  <c r="A18183" i="1" s="1"/>
  <c r="A18184" i="1" s="1"/>
  <c r="A18185" i="1" s="1"/>
  <c r="A18186" i="1" s="1"/>
  <c r="A18187" i="1" s="1"/>
  <c r="A18188" i="1" s="1"/>
  <c r="A18189" i="1" s="1"/>
  <c r="A18190" i="1" s="1"/>
  <c r="A18191" i="1" s="1"/>
  <c r="A18192" i="1" s="1"/>
  <c r="A18193" i="1" s="1"/>
  <c r="A18194" i="1" s="1"/>
  <c r="A18195" i="1" s="1"/>
  <c r="A18196" i="1" s="1"/>
  <c r="A18197" i="1" s="1"/>
  <c r="A18198" i="1" s="1"/>
  <c r="A18199" i="1" s="1"/>
  <c r="A18200" i="1" s="1"/>
  <c r="A18201" i="1" s="1"/>
  <c r="A18202" i="1" s="1"/>
  <c r="A18203" i="1" s="1"/>
  <c r="A18204" i="1" s="1"/>
  <c r="A18205" i="1" s="1"/>
  <c r="A18206" i="1" s="1"/>
  <c r="A18207" i="1" s="1"/>
  <c r="A18208" i="1" s="1"/>
  <c r="A18209" i="1" s="1"/>
  <c r="A18210" i="1" s="1"/>
  <c r="A18211" i="1" s="1"/>
  <c r="A18212" i="1" s="1"/>
  <c r="A18213" i="1" s="1"/>
  <c r="A18214" i="1" s="1"/>
  <c r="A18215" i="1" s="1"/>
  <c r="A18216" i="1" s="1"/>
  <c r="A18217" i="1" s="1"/>
  <c r="A18218" i="1" s="1"/>
  <c r="A18219" i="1" s="1"/>
  <c r="A18220" i="1" s="1"/>
  <c r="A18221" i="1" s="1"/>
  <c r="A18222" i="1" s="1"/>
  <c r="A18223" i="1" s="1"/>
  <c r="A18224" i="1" s="1"/>
  <c r="A18225" i="1" s="1"/>
  <c r="A18226" i="1" s="1"/>
  <c r="A18227" i="1" s="1"/>
  <c r="A18228" i="1" s="1"/>
  <c r="A18229" i="1" s="1"/>
  <c r="A18230" i="1" s="1"/>
  <c r="A18231" i="1" s="1"/>
  <c r="A18232" i="1" s="1"/>
  <c r="A18233" i="1" s="1"/>
  <c r="A18234" i="1" s="1"/>
  <c r="A18235" i="1" s="1"/>
  <c r="A18236" i="1" s="1"/>
  <c r="A18237" i="1" s="1"/>
  <c r="A18238" i="1" s="1"/>
  <c r="A18239" i="1" s="1"/>
  <c r="A18240" i="1" s="1"/>
  <c r="A18241" i="1" s="1"/>
  <c r="A18242" i="1" s="1"/>
  <c r="A18243" i="1" s="1"/>
  <c r="A18244" i="1" s="1"/>
  <c r="A18245" i="1" s="1"/>
  <c r="A18246" i="1" s="1"/>
  <c r="A18247" i="1" s="1"/>
  <c r="A18248" i="1" s="1"/>
  <c r="A18249" i="1" s="1"/>
  <c r="A18250" i="1" s="1"/>
  <c r="A18251" i="1" s="1"/>
  <c r="A18252" i="1" s="1"/>
  <c r="A18253" i="1" s="1"/>
  <c r="A18254" i="1" s="1"/>
  <c r="A18255" i="1" s="1"/>
  <c r="A18256" i="1" s="1"/>
  <c r="A18257" i="1" s="1"/>
  <c r="A18258" i="1" s="1"/>
  <c r="A18259" i="1" s="1"/>
  <c r="A18260" i="1" s="1"/>
  <c r="A18261" i="1" s="1"/>
  <c r="A18262" i="1" s="1"/>
  <c r="A18263" i="1" s="1"/>
  <c r="A18264" i="1" s="1"/>
  <c r="A18265" i="1" s="1"/>
  <c r="A18266" i="1" s="1"/>
  <c r="A18267" i="1" s="1"/>
  <c r="A18268" i="1" s="1"/>
  <c r="A18269" i="1" s="1"/>
  <c r="A18270" i="1" s="1"/>
  <c r="A18271" i="1" s="1"/>
  <c r="A18272" i="1" s="1"/>
  <c r="A18273" i="1" s="1"/>
  <c r="A18274" i="1" s="1"/>
  <c r="A18275" i="1" s="1"/>
  <c r="A18276" i="1" s="1"/>
  <c r="A18277" i="1" s="1"/>
  <c r="A18278" i="1" s="1"/>
  <c r="A18279" i="1" s="1"/>
  <c r="A18280" i="1" s="1"/>
  <c r="A18281" i="1" s="1"/>
  <c r="A18282" i="1" s="1"/>
  <c r="A18283" i="1" s="1"/>
  <c r="A18284" i="1" s="1"/>
  <c r="A18285" i="1" s="1"/>
  <c r="A18286" i="1" s="1"/>
  <c r="A18287" i="1" s="1"/>
  <c r="A18288" i="1" s="1"/>
  <c r="A18289" i="1" s="1"/>
  <c r="A18290" i="1" s="1"/>
  <c r="A18291" i="1" s="1"/>
  <c r="A18292" i="1" s="1"/>
  <c r="A18293" i="1" s="1"/>
  <c r="A18294" i="1" s="1"/>
  <c r="A18295" i="1" s="1"/>
  <c r="A18296" i="1" s="1"/>
  <c r="A18297" i="1" s="1"/>
  <c r="A18298" i="1" s="1"/>
  <c r="A18299" i="1" s="1"/>
  <c r="A18300" i="1" s="1"/>
  <c r="A18301" i="1" s="1"/>
  <c r="A18302" i="1" s="1"/>
  <c r="A18303" i="1" s="1"/>
  <c r="A18304" i="1" s="1"/>
  <c r="A18305" i="1" s="1"/>
  <c r="A18306" i="1" s="1"/>
  <c r="A18307" i="1" s="1"/>
  <c r="A18308" i="1" s="1"/>
  <c r="A18309" i="1" s="1"/>
  <c r="A18310" i="1" s="1"/>
  <c r="A18311" i="1" s="1"/>
  <c r="A18312" i="1" s="1"/>
  <c r="A18313" i="1" s="1"/>
  <c r="A18314" i="1" s="1"/>
  <c r="A18315" i="1" s="1"/>
  <c r="A18316" i="1" s="1"/>
  <c r="A18317" i="1" s="1"/>
  <c r="A18318" i="1" s="1"/>
  <c r="A18319" i="1" s="1"/>
  <c r="A18320" i="1" s="1"/>
  <c r="A18321" i="1" s="1"/>
  <c r="A18322" i="1" s="1"/>
  <c r="A18323" i="1" s="1"/>
  <c r="A18324" i="1" s="1"/>
  <c r="A18325" i="1" s="1"/>
  <c r="A18326" i="1" s="1"/>
  <c r="A18327" i="1" s="1"/>
  <c r="A18328" i="1" s="1"/>
  <c r="A18329" i="1" s="1"/>
  <c r="A18330" i="1" s="1"/>
  <c r="A18331" i="1" s="1"/>
  <c r="A18332" i="1" s="1"/>
  <c r="A18333" i="1" s="1"/>
  <c r="A18334" i="1" s="1"/>
  <c r="A18335" i="1" s="1"/>
  <c r="A18336" i="1" s="1"/>
  <c r="A18337" i="1" s="1"/>
  <c r="A18338" i="1" s="1"/>
  <c r="A18339" i="1" s="1"/>
  <c r="A18340" i="1" s="1"/>
  <c r="A18341" i="1" s="1"/>
  <c r="A18342" i="1" s="1"/>
  <c r="A18343" i="1" s="1"/>
  <c r="A18344" i="1" s="1"/>
  <c r="A18345" i="1" s="1"/>
  <c r="A18346" i="1" s="1"/>
  <c r="A18347" i="1" s="1"/>
  <c r="A18348" i="1" s="1"/>
  <c r="A18349" i="1" s="1"/>
  <c r="A18350" i="1" s="1"/>
  <c r="A18351" i="1" s="1"/>
  <c r="A18352" i="1" s="1"/>
  <c r="A18353" i="1" s="1"/>
  <c r="A18354" i="1" s="1"/>
  <c r="A18355" i="1" s="1"/>
  <c r="A18356" i="1" s="1"/>
  <c r="A18357" i="1" s="1"/>
  <c r="A18358" i="1" s="1"/>
  <c r="A18359" i="1" s="1"/>
  <c r="A18360" i="1" s="1"/>
  <c r="A18361" i="1" s="1"/>
  <c r="A18362" i="1" s="1"/>
  <c r="A18363" i="1" s="1"/>
  <c r="A18364" i="1" s="1"/>
  <c r="A18365" i="1" s="1"/>
  <c r="A18366" i="1" s="1"/>
  <c r="A18367" i="1" s="1"/>
  <c r="A18368" i="1" s="1"/>
  <c r="A18369" i="1" s="1"/>
  <c r="A18370" i="1" s="1"/>
  <c r="A18371" i="1" s="1"/>
  <c r="A18372" i="1" s="1"/>
  <c r="A18373" i="1" s="1"/>
  <c r="A18374" i="1" s="1"/>
  <c r="A18375" i="1" s="1"/>
  <c r="A18376" i="1" s="1"/>
  <c r="A18377" i="1" s="1"/>
  <c r="A18378" i="1" s="1"/>
  <c r="A18379" i="1" s="1"/>
  <c r="A18380" i="1" s="1"/>
  <c r="A18381" i="1" s="1"/>
  <c r="A18382" i="1" s="1"/>
  <c r="A18383" i="1" s="1"/>
  <c r="A18384" i="1" s="1"/>
  <c r="A18385" i="1" s="1"/>
  <c r="A18386" i="1" s="1"/>
  <c r="A18387" i="1" s="1"/>
  <c r="A18388" i="1" s="1"/>
  <c r="A18389" i="1" s="1"/>
  <c r="A18390" i="1" s="1"/>
  <c r="A18391" i="1" s="1"/>
  <c r="A18392" i="1" s="1"/>
  <c r="A18393" i="1" s="1"/>
  <c r="A18394" i="1" s="1"/>
  <c r="A18395" i="1" s="1"/>
  <c r="A18396" i="1" s="1"/>
  <c r="A18397" i="1" s="1"/>
  <c r="A18398" i="1" s="1"/>
  <c r="A18399" i="1" s="1"/>
  <c r="A18400" i="1" s="1"/>
  <c r="A18401" i="1" s="1"/>
  <c r="A18402" i="1" s="1"/>
  <c r="A18403" i="1" s="1"/>
  <c r="A18404" i="1" s="1"/>
  <c r="A18405" i="1" s="1"/>
  <c r="A18406" i="1" s="1"/>
  <c r="A18407" i="1" s="1"/>
  <c r="A18408" i="1" s="1"/>
  <c r="A18409" i="1" s="1"/>
  <c r="A18410" i="1" s="1"/>
  <c r="A18411" i="1" s="1"/>
  <c r="A18412" i="1" s="1"/>
  <c r="A18413" i="1" s="1"/>
  <c r="A18414" i="1" s="1"/>
  <c r="A18415" i="1" s="1"/>
  <c r="A18416" i="1" s="1"/>
  <c r="A18417" i="1" s="1"/>
  <c r="A18418" i="1" s="1"/>
  <c r="A18419" i="1" s="1"/>
  <c r="A18420" i="1" s="1"/>
  <c r="A18421" i="1" s="1"/>
  <c r="A18422" i="1" s="1"/>
  <c r="A18423" i="1" s="1"/>
  <c r="A18424" i="1" s="1"/>
  <c r="A18425" i="1" s="1"/>
  <c r="A18426" i="1" s="1"/>
  <c r="A18427" i="1" s="1"/>
  <c r="A18428" i="1" s="1"/>
  <c r="A18429" i="1" s="1"/>
  <c r="A18430" i="1" s="1"/>
  <c r="A18431" i="1" s="1"/>
  <c r="A18432" i="1" s="1"/>
  <c r="A18433" i="1" s="1"/>
  <c r="A18434" i="1" s="1"/>
  <c r="A18435" i="1" s="1"/>
  <c r="A18436" i="1" s="1"/>
  <c r="A18437" i="1" s="1"/>
  <c r="A18438" i="1" s="1"/>
  <c r="A18439" i="1" s="1"/>
  <c r="A18440" i="1" s="1"/>
  <c r="A18441" i="1" s="1"/>
  <c r="A18442" i="1" s="1"/>
  <c r="A18443" i="1" s="1"/>
  <c r="A18444" i="1" s="1"/>
  <c r="A18445" i="1" s="1"/>
  <c r="A18446" i="1" s="1"/>
  <c r="A18447" i="1" s="1"/>
  <c r="A18448" i="1" s="1"/>
  <c r="A18449" i="1" s="1"/>
  <c r="A18450" i="1" s="1"/>
  <c r="A18451" i="1" s="1"/>
  <c r="A18452" i="1" s="1"/>
  <c r="A18453" i="1" s="1"/>
  <c r="A18454" i="1" s="1"/>
  <c r="A18455" i="1" s="1"/>
  <c r="A18456" i="1" s="1"/>
  <c r="A18457" i="1" s="1"/>
  <c r="A18458" i="1" s="1"/>
  <c r="A18459" i="1" s="1"/>
  <c r="A18460" i="1" s="1"/>
  <c r="A18461" i="1" s="1"/>
  <c r="A18462" i="1" s="1"/>
  <c r="A18463" i="1" s="1"/>
  <c r="A18464" i="1" s="1"/>
  <c r="A18465" i="1" s="1"/>
  <c r="A18466" i="1" s="1"/>
  <c r="A18467" i="1" s="1"/>
  <c r="A18468" i="1" s="1"/>
  <c r="A18469" i="1" s="1"/>
  <c r="A18470" i="1" s="1"/>
  <c r="A18471" i="1" s="1"/>
  <c r="A18472" i="1" s="1"/>
  <c r="A18473" i="1" s="1"/>
  <c r="A18474" i="1" s="1"/>
  <c r="A18475" i="1" s="1"/>
  <c r="A18476" i="1" s="1"/>
  <c r="A18477" i="1" s="1"/>
  <c r="A18478" i="1" s="1"/>
  <c r="A18479" i="1" s="1"/>
  <c r="A18480" i="1" s="1"/>
  <c r="A18481" i="1" s="1"/>
  <c r="A18482" i="1" s="1"/>
  <c r="A18483" i="1" s="1"/>
  <c r="A18484" i="1" s="1"/>
  <c r="A18485" i="1" s="1"/>
  <c r="A18486" i="1" s="1"/>
  <c r="A18487" i="1" s="1"/>
  <c r="A18488" i="1" s="1"/>
  <c r="A18489" i="1" s="1"/>
  <c r="A18490" i="1" s="1"/>
  <c r="A18491" i="1" s="1"/>
  <c r="A18492" i="1" s="1"/>
  <c r="A18493" i="1" s="1"/>
  <c r="A18494" i="1" s="1"/>
  <c r="A18495" i="1" s="1"/>
  <c r="A18496" i="1" s="1"/>
  <c r="A18497" i="1" s="1"/>
  <c r="A18498" i="1" s="1"/>
  <c r="A18499" i="1" s="1"/>
  <c r="A18500" i="1" s="1"/>
  <c r="A18501" i="1" s="1"/>
  <c r="A18502" i="1" s="1"/>
  <c r="A18503" i="1" s="1"/>
  <c r="A18504" i="1" s="1"/>
  <c r="A18505" i="1" s="1"/>
  <c r="A18506" i="1" s="1"/>
  <c r="A18507" i="1" s="1"/>
  <c r="A18508" i="1" s="1"/>
  <c r="A18509" i="1" s="1"/>
  <c r="A18510" i="1" s="1"/>
  <c r="A18511" i="1" s="1"/>
  <c r="A18512" i="1" s="1"/>
  <c r="A18513" i="1" s="1"/>
  <c r="A18514" i="1" s="1"/>
  <c r="A18515" i="1" s="1"/>
  <c r="A18516" i="1" s="1"/>
  <c r="A18517" i="1" s="1"/>
  <c r="A18518" i="1" s="1"/>
  <c r="A18519" i="1" s="1"/>
  <c r="A18520" i="1" s="1"/>
  <c r="A18521" i="1" s="1"/>
  <c r="A18522" i="1" s="1"/>
  <c r="A18523" i="1" s="1"/>
  <c r="A18524" i="1" s="1"/>
  <c r="A18525" i="1" s="1"/>
  <c r="A18526" i="1" s="1"/>
  <c r="A18527" i="1" s="1"/>
  <c r="A18528" i="1" s="1"/>
  <c r="A18529" i="1" s="1"/>
  <c r="A18530" i="1" s="1"/>
  <c r="A18531" i="1" s="1"/>
  <c r="A18532" i="1" s="1"/>
  <c r="A18533" i="1" s="1"/>
  <c r="A18534" i="1" s="1"/>
  <c r="A18535" i="1" s="1"/>
  <c r="A18536" i="1" s="1"/>
  <c r="A18537" i="1" s="1"/>
  <c r="A18538" i="1" s="1"/>
  <c r="A18539" i="1" s="1"/>
  <c r="A18540" i="1" s="1"/>
  <c r="A18541" i="1" s="1"/>
  <c r="A18542" i="1" s="1"/>
  <c r="A18543" i="1" s="1"/>
  <c r="A18544" i="1" s="1"/>
  <c r="A18545" i="1" s="1"/>
  <c r="A18546" i="1" s="1"/>
  <c r="A18547" i="1" s="1"/>
  <c r="A18548" i="1" s="1"/>
  <c r="A18549" i="1" s="1"/>
  <c r="A18550" i="1" s="1"/>
  <c r="A18551" i="1" s="1"/>
  <c r="A18552" i="1" s="1"/>
  <c r="A18553" i="1" s="1"/>
  <c r="A18554" i="1" s="1"/>
  <c r="A18555" i="1" s="1"/>
  <c r="A18556" i="1" s="1"/>
  <c r="A18557" i="1" s="1"/>
  <c r="A18558" i="1" s="1"/>
  <c r="A18559" i="1" s="1"/>
  <c r="A18560" i="1" s="1"/>
  <c r="A18561" i="1" s="1"/>
  <c r="A18562" i="1" s="1"/>
  <c r="A18563" i="1" s="1"/>
  <c r="A18564" i="1" s="1"/>
  <c r="A18565" i="1" s="1"/>
  <c r="A18566" i="1" s="1"/>
  <c r="A18567" i="1" s="1"/>
  <c r="A18568" i="1" s="1"/>
  <c r="A18569" i="1" s="1"/>
  <c r="A18570" i="1" s="1"/>
  <c r="A18571" i="1" s="1"/>
  <c r="A18572" i="1" s="1"/>
  <c r="A18573" i="1" s="1"/>
  <c r="A18574" i="1" s="1"/>
  <c r="A18575" i="1" s="1"/>
  <c r="A18576" i="1" s="1"/>
  <c r="A18577" i="1" s="1"/>
  <c r="A18578" i="1" s="1"/>
  <c r="A18579" i="1" s="1"/>
  <c r="A18580" i="1" s="1"/>
  <c r="A18581" i="1" s="1"/>
  <c r="A18582" i="1" s="1"/>
  <c r="A18583" i="1" s="1"/>
  <c r="A18584" i="1" s="1"/>
  <c r="A18585" i="1" s="1"/>
  <c r="A18586" i="1" s="1"/>
  <c r="A18587" i="1" s="1"/>
  <c r="A18588" i="1" s="1"/>
  <c r="A18589" i="1" s="1"/>
  <c r="A18590" i="1" s="1"/>
  <c r="A18591" i="1" s="1"/>
  <c r="A18592" i="1" s="1"/>
  <c r="A18593" i="1" s="1"/>
  <c r="A18594" i="1" s="1"/>
  <c r="A18595" i="1" s="1"/>
  <c r="A18596" i="1" s="1"/>
  <c r="A18597" i="1" s="1"/>
  <c r="A18598" i="1" s="1"/>
  <c r="A18599" i="1" s="1"/>
  <c r="A18600" i="1" s="1"/>
  <c r="A18601" i="1" s="1"/>
  <c r="A18602" i="1" s="1"/>
  <c r="A18603" i="1" s="1"/>
  <c r="A18604" i="1" s="1"/>
  <c r="A18605" i="1" s="1"/>
  <c r="A18606" i="1" s="1"/>
  <c r="A18607" i="1" s="1"/>
  <c r="A18608" i="1" s="1"/>
  <c r="A18609" i="1" s="1"/>
  <c r="A18610" i="1" s="1"/>
  <c r="A18611" i="1" s="1"/>
  <c r="A18612" i="1" s="1"/>
  <c r="A18613" i="1" s="1"/>
  <c r="A18614" i="1" s="1"/>
  <c r="A18615" i="1" s="1"/>
  <c r="A18616" i="1" s="1"/>
  <c r="A18617" i="1" s="1"/>
  <c r="A18618" i="1" s="1"/>
  <c r="A18619" i="1" s="1"/>
  <c r="A18620" i="1" s="1"/>
  <c r="A18621" i="1" s="1"/>
  <c r="A18622" i="1" s="1"/>
  <c r="A18623" i="1" s="1"/>
  <c r="A18624" i="1" s="1"/>
  <c r="A18625" i="1" s="1"/>
  <c r="A18626" i="1" s="1"/>
  <c r="A18627" i="1" s="1"/>
  <c r="A18628" i="1" s="1"/>
  <c r="A18629" i="1" s="1"/>
  <c r="A18630" i="1" s="1"/>
  <c r="A18631" i="1" s="1"/>
  <c r="A18632" i="1" s="1"/>
  <c r="A18633" i="1" s="1"/>
  <c r="A18634" i="1" s="1"/>
  <c r="A18635" i="1" s="1"/>
  <c r="A18636" i="1" s="1"/>
  <c r="A18637" i="1" s="1"/>
  <c r="A18638" i="1" s="1"/>
  <c r="A18639" i="1" s="1"/>
  <c r="A18640" i="1" s="1"/>
  <c r="A18641" i="1" s="1"/>
  <c r="A18642" i="1" s="1"/>
  <c r="A18643" i="1" s="1"/>
  <c r="A18644" i="1" s="1"/>
  <c r="A18645" i="1" s="1"/>
  <c r="A18646" i="1" s="1"/>
  <c r="A18647" i="1" s="1"/>
  <c r="A18648" i="1" s="1"/>
  <c r="A18649" i="1" s="1"/>
  <c r="A18650" i="1" s="1"/>
  <c r="A18651" i="1" s="1"/>
  <c r="A18652" i="1" s="1"/>
  <c r="A18653" i="1" s="1"/>
  <c r="A18654" i="1" s="1"/>
  <c r="A18655" i="1" s="1"/>
  <c r="A18656" i="1" s="1"/>
  <c r="A18657" i="1" s="1"/>
  <c r="A18658" i="1" s="1"/>
  <c r="A18659" i="1" s="1"/>
  <c r="A18660" i="1" s="1"/>
  <c r="A18661" i="1" s="1"/>
  <c r="A18662" i="1" s="1"/>
  <c r="A18663" i="1" s="1"/>
  <c r="A18664" i="1" s="1"/>
  <c r="A18665" i="1" s="1"/>
  <c r="A18666" i="1" s="1"/>
  <c r="A18667" i="1" s="1"/>
  <c r="A18668" i="1" s="1"/>
  <c r="A18669" i="1" s="1"/>
  <c r="A18670" i="1" s="1"/>
  <c r="A18671" i="1" s="1"/>
  <c r="A18672" i="1" s="1"/>
  <c r="A18673" i="1" s="1"/>
  <c r="A18674" i="1" s="1"/>
  <c r="A18675" i="1" s="1"/>
  <c r="A18676" i="1" s="1"/>
  <c r="A18677" i="1" s="1"/>
  <c r="A18678" i="1" s="1"/>
  <c r="A18679" i="1" s="1"/>
  <c r="A18680" i="1" s="1"/>
  <c r="A18681" i="1" s="1"/>
  <c r="A18682" i="1" s="1"/>
  <c r="A18683" i="1" s="1"/>
  <c r="A18684" i="1" s="1"/>
  <c r="A18685" i="1" s="1"/>
  <c r="A18686" i="1" s="1"/>
  <c r="A18687" i="1" s="1"/>
  <c r="A18688" i="1" s="1"/>
  <c r="A18689" i="1" s="1"/>
  <c r="A18690" i="1" s="1"/>
  <c r="A18691" i="1" s="1"/>
  <c r="A18692" i="1" s="1"/>
  <c r="A18693" i="1" s="1"/>
  <c r="A18694" i="1" s="1"/>
  <c r="A18695" i="1" s="1"/>
  <c r="A18696" i="1" s="1"/>
  <c r="A18697" i="1" s="1"/>
  <c r="A18698" i="1" s="1"/>
  <c r="A18699" i="1" s="1"/>
  <c r="A18700" i="1" s="1"/>
  <c r="A18701" i="1" s="1"/>
  <c r="A18702" i="1" s="1"/>
  <c r="A18703" i="1" s="1"/>
  <c r="A18704" i="1" s="1"/>
  <c r="A18705" i="1" s="1"/>
  <c r="A18706" i="1" s="1"/>
  <c r="A18707" i="1" s="1"/>
  <c r="A18708" i="1" s="1"/>
  <c r="A18709" i="1" s="1"/>
  <c r="A18710" i="1" s="1"/>
  <c r="A18711" i="1" s="1"/>
  <c r="A18712" i="1" s="1"/>
  <c r="A18713" i="1" s="1"/>
  <c r="A18714" i="1" s="1"/>
  <c r="A18715" i="1" s="1"/>
  <c r="A18716" i="1" s="1"/>
  <c r="A18717" i="1" s="1"/>
  <c r="A18718" i="1" s="1"/>
  <c r="A18719" i="1" s="1"/>
  <c r="A18720" i="1" s="1"/>
  <c r="A18721" i="1" s="1"/>
  <c r="A18722" i="1" s="1"/>
  <c r="A18723" i="1" s="1"/>
  <c r="A18724" i="1" s="1"/>
  <c r="A18725" i="1" s="1"/>
  <c r="A18726" i="1" s="1"/>
  <c r="A18727" i="1" s="1"/>
  <c r="A18728" i="1" s="1"/>
  <c r="A18729" i="1" s="1"/>
  <c r="A18730" i="1" s="1"/>
  <c r="A18731" i="1" s="1"/>
  <c r="A18732" i="1" s="1"/>
  <c r="A18733" i="1" s="1"/>
  <c r="A18734" i="1" s="1"/>
  <c r="A18735" i="1" s="1"/>
  <c r="A18736" i="1" s="1"/>
  <c r="A18737" i="1" s="1"/>
  <c r="A18738" i="1" s="1"/>
  <c r="A18739" i="1" s="1"/>
  <c r="A18740" i="1" s="1"/>
  <c r="A18741" i="1" s="1"/>
  <c r="A18742" i="1" s="1"/>
  <c r="A18743" i="1" s="1"/>
  <c r="A18744" i="1" s="1"/>
  <c r="A18745" i="1" s="1"/>
  <c r="A18746" i="1" s="1"/>
  <c r="A18747" i="1" s="1"/>
  <c r="A18748" i="1" s="1"/>
  <c r="A18749" i="1" s="1"/>
  <c r="A18750" i="1" s="1"/>
  <c r="A18751" i="1" s="1"/>
  <c r="A18752" i="1" s="1"/>
  <c r="A18753" i="1" s="1"/>
  <c r="A18754" i="1" s="1"/>
  <c r="A18755" i="1" s="1"/>
  <c r="A18756" i="1" s="1"/>
  <c r="A18757" i="1" s="1"/>
  <c r="A18758" i="1" s="1"/>
  <c r="A18759" i="1" s="1"/>
  <c r="A18760" i="1" s="1"/>
  <c r="A18761" i="1" s="1"/>
  <c r="A18762" i="1" s="1"/>
  <c r="A18763" i="1" s="1"/>
  <c r="A18764" i="1" s="1"/>
  <c r="A18765" i="1" s="1"/>
  <c r="A18766" i="1" s="1"/>
  <c r="A18767" i="1" s="1"/>
  <c r="A18768" i="1" s="1"/>
  <c r="A18769" i="1" s="1"/>
  <c r="A18770" i="1" s="1"/>
  <c r="A18771" i="1" s="1"/>
  <c r="A18772" i="1" s="1"/>
  <c r="A18773" i="1" s="1"/>
  <c r="A18774" i="1" s="1"/>
  <c r="A18775" i="1" s="1"/>
  <c r="A18776" i="1" s="1"/>
  <c r="A18777" i="1" s="1"/>
  <c r="A18778" i="1" s="1"/>
  <c r="A18779" i="1" s="1"/>
  <c r="A18780" i="1" s="1"/>
  <c r="A18781" i="1" s="1"/>
  <c r="A18782" i="1" s="1"/>
  <c r="A18783" i="1" s="1"/>
  <c r="A18784" i="1" s="1"/>
  <c r="A18785" i="1" s="1"/>
  <c r="A18786" i="1" s="1"/>
  <c r="A18787" i="1" s="1"/>
  <c r="A18788" i="1" s="1"/>
  <c r="A18789" i="1" s="1"/>
  <c r="A18790" i="1" s="1"/>
  <c r="A18791" i="1" s="1"/>
  <c r="A18792" i="1" s="1"/>
  <c r="A18793" i="1" s="1"/>
  <c r="A18794" i="1" s="1"/>
  <c r="A18795" i="1" s="1"/>
  <c r="A18796" i="1" s="1"/>
  <c r="A18797" i="1" s="1"/>
  <c r="A18798" i="1" s="1"/>
  <c r="A18799" i="1" s="1"/>
  <c r="A18800" i="1" s="1"/>
  <c r="A18801" i="1" s="1"/>
  <c r="A18802" i="1" s="1"/>
  <c r="A18803" i="1" s="1"/>
  <c r="A18804" i="1" s="1"/>
  <c r="A18805" i="1" s="1"/>
  <c r="A18806" i="1" s="1"/>
  <c r="A18807" i="1" s="1"/>
  <c r="A18808" i="1" s="1"/>
  <c r="A18809" i="1" s="1"/>
  <c r="A18810" i="1" s="1"/>
  <c r="A18811" i="1" s="1"/>
  <c r="A18812" i="1" s="1"/>
  <c r="A18813" i="1" s="1"/>
  <c r="A18814" i="1" s="1"/>
  <c r="A18815" i="1" s="1"/>
  <c r="A18816" i="1" s="1"/>
  <c r="A18817" i="1" s="1"/>
  <c r="A18818" i="1" s="1"/>
  <c r="A18819" i="1" s="1"/>
  <c r="A18820" i="1" s="1"/>
  <c r="A18821" i="1" s="1"/>
  <c r="A18822" i="1" s="1"/>
  <c r="A18823" i="1" s="1"/>
  <c r="A18824" i="1" s="1"/>
  <c r="A18825" i="1" s="1"/>
  <c r="A18826" i="1" s="1"/>
  <c r="A18827" i="1" s="1"/>
  <c r="A18828" i="1" s="1"/>
  <c r="A18829" i="1" s="1"/>
  <c r="A18830" i="1" s="1"/>
  <c r="A18831" i="1" s="1"/>
  <c r="A18832" i="1" s="1"/>
  <c r="A18833" i="1" s="1"/>
  <c r="A18834" i="1" s="1"/>
  <c r="A18835" i="1" s="1"/>
  <c r="A18836" i="1" s="1"/>
  <c r="A18837" i="1" s="1"/>
  <c r="A18838" i="1" s="1"/>
  <c r="A18839" i="1" s="1"/>
  <c r="A18840" i="1" s="1"/>
  <c r="A18841" i="1" s="1"/>
  <c r="A18842" i="1" s="1"/>
  <c r="A18843" i="1" s="1"/>
  <c r="A18844" i="1" s="1"/>
  <c r="A18845" i="1" s="1"/>
  <c r="A18846" i="1" s="1"/>
  <c r="A18847" i="1" s="1"/>
  <c r="A18848" i="1" s="1"/>
  <c r="A18849" i="1" s="1"/>
  <c r="A18850" i="1" s="1"/>
  <c r="A18851" i="1" s="1"/>
  <c r="A18852" i="1" s="1"/>
  <c r="A18853" i="1" s="1"/>
  <c r="A18854" i="1" s="1"/>
  <c r="A18855" i="1" s="1"/>
  <c r="A18856" i="1" s="1"/>
  <c r="A18857" i="1" s="1"/>
  <c r="A18858" i="1" s="1"/>
  <c r="A18859" i="1" s="1"/>
  <c r="A18860" i="1" s="1"/>
  <c r="A18861" i="1" s="1"/>
  <c r="A18862" i="1" s="1"/>
  <c r="A18863" i="1" s="1"/>
  <c r="A18864" i="1" s="1"/>
  <c r="A18865" i="1" s="1"/>
  <c r="A18866" i="1" s="1"/>
  <c r="A18867" i="1" s="1"/>
  <c r="A18868" i="1" s="1"/>
  <c r="A18869" i="1" s="1"/>
  <c r="A18870" i="1" s="1"/>
  <c r="A18871" i="1" s="1"/>
  <c r="A18872" i="1" s="1"/>
  <c r="A18873" i="1" s="1"/>
  <c r="A18874" i="1" s="1"/>
  <c r="A18875" i="1" s="1"/>
  <c r="A18876" i="1" s="1"/>
  <c r="A18877" i="1" s="1"/>
  <c r="A18878" i="1" s="1"/>
  <c r="A18879" i="1" s="1"/>
  <c r="A18880" i="1" s="1"/>
  <c r="A18881" i="1" s="1"/>
  <c r="A18882" i="1" s="1"/>
  <c r="A18883" i="1" s="1"/>
  <c r="A18884" i="1" s="1"/>
  <c r="A18885" i="1" s="1"/>
  <c r="A18886" i="1" s="1"/>
  <c r="A18887" i="1" s="1"/>
  <c r="A18888" i="1" s="1"/>
  <c r="A18889" i="1" s="1"/>
  <c r="A18890" i="1" s="1"/>
  <c r="A18891" i="1" s="1"/>
  <c r="A18892" i="1" s="1"/>
  <c r="A18893" i="1" s="1"/>
  <c r="A18894" i="1" s="1"/>
  <c r="A18895" i="1" s="1"/>
  <c r="A18896" i="1" s="1"/>
  <c r="A18897" i="1" s="1"/>
  <c r="A18898" i="1" s="1"/>
  <c r="A18899" i="1" s="1"/>
  <c r="A18900" i="1" s="1"/>
  <c r="A18901" i="1" s="1"/>
  <c r="A18902" i="1" s="1"/>
  <c r="A18903" i="1" s="1"/>
  <c r="A18904" i="1" s="1"/>
  <c r="A18905" i="1" s="1"/>
  <c r="A18906" i="1" s="1"/>
  <c r="A18907" i="1" s="1"/>
  <c r="A18908" i="1" s="1"/>
  <c r="A18909" i="1" s="1"/>
  <c r="A18910" i="1" s="1"/>
  <c r="A18911" i="1" s="1"/>
  <c r="A18912" i="1" s="1"/>
  <c r="A18913" i="1" s="1"/>
  <c r="A18914" i="1" s="1"/>
  <c r="A18915" i="1" s="1"/>
  <c r="A18916" i="1" s="1"/>
  <c r="A18917" i="1" s="1"/>
  <c r="A18918" i="1" s="1"/>
  <c r="A18919" i="1" s="1"/>
  <c r="A18920" i="1" s="1"/>
  <c r="A18921" i="1" s="1"/>
  <c r="A18922" i="1" s="1"/>
  <c r="A18923" i="1" s="1"/>
  <c r="A18924" i="1" s="1"/>
  <c r="A18925" i="1" s="1"/>
  <c r="A18926" i="1" s="1"/>
  <c r="A18927" i="1" s="1"/>
  <c r="A18928" i="1" s="1"/>
  <c r="A18929" i="1" s="1"/>
  <c r="A18930" i="1" s="1"/>
  <c r="A18931" i="1" s="1"/>
  <c r="A18932" i="1" s="1"/>
  <c r="A18933" i="1" s="1"/>
  <c r="A18934" i="1" s="1"/>
  <c r="A18935" i="1" s="1"/>
  <c r="A18936" i="1" s="1"/>
  <c r="A18937" i="1" s="1"/>
  <c r="A18938" i="1" s="1"/>
  <c r="A18939" i="1" s="1"/>
  <c r="A18940" i="1" s="1"/>
  <c r="A18941" i="1" s="1"/>
  <c r="A18942" i="1" s="1"/>
  <c r="A18943" i="1" s="1"/>
  <c r="A18944" i="1" s="1"/>
  <c r="A18945" i="1" s="1"/>
  <c r="A18946" i="1" s="1"/>
  <c r="A18947" i="1" s="1"/>
  <c r="A18948" i="1" s="1"/>
  <c r="A18949" i="1" s="1"/>
  <c r="A18950" i="1" s="1"/>
  <c r="A18951" i="1" s="1"/>
  <c r="A18952" i="1" s="1"/>
  <c r="A18953" i="1" s="1"/>
  <c r="A18954" i="1" s="1"/>
  <c r="A18955" i="1" s="1"/>
  <c r="A18956" i="1" s="1"/>
  <c r="A18957" i="1" s="1"/>
  <c r="A18958" i="1" s="1"/>
  <c r="A18959" i="1" s="1"/>
  <c r="A18960" i="1" s="1"/>
  <c r="A18961" i="1" s="1"/>
  <c r="A18962" i="1" s="1"/>
  <c r="A18963" i="1" s="1"/>
  <c r="A18964" i="1" s="1"/>
  <c r="A18965" i="1" s="1"/>
  <c r="A18966" i="1" s="1"/>
  <c r="A18967" i="1" s="1"/>
  <c r="A18968" i="1" s="1"/>
  <c r="A18969" i="1" s="1"/>
  <c r="A18970" i="1" s="1"/>
  <c r="A18971" i="1" s="1"/>
  <c r="A18972" i="1" s="1"/>
  <c r="A18973" i="1" s="1"/>
  <c r="A18974" i="1" s="1"/>
  <c r="A18975" i="1" s="1"/>
  <c r="A18976" i="1" s="1"/>
  <c r="A18977" i="1" s="1"/>
  <c r="A18978" i="1" s="1"/>
  <c r="A18979" i="1" s="1"/>
  <c r="A18980" i="1" s="1"/>
  <c r="A18981" i="1" s="1"/>
  <c r="A18982" i="1" s="1"/>
  <c r="A18983" i="1" s="1"/>
  <c r="A18984" i="1" s="1"/>
  <c r="A18985" i="1" s="1"/>
  <c r="A18986" i="1" s="1"/>
  <c r="A18987" i="1" s="1"/>
  <c r="A18988" i="1" s="1"/>
  <c r="A18989" i="1" s="1"/>
  <c r="A18990" i="1" s="1"/>
  <c r="A18991" i="1" s="1"/>
  <c r="A18992" i="1" s="1"/>
  <c r="A18993" i="1" s="1"/>
  <c r="A18994" i="1" s="1"/>
  <c r="A18995" i="1" s="1"/>
  <c r="A18996" i="1" s="1"/>
  <c r="A18997" i="1" s="1"/>
  <c r="A18998" i="1" s="1"/>
  <c r="A18999" i="1" s="1"/>
  <c r="A19000" i="1" s="1"/>
  <c r="A19001" i="1" s="1"/>
  <c r="A19002" i="1" s="1"/>
  <c r="A19003" i="1" s="1"/>
  <c r="A19004" i="1" s="1"/>
  <c r="A19005" i="1" s="1"/>
  <c r="A19006" i="1" s="1"/>
  <c r="A19007" i="1" s="1"/>
  <c r="A19008" i="1" s="1"/>
  <c r="A19009" i="1" s="1"/>
  <c r="A19010" i="1" s="1"/>
  <c r="A19011" i="1" s="1"/>
  <c r="A19012" i="1" s="1"/>
  <c r="A19013" i="1" s="1"/>
  <c r="A19014" i="1" s="1"/>
  <c r="A19015" i="1" s="1"/>
  <c r="A19016" i="1" s="1"/>
  <c r="A19017" i="1" s="1"/>
  <c r="A19018" i="1" s="1"/>
  <c r="A19019" i="1" s="1"/>
  <c r="A19020" i="1" s="1"/>
  <c r="A19021" i="1" s="1"/>
  <c r="A19022" i="1" s="1"/>
  <c r="A19023" i="1" s="1"/>
  <c r="A19024" i="1" s="1"/>
  <c r="A19025" i="1" s="1"/>
  <c r="A19026" i="1" s="1"/>
  <c r="A19027" i="1" s="1"/>
  <c r="A19028" i="1" s="1"/>
  <c r="A19029" i="1" s="1"/>
  <c r="A19030" i="1" s="1"/>
  <c r="A19031" i="1" s="1"/>
  <c r="A19032" i="1" s="1"/>
  <c r="A19033" i="1" s="1"/>
  <c r="A19034" i="1" s="1"/>
  <c r="A19035" i="1" s="1"/>
  <c r="A19036" i="1" s="1"/>
  <c r="A19037" i="1" s="1"/>
  <c r="A19038" i="1" s="1"/>
  <c r="A19039" i="1" s="1"/>
  <c r="A19040" i="1" s="1"/>
  <c r="A19041" i="1" s="1"/>
  <c r="A19042" i="1" s="1"/>
  <c r="A19043" i="1" s="1"/>
  <c r="A19044" i="1" s="1"/>
  <c r="A19045" i="1" s="1"/>
  <c r="A19046" i="1" s="1"/>
  <c r="A19047" i="1" s="1"/>
  <c r="A19048" i="1" s="1"/>
  <c r="A19049" i="1" s="1"/>
  <c r="A19050" i="1" s="1"/>
  <c r="A19051" i="1" s="1"/>
  <c r="A19052" i="1" s="1"/>
  <c r="A19053" i="1" s="1"/>
  <c r="A19054" i="1" s="1"/>
  <c r="A19055" i="1" s="1"/>
  <c r="A19056" i="1" s="1"/>
  <c r="A19057" i="1" s="1"/>
  <c r="A19058" i="1" s="1"/>
  <c r="A19059" i="1" s="1"/>
  <c r="A19060" i="1" s="1"/>
  <c r="A19061" i="1" s="1"/>
  <c r="A19062" i="1" s="1"/>
  <c r="A19063" i="1" s="1"/>
  <c r="A19064" i="1" s="1"/>
  <c r="A19065" i="1" s="1"/>
  <c r="A19066" i="1" s="1"/>
  <c r="A19067" i="1" s="1"/>
  <c r="A19068" i="1" s="1"/>
  <c r="A19069" i="1" s="1"/>
  <c r="A19070" i="1" s="1"/>
  <c r="A19071" i="1" s="1"/>
  <c r="A19072" i="1" s="1"/>
  <c r="A19073" i="1" s="1"/>
  <c r="A19074" i="1" s="1"/>
  <c r="A19075" i="1" s="1"/>
  <c r="A19076" i="1" s="1"/>
  <c r="A19077" i="1" s="1"/>
  <c r="A19078" i="1" s="1"/>
  <c r="A19079" i="1" s="1"/>
  <c r="A19080" i="1" s="1"/>
  <c r="A19081" i="1" s="1"/>
  <c r="A19082" i="1" s="1"/>
  <c r="A19083" i="1" s="1"/>
  <c r="A19084" i="1" s="1"/>
  <c r="A19085" i="1" s="1"/>
  <c r="A19086" i="1" s="1"/>
  <c r="A19087" i="1" s="1"/>
  <c r="A19088" i="1" s="1"/>
  <c r="A19089" i="1" s="1"/>
  <c r="A19090" i="1" s="1"/>
  <c r="A19091" i="1" s="1"/>
  <c r="A19092" i="1" s="1"/>
  <c r="A19093" i="1" s="1"/>
  <c r="A19094" i="1" s="1"/>
  <c r="A19095" i="1" s="1"/>
  <c r="A19096" i="1" s="1"/>
  <c r="A19097" i="1" s="1"/>
  <c r="A19098" i="1" s="1"/>
  <c r="A19099" i="1" s="1"/>
  <c r="A19100" i="1" s="1"/>
  <c r="A19101" i="1" s="1"/>
  <c r="A19102" i="1" s="1"/>
  <c r="A19103" i="1" s="1"/>
  <c r="A19104" i="1" s="1"/>
  <c r="A19105" i="1" s="1"/>
  <c r="A19106" i="1" s="1"/>
  <c r="A19107" i="1" s="1"/>
  <c r="A19108" i="1" s="1"/>
  <c r="A19109" i="1" s="1"/>
  <c r="A19110" i="1" s="1"/>
  <c r="A19111" i="1" s="1"/>
  <c r="A19112" i="1" s="1"/>
  <c r="A19113" i="1" s="1"/>
  <c r="A19114" i="1" s="1"/>
  <c r="A19115" i="1" s="1"/>
  <c r="A19116" i="1" s="1"/>
  <c r="A19117" i="1" s="1"/>
  <c r="A19118" i="1" s="1"/>
  <c r="A19119" i="1" s="1"/>
  <c r="A19120" i="1" s="1"/>
  <c r="A19121" i="1" s="1"/>
  <c r="A19122" i="1" s="1"/>
  <c r="A19123" i="1" s="1"/>
  <c r="A19124" i="1" s="1"/>
  <c r="A19125" i="1" s="1"/>
  <c r="A19126" i="1" s="1"/>
  <c r="A19127" i="1" s="1"/>
  <c r="A19128" i="1" s="1"/>
  <c r="A19129" i="1" s="1"/>
  <c r="A19130" i="1" s="1"/>
  <c r="A19131" i="1" s="1"/>
  <c r="A19132" i="1" s="1"/>
  <c r="A19133" i="1" s="1"/>
  <c r="A19134" i="1" s="1"/>
  <c r="A19135" i="1" s="1"/>
  <c r="A19136" i="1" s="1"/>
  <c r="A19137" i="1" s="1"/>
  <c r="A19138" i="1" s="1"/>
  <c r="A19139" i="1" s="1"/>
  <c r="A19140" i="1" s="1"/>
  <c r="A19141" i="1" s="1"/>
  <c r="A19142" i="1" s="1"/>
  <c r="A19143" i="1" s="1"/>
  <c r="A19144" i="1" s="1"/>
  <c r="A19145" i="1" s="1"/>
  <c r="A19146" i="1" s="1"/>
  <c r="A19147" i="1" s="1"/>
  <c r="A19148" i="1" s="1"/>
  <c r="A19149" i="1" s="1"/>
  <c r="A19150" i="1" s="1"/>
  <c r="A19151" i="1" s="1"/>
  <c r="A19152" i="1" s="1"/>
  <c r="A19153" i="1" s="1"/>
  <c r="A19154" i="1" s="1"/>
  <c r="A19155" i="1" s="1"/>
  <c r="A19156" i="1" s="1"/>
  <c r="A19157" i="1" s="1"/>
  <c r="A19158" i="1" s="1"/>
  <c r="A19159" i="1" s="1"/>
  <c r="A19160" i="1" s="1"/>
  <c r="A19161" i="1" s="1"/>
  <c r="A19162" i="1" s="1"/>
  <c r="A19163" i="1" s="1"/>
  <c r="A19164" i="1" s="1"/>
  <c r="A19165" i="1" s="1"/>
  <c r="A19166" i="1" s="1"/>
  <c r="A19167" i="1" s="1"/>
  <c r="A19168" i="1" s="1"/>
  <c r="A19169" i="1" s="1"/>
  <c r="A19170" i="1" s="1"/>
  <c r="A19171" i="1" s="1"/>
  <c r="A19172" i="1" s="1"/>
  <c r="A19173" i="1" s="1"/>
  <c r="A19174" i="1" s="1"/>
  <c r="A19175" i="1" s="1"/>
  <c r="A19176" i="1" s="1"/>
  <c r="A19177" i="1" s="1"/>
  <c r="A19178" i="1" s="1"/>
  <c r="A19179" i="1" s="1"/>
  <c r="A19180" i="1" s="1"/>
  <c r="A19181" i="1" s="1"/>
  <c r="A19182" i="1" s="1"/>
  <c r="A19183" i="1" s="1"/>
  <c r="A19184" i="1" s="1"/>
  <c r="A19185" i="1" s="1"/>
  <c r="A19186" i="1" s="1"/>
  <c r="A19187" i="1" s="1"/>
  <c r="A19188" i="1" s="1"/>
  <c r="A19189" i="1" s="1"/>
  <c r="A19190" i="1" s="1"/>
  <c r="A19191" i="1" s="1"/>
  <c r="A19192" i="1" s="1"/>
  <c r="A19193" i="1" s="1"/>
  <c r="A19194" i="1" s="1"/>
  <c r="A19195" i="1" s="1"/>
  <c r="A19196" i="1" s="1"/>
  <c r="A19197" i="1" s="1"/>
  <c r="A19198" i="1" s="1"/>
  <c r="A19199" i="1" s="1"/>
  <c r="A19200" i="1" s="1"/>
  <c r="A19201" i="1" s="1"/>
  <c r="A19202" i="1" s="1"/>
  <c r="A19203" i="1" s="1"/>
  <c r="A19204" i="1" s="1"/>
  <c r="A19205" i="1" s="1"/>
  <c r="A19206" i="1" s="1"/>
  <c r="A19207" i="1" s="1"/>
  <c r="A19208" i="1" s="1"/>
  <c r="A19209" i="1" s="1"/>
  <c r="A19210" i="1" s="1"/>
  <c r="A19211" i="1" s="1"/>
  <c r="A19212" i="1" s="1"/>
  <c r="A19213" i="1" s="1"/>
  <c r="A19214" i="1" s="1"/>
  <c r="A19215" i="1" s="1"/>
  <c r="A19216" i="1" s="1"/>
  <c r="A19217" i="1" s="1"/>
  <c r="A19218" i="1" s="1"/>
  <c r="A19219" i="1" s="1"/>
  <c r="A19220" i="1" s="1"/>
  <c r="A19221" i="1" s="1"/>
  <c r="A19222" i="1" s="1"/>
  <c r="A19223" i="1" s="1"/>
  <c r="A19224" i="1" s="1"/>
  <c r="A19225" i="1" s="1"/>
  <c r="A19226" i="1" s="1"/>
  <c r="A19227" i="1" s="1"/>
  <c r="A19228" i="1" s="1"/>
  <c r="A19229" i="1" s="1"/>
  <c r="A19230" i="1" s="1"/>
  <c r="A19231" i="1" s="1"/>
  <c r="A19232" i="1" s="1"/>
  <c r="A19233" i="1" s="1"/>
  <c r="A19234" i="1" s="1"/>
  <c r="A19235" i="1" s="1"/>
  <c r="A19236" i="1" s="1"/>
  <c r="A19237" i="1" s="1"/>
  <c r="A19238" i="1" s="1"/>
  <c r="A19239" i="1" s="1"/>
  <c r="A19240" i="1" s="1"/>
  <c r="A19241" i="1" s="1"/>
  <c r="A19242" i="1" s="1"/>
  <c r="A19243" i="1" s="1"/>
  <c r="A19244" i="1" s="1"/>
  <c r="A19245" i="1" s="1"/>
  <c r="A19246" i="1" s="1"/>
  <c r="A19247" i="1" s="1"/>
  <c r="A19248" i="1" s="1"/>
  <c r="A19249" i="1" s="1"/>
  <c r="A19250" i="1" s="1"/>
  <c r="A19251" i="1" s="1"/>
  <c r="A19252" i="1" s="1"/>
  <c r="A19253" i="1" s="1"/>
  <c r="A19254" i="1" s="1"/>
  <c r="A19255" i="1" s="1"/>
  <c r="A19256" i="1" s="1"/>
  <c r="A19257" i="1" s="1"/>
  <c r="A19258" i="1" s="1"/>
  <c r="A19259" i="1" s="1"/>
  <c r="A19260" i="1" s="1"/>
  <c r="A19261" i="1" s="1"/>
  <c r="A19262" i="1" s="1"/>
  <c r="A19263" i="1" s="1"/>
  <c r="A19264" i="1" s="1"/>
  <c r="A19265" i="1" s="1"/>
  <c r="A19266" i="1" s="1"/>
  <c r="A19267" i="1" s="1"/>
  <c r="A19268" i="1" s="1"/>
  <c r="A19269" i="1" s="1"/>
  <c r="A19270" i="1" s="1"/>
  <c r="A19271" i="1" s="1"/>
  <c r="A19272" i="1" s="1"/>
  <c r="A19273" i="1" s="1"/>
  <c r="A19274" i="1" s="1"/>
  <c r="A19275" i="1" s="1"/>
  <c r="A19276" i="1" s="1"/>
  <c r="A19277" i="1" s="1"/>
  <c r="A19278" i="1" s="1"/>
  <c r="A19279" i="1" s="1"/>
  <c r="A19280" i="1" s="1"/>
  <c r="A19281" i="1" s="1"/>
  <c r="A19282" i="1" s="1"/>
  <c r="A19283" i="1" s="1"/>
  <c r="A19284" i="1" s="1"/>
  <c r="A19285" i="1" s="1"/>
  <c r="A19286" i="1" s="1"/>
  <c r="A19287" i="1" s="1"/>
  <c r="A19288" i="1" s="1"/>
  <c r="A19289" i="1" s="1"/>
  <c r="A19290" i="1" s="1"/>
  <c r="A19291" i="1" s="1"/>
  <c r="A19292" i="1" s="1"/>
  <c r="A19293" i="1" s="1"/>
  <c r="A19294" i="1" s="1"/>
  <c r="A19295" i="1" s="1"/>
  <c r="A19296" i="1" s="1"/>
  <c r="A19297" i="1" s="1"/>
  <c r="A19298" i="1" s="1"/>
  <c r="A19299" i="1" s="1"/>
  <c r="A19300" i="1" s="1"/>
  <c r="A19301" i="1" s="1"/>
  <c r="A19302" i="1" s="1"/>
  <c r="A19303" i="1" s="1"/>
  <c r="A19304" i="1" s="1"/>
  <c r="A19305" i="1" s="1"/>
  <c r="A19306" i="1" s="1"/>
  <c r="A19307" i="1" s="1"/>
  <c r="A19308" i="1" s="1"/>
  <c r="A19309" i="1" s="1"/>
  <c r="A19310" i="1" s="1"/>
  <c r="A19311" i="1" s="1"/>
  <c r="A19312" i="1" s="1"/>
  <c r="A19313" i="1" s="1"/>
  <c r="A19314" i="1" s="1"/>
  <c r="A19315" i="1" s="1"/>
  <c r="A19316" i="1" s="1"/>
  <c r="A19317" i="1" s="1"/>
  <c r="A19318" i="1" s="1"/>
  <c r="A19319" i="1" s="1"/>
  <c r="A19320" i="1" s="1"/>
  <c r="A19321" i="1" s="1"/>
  <c r="A19322" i="1" s="1"/>
  <c r="A19323" i="1" s="1"/>
  <c r="A19324" i="1" s="1"/>
  <c r="A19325" i="1" s="1"/>
  <c r="A19326" i="1" s="1"/>
  <c r="A19327" i="1" s="1"/>
  <c r="A19328" i="1" s="1"/>
  <c r="A19329" i="1" s="1"/>
  <c r="A19330" i="1" s="1"/>
  <c r="A19331" i="1" s="1"/>
  <c r="A19332" i="1" s="1"/>
  <c r="A19333" i="1" s="1"/>
  <c r="A19334" i="1" s="1"/>
  <c r="A19335" i="1" s="1"/>
  <c r="A19336" i="1" s="1"/>
  <c r="A19337" i="1" s="1"/>
  <c r="A19338" i="1" s="1"/>
  <c r="A19339" i="1" s="1"/>
  <c r="A19340" i="1" s="1"/>
  <c r="A19341" i="1" s="1"/>
  <c r="A19342" i="1" s="1"/>
  <c r="A19343" i="1" s="1"/>
  <c r="A19344" i="1" s="1"/>
  <c r="A19345" i="1" s="1"/>
  <c r="A19346" i="1" s="1"/>
  <c r="A19347" i="1" s="1"/>
  <c r="A19348" i="1" s="1"/>
  <c r="A19349" i="1" s="1"/>
  <c r="A19350" i="1" s="1"/>
  <c r="A19351" i="1" s="1"/>
  <c r="A19352" i="1" s="1"/>
  <c r="A19353" i="1" s="1"/>
  <c r="A19354" i="1" s="1"/>
  <c r="A19355" i="1" s="1"/>
  <c r="A19356" i="1" s="1"/>
  <c r="A19357" i="1" s="1"/>
  <c r="A19358" i="1" s="1"/>
  <c r="A19359" i="1" s="1"/>
  <c r="A19360" i="1" s="1"/>
  <c r="A19361" i="1" s="1"/>
  <c r="A19362" i="1" s="1"/>
  <c r="A19363" i="1" s="1"/>
  <c r="A19364" i="1" s="1"/>
  <c r="A19365" i="1" s="1"/>
  <c r="A19366" i="1" s="1"/>
  <c r="A19367" i="1" s="1"/>
  <c r="A19368" i="1" s="1"/>
  <c r="A19369" i="1" s="1"/>
  <c r="A19370" i="1" s="1"/>
  <c r="A19371" i="1" s="1"/>
  <c r="A19372" i="1" s="1"/>
  <c r="A19373" i="1" s="1"/>
  <c r="A19374" i="1" s="1"/>
  <c r="A19375" i="1" s="1"/>
  <c r="A19376" i="1" s="1"/>
  <c r="A19377" i="1" s="1"/>
  <c r="A19378" i="1" s="1"/>
  <c r="A19379" i="1" s="1"/>
  <c r="A19380" i="1" s="1"/>
  <c r="A19381" i="1" s="1"/>
  <c r="A19382" i="1" s="1"/>
  <c r="A19383" i="1" s="1"/>
  <c r="A19384" i="1" s="1"/>
  <c r="A19385" i="1" s="1"/>
  <c r="A19386" i="1" s="1"/>
  <c r="A19387" i="1" s="1"/>
  <c r="A19388" i="1" s="1"/>
  <c r="A19389" i="1" s="1"/>
  <c r="A19390" i="1" s="1"/>
  <c r="A19391" i="1" s="1"/>
  <c r="A19392" i="1" s="1"/>
  <c r="A19393" i="1" s="1"/>
  <c r="A19394" i="1" s="1"/>
  <c r="A19395" i="1" s="1"/>
  <c r="A19396" i="1" s="1"/>
  <c r="A19397" i="1" s="1"/>
  <c r="A19398" i="1" s="1"/>
  <c r="A19399" i="1" s="1"/>
  <c r="A19400" i="1" s="1"/>
  <c r="A19401" i="1" s="1"/>
  <c r="A19402" i="1" s="1"/>
  <c r="A19403" i="1" s="1"/>
  <c r="A19404" i="1" s="1"/>
  <c r="A19405" i="1" s="1"/>
  <c r="A19406" i="1" s="1"/>
  <c r="A19407" i="1" s="1"/>
  <c r="A19408" i="1" s="1"/>
  <c r="A19409" i="1" s="1"/>
  <c r="A19410" i="1" s="1"/>
  <c r="A19411" i="1" s="1"/>
  <c r="A19412" i="1" s="1"/>
  <c r="A19413" i="1" s="1"/>
  <c r="A19414" i="1" s="1"/>
  <c r="A19415" i="1" s="1"/>
  <c r="A19416" i="1" s="1"/>
  <c r="A19417" i="1" s="1"/>
  <c r="A19418" i="1" s="1"/>
  <c r="A19419" i="1" s="1"/>
  <c r="A19420" i="1" s="1"/>
  <c r="A19421" i="1" s="1"/>
  <c r="A19422" i="1" s="1"/>
  <c r="A19423" i="1" s="1"/>
  <c r="A19424" i="1" s="1"/>
  <c r="A19425" i="1" s="1"/>
  <c r="A19426" i="1" s="1"/>
  <c r="A19427" i="1" s="1"/>
  <c r="A19428" i="1" s="1"/>
  <c r="A19429" i="1" s="1"/>
  <c r="A19430" i="1" s="1"/>
  <c r="A19431" i="1" s="1"/>
  <c r="A19432" i="1" s="1"/>
  <c r="A19433" i="1" s="1"/>
  <c r="A19434" i="1" s="1"/>
  <c r="A19435" i="1" s="1"/>
  <c r="A19436" i="1" s="1"/>
  <c r="A19437" i="1" s="1"/>
  <c r="A19438" i="1" s="1"/>
  <c r="A19439" i="1" s="1"/>
  <c r="A19440" i="1" s="1"/>
  <c r="A19441" i="1" s="1"/>
  <c r="A19442" i="1" s="1"/>
  <c r="A19443" i="1" s="1"/>
  <c r="A19444" i="1" s="1"/>
  <c r="A19445" i="1" s="1"/>
  <c r="A19446" i="1" s="1"/>
  <c r="A19447" i="1" s="1"/>
  <c r="A19448" i="1" s="1"/>
  <c r="A19449" i="1" s="1"/>
  <c r="A19450" i="1" s="1"/>
  <c r="A19451" i="1" s="1"/>
  <c r="A19452" i="1" s="1"/>
  <c r="A19453" i="1" s="1"/>
  <c r="A19454" i="1" s="1"/>
  <c r="A19455" i="1" s="1"/>
  <c r="A19456" i="1" s="1"/>
  <c r="A19457" i="1" s="1"/>
  <c r="A19458" i="1" s="1"/>
  <c r="A19459" i="1" s="1"/>
  <c r="A19460" i="1" s="1"/>
  <c r="A19461" i="1" s="1"/>
  <c r="A19462" i="1" s="1"/>
  <c r="A19463" i="1" s="1"/>
  <c r="A19464" i="1" s="1"/>
  <c r="A19465" i="1" s="1"/>
  <c r="A19466" i="1" s="1"/>
  <c r="A19467" i="1" s="1"/>
  <c r="A19468" i="1" s="1"/>
  <c r="A19469" i="1" s="1"/>
  <c r="A19470" i="1" s="1"/>
  <c r="A19471" i="1" s="1"/>
  <c r="A19472" i="1" s="1"/>
  <c r="A19473" i="1" s="1"/>
  <c r="A19474" i="1" s="1"/>
  <c r="A19475" i="1" s="1"/>
  <c r="A19476" i="1" s="1"/>
  <c r="A19477" i="1" s="1"/>
  <c r="A19478" i="1" s="1"/>
  <c r="A19479" i="1" s="1"/>
  <c r="A19480" i="1" s="1"/>
  <c r="A19481" i="1" s="1"/>
  <c r="A19482" i="1" s="1"/>
  <c r="A19483" i="1" s="1"/>
  <c r="A19484" i="1" s="1"/>
  <c r="A19485" i="1" s="1"/>
  <c r="A19486" i="1" s="1"/>
  <c r="A19487" i="1" s="1"/>
  <c r="A19488" i="1" s="1"/>
  <c r="A19489" i="1" s="1"/>
  <c r="A19490" i="1" s="1"/>
  <c r="A19491" i="1" s="1"/>
  <c r="A19492" i="1" s="1"/>
  <c r="A19493" i="1" s="1"/>
  <c r="A19494" i="1" s="1"/>
  <c r="A19495" i="1" s="1"/>
  <c r="A19496" i="1" s="1"/>
  <c r="A19497" i="1" s="1"/>
  <c r="A19498" i="1" s="1"/>
  <c r="A19499" i="1" s="1"/>
  <c r="A19500" i="1" s="1"/>
  <c r="A19501" i="1" s="1"/>
  <c r="A19502" i="1" s="1"/>
  <c r="A19503" i="1" s="1"/>
  <c r="A19504" i="1" s="1"/>
  <c r="A19505" i="1" s="1"/>
  <c r="A19506" i="1" s="1"/>
  <c r="A19507" i="1" s="1"/>
  <c r="A19508" i="1" s="1"/>
  <c r="A19509" i="1" s="1"/>
  <c r="A19510" i="1" s="1"/>
  <c r="A19511" i="1" s="1"/>
  <c r="A19512" i="1" s="1"/>
  <c r="A19513" i="1" s="1"/>
  <c r="A19514" i="1" s="1"/>
  <c r="A19515" i="1" s="1"/>
  <c r="A19516" i="1" s="1"/>
  <c r="A19517" i="1" s="1"/>
  <c r="A19518" i="1" s="1"/>
  <c r="A19519" i="1" s="1"/>
  <c r="A19520" i="1" s="1"/>
  <c r="A19521" i="1" s="1"/>
  <c r="A19522" i="1" s="1"/>
  <c r="A19523" i="1" s="1"/>
  <c r="A19524" i="1" s="1"/>
  <c r="A19525" i="1" s="1"/>
  <c r="A19526" i="1" s="1"/>
  <c r="A19527" i="1" s="1"/>
  <c r="A19528" i="1" s="1"/>
  <c r="A19529" i="1" s="1"/>
  <c r="A19530" i="1" s="1"/>
  <c r="A19531" i="1" s="1"/>
  <c r="A19532" i="1" s="1"/>
  <c r="A19533" i="1" s="1"/>
  <c r="A19534" i="1" s="1"/>
  <c r="A19535" i="1" s="1"/>
  <c r="A19536" i="1" s="1"/>
  <c r="A19537" i="1" s="1"/>
  <c r="A19538" i="1" s="1"/>
  <c r="A19539" i="1" s="1"/>
  <c r="A19540" i="1" s="1"/>
  <c r="A19541" i="1" s="1"/>
  <c r="A19542" i="1" s="1"/>
  <c r="A19543" i="1" s="1"/>
  <c r="A19544" i="1" s="1"/>
  <c r="A19545" i="1" s="1"/>
  <c r="A19546" i="1" s="1"/>
  <c r="A19547" i="1" s="1"/>
  <c r="A19548" i="1" s="1"/>
  <c r="A19549" i="1" s="1"/>
  <c r="A19550" i="1" s="1"/>
  <c r="A19551" i="1" s="1"/>
  <c r="A19552" i="1" s="1"/>
  <c r="A19553" i="1" s="1"/>
  <c r="A19554" i="1" s="1"/>
  <c r="A19555" i="1" s="1"/>
  <c r="A19556" i="1" s="1"/>
  <c r="A19557" i="1" s="1"/>
  <c r="A19558" i="1" s="1"/>
  <c r="A19559" i="1" s="1"/>
  <c r="A19560" i="1" s="1"/>
  <c r="A19561" i="1" s="1"/>
  <c r="A19562" i="1" s="1"/>
  <c r="A19563" i="1" s="1"/>
  <c r="A19564" i="1" s="1"/>
  <c r="A19565" i="1" s="1"/>
  <c r="A19566" i="1" s="1"/>
  <c r="A19567" i="1" s="1"/>
  <c r="A19568" i="1" s="1"/>
  <c r="A19569" i="1" s="1"/>
  <c r="A19570" i="1" s="1"/>
  <c r="A19571" i="1" s="1"/>
  <c r="A19572" i="1" s="1"/>
  <c r="A19573" i="1" s="1"/>
  <c r="A19574" i="1" s="1"/>
  <c r="A19575" i="1" s="1"/>
  <c r="A19576" i="1" s="1"/>
  <c r="A19577" i="1" s="1"/>
  <c r="A19578" i="1" s="1"/>
  <c r="A19579" i="1" s="1"/>
  <c r="A19580" i="1" s="1"/>
  <c r="A19581" i="1" s="1"/>
  <c r="A19582" i="1" s="1"/>
  <c r="A19583" i="1" s="1"/>
  <c r="A19584" i="1" s="1"/>
  <c r="A19585" i="1" s="1"/>
  <c r="A19586" i="1" s="1"/>
  <c r="A19587" i="1" s="1"/>
  <c r="A19588" i="1" s="1"/>
  <c r="A19589" i="1" s="1"/>
  <c r="A19590" i="1" s="1"/>
  <c r="A19591" i="1" s="1"/>
  <c r="A19592" i="1" s="1"/>
  <c r="A19593" i="1" s="1"/>
  <c r="A19594" i="1" s="1"/>
  <c r="A19595" i="1" s="1"/>
  <c r="A19596" i="1" s="1"/>
  <c r="A19597" i="1" s="1"/>
  <c r="A19598" i="1" s="1"/>
  <c r="A19599" i="1" s="1"/>
  <c r="A19600" i="1" s="1"/>
  <c r="A19601" i="1" s="1"/>
  <c r="A19602" i="1" s="1"/>
  <c r="A19603" i="1" s="1"/>
  <c r="A19604" i="1" s="1"/>
  <c r="A19605" i="1" s="1"/>
  <c r="A19606" i="1" s="1"/>
  <c r="A19607" i="1" s="1"/>
  <c r="A19608" i="1" s="1"/>
  <c r="A19609" i="1" s="1"/>
  <c r="A19610" i="1" s="1"/>
  <c r="A19611" i="1" s="1"/>
  <c r="A19612" i="1" s="1"/>
  <c r="A19613" i="1" s="1"/>
  <c r="A19614" i="1" s="1"/>
  <c r="A19615" i="1" s="1"/>
  <c r="A19616" i="1" s="1"/>
  <c r="A19617" i="1" s="1"/>
  <c r="A19618" i="1" s="1"/>
  <c r="A19619" i="1" s="1"/>
  <c r="A19620" i="1" s="1"/>
  <c r="A19621" i="1" s="1"/>
  <c r="A19622" i="1" s="1"/>
  <c r="A19623" i="1" s="1"/>
  <c r="A19624" i="1" s="1"/>
  <c r="A19625" i="1" s="1"/>
  <c r="A19626" i="1" s="1"/>
  <c r="A19627" i="1" s="1"/>
  <c r="A19628" i="1" s="1"/>
  <c r="A19629" i="1" s="1"/>
  <c r="A19630" i="1" s="1"/>
  <c r="A19631" i="1" s="1"/>
  <c r="A19632" i="1" s="1"/>
  <c r="A19633" i="1" s="1"/>
  <c r="A19634" i="1" s="1"/>
  <c r="A19635" i="1" s="1"/>
  <c r="A19636" i="1" s="1"/>
  <c r="A19637" i="1" s="1"/>
  <c r="A19638" i="1" s="1"/>
  <c r="A19639" i="1" s="1"/>
  <c r="A19640" i="1" s="1"/>
  <c r="A19641" i="1" s="1"/>
  <c r="A19642" i="1" s="1"/>
  <c r="A19643" i="1" s="1"/>
  <c r="A19644" i="1" s="1"/>
  <c r="A19645" i="1" s="1"/>
  <c r="A19646" i="1" s="1"/>
  <c r="A19647" i="1" s="1"/>
  <c r="A19648" i="1" s="1"/>
  <c r="A19649" i="1" s="1"/>
  <c r="A19650" i="1" s="1"/>
  <c r="A19651" i="1" s="1"/>
  <c r="A19652" i="1" s="1"/>
  <c r="A19653" i="1" s="1"/>
  <c r="A19654" i="1" s="1"/>
  <c r="A19655" i="1" s="1"/>
  <c r="A19656" i="1" s="1"/>
  <c r="A19657" i="1" s="1"/>
  <c r="A19658" i="1" s="1"/>
  <c r="A19659" i="1" s="1"/>
  <c r="A19660" i="1" s="1"/>
  <c r="A19661" i="1" s="1"/>
  <c r="A19662" i="1" s="1"/>
  <c r="A19663" i="1" s="1"/>
  <c r="A19664" i="1" s="1"/>
  <c r="A19665" i="1" s="1"/>
  <c r="A19666" i="1" s="1"/>
  <c r="A19667" i="1" s="1"/>
  <c r="A19668" i="1" s="1"/>
  <c r="A19669" i="1" s="1"/>
  <c r="A19670" i="1" s="1"/>
  <c r="A19671" i="1" s="1"/>
  <c r="A19672" i="1" s="1"/>
  <c r="A19673" i="1" s="1"/>
  <c r="A19674" i="1" s="1"/>
  <c r="A19675" i="1" s="1"/>
  <c r="A19676" i="1" s="1"/>
  <c r="A19677" i="1" s="1"/>
  <c r="A19678" i="1" s="1"/>
  <c r="A19679" i="1" s="1"/>
  <c r="A19680" i="1" s="1"/>
  <c r="A19681" i="1" s="1"/>
  <c r="A19682" i="1" s="1"/>
  <c r="A19683" i="1" s="1"/>
  <c r="A19684" i="1" s="1"/>
  <c r="A19685" i="1" s="1"/>
  <c r="A19686" i="1" s="1"/>
  <c r="A19687" i="1" s="1"/>
  <c r="A19688" i="1" s="1"/>
  <c r="A19689" i="1" s="1"/>
  <c r="A19690" i="1" s="1"/>
  <c r="A19691" i="1" s="1"/>
  <c r="A19692" i="1" s="1"/>
  <c r="A19693" i="1" s="1"/>
  <c r="A19694" i="1" s="1"/>
  <c r="A19695" i="1" s="1"/>
  <c r="A19696" i="1" s="1"/>
  <c r="A19697" i="1" s="1"/>
  <c r="A19698" i="1" s="1"/>
  <c r="A19699" i="1" s="1"/>
  <c r="A19700" i="1" s="1"/>
  <c r="A19701" i="1" s="1"/>
  <c r="A19702" i="1" s="1"/>
  <c r="A19703" i="1" s="1"/>
  <c r="A19704" i="1" s="1"/>
  <c r="A19705" i="1" s="1"/>
  <c r="A19706" i="1" s="1"/>
  <c r="A19707" i="1" s="1"/>
  <c r="A19708" i="1" s="1"/>
  <c r="A19709" i="1" s="1"/>
  <c r="A19710" i="1" s="1"/>
  <c r="A19711" i="1" s="1"/>
  <c r="A19712" i="1" s="1"/>
  <c r="A19713" i="1" s="1"/>
  <c r="A19714" i="1" s="1"/>
  <c r="A19715" i="1" s="1"/>
  <c r="A19716" i="1" s="1"/>
  <c r="A19717" i="1" s="1"/>
  <c r="A19718" i="1" s="1"/>
  <c r="A19719" i="1" s="1"/>
  <c r="A19720" i="1" s="1"/>
  <c r="A19721" i="1" s="1"/>
  <c r="A19722" i="1" s="1"/>
  <c r="A19723" i="1" s="1"/>
  <c r="A19724" i="1" s="1"/>
  <c r="A19725" i="1" s="1"/>
  <c r="A19726" i="1" s="1"/>
  <c r="A19727" i="1" s="1"/>
  <c r="A19728" i="1" s="1"/>
  <c r="A19729" i="1" s="1"/>
  <c r="A19730" i="1" s="1"/>
  <c r="A19731" i="1" s="1"/>
  <c r="A19732" i="1" s="1"/>
  <c r="A19733" i="1" s="1"/>
  <c r="A19734" i="1" s="1"/>
  <c r="A19735" i="1" s="1"/>
  <c r="A19736" i="1" s="1"/>
  <c r="A19737" i="1" s="1"/>
  <c r="A19738" i="1" s="1"/>
  <c r="A19739" i="1" s="1"/>
  <c r="A19740" i="1" s="1"/>
  <c r="A19741" i="1" s="1"/>
  <c r="A19742" i="1" s="1"/>
  <c r="A19743" i="1" s="1"/>
  <c r="A19744" i="1" s="1"/>
  <c r="A19745" i="1" s="1"/>
  <c r="A19746" i="1" s="1"/>
  <c r="A19747" i="1" s="1"/>
  <c r="A19748" i="1" s="1"/>
  <c r="A19749" i="1" s="1"/>
  <c r="A19750" i="1" s="1"/>
  <c r="A19751" i="1" s="1"/>
  <c r="A19752" i="1" s="1"/>
  <c r="A19753" i="1" s="1"/>
  <c r="A19754" i="1" s="1"/>
  <c r="A19755" i="1" s="1"/>
  <c r="A19756" i="1" s="1"/>
  <c r="A19757" i="1" s="1"/>
  <c r="A19758" i="1" s="1"/>
  <c r="A19759" i="1" s="1"/>
  <c r="A19760" i="1" s="1"/>
  <c r="A19761" i="1" s="1"/>
  <c r="A19762" i="1" s="1"/>
  <c r="A19763" i="1" s="1"/>
  <c r="A19764" i="1" s="1"/>
  <c r="A19765" i="1" s="1"/>
  <c r="A19766" i="1" s="1"/>
  <c r="A19767" i="1" s="1"/>
  <c r="A19768" i="1" s="1"/>
  <c r="A19769" i="1" s="1"/>
  <c r="A19770" i="1" s="1"/>
  <c r="A19771" i="1" s="1"/>
  <c r="A19772" i="1" s="1"/>
  <c r="A19773" i="1" s="1"/>
  <c r="A19774" i="1" s="1"/>
  <c r="A19775" i="1" s="1"/>
  <c r="A19776" i="1" s="1"/>
  <c r="A19777" i="1" s="1"/>
  <c r="A19778" i="1" s="1"/>
  <c r="A19779" i="1" s="1"/>
  <c r="A19780" i="1" s="1"/>
  <c r="A19781" i="1" s="1"/>
  <c r="A19782" i="1" s="1"/>
  <c r="A19783" i="1" s="1"/>
  <c r="A19784" i="1" s="1"/>
  <c r="A19785" i="1" s="1"/>
  <c r="A19786" i="1" s="1"/>
  <c r="A19787" i="1" s="1"/>
  <c r="A19788" i="1" s="1"/>
  <c r="A19789" i="1" s="1"/>
  <c r="A19790" i="1" s="1"/>
  <c r="A19791" i="1" s="1"/>
  <c r="A19792" i="1" s="1"/>
  <c r="A19793" i="1" s="1"/>
  <c r="A19794" i="1" s="1"/>
  <c r="A19795" i="1" s="1"/>
  <c r="A19796" i="1" s="1"/>
  <c r="A19797" i="1" s="1"/>
  <c r="A19798" i="1" s="1"/>
  <c r="A19799" i="1" s="1"/>
  <c r="A19800" i="1" s="1"/>
  <c r="A19801" i="1" s="1"/>
  <c r="A19802" i="1" s="1"/>
  <c r="A19803" i="1" s="1"/>
  <c r="A19804" i="1" s="1"/>
  <c r="A19805" i="1" s="1"/>
  <c r="A19806" i="1" s="1"/>
  <c r="A19807" i="1" s="1"/>
  <c r="A19808" i="1" s="1"/>
  <c r="A19809" i="1" s="1"/>
  <c r="A19810" i="1" s="1"/>
  <c r="A19811" i="1" s="1"/>
  <c r="A19812" i="1" s="1"/>
  <c r="A19813" i="1" s="1"/>
  <c r="A19814" i="1" s="1"/>
  <c r="A19815" i="1" s="1"/>
  <c r="A19816" i="1" s="1"/>
  <c r="A19817" i="1" s="1"/>
  <c r="A19818" i="1" s="1"/>
  <c r="A19819" i="1" s="1"/>
  <c r="A19820" i="1" s="1"/>
  <c r="A19821" i="1" s="1"/>
  <c r="A19822" i="1" s="1"/>
  <c r="A19823" i="1" s="1"/>
  <c r="A19824" i="1" s="1"/>
  <c r="A19825" i="1" s="1"/>
  <c r="A19826" i="1" s="1"/>
  <c r="A19827" i="1" s="1"/>
  <c r="A19828" i="1" s="1"/>
  <c r="A19829" i="1" s="1"/>
  <c r="A19830" i="1" s="1"/>
  <c r="A19831" i="1" s="1"/>
  <c r="A19832" i="1" s="1"/>
  <c r="A19833" i="1" s="1"/>
  <c r="A19834" i="1" s="1"/>
  <c r="A19835" i="1" s="1"/>
  <c r="A19836" i="1" s="1"/>
  <c r="A19837" i="1" s="1"/>
  <c r="A19838" i="1" s="1"/>
  <c r="A19839" i="1" s="1"/>
  <c r="A19840" i="1" s="1"/>
  <c r="A19841" i="1" s="1"/>
  <c r="A19842" i="1" s="1"/>
  <c r="A19843" i="1" s="1"/>
  <c r="A19844" i="1" s="1"/>
  <c r="A19845" i="1" s="1"/>
  <c r="A19846" i="1" s="1"/>
  <c r="A19847" i="1" s="1"/>
  <c r="A19848" i="1" s="1"/>
  <c r="A19849" i="1" s="1"/>
  <c r="A19850" i="1" s="1"/>
  <c r="A19851" i="1" s="1"/>
  <c r="A19852" i="1" s="1"/>
  <c r="A19853" i="1" s="1"/>
  <c r="A19854" i="1" s="1"/>
  <c r="A19855" i="1" s="1"/>
  <c r="A19856" i="1" s="1"/>
  <c r="A19857" i="1" s="1"/>
  <c r="A19858" i="1" s="1"/>
  <c r="A19859" i="1" s="1"/>
  <c r="A19860" i="1" s="1"/>
  <c r="A19861" i="1" s="1"/>
  <c r="A19862" i="1" s="1"/>
  <c r="A19863" i="1" s="1"/>
  <c r="A19864" i="1" s="1"/>
  <c r="A19865" i="1" s="1"/>
  <c r="A19866" i="1" s="1"/>
  <c r="A19867" i="1" s="1"/>
  <c r="A19868" i="1" s="1"/>
  <c r="A19869" i="1" s="1"/>
  <c r="A19870" i="1" s="1"/>
  <c r="A19871" i="1" s="1"/>
  <c r="A19872" i="1" s="1"/>
  <c r="A19873" i="1" s="1"/>
  <c r="A19874" i="1" s="1"/>
  <c r="A19875" i="1" s="1"/>
  <c r="A19876" i="1" s="1"/>
  <c r="A19877" i="1" s="1"/>
  <c r="A19878" i="1" s="1"/>
  <c r="A19879" i="1" s="1"/>
  <c r="A19880" i="1" s="1"/>
  <c r="A19881" i="1" s="1"/>
  <c r="A19882" i="1" s="1"/>
  <c r="A19883" i="1" s="1"/>
  <c r="A19884" i="1" s="1"/>
  <c r="A19885" i="1" s="1"/>
  <c r="A19886" i="1" s="1"/>
  <c r="A19887" i="1" s="1"/>
  <c r="A19888" i="1" s="1"/>
  <c r="A19889" i="1" s="1"/>
  <c r="A19890" i="1" s="1"/>
  <c r="A19891" i="1" s="1"/>
  <c r="A19892" i="1" s="1"/>
  <c r="A19893" i="1" s="1"/>
  <c r="A19894" i="1" s="1"/>
  <c r="A19895" i="1" s="1"/>
  <c r="A19896" i="1" s="1"/>
  <c r="A19897" i="1" s="1"/>
  <c r="A19898" i="1" s="1"/>
  <c r="A19899" i="1" s="1"/>
  <c r="A19900" i="1" s="1"/>
  <c r="A19901" i="1" s="1"/>
  <c r="A19902" i="1" s="1"/>
  <c r="A19903" i="1" s="1"/>
  <c r="A19904" i="1" s="1"/>
  <c r="A19905" i="1" s="1"/>
  <c r="A19906" i="1" s="1"/>
  <c r="A19907" i="1" s="1"/>
  <c r="A19908" i="1" s="1"/>
  <c r="A19909" i="1" s="1"/>
  <c r="A19910" i="1" s="1"/>
  <c r="A19911" i="1" s="1"/>
  <c r="A19912" i="1" s="1"/>
  <c r="A19913" i="1" s="1"/>
  <c r="A19914" i="1" s="1"/>
  <c r="A19915" i="1" s="1"/>
  <c r="A19916" i="1" s="1"/>
  <c r="A19917" i="1" s="1"/>
  <c r="A19918" i="1" s="1"/>
  <c r="A19919" i="1" s="1"/>
  <c r="A19920" i="1" s="1"/>
  <c r="A19921" i="1" s="1"/>
  <c r="A19922" i="1" s="1"/>
  <c r="A19923" i="1" s="1"/>
  <c r="A19924" i="1" s="1"/>
  <c r="A19925" i="1" s="1"/>
  <c r="A19926" i="1" s="1"/>
  <c r="A19927" i="1" s="1"/>
  <c r="A19928" i="1" s="1"/>
  <c r="A19929" i="1" s="1"/>
  <c r="A19930" i="1" s="1"/>
  <c r="A19931" i="1" s="1"/>
  <c r="A19932" i="1" s="1"/>
  <c r="A19933" i="1" s="1"/>
  <c r="A19934" i="1" s="1"/>
  <c r="A19935" i="1" s="1"/>
  <c r="A19936" i="1" s="1"/>
  <c r="A19937" i="1" s="1"/>
  <c r="A19938" i="1" s="1"/>
  <c r="A19939" i="1" s="1"/>
  <c r="A19940" i="1" s="1"/>
  <c r="A19941" i="1" s="1"/>
  <c r="A19942" i="1" s="1"/>
  <c r="A19943" i="1" s="1"/>
  <c r="A19944" i="1" s="1"/>
  <c r="A19945" i="1" s="1"/>
  <c r="A19946" i="1" s="1"/>
  <c r="A19947" i="1" s="1"/>
  <c r="A19948" i="1" s="1"/>
  <c r="A19949" i="1" s="1"/>
  <c r="A19950" i="1" s="1"/>
  <c r="A19951" i="1" s="1"/>
  <c r="A19952" i="1" s="1"/>
  <c r="A19953" i="1" s="1"/>
  <c r="A19954" i="1" s="1"/>
  <c r="A19955" i="1" s="1"/>
  <c r="A19956" i="1" s="1"/>
  <c r="A19957" i="1" s="1"/>
  <c r="A19958" i="1" s="1"/>
  <c r="A19959" i="1" s="1"/>
  <c r="A19960" i="1" s="1"/>
  <c r="A19961" i="1" s="1"/>
  <c r="A19962" i="1" s="1"/>
  <c r="A19963" i="1" s="1"/>
  <c r="A19964" i="1" s="1"/>
  <c r="A19965" i="1" s="1"/>
  <c r="A19966" i="1" s="1"/>
  <c r="A19967" i="1" s="1"/>
  <c r="A19968" i="1" s="1"/>
  <c r="A19969" i="1" s="1"/>
  <c r="A19970" i="1" s="1"/>
  <c r="A19971" i="1" s="1"/>
  <c r="A19972" i="1" s="1"/>
  <c r="A19973" i="1" s="1"/>
  <c r="A19974" i="1" s="1"/>
  <c r="A19975" i="1" s="1"/>
  <c r="A19976" i="1" s="1"/>
  <c r="A19977" i="1" s="1"/>
  <c r="A19978" i="1" s="1"/>
  <c r="A19979" i="1" s="1"/>
  <c r="A19980" i="1" s="1"/>
  <c r="A19981" i="1" s="1"/>
  <c r="A19982" i="1" s="1"/>
  <c r="A19983" i="1" s="1"/>
  <c r="A19984" i="1" s="1"/>
  <c r="A19985" i="1" s="1"/>
  <c r="A19986" i="1" s="1"/>
  <c r="A19987" i="1" s="1"/>
  <c r="A19988" i="1" s="1"/>
  <c r="A19989" i="1" s="1"/>
  <c r="A19990" i="1" s="1"/>
  <c r="A19991" i="1" s="1"/>
  <c r="A19992" i="1" s="1"/>
  <c r="A19993" i="1" s="1"/>
  <c r="A19994" i="1" s="1"/>
  <c r="A19995" i="1" s="1"/>
  <c r="A19996" i="1" s="1"/>
  <c r="A19997" i="1" s="1"/>
  <c r="A19998" i="1" s="1"/>
  <c r="A19999" i="1" s="1"/>
  <c r="A20000" i="1" s="1"/>
  <c r="A20001" i="1" s="1"/>
  <c r="A20002" i="1" s="1"/>
  <c r="A20003" i="1" s="1"/>
  <c r="A20004" i="1" s="1"/>
  <c r="A20005" i="1" s="1"/>
  <c r="A20006" i="1" s="1"/>
  <c r="A20007" i="1" s="1"/>
  <c r="A20008" i="1" s="1"/>
  <c r="A20009" i="1" s="1"/>
  <c r="A20010" i="1" s="1"/>
  <c r="A20011" i="1" s="1"/>
  <c r="A20012" i="1" s="1"/>
  <c r="A20013" i="1" s="1"/>
  <c r="A20014" i="1" s="1"/>
  <c r="A20015" i="1" s="1"/>
  <c r="A20016" i="1" s="1"/>
  <c r="A20017" i="1" s="1"/>
  <c r="A20018" i="1" s="1"/>
  <c r="A20019" i="1" s="1"/>
  <c r="A20020" i="1" s="1"/>
  <c r="A20021" i="1" s="1"/>
  <c r="A20022" i="1" s="1"/>
  <c r="A20023" i="1" s="1"/>
  <c r="A20024" i="1" s="1"/>
  <c r="A20025" i="1" s="1"/>
  <c r="A20026" i="1" s="1"/>
  <c r="A20027" i="1" s="1"/>
  <c r="A20028" i="1" s="1"/>
  <c r="A20029" i="1" s="1"/>
  <c r="A20030" i="1" s="1"/>
  <c r="A20031" i="1" s="1"/>
  <c r="A20032" i="1" s="1"/>
  <c r="A20033" i="1" s="1"/>
  <c r="A20034" i="1" s="1"/>
  <c r="A20035" i="1" s="1"/>
  <c r="A20036" i="1" s="1"/>
  <c r="A20037" i="1" s="1"/>
  <c r="A20038" i="1" s="1"/>
  <c r="A20039" i="1" s="1"/>
  <c r="A20040" i="1" s="1"/>
  <c r="A20041" i="1" s="1"/>
  <c r="A20042" i="1" s="1"/>
  <c r="A20043" i="1" s="1"/>
  <c r="A20044" i="1" s="1"/>
  <c r="A20045" i="1" s="1"/>
  <c r="A20046" i="1" s="1"/>
  <c r="A20047" i="1" s="1"/>
  <c r="A20048" i="1" s="1"/>
  <c r="A20049" i="1" s="1"/>
  <c r="A20050" i="1" s="1"/>
  <c r="A20051" i="1" s="1"/>
  <c r="A20052" i="1" s="1"/>
  <c r="A20053" i="1" s="1"/>
  <c r="A20054" i="1" s="1"/>
  <c r="A20055" i="1" s="1"/>
  <c r="A20056" i="1" s="1"/>
  <c r="A20057" i="1" s="1"/>
  <c r="A20058" i="1" s="1"/>
  <c r="A20059" i="1" s="1"/>
  <c r="A20060" i="1" s="1"/>
  <c r="A20061" i="1" s="1"/>
  <c r="A20062" i="1" s="1"/>
  <c r="A20063" i="1" s="1"/>
  <c r="A20064" i="1" s="1"/>
  <c r="A20065" i="1" s="1"/>
  <c r="A20066" i="1" s="1"/>
  <c r="A20067" i="1" s="1"/>
  <c r="A20068" i="1" s="1"/>
  <c r="A20069" i="1" s="1"/>
  <c r="A20070" i="1" s="1"/>
  <c r="A20071" i="1" s="1"/>
  <c r="A20072" i="1" s="1"/>
  <c r="A20073" i="1" s="1"/>
  <c r="A20074" i="1" s="1"/>
  <c r="A20075" i="1" s="1"/>
  <c r="A20076" i="1" s="1"/>
  <c r="A20077" i="1" s="1"/>
  <c r="A20078" i="1" s="1"/>
  <c r="A20079" i="1" s="1"/>
  <c r="A20080" i="1" s="1"/>
  <c r="A20081" i="1" s="1"/>
  <c r="A20082" i="1" s="1"/>
  <c r="A20083" i="1" s="1"/>
  <c r="A20084" i="1" s="1"/>
  <c r="A20085" i="1" s="1"/>
  <c r="A20086" i="1" s="1"/>
  <c r="A20087" i="1" s="1"/>
  <c r="A20088" i="1" s="1"/>
  <c r="A20089" i="1" s="1"/>
  <c r="A20090" i="1" s="1"/>
  <c r="A20091" i="1" s="1"/>
  <c r="A20092" i="1" s="1"/>
  <c r="A20093" i="1" s="1"/>
  <c r="A20094" i="1" s="1"/>
  <c r="A20095" i="1" s="1"/>
  <c r="A20096" i="1" s="1"/>
  <c r="A20097" i="1" s="1"/>
  <c r="A20098" i="1" s="1"/>
  <c r="A20099" i="1" s="1"/>
  <c r="A20100" i="1" s="1"/>
  <c r="A20101" i="1" s="1"/>
  <c r="A20102" i="1" s="1"/>
  <c r="A20103" i="1" s="1"/>
  <c r="A20104" i="1" s="1"/>
  <c r="A20105" i="1" s="1"/>
  <c r="A20106" i="1" s="1"/>
  <c r="A20107" i="1" s="1"/>
  <c r="A20108" i="1" s="1"/>
  <c r="A20109" i="1" s="1"/>
  <c r="A20110" i="1" s="1"/>
  <c r="A20111" i="1" s="1"/>
  <c r="A20112" i="1" s="1"/>
  <c r="A20113" i="1" s="1"/>
  <c r="A20114" i="1" s="1"/>
  <c r="A20115" i="1" s="1"/>
  <c r="A20116" i="1" s="1"/>
  <c r="A20117" i="1" s="1"/>
  <c r="A20118" i="1" s="1"/>
  <c r="A20119" i="1" s="1"/>
  <c r="A20120" i="1" s="1"/>
  <c r="A20121" i="1" s="1"/>
  <c r="A20122" i="1" s="1"/>
  <c r="A20123" i="1" s="1"/>
  <c r="A20124" i="1" s="1"/>
  <c r="A20125" i="1" s="1"/>
  <c r="A20126" i="1" s="1"/>
  <c r="A20127" i="1" s="1"/>
  <c r="A20128" i="1" s="1"/>
  <c r="A20129" i="1" s="1"/>
  <c r="A20130" i="1" s="1"/>
  <c r="A20131" i="1" s="1"/>
  <c r="A20132" i="1" s="1"/>
  <c r="A20133" i="1" s="1"/>
  <c r="A20134" i="1" s="1"/>
  <c r="A20135" i="1" s="1"/>
  <c r="A20136" i="1" s="1"/>
  <c r="A20137" i="1" s="1"/>
  <c r="A20138" i="1" s="1"/>
  <c r="A20139" i="1" s="1"/>
  <c r="A20140" i="1" s="1"/>
  <c r="A20141" i="1" s="1"/>
  <c r="A20142" i="1" s="1"/>
  <c r="A20143" i="1" s="1"/>
  <c r="A20144" i="1" s="1"/>
  <c r="A20145" i="1" s="1"/>
  <c r="A20146" i="1" s="1"/>
  <c r="A20147" i="1" s="1"/>
  <c r="A20148" i="1" s="1"/>
  <c r="A20149" i="1" s="1"/>
  <c r="A20150" i="1" s="1"/>
  <c r="A20151" i="1" s="1"/>
  <c r="A20152" i="1" s="1"/>
  <c r="A20153" i="1" s="1"/>
  <c r="A20154" i="1" s="1"/>
  <c r="A20155" i="1" s="1"/>
  <c r="A20156" i="1" s="1"/>
  <c r="A20157" i="1" s="1"/>
  <c r="A20158" i="1" s="1"/>
  <c r="A20159" i="1" s="1"/>
  <c r="A20160" i="1" s="1"/>
  <c r="A20161" i="1" s="1"/>
  <c r="A20162" i="1" s="1"/>
  <c r="A20163" i="1" s="1"/>
  <c r="A20164" i="1" s="1"/>
  <c r="A20165" i="1" s="1"/>
  <c r="A20166" i="1" s="1"/>
  <c r="A20167" i="1" s="1"/>
  <c r="A20168" i="1" s="1"/>
  <c r="A20169" i="1" s="1"/>
  <c r="A20170" i="1" s="1"/>
  <c r="A20171" i="1" s="1"/>
  <c r="A20172" i="1" s="1"/>
  <c r="A20173" i="1" s="1"/>
  <c r="A20174" i="1" s="1"/>
  <c r="A20175" i="1" s="1"/>
  <c r="A20176" i="1" s="1"/>
  <c r="A20177" i="1" s="1"/>
  <c r="A20178" i="1" s="1"/>
  <c r="A20179" i="1" s="1"/>
  <c r="A20180" i="1" s="1"/>
  <c r="A20181" i="1" s="1"/>
  <c r="A20182" i="1" s="1"/>
  <c r="A20183" i="1" s="1"/>
  <c r="A20184" i="1" s="1"/>
  <c r="A20185" i="1" s="1"/>
  <c r="A20186" i="1" s="1"/>
  <c r="A20187" i="1" s="1"/>
  <c r="A20188" i="1" s="1"/>
  <c r="A20189" i="1" s="1"/>
  <c r="A20190" i="1" s="1"/>
  <c r="A20191" i="1" s="1"/>
  <c r="A20192" i="1" s="1"/>
  <c r="A20193" i="1" s="1"/>
  <c r="A20194" i="1" s="1"/>
  <c r="A20195" i="1" s="1"/>
  <c r="A20196" i="1" s="1"/>
  <c r="A20197" i="1" s="1"/>
  <c r="A20198" i="1" s="1"/>
  <c r="A20199" i="1" s="1"/>
  <c r="A20200" i="1" s="1"/>
  <c r="A20201" i="1" s="1"/>
  <c r="A20202" i="1" s="1"/>
  <c r="A20203" i="1" s="1"/>
  <c r="A20204" i="1" s="1"/>
  <c r="A20205" i="1" s="1"/>
  <c r="A20206" i="1" s="1"/>
  <c r="A20207" i="1" s="1"/>
  <c r="A20208" i="1" s="1"/>
  <c r="A20209" i="1" s="1"/>
  <c r="A20210" i="1" s="1"/>
  <c r="A20211" i="1" s="1"/>
  <c r="A20212" i="1" s="1"/>
  <c r="A20213" i="1" s="1"/>
  <c r="A20214" i="1" s="1"/>
  <c r="A20215" i="1" s="1"/>
  <c r="A20216" i="1" s="1"/>
  <c r="A20217" i="1" s="1"/>
  <c r="A20218" i="1" s="1"/>
  <c r="A20219" i="1" s="1"/>
  <c r="A20220" i="1" s="1"/>
  <c r="A20221" i="1" s="1"/>
  <c r="A20222" i="1" s="1"/>
  <c r="A20223" i="1" s="1"/>
  <c r="A20224" i="1" s="1"/>
  <c r="A20225" i="1" s="1"/>
  <c r="A20226" i="1" s="1"/>
  <c r="A20227" i="1" s="1"/>
  <c r="A20228" i="1" s="1"/>
  <c r="A20229" i="1" s="1"/>
  <c r="A20230" i="1" s="1"/>
  <c r="A20231" i="1" s="1"/>
  <c r="A20232" i="1" s="1"/>
  <c r="A20233" i="1" s="1"/>
  <c r="A20234" i="1" s="1"/>
  <c r="A20235" i="1" s="1"/>
  <c r="A20236" i="1" s="1"/>
  <c r="A20237" i="1" s="1"/>
  <c r="A20238" i="1" s="1"/>
  <c r="A20239" i="1" s="1"/>
  <c r="A20240" i="1" s="1"/>
  <c r="A20241" i="1" s="1"/>
  <c r="A20242" i="1" s="1"/>
  <c r="A20243" i="1" s="1"/>
  <c r="A20244" i="1" s="1"/>
  <c r="A20245" i="1" s="1"/>
  <c r="A20246" i="1" s="1"/>
  <c r="A20247" i="1" s="1"/>
  <c r="A20248" i="1" s="1"/>
  <c r="A20249" i="1" s="1"/>
  <c r="A20250" i="1" s="1"/>
  <c r="A20251" i="1" s="1"/>
  <c r="A20252" i="1" s="1"/>
  <c r="A20253" i="1" s="1"/>
  <c r="A20254" i="1" s="1"/>
  <c r="A20255" i="1" s="1"/>
  <c r="A20256" i="1" s="1"/>
  <c r="A20257" i="1" s="1"/>
  <c r="A20258" i="1" s="1"/>
  <c r="A20259" i="1" s="1"/>
  <c r="A20260" i="1" s="1"/>
  <c r="A20261" i="1" s="1"/>
  <c r="A20262" i="1" s="1"/>
  <c r="A20263" i="1" s="1"/>
  <c r="A20264" i="1" s="1"/>
  <c r="A20265" i="1" s="1"/>
  <c r="A20266" i="1" s="1"/>
  <c r="A20267" i="1" s="1"/>
  <c r="A20268" i="1" s="1"/>
  <c r="A20269" i="1" s="1"/>
  <c r="A20270" i="1" s="1"/>
  <c r="A20271" i="1" s="1"/>
  <c r="A20272" i="1" s="1"/>
  <c r="A20273" i="1" s="1"/>
  <c r="A20274" i="1" s="1"/>
  <c r="A20275" i="1" s="1"/>
  <c r="A20276" i="1" s="1"/>
  <c r="A20277" i="1" s="1"/>
  <c r="A20278" i="1" s="1"/>
  <c r="A20279" i="1" s="1"/>
  <c r="A20280" i="1" s="1"/>
  <c r="A20281" i="1" s="1"/>
  <c r="A20282" i="1" s="1"/>
  <c r="A20283" i="1" s="1"/>
  <c r="A20284" i="1" s="1"/>
  <c r="A20285" i="1" s="1"/>
  <c r="A20286" i="1" s="1"/>
  <c r="A20287" i="1" s="1"/>
  <c r="A20288" i="1" s="1"/>
  <c r="A20289" i="1" s="1"/>
  <c r="A20290" i="1" s="1"/>
  <c r="A20291" i="1" s="1"/>
  <c r="A20292" i="1" s="1"/>
  <c r="A20293" i="1" s="1"/>
  <c r="A20294" i="1" s="1"/>
  <c r="A20295" i="1" s="1"/>
  <c r="A20296" i="1" s="1"/>
  <c r="A20297" i="1" s="1"/>
  <c r="A20298" i="1" s="1"/>
  <c r="A20299" i="1" s="1"/>
  <c r="A20300" i="1" s="1"/>
  <c r="A20301" i="1" s="1"/>
  <c r="A20302" i="1" s="1"/>
  <c r="A20303" i="1" s="1"/>
  <c r="A20304" i="1" s="1"/>
  <c r="A20305" i="1" s="1"/>
  <c r="A20306" i="1" s="1"/>
  <c r="A20307" i="1" s="1"/>
  <c r="A20308" i="1" s="1"/>
  <c r="A20309" i="1" s="1"/>
  <c r="A20310" i="1" s="1"/>
  <c r="A20311" i="1" s="1"/>
  <c r="A20312" i="1" s="1"/>
  <c r="A20313" i="1" s="1"/>
  <c r="A20314" i="1" s="1"/>
  <c r="A20315" i="1" s="1"/>
  <c r="A20316" i="1" s="1"/>
  <c r="A20317" i="1" s="1"/>
  <c r="A20318" i="1" s="1"/>
  <c r="A20319" i="1" s="1"/>
  <c r="A20320" i="1" s="1"/>
  <c r="A20321" i="1" s="1"/>
  <c r="A20322" i="1" s="1"/>
  <c r="A20323" i="1" s="1"/>
  <c r="A20324" i="1" s="1"/>
  <c r="A20325" i="1" s="1"/>
  <c r="A20326" i="1" s="1"/>
  <c r="A20327" i="1" s="1"/>
  <c r="A20328" i="1" s="1"/>
  <c r="A20329" i="1" s="1"/>
  <c r="A20330" i="1" s="1"/>
  <c r="A20331" i="1" s="1"/>
  <c r="A20332" i="1" s="1"/>
  <c r="A20333" i="1" s="1"/>
  <c r="A20334" i="1" s="1"/>
  <c r="A20335" i="1" s="1"/>
  <c r="A20336" i="1" s="1"/>
  <c r="A20337" i="1" s="1"/>
  <c r="A20338" i="1" s="1"/>
  <c r="A20339" i="1" s="1"/>
  <c r="A20340" i="1" s="1"/>
  <c r="A20341" i="1" s="1"/>
  <c r="A20342" i="1" s="1"/>
  <c r="A20343" i="1" s="1"/>
  <c r="A20344" i="1" s="1"/>
  <c r="A20345" i="1" s="1"/>
  <c r="A20346" i="1" s="1"/>
  <c r="A20347" i="1" s="1"/>
  <c r="A20348" i="1" s="1"/>
  <c r="A20349" i="1" s="1"/>
  <c r="A20350" i="1" s="1"/>
  <c r="A20351" i="1" s="1"/>
  <c r="A20352" i="1" s="1"/>
  <c r="A20353" i="1" s="1"/>
  <c r="A20354" i="1" s="1"/>
  <c r="A20355" i="1" s="1"/>
  <c r="A20356" i="1" s="1"/>
  <c r="A20357" i="1" s="1"/>
  <c r="A20358" i="1" s="1"/>
  <c r="A20359" i="1" s="1"/>
  <c r="A20360" i="1" s="1"/>
  <c r="A20361" i="1" s="1"/>
  <c r="A20362" i="1" s="1"/>
  <c r="A20363" i="1" s="1"/>
  <c r="A20364" i="1" s="1"/>
  <c r="A20365" i="1" s="1"/>
  <c r="A20366" i="1" s="1"/>
  <c r="A20367" i="1" s="1"/>
  <c r="A20368" i="1" s="1"/>
  <c r="A20369" i="1" s="1"/>
  <c r="A20370" i="1" s="1"/>
  <c r="A20371" i="1" s="1"/>
  <c r="A20372" i="1" s="1"/>
  <c r="A20373" i="1" s="1"/>
  <c r="A20374" i="1" s="1"/>
  <c r="A20375" i="1" s="1"/>
  <c r="A20376" i="1" s="1"/>
  <c r="A20377" i="1" s="1"/>
  <c r="A20378" i="1" s="1"/>
  <c r="A20379" i="1" s="1"/>
  <c r="A20380" i="1" s="1"/>
  <c r="A20381" i="1" s="1"/>
  <c r="A20382" i="1" s="1"/>
  <c r="A20383" i="1" s="1"/>
  <c r="A20384" i="1" s="1"/>
  <c r="A20385" i="1" s="1"/>
  <c r="A20386" i="1" s="1"/>
  <c r="A20387" i="1" s="1"/>
  <c r="A20388" i="1" s="1"/>
  <c r="A20389" i="1" s="1"/>
  <c r="A20390" i="1" s="1"/>
  <c r="A20391" i="1" s="1"/>
  <c r="A20392" i="1" s="1"/>
  <c r="A20393" i="1" s="1"/>
  <c r="A20394" i="1" s="1"/>
  <c r="A20395" i="1" s="1"/>
  <c r="A20396" i="1" s="1"/>
  <c r="A20397" i="1" s="1"/>
  <c r="A20398" i="1" s="1"/>
  <c r="A20399" i="1" s="1"/>
  <c r="A20400" i="1" s="1"/>
  <c r="A20401" i="1" s="1"/>
  <c r="A20402" i="1" s="1"/>
  <c r="A20403" i="1" s="1"/>
  <c r="A20404" i="1" s="1"/>
  <c r="A20405" i="1" s="1"/>
  <c r="A20406" i="1" s="1"/>
  <c r="A20407" i="1" s="1"/>
  <c r="A20408" i="1" s="1"/>
  <c r="A20409" i="1" s="1"/>
  <c r="A20410" i="1" s="1"/>
  <c r="A20411" i="1" s="1"/>
  <c r="A20412" i="1" s="1"/>
  <c r="A20413" i="1" s="1"/>
  <c r="A20414" i="1" s="1"/>
  <c r="A20415" i="1" s="1"/>
  <c r="A20416" i="1" s="1"/>
  <c r="A20417" i="1" s="1"/>
  <c r="A20418" i="1" s="1"/>
  <c r="A20419" i="1" s="1"/>
  <c r="A20420" i="1" s="1"/>
  <c r="A20421" i="1" s="1"/>
  <c r="A20422" i="1" s="1"/>
  <c r="A20423" i="1" s="1"/>
  <c r="A20424" i="1" s="1"/>
  <c r="A20425" i="1" s="1"/>
  <c r="A20426" i="1" s="1"/>
  <c r="A20427" i="1" s="1"/>
  <c r="A20428" i="1" s="1"/>
  <c r="A20429" i="1" s="1"/>
  <c r="A20430" i="1" s="1"/>
  <c r="A20431" i="1" s="1"/>
  <c r="A20432" i="1" s="1"/>
  <c r="A20433" i="1" s="1"/>
  <c r="A20434" i="1" s="1"/>
  <c r="A20435" i="1" s="1"/>
  <c r="A20436" i="1" s="1"/>
  <c r="A20437" i="1" s="1"/>
  <c r="A20438" i="1" s="1"/>
  <c r="A20439" i="1" s="1"/>
  <c r="A20440" i="1" s="1"/>
  <c r="A20441" i="1" s="1"/>
  <c r="A20442" i="1" s="1"/>
  <c r="A20443" i="1" s="1"/>
  <c r="A20444" i="1" s="1"/>
  <c r="A20445" i="1" s="1"/>
  <c r="A20446" i="1" s="1"/>
  <c r="A20447" i="1" s="1"/>
  <c r="A20448" i="1" s="1"/>
  <c r="A20449" i="1" s="1"/>
  <c r="A20450" i="1" s="1"/>
  <c r="A20451" i="1" s="1"/>
  <c r="A20452" i="1" s="1"/>
  <c r="A20453" i="1" s="1"/>
  <c r="A20454" i="1" s="1"/>
  <c r="A20455" i="1" s="1"/>
  <c r="A20456" i="1" s="1"/>
  <c r="A20457" i="1" s="1"/>
  <c r="A20458" i="1" s="1"/>
  <c r="A20459" i="1" s="1"/>
  <c r="A20460" i="1" s="1"/>
  <c r="A20461" i="1" s="1"/>
  <c r="A20462" i="1" s="1"/>
  <c r="A20463" i="1" s="1"/>
  <c r="A20464" i="1" s="1"/>
  <c r="A20465" i="1" s="1"/>
  <c r="A20466" i="1" s="1"/>
  <c r="A20467" i="1" s="1"/>
  <c r="A20468" i="1" s="1"/>
  <c r="A20469" i="1" s="1"/>
  <c r="A20470" i="1" s="1"/>
  <c r="A20471" i="1" s="1"/>
  <c r="A20472" i="1" s="1"/>
  <c r="A20473" i="1" s="1"/>
  <c r="A20474" i="1" s="1"/>
  <c r="A20475" i="1" s="1"/>
  <c r="A20476" i="1" s="1"/>
  <c r="A20477" i="1" s="1"/>
  <c r="A20478" i="1" s="1"/>
  <c r="A20479" i="1" s="1"/>
  <c r="A20480" i="1" s="1"/>
  <c r="A20481" i="1" s="1"/>
  <c r="A20482" i="1" s="1"/>
  <c r="A20483" i="1" s="1"/>
  <c r="A20484" i="1" s="1"/>
  <c r="A20485" i="1" s="1"/>
  <c r="A20486" i="1" s="1"/>
  <c r="A20487" i="1" s="1"/>
  <c r="A20488" i="1" s="1"/>
  <c r="A20489" i="1" s="1"/>
  <c r="A20490" i="1" s="1"/>
  <c r="A20491" i="1" s="1"/>
  <c r="A20492" i="1" s="1"/>
  <c r="A20493" i="1" s="1"/>
  <c r="A20494" i="1" s="1"/>
  <c r="A20495" i="1" s="1"/>
  <c r="A20496" i="1" s="1"/>
  <c r="A20497" i="1" s="1"/>
  <c r="A20498" i="1" s="1"/>
  <c r="A20499" i="1" s="1"/>
  <c r="A20500" i="1" s="1"/>
  <c r="A20501" i="1" s="1"/>
  <c r="A20502" i="1" s="1"/>
  <c r="A20503" i="1" s="1"/>
  <c r="A20504" i="1" s="1"/>
  <c r="A20505" i="1" s="1"/>
  <c r="A20506" i="1" s="1"/>
  <c r="A20507" i="1" s="1"/>
  <c r="A20508" i="1" s="1"/>
  <c r="A20509" i="1" s="1"/>
  <c r="A20510" i="1" s="1"/>
  <c r="A20511" i="1" s="1"/>
  <c r="A20512" i="1" s="1"/>
  <c r="A20513" i="1" s="1"/>
  <c r="A20514" i="1" s="1"/>
  <c r="A20515" i="1" s="1"/>
  <c r="A20516" i="1" s="1"/>
  <c r="A20517" i="1" s="1"/>
  <c r="A20518" i="1" s="1"/>
  <c r="A20519" i="1" s="1"/>
  <c r="A20520" i="1" s="1"/>
  <c r="A20521" i="1" s="1"/>
  <c r="A20522" i="1" s="1"/>
  <c r="A20523" i="1" s="1"/>
  <c r="A20524" i="1" s="1"/>
  <c r="A20525" i="1" s="1"/>
  <c r="A20526" i="1" s="1"/>
  <c r="A20527" i="1" s="1"/>
  <c r="A20528" i="1" s="1"/>
  <c r="A20529" i="1" s="1"/>
  <c r="A20530" i="1" s="1"/>
  <c r="A20531" i="1" s="1"/>
  <c r="A20532" i="1" s="1"/>
  <c r="A20533" i="1" s="1"/>
  <c r="A20534" i="1" s="1"/>
  <c r="A20535" i="1" s="1"/>
  <c r="A20536" i="1" s="1"/>
  <c r="A20537" i="1" s="1"/>
  <c r="A20538" i="1" s="1"/>
  <c r="A20539" i="1" s="1"/>
  <c r="A20540" i="1" s="1"/>
  <c r="A20541" i="1" s="1"/>
  <c r="A20542" i="1" s="1"/>
  <c r="A20543" i="1" s="1"/>
  <c r="A20544" i="1" s="1"/>
  <c r="A20545" i="1" s="1"/>
  <c r="A20546" i="1" s="1"/>
  <c r="A20547" i="1" s="1"/>
  <c r="A20548" i="1" s="1"/>
  <c r="A20549" i="1" s="1"/>
  <c r="A20550" i="1" s="1"/>
  <c r="A20551" i="1" s="1"/>
  <c r="A20552" i="1" s="1"/>
  <c r="A20553" i="1" s="1"/>
  <c r="A20554" i="1" s="1"/>
  <c r="A20555" i="1" s="1"/>
  <c r="A20556" i="1" s="1"/>
  <c r="A20557" i="1" s="1"/>
  <c r="A20558" i="1" s="1"/>
  <c r="A20559" i="1" s="1"/>
  <c r="A20560" i="1" s="1"/>
  <c r="A20561" i="1" s="1"/>
  <c r="A20562" i="1" s="1"/>
  <c r="A20563" i="1" s="1"/>
  <c r="A20564" i="1" s="1"/>
  <c r="A20565" i="1" s="1"/>
  <c r="A20566" i="1" s="1"/>
  <c r="A20567" i="1" s="1"/>
  <c r="A20568" i="1" s="1"/>
  <c r="A20569" i="1" s="1"/>
  <c r="A20570" i="1" s="1"/>
  <c r="A20571" i="1" s="1"/>
  <c r="A20572" i="1" s="1"/>
  <c r="A20573" i="1" s="1"/>
  <c r="A20574" i="1" s="1"/>
  <c r="A20575" i="1" s="1"/>
  <c r="A20576" i="1" s="1"/>
  <c r="A20577" i="1" s="1"/>
  <c r="A20578" i="1" s="1"/>
  <c r="A20579" i="1" s="1"/>
  <c r="A20580" i="1" s="1"/>
  <c r="A20581" i="1" s="1"/>
  <c r="A20582" i="1" s="1"/>
  <c r="A20583" i="1" s="1"/>
  <c r="A20584" i="1" s="1"/>
  <c r="A20585" i="1" s="1"/>
  <c r="A20586" i="1" s="1"/>
  <c r="A20587" i="1" s="1"/>
  <c r="A20588" i="1" s="1"/>
  <c r="A20589" i="1" s="1"/>
  <c r="A20590" i="1" s="1"/>
  <c r="A20591" i="1" s="1"/>
  <c r="A20592" i="1" s="1"/>
  <c r="A20593" i="1" s="1"/>
  <c r="A20594" i="1" s="1"/>
  <c r="A20595" i="1" s="1"/>
  <c r="A20596" i="1" s="1"/>
  <c r="A20597" i="1" s="1"/>
  <c r="A20598" i="1" s="1"/>
  <c r="A20599" i="1" s="1"/>
  <c r="A20600" i="1" s="1"/>
  <c r="A20601" i="1" s="1"/>
  <c r="A20602" i="1" s="1"/>
  <c r="A20603" i="1" s="1"/>
  <c r="A20604" i="1" s="1"/>
  <c r="A20605" i="1" s="1"/>
  <c r="A20606" i="1" s="1"/>
  <c r="A20607" i="1" s="1"/>
  <c r="A20608" i="1" s="1"/>
  <c r="A20609" i="1" s="1"/>
  <c r="A20610" i="1" s="1"/>
  <c r="A20611" i="1" s="1"/>
  <c r="A20612" i="1" s="1"/>
  <c r="A20613" i="1" s="1"/>
  <c r="A20614" i="1" s="1"/>
  <c r="A20615" i="1" s="1"/>
  <c r="A20616" i="1" s="1"/>
  <c r="A20617" i="1" s="1"/>
  <c r="A20618" i="1" s="1"/>
  <c r="A20619" i="1" s="1"/>
  <c r="A20620" i="1" s="1"/>
  <c r="A20621" i="1" s="1"/>
  <c r="A20622" i="1" s="1"/>
  <c r="A20623" i="1" s="1"/>
  <c r="A20624" i="1" s="1"/>
  <c r="A20625" i="1" s="1"/>
  <c r="A20626" i="1" s="1"/>
  <c r="A20627" i="1" s="1"/>
  <c r="A20628" i="1" s="1"/>
  <c r="A20629" i="1" s="1"/>
  <c r="A20630" i="1" s="1"/>
  <c r="A20631" i="1" s="1"/>
  <c r="A20632" i="1" s="1"/>
  <c r="A20633" i="1" s="1"/>
  <c r="A20634" i="1" s="1"/>
  <c r="A20635" i="1" s="1"/>
  <c r="A20636" i="1" s="1"/>
  <c r="A20637" i="1" s="1"/>
  <c r="A20638" i="1" s="1"/>
  <c r="A20639" i="1" s="1"/>
  <c r="A20640" i="1" s="1"/>
  <c r="A20641" i="1" s="1"/>
  <c r="A20642" i="1" s="1"/>
  <c r="A20643" i="1" s="1"/>
  <c r="A20644" i="1" s="1"/>
  <c r="A20645" i="1" s="1"/>
  <c r="A20646" i="1" s="1"/>
  <c r="A20647" i="1" s="1"/>
  <c r="A20648" i="1" s="1"/>
  <c r="A20649" i="1" s="1"/>
  <c r="A20650" i="1" s="1"/>
  <c r="A20651" i="1" s="1"/>
  <c r="A20652" i="1" s="1"/>
  <c r="A20653" i="1" s="1"/>
  <c r="A20654" i="1" s="1"/>
  <c r="A20655" i="1" s="1"/>
  <c r="A20656" i="1" s="1"/>
  <c r="A20657" i="1" s="1"/>
  <c r="A20658" i="1" s="1"/>
  <c r="A20659" i="1" s="1"/>
  <c r="A20660" i="1" s="1"/>
  <c r="A20661" i="1" s="1"/>
  <c r="A20662" i="1" s="1"/>
  <c r="A20663" i="1" s="1"/>
  <c r="A20664" i="1" s="1"/>
  <c r="A20665" i="1" s="1"/>
  <c r="A20666" i="1" s="1"/>
  <c r="A20667" i="1" s="1"/>
  <c r="A20668" i="1" s="1"/>
  <c r="A20669" i="1" s="1"/>
  <c r="A20670" i="1" s="1"/>
  <c r="A20671" i="1" s="1"/>
  <c r="A20672" i="1" s="1"/>
  <c r="A20673" i="1" s="1"/>
  <c r="A20674" i="1" s="1"/>
  <c r="A20675" i="1" s="1"/>
  <c r="A20676" i="1" s="1"/>
  <c r="A20677" i="1" s="1"/>
  <c r="A20678" i="1" s="1"/>
  <c r="A20679" i="1" s="1"/>
  <c r="A20680" i="1" s="1"/>
  <c r="A20681" i="1" s="1"/>
  <c r="A20682" i="1" s="1"/>
  <c r="A20683" i="1" s="1"/>
  <c r="A20684" i="1" s="1"/>
  <c r="A20685" i="1" s="1"/>
  <c r="A20686" i="1" s="1"/>
  <c r="A20687" i="1" s="1"/>
  <c r="A20688" i="1" s="1"/>
  <c r="A20689" i="1" s="1"/>
  <c r="A20690" i="1" s="1"/>
  <c r="A20691" i="1" s="1"/>
  <c r="A20692" i="1" s="1"/>
  <c r="A20693" i="1" s="1"/>
  <c r="A20694" i="1" s="1"/>
  <c r="A20695" i="1" s="1"/>
  <c r="A20696" i="1" s="1"/>
  <c r="A20697" i="1" s="1"/>
  <c r="A20698" i="1" s="1"/>
  <c r="A20699" i="1" s="1"/>
  <c r="A20700" i="1" s="1"/>
  <c r="A20701" i="1" s="1"/>
  <c r="A20702" i="1" s="1"/>
  <c r="A20703" i="1" s="1"/>
  <c r="A20704" i="1" s="1"/>
  <c r="A20705" i="1" s="1"/>
  <c r="A20706" i="1" s="1"/>
  <c r="A20707" i="1" s="1"/>
  <c r="A20708" i="1" s="1"/>
  <c r="A20709" i="1" s="1"/>
  <c r="A20710" i="1" s="1"/>
  <c r="A20711" i="1" s="1"/>
  <c r="A20712" i="1" s="1"/>
  <c r="A20713" i="1" s="1"/>
  <c r="A20714" i="1" s="1"/>
  <c r="A20715" i="1" s="1"/>
  <c r="A20716" i="1" s="1"/>
  <c r="A20717" i="1" s="1"/>
  <c r="A20718" i="1" s="1"/>
  <c r="A20719" i="1" s="1"/>
  <c r="A20720" i="1" s="1"/>
  <c r="A20721" i="1" s="1"/>
  <c r="A20722" i="1" s="1"/>
  <c r="A20723" i="1" s="1"/>
  <c r="A20724" i="1" s="1"/>
  <c r="A20725" i="1" s="1"/>
  <c r="A20726" i="1" s="1"/>
  <c r="A20727" i="1" s="1"/>
  <c r="A20728" i="1" s="1"/>
  <c r="A20729" i="1" s="1"/>
  <c r="A20730" i="1" s="1"/>
  <c r="A20731" i="1" s="1"/>
  <c r="A20732" i="1" s="1"/>
  <c r="A20733" i="1" s="1"/>
  <c r="A20734" i="1" s="1"/>
  <c r="A20735" i="1" s="1"/>
  <c r="A20736" i="1" s="1"/>
  <c r="A20737" i="1" s="1"/>
  <c r="A20738" i="1" s="1"/>
  <c r="A20739" i="1" s="1"/>
  <c r="A20740" i="1" s="1"/>
  <c r="A20741" i="1" s="1"/>
  <c r="A20742" i="1" s="1"/>
  <c r="A20743" i="1" s="1"/>
  <c r="A20744" i="1" s="1"/>
  <c r="A20745" i="1" s="1"/>
  <c r="A20746" i="1" s="1"/>
  <c r="A20747" i="1" s="1"/>
  <c r="A20748" i="1" s="1"/>
  <c r="A20749" i="1" s="1"/>
  <c r="A20750" i="1" s="1"/>
  <c r="A20751" i="1" s="1"/>
  <c r="A20752" i="1" s="1"/>
  <c r="A20753" i="1" s="1"/>
  <c r="A20754" i="1" s="1"/>
  <c r="A20755" i="1" s="1"/>
  <c r="A20756" i="1" s="1"/>
  <c r="A20757" i="1" s="1"/>
  <c r="A20758" i="1" s="1"/>
  <c r="A20759" i="1" s="1"/>
  <c r="A20760" i="1" s="1"/>
  <c r="A20761" i="1" s="1"/>
  <c r="A20762" i="1" s="1"/>
  <c r="A20763" i="1" s="1"/>
  <c r="A20764" i="1" s="1"/>
  <c r="A20765" i="1" s="1"/>
  <c r="A20766" i="1" s="1"/>
  <c r="A20767" i="1" s="1"/>
  <c r="A20768" i="1" s="1"/>
  <c r="A20769" i="1" s="1"/>
  <c r="A20770" i="1" s="1"/>
  <c r="A20771" i="1" s="1"/>
  <c r="A20772" i="1" s="1"/>
  <c r="A20773" i="1" s="1"/>
  <c r="A20774" i="1" s="1"/>
  <c r="A20775" i="1" s="1"/>
  <c r="A20776" i="1" s="1"/>
  <c r="A20777" i="1" s="1"/>
  <c r="A20778" i="1" s="1"/>
  <c r="A20779" i="1" s="1"/>
  <c r="A20780" i="1" s="1"/>
  <c r="A20781" i="1" s="1"/>
  <c r="A20782" i="1" s="1"/>
  <c r="A20783" i="1" s="1"/>
  <c r="A20784" i="1" s="1"/>
  <c r="A20785" i="1" s="1"/>
  <c r="A20786" i="1" s="1"/>
  <c r="A20787" i="1" s="1"/>
  <c r="A20788" i="1" s="1"/>
  <c r="A20789" i="1" s="1"/>
  <c r="A20790" i="1" s="1"/>
  <c r="A20791" i="1" s="1"/>
  <c r="A20792" i="1" s="1"/>
  <c r="A20793" i="1" s="1"/>
  <c r="A20794" i="1" s="1"/>
  <c r="A20795" i="1" s="1"/>
  <c r="A20796" i="1" s="1"/>
  <c r="A20797" i="1" s="1"/>
  <c r="A20798" i="1" s="1"/>
  <c r="A20799" i="1" s="1"/>
  <c r="A20800" i="1" s="1"/>
  <c r="A20801" i="1" s="1"/>
  <c r="A20802" i="1" s="1"/>
  <c r="A20803" i="1" s="1"/>
  <c r="A20804" i="1" s="1"/>
  <c r="A20805" i="1" s="1"/>
  <c r="A20806" i="1" s="1"/>
  <c r="A20807" i="1" s="1"/>
  <c r="A20808" i="1" s="1"/>
  <c r="A20809" i="1" s="1"/>
  <c r="A20810" i="1" s="1"/>
  <c r="A20811" i="1" s="1"/>
  <c r="A20812" i="1" s="1"/>
  <c r="A20813" i="1" s="1"/>
  <c r="A20814" i="1" s="1"/>
  <c r="A20815" i="1" s="1"/>
  <c r="A20816" i="1" s="1"/>
  <c r="A20817" i="1" s="1"/>
  <c r="A20818" i="1" s="1"/>
  <c r="A20819" i="1" s="1"/>
  <c r="A20820" i="1" s="1"/>
  <c r="A20821" i="1" s="1"/>
  <c r="A20822" i="1" s="1"/>
  <c r="A20823" i="1" s="1"/>
  <c r="A20824" i="1" s="1"/>
  <c r="A20825" i="1" s="1"/>
  <c r="A20826" i="1" s="1"/>
  <c r="A20827" i="1" s="1"/>
  <c r="A20828" i="1" s="1"/>
  <c r="A20829" i="1" s="1"/>
  <c r="A20830" i="1" s="1"/>
  <c r="A20831" i="1" s="1"/>
  <c r="A20832" i="1" s="1"/>
  <c r="A20833" i="1" s="1"/>
  <c r="A20834" i="1" s="1"/>
  <c r="A20835" i="1" s="1"/>
  <c r="A20836" i="1" s="1"/>
  <c r="A20837" i="1" s="1"/>
  <c r="A20838" i="1" s="1"/>
  <c r="A20839" i="1" s="1"/>
  <c r="A20840" i="1" s="1"/>
  <c r="A20841" i="1" s="1"/>
  <c r="A20842" i="1" s="1"/>
  <c r="A20843" i="1" s="1"/>
  <c r="A20844" i="1" s="1"/>
  <c r="A20845" i="1" s="1"/>
  <c r="A20846" i="1" s="1"/>
  <c r="A20847" i="1" s="1"/>
  <c r="A20848" i="1" s="1"/>
  <c r="A20849" i="1" s="1"/>
  <c r="A20850" i="1" s="1"/>
  <c r="A20851" i="1" s="1"/>
  <c r="A20852" i="1" s="1"/>
  <c r="A20853" i="1" s="1"/>
  <c r="A20854" i="1" s="1"/>
  <c r="A20855" i="1" s="1"/>
  <c r="A20856" i="1" s="1"/>
  <c r="A20857" i="1" s="1"/>
  <c r="A20858" i="1" s="1"/>
  <c r="A20859" i="1" s="1"/>
  <c r="A20860" i="1" s="1"/>
  <c r="A20861" i="1" s="1"/>
  <c r="A20862" i="1" s="1"/>
  <c r="A20863" i="1" s="1"/>
  <c r="A20864" i="1" s="1"/>
  <c r="A20865" i="1" s="1"/>
  <c r="A20866" i="1" s="1"/>
  <c r="A20867" i="1" s="1"/>
  <c r="A20868" i="1" s="1"/>
  <c r="A20869" i="1" s="1"/>
  <c r="A20870" i="1" s="1"/>
  <c r="A20871" i="1" s="1"/>
  <c r="A20872" i="1" s="1"/>
  <c r="A20873" i="1" s="1"/>
  <c r="A20874" i="1" s="1"/>
  <c r="A20875" i="1" s="1"/>
  <c r="A20876" i="1" s="1"/>
  <c r="A20877" i="1" s="1"/>
  <c r="A20878" i="1" s="1"/>
  <c r="A20879" i="1" s="1"/>
  <c r="A20880" i="1" s="1"/>
  <c r="A20881" i="1" s="1"/>
  <c r="A20882" i="1" s="1"/>
  <c r="A20883" i="1" s="1"/>
  <c r="A20884" i="1" s="1"/>
  <c r="A20885" i="1" s="1"/>
  <c r="A20886" i="1" s="1"/>
  <c r="A20887" i="1" s="1"/>
  <c r="A20888" i="1" s="1"/>
  <c r="A20889" i="1" s="1"/>
  <c r="A20890" i="1" s="1"/>
  <c r="A20891" i="1" s="1"/>
  <c r="A20892" i="1" s="1"/>
  <c r="A20893" i="1" s="1"/>
  <c r="A20894" i="1" s="1"/>
  <c r="A20895" i="1" s="1"/>
  <c r="A20896" i="1" s="1"/>
  <c r="A20897" i="1" s="1"/>
  <c r="A20898" i="1" s="1"/>
  <c r="A20899" i="1" s="1"/>
  <c r="A20900" i="1" s="1"/>
  <c r="A20901" i="1" s="1"/>
  <c r="A20902" i="1" s="1"/>
  <c r="A20903" i="1" s="1"/>
  <c r="A20904" i="1" s="1"/>
  <c r="A20905" i="1" s="1"/>
  <c r="A20906" i="1" s="1"/>
  <c r="A20907" i="1" s="1"/>
  <c r="A20908" i="1" s="1"/>
  <c r="A20909" i="1" s="1"/>
  <c r="A20910" i="1" s="1"/>
  <c r="A20911" i="1" s="1"/>
  <c r="A20912" i="1" s="1"/>
  <c r="A20913" i="1" s="1"/>
  <c r="A20914" i="1" s="1"/>
  <c r="A20915" i="1" s="1"/>
  <c r="A20916" i="1" s="1"/>
  <c r="A20917" i="1" s="1"/>
  <c r="A20918" i="1" s="1"/>
  <c r="A20919" i="1" s="1"/>
  <c r="A20920" i="1" s="1"/>
  <c r="A20921" i="1" s="1"/>
  <c r="A20922" i="1" s="1"/>
  <c r="A20923" i="1" s="1"/>
  <c r="A20924" i="1" s="1"/>
  <c r="A20925" i="1" s="1"/>
  <c r="A20926" i="1" s="1"/>
  <c r="A20927" i="1" s="1"/>
  <c r="A20928" i="1" s="1"/>
  <c r="A20929" i="1" s="1"/>
  <c r="A20930" i="1" s="1"/>
  <c r="A20931" i="1" s="1"/>
  <c r="A20932" i="1" s="1"/>
  <c r="A20933" i="1" s="1"/>
  <c r="A20934" i="1" s="1"/>
  <c r="A20935" i="1" s="1"/>
  <c r="A20936" i="1" s="1"/>
  <c r="A20937" i="1" s="1"/>
  <c r="A20938" i="1" s="1"/>
  <c r="A20939" i="1" s="1"/>
  <c r="A20940" i="1" s="1"/>
  <c r="A20941" i="1" s="1"/>
  <c r="A20942" i="1" s="1"/>
  <c r="A20943" i="1" s="1"/>
  <c r="A20944" i="1" s="1"/>
  <c r="A20945" i="1" s="1"/>
  <c r="A20946" i="1" s="1"/>
  <c r="A20947" i="1" s="1"/>
  <c r="A20948" i="1" s="1"/>
  <c r="A20949" i="1" s="1"/>
  <c r="A20950" i="1" s="1"/>
  <c r="A20951" i="1" s="1"/>
  <c r="A20952" i="1" s="1"/>
  <c r="A20953" i="1" s="1"/>
  <c r="A20954" i="1" s="1"/>
  <c r="A20955" i="1" s="1"/>
  <c r="A20956" i="1" s="1"/>
  <c r="A20957" i="1" s="1"/>
  <c r="A20958" i="1" s="1"/>
  <c r="A20959" i="1" s="1"/>
  <c r="A20960" i="1" s="1"/>
  <c r="A20961" i="1" s="1"/>
  <c r="A20962" i="1" s="1"/>
  <c r="A20963" i="1" s="1"/>
  <c r="A20964" i="1" s="1"/>
  <c r="A20965" i="1" s="1"/>
  <c r="A20966" i="1" s="1"/>
  <c r="A20967" i="1" s="1"/>
  <c r="A20968" i="1" s="1"/>
  <c r="A20969" i="1" s="1"/>
  <c r="A20970" i="1" s="1"/>
  <c r="A20971" i="1" s="1"/>
  <c r="A20972" i="1" s="1"/>
  <c r="A20973" i="1" s="1"/>
  <c r="A20974" i="1" s="1"/>
  <c r="A20975" i="1" s="1"/>
  <c r="A20976" i="1" s="1"/>
  <c r="A20977" i="1" s="1"/>
  <c r="A20978" i="1" s="1"/>
  <c r="A20979" i="1" s="1"/>
  <c r="A20980" i="1" s="1"/>
  <c r="A20981" i="1" s="1"/>
  <c r="A20982" i="1" s="1"/>
  <c r="A20983" i="1" s="1"/>
  <c r="A20984" i="1" s="1"/>
  <c r="A20985" i="1" s="1"/>
  <c r="A20986" i="1" s="1"/>
  <c r="A20987" i="1" s="1"/>
  <c r="A20988" i="1" s="1"/>
  <c r="A20989" i="1" s="1"/>
  <c r="A20990" i="1" s="1"/>
  <c r="A20991" i="1" s="1"/>
  <c r="A20992" i="1" s="1"/>
  <c r="A20993" i="1" s="1"/>
  <c r="A20994" i="1" s="1"/>
  <c r="A20995" i="1" s="1"/>
  <c r="A20996" i="1" s="1"/>
  <c r="A20997" i="1" s="1"/>
  <c r="A20998" i="1" s="1"/>
  <c r="A20999" i="1" s="1"/>
  <c r="A21000" i="1" s="1"/>
  <c r="A21001" i="1" s="1"/>
  <c r="A21002" i="1" s="1"/>
  <c r="A21003" i="1" s="1"/>
  <c r="A21004" i="1" s="1"/>
  <c r="A21005" i="1" s="1"/>
  <c r="A21006" i="1" s="1"/>
  <c r="A21007" i="1" s="1"/>
  <c r="A21008" i="1" s="1"/>
  <c r="A21009" i="1" s="1"/>
  <c r="A21010" i="1" s="1"/>
  <c r="A21011" i="1" s="1"/>
  <c r="A21012" i="1" s="1"/>
  <c r="A21013" i="1" s="1"/>
  <c r="A21014" i="1" s="1"/>
  <c r="A21015" i="1" s="1"/>
  <c r="A21016" i="1" s="1"/>
  <c r="A21017" i="1" s="1"/>
  <c r="A21018" i="1" s="1"/>
  <c r="A21019" i="1" s="1"/>
  <c r="A21020" i="1" s="1"/>
  <c r="A21021" i="1" s="1"/>
  <c r="A21022" i="1" s="1"/>
  <c r="A21023" i="1" s="1"/>
  <c r="A21024" i="1" s="1"/>
  <c r="A21025" i="1" s="1"/>
  <c r="A21026" i="1" s="1"/>
  <c r="A21027" i="1" s="1"/>
  <c r="A21028" i="1" s="1"/>
  <c r="A21029" i="1" s="1"/>
  <c r="A21030" i="1" s="1"/>
  <c r="A21031" i="1" s="1"/>
  <c r="A21032" i="1" s="1"/>
  <c r="A21033" i="1" s="1"/>
  <c r="A21034" i="1" s="1"/>
  <c r="A21035" i="1" s="1"/>
  <c r="A21036" i="1" s="1"/>
  <c r="A21037" i="1" s="1"/>
  <c r="A21038" i="1" s="1"/>
  <c r="A21039" i="1" s="1"/>
  <c r="A21040" i="1" s="1"/>
  <c r="A21041" i="1" s="1"/>
  <c r="A21042" i="1" s="1"/>
  <c r="A21043" i="1" s="1"/>
  <c r="A21044" i="1" s="1"/>
  <c r="A21045" i="1" s="1"/>
  <c r="A21046" i="1" s="1"/>
  <c r="A21047" i="1" s="1"/>
  <c r="A21048" i="1" s="1"/>
  <c r="A21049" i="1" s="1"/>
  <c r="A21050" i="1" s="1"/>
  <c r="A21051" i="1" s="1"/>
  <c r="A21052" i="1" s="1"/>
  <c r="A21053" i="1" s="1"/>
  <c r="A21054" i="1" s="1"/>
  <c r="A21055" i="1" s="1"/>
  <c r="A21056" i="1" s="1"/>
  <c r="A21057" i="1" s="1"/>
  <c r="A21058" i="1" s="1"/>
  <c r="A21059" i="1" s="1"/>
  <c r="A21060" i="1" s="1"/>
  <c r="A21061" i="1" s="1"/>
  <c r="A21062" i="1" s="1"/>
  <c r="A21063" i="1" s="1"/>
  <c r="A21064" i="1" s="1"/>
  <c r="A21065" i="1" s="1"/>
  <c r="A21066" i="1" s="1"/>
  <c r="A21067" i="1" s="1"/>
  <c r="A21068" i="1" s="1"/>
  <c r="A21069" i="1" s="1"/>
  <c r="A21070" i="1" s="1"/>
  <c r="A21071" i="1" s="1"/>
  <c r="A21072" i="1" s="1"/>
  <c r="A21073" i="1" s="1"/>
  <c r="A21074" i="1" s="1"/>
  <c r="A21075" i="1" s="1"/>
  <c r="A21076" i="1" s="1"/>
  <c r="A21077" i="1" s="1"/>
  <c r="A21078" i="1" s="1"/>
  <c r="A21079" i="1" s="1"/>
  <c r="A21080" i="1" s="1"/>
  <c r="A21081" i="1" s="1"/>
  <c r="A21082" i="1" s="1"/>
  <c r="A21083" i="1" s="1"/>
  <c r="A21084" i="1" s="1"/>
  <c r="A21085" i="1" s="1"/>
  <c r="A21086" i="1" s="1"/>
  <c r="A21087" i="1" s="1"/>
  <c r="A21088" i="1" s="1"/>
  <c r="A21089" i="1" s="1"/>
  <c r="A21090" i="1" s="1"/>
  <c r="A21091" i="1" s="1"/>
  <c r="A21092" i="1" s="1"/>
  <c r="A21093" i="1" s="1"/>
  <c r="A21094" i="1" s="1"/>
  <c r="A21095" i="1" s="1"/>
  <c r="A21096" i="1" s="1"/>
  <c r="A21097" i="1" s="1"/>
  <c r="A21098" i="1" s="1"/>
  <c r="A21099" i="1" s="1"/>
  <c r="A21100" i="1" s="1"/>
  <c r="A21101" i="1" s="1"/>
  <c r="A21102" i="1" s="1"/>
  <c r="A21103" i="1" s="1"/>
  <c r="A21104" i="1" s="1"/>
  <c r="A21105" i="1" s="1"/>
  <c r="A21106" i="1" s="1"/>
  <c r="A21107" i="1" s="1"/>
  <c r="A21108" i="1" s="1"/>
  <c r="A21109" i="1" s="1"/>
  <c r="A21110" i="1" s="1"/>
  <c r="A21111" i="1" s="1"/>
  <c r="A21112" i="1" s="1"/>
  <c r="A21113" i="1" s="1"/>
  <c r="A21114" i="1" s="1"/>
  <c r="A21115" i="1" s="1"/>
  <c r="A21116" i="1" s="1"/>
  <c r="A21117" i="1" s="1"/>
  <c r="A21118" i="1" s="1"/>
  <c r="A21119" i="1" s="1"/>
  <c r="A21120" i="1" s="1"/>
  <c r="A21121" i="1" s="1"/>
  <c r="A21122" i="1" s="1"/>
  <c r="A21123" i="1" s="1"/>
  <c r="A21124" i="1" s="1"/>
  <c r="A21125" i="1" s="1"/>
  <c r="A21126" i="1" s="1"/>
  <c r="A21127" i="1" s="1"/>
  <c r="A21128" i="1" s="1"/>
  <c r="A21129" i="1" s="1"/>
  <c r="A21130" i="1" s="1"/>
  <c r="A21131" i="1" s="1"/>
  <c r="A21132" i="1" s="1"/>
  <c r="A21133" i="1" s="1"/>
  <c r="A21134" i="1" s="1"/>
  <c r="A21135" i="1" s="1"/>
  <c r="A21136" i="1" s="1"/>
  <c r="A21137" i="1" s="1"/>
  <c r="A21138" i="1" s="1"/>
  <c r="A21139" i="1" s="1"/>
  <c r="A21140" i="1" s="1"/>
  <c r="A21141" i="1" s="1"/>
  <c r="A21142" i="1" s="1"/>
  <c r="A21143" i="1" s="1"/>
  <c r="A21144" i="1" s="1"/>
  <c r="A21145" i="1" s="1"/>
  <c r="A21146" i="1" s="1"/>
  <c r="A21147" i="1" s="1"/>
  <c r="A21148" i="1" s="1"/>
  <c r="A21149" i="1" s="1"/>
  <c r="A21150" i="1" s="1"/>
  <c r="A21151" i="1" s="1"/>
  <c r="A21152" i="1" s="1"/>
  <c r="A21153" i="1" s="1"/>
  <c r="A21154" i="1" s="1"/>
  <c r="A21155" i="1" s="1"/>
  <c r="A21156" i="1" s="1"/>
  <c r="A21157" i="1" s="1"/>
  <c r="A21158" i="1" s="1"/>
  <c r="A21159" i="1" s="1"/>
  <c r="A21160" i="1" s="1"/>
  <c r="A21161" i="1" s="1"/>
  <c r="A21162" i="1" s="1"/>
  <c r="A21163" i="1" s="1"/>
  <c r="A21164" i="1" s="1"/>
  <c r="A21165" i="1" s="1"/>
  <c r="A21166" i="1" s="1"/>
  <c r="A21167" i="1" s="1"/>
  <c r="A21168" i="1" s="1"/>
  <c r="A21169" i="1" s="1"/>
  <c r="A21170" i="1" s="1"/>
  <c r="A21171" i="1" s="1"/>
  <c r="A21172" i="1" s="1"/>
  <c r="A21173" i="1" s="1"/>
  <c r="A21174" i="1" s="1"/>
  <c r="A21175" i="1" s="1"/>
  <c r="A21176" i="1" s="1"/>
  <c r="A21177" i="1" s="1"/>
  <c r="A21178" i="1" s="1"/>
  <c r="A21179" i="1" s="1"/>
  <c r="A21180" i="1" s="1"/>
  <c r="A21181" i="1" s="1"/>
  <c r="A21182" i="1" s="1"/>
  <c r="A21183" i="1" s="1"/>
  <c r="A21184" i="1" s="1"/>
  <c r="A21185" i="1" s="1"/>
  <c r="A21186" i="1" s="1"/>
  <c r="A21187" i="1" s="1"/>
  <c r="A21188" i="1" s="1"/>
  <c r="A21189" i="1" s="1"/>
  <c r="A21190" i="1" s="1"/>
  <c r="A21191" i="1" s="1"/>
  <c r="A21192" i="1" s="1"/>
  <c r="A21193" i="1" s="1"/>
  <c r="A21194" i="1" s="1"/>
  <c r="A21195" i="1" s="1"/>
  <c r="A21196" i="1" s="1"/>
  <c r="A21197" i="1" s="1"/>
  <c r="A21198" i="1" s="1"/>
  <c r="A21199" i="1" s="1"/>
  <c r="A21200" i="1" s="1"/>
  <c r="A21201" i="1" s="1"/>
  <c r="A21202" i="1" s="1"/>
  <c r="A21203" i="1" s="1"/>
  <c r="A21204" i="1" s="1"/>
  <c r="A21205" i="1" s="1"/>
  <c r="A21206" i="1" s="1"/>
  <c r="A21207" i="1" s="1"/>
  <c r="A21208" i="1" s="1"/>
  <c r="A21209" i="1" s="1"/>
  <c r="A21210" i="1" s="1"/>
  <c r="A21211" i="1" s="1"/>
  <c r="A21212" i="1" s="1"/>
  <c r="A21213" i="1" s="1"/>
  <c r="A21214" i="1" s="1"/>
  <c r="A21215" i="1" s="1"/>
  <c r="A21216" i="1" s="1"/>
  <c r="A21217" i="1" s="1"/>
  <c r="A21218" i="1" s="1"/>
  <c r="A21219" i="1" s="1"/>
  <c r="A21220" i="1" s="1"/>
  <c r="A21221" i="1" s="1"/>
  <c r="A21222" i="1" s="1"/>
  <c r="A21223" i="1" s="1"/>
  <c r="A21224" i="1" s="1"/>
  <c r="A21225" i="1" s="1"/>
  <c r="A21226" i="1" s="1"/>
  <c r="A21227" i="1" s="1"/>
  <c r="A21228" i="1" s="1"/>
  <c r="A21229" i="1" s="1"/>
  <c r="A21230" i="1" s="1"/>
  <c r="A21231" i="1" s="1"/>
  <c r="A21232" i="1" s="1"/>
  <c r="A21233" i="1" s="1"/>
  <c r="A21234" i="1" s="1"/>
  <c r="A21235" i="1" s="1"/>
  <c r="A21236" i="1" s="1"/>
  <c r="A21237" i="1" s="1"/>
  <c r="A21238" i="1" s="1"/>
  <c r="A21239" i="1" s="1"/>
  <c r="A21240" i="1" s="1"/>
  <c r="A21241" i="1" s="1"/>
  <c r="A21242" i="1" s="1"/>
  <c r="A21243" i="1" s="1"/>
  <c r="A21244" i="1" s="1"/>
  <c r="A21245" i="1" s="1"/>
  <c r="A21246" i="1" s="1"/>
  <c r="A21247" i="1" s="1"/>
  <c r="A21248" i="1" s="1"/>
  <c r="A21249" i="1" s="1"/>
  <c r="A21250" i="1" s="1"/>
  <c r="A21251" i="1" s="1"/>
  <c r="A21252" i="1" s="1"/>
  <c r="A21253" i="1" s="1"/>
  <c r="A21254" i="1" s="1"/>
  <c r="A21255" i="1" s="1"/>
  <c r="A21256" i="1" s="1"/>
  <c r="A21257" i="1" s="1"/>
  <c r="A21258" i="1" s="1"/>
  <c r="A21259" i="1" s="1"/>
  <c r="A21260" i="1" s="1"/>
  <c r="A21261" i="1" s="1"/>
  <c r="A21262" i="1" s="1"/>
  <c r="A21263" i="1" s="1"/>
  <c r="A21264" i="1" s="1"/>
  <c r="A21265" i="1" s="1"/>
  <c r="A21266" i="1" s="1"/>
  <c r="A21267" i="1" s="1"/>
  <c r="A21268" i="1" s="1"/>
  <c r="A21269" i="1" s="1"/>
  <c r="A21270" i="1" s="1"/>
  <c r="A21271" i="1" s="1"/>
  <c r="A21272" i="1" s="1"/>
  <c r="A21273" i="1" s="1"/>
  <c r="A21274" i="1" s="1"/>
  <c r="A21275" i="1" s="1"/>
  <c r="A21276" i="1" s="1"/>
  <c r="A21277" i="1" s="1"/>
  <c r="A21278" i="1" s="1"/>
  <c r="A21279" i="1" s="1"/>
  <c r="A21280" i="1" s="1"/>
  <c r="A21281" i="1" s="1"/>
  <c r="A21282" i="1" s="1"/>
  <c r="A21283" i="1" s="1"/>
  <c r="A21284" i="1" s="1"/>
  <c r="A21285" i="1" s="1"/>
  <c r="A21286" i="1" s="1"/>
  <c r="A21287" i="1" s="1"/>
  <c r="A21288" i="1" s="1"/>
  <c r="A21289" i="1" s="1"/>
  <c r="A21290" i="1" s="1"/>
  <c r="A21291" i="1" s="1"/>
  <c r="A21292" i="1" s="1"/>
  <c r="A21293" i="1" s="1"/>
  <c r="A21294" i="1" s="1"/>
  <c r="A21295" i="1" s="1"/>
  <c r="A21296" i="1" s="1"/>
  <c r="A21297" i="1" s="1"/>
  <c r="A21298" i="1" s="1"/>
  <c r="A21299" i="1" s="1"/>
  <c r="A21300" i="1" s="1"/>
  <c r="A21301" i="1" s="1"/>
  <c r="A21302" i="1" s="1"/>
  <c r="A21303" i="1" s="1"/>
  <c r="A21304" i="1" s="1"/>
  <c r="A21305" i="1" s="1"/>
  <c r="A21306" i="1" s="1"/>
  <c r="A21307" i="1" s="1"/>
  <c r="A21308" i="1" s="1"/>
  <c r="A21309" i="1" s="1"/>
  <c r="A21310" i="1" s="1"/>
  <c r="A21311" i="1" s="1"/>
  <c r="A21312" i="1" s="1"/>
  <c r="A21313" i="1" s="1"/>
  <c r="A21314" i="1" s="1"/>
  <c r="A21315" i="1" s="1"/>
  <c r="A21316" i="1" s="1"/>
  <c r="A21317" i="1" s="1"/>
  <c r="A21318" i="1" s="1"/>
  <c r="A21319" i="1" s="1"/>
  <c r="A21320" i="1" s="1"/>
  <c r="A21321" i="1" s="1"/>
  <c r="A21322" i="1" s="1"/>
  <c r="A21323" i="1" s="1"/>
  <c r="A21324" i="1" s="1"/>
  <c r="A21325" i="1" s="1"/>
  <c r="A21326" i="1" s="1"/>
  <c r="A21327" i="1" s="1"/>
  <c r="A21328" i="1" s="1"/>
  <c r="A21329" i="1" s="1"/>
  <c r="A21330" i="1" s="1"/>
  <c r="A21331" i="1" s="1"/>
  <c r="A21332" i="1" s="1"/>
  <c r="A21333" i="1" s="1"/>
  <c r="A21334" i="1" s="1"/>
  <c r="A21335" i="1" s="1"/>
  <c r="A21336" i="1" s="1"/>
  <c r="A21337" i="1" s="1"/>
  <c r="A21338" i="1" s="1"/>
  <c r="A21339" i="1" s="1"/>
  <c r="A21340" i="1" s="1"/>
  <c r="A21341" i="1" s="1"/>
  <c r="A21342" i="1" s="1"/>
  <c r="A21343" i="1" s="1"/>
  <c r="A21344" i="1" s="1"/>
  <c r="A21345" i="1" s="1"/>
  <c r="A21346" i="1" s="1"/>
  <c r="A21347" i="1" s="1"/>
  <c r="A21348" i="1" s="1"/>
  <c r="A21349" i="1" s="1"/>
  <c r="A21350" i="1" s="1"/>
  <c r="A21351" i="1" s="1"/>
  <c r="A21352" i="1" s="1"/>
  <c r="A21353" i="1" s="1"/>
  <c r="A21354" i="1" s="1"/>
  <c r="A21355" i="1" s="1"/>
  <c r="A21356" i="1" s="1"/>
  <c r="A21357" i="1" s="1"/>
  <c r="A21358" i="1" s="1"/>
  <c r="A21359" i="1" s="1"/>
  <c r="A21360" i="1" s="1"/>
  <c r="A21361" i="1" s="1"/>
  <c r="A21362" i="1" s="1"/>
  <c r="A21363" i="1" s="1"/>
  <c r="A21364" i="1" s="1"/>
  <c r="A21365" i="1" s="1"/>
  <c r="A21366" i="1" s="1"/>
  <c r="A21367" i="1" s="1"/>
  <c r="A21368" i="1" s="1"/>
  <c r="A21369" i="1" s="1"/>
  <c r="A21370" i="1" s="1"/>
  <c r="A21371" i="1" s="1"/>
  <c r="A21372" i="1" s="1"/>
  <c r="A21373" i="1" s="1"/>
  <c r="A21374" i="1" s="1"/>
  <c r="A21375" i="1" s="1"/>
  <c r="A21376" i="1" s="1"/>
  <c r="A21377" i="1" s="1"/>
  <c r="A21378" i="1" s="1"/>
  <c r="A21379" i="1" s="1"/>
  <c r="A21380" i="1" s="1"/>
  <c r="A21381" i="1" s="1"/>
  <c r="A21382" i="1" s="1"/>
  <c r="A21383" i="1" s="1"/>
  <c r="A21384" i="1" s="1"/>
  <c r="A21385" i="1" s="1"/>
  <c r="A21386" i="1" s="1"/>
  <c r="A21387" i="1" s="1"/>
  <c r="A21388" i="1" s="1"/>
  <c r="A21389" i="1" s="1"/>
  <c r="A21390" i="1" s="1"/>
  <c r="A21391" i="1" s="1"/>
  <c r="A21392" i="1" s="1"/>
  <c r="A21393" i="1" s="1"/>
  <c r="A21394" i="1" s="1"/>
  <c r="A21395" i="1" s="1"/>
  <c r="A21396" i="1" s="1"/>
  <c r="A21397" i="1" s="1"/>
  <c r="A21398" i="1" s="1"/>
  <c r="A21399" i="1" s="1"/>
  <c r="A21400" i="1" s="1"/>
  <c r="A21401" i="1" s="1"/>
  <c r="A21402" i="1" s="1"/>
  <c r="A21403" i="1" s="1"/>
  <c r="A21404" i="1" s="1"/>
  <c r="A21405" i="1" s="1"/>
  <c r="A21406" i="1" s="1"/>
  <c r="A21407" i="1" s="1"/>
  <c r="A21408" i="1" s="1"/>
  <c r="A21409" i="1" s="1"/>
  <c r="A21410" i="1" s="1"/>
  <c r="A21411" i="1" s="1"/>
  <c r="A21412" i="1" s="1"/>
  <c r="A21413" i="1" s="1"/>
  <c r="A21414" i="1" s="1"/>
  <c r="A21415" i="1" s="1"/>
  <c r="A21416" i="1" s="1"/>
  <c r="A21417" i="1" s="1"/>
  <c r="A21418" i="1" s="1"/>
  <c r="A21419" i="1" s="1"/>
  <c r="A21420" i="1" s="1"/>
  <c r="A21421" i="1" s="1"/>
  <c r="A21422" i="1" s="1"/>
  <c r="A21423" i="1" s="1"/>
  <c r="A21424" i="1" s="1"/>
  <c r="A21425" i="1" s="1"/>
  <c r="A21426" i="1" s="1"/>
  <c r="A21427" i="1" s="1"/>
  <c r="A21428" i="1" s="1"/>
  <c r="A21429" i="1" s="1"/>
  <c r="A21430" i="1" s="1"/>
  <c r="A21431" i="1" s="1"/>
  <c r="A21432" i="1" s="1"/>
  <c r="A21433" i="1" s="1"/>
  <c r="A21434" i="1" s="1"/>
  <c r="A21435" i="1" s="1"/>
  <c r="A21436" i="1" s="1"/>
  <c r="A21437" i="1" s="1"/>
  <c r="A21438" i="1" s="1"/>
  <c r="A21439" i="1" s="1"/>
  <c r="A21440" i="1" s="1"/>
  <c r="A21441" i="1" s="1"/>
  <c r="A21442" i="1" s="1"/>
  <c r="A21443" i="1" s="1"/>
  <c r="A21444" i="1" s="1"/>
  <c r="A21445" i="1" s="1"/>
  <c r="A21446" i="1" s="1"/>
  <c r="A21447" i="1" s="1"/>
  <c r="A21448" i="1" s="1"/>
  <c r="A21449" i="1" s="1"/>
  <c r="A21450" i="1" s="1"/>
  <c r="A21451" i="1" s="1"/>
  <c r="A21452" i="1" s="1"/>
  <c r="A21453" i="1" s="1"/>
  <c r="A21454" i="1" s="1"/>
  <c r="A21455" i="1" s="1"/>
  <c r="A21456" i="1" s="1"/>
  <c r="A21457" i="1" s="1"/>
  <c r="A21458" i="1" s="1"/>
  <c r="A21459" i="1" s="1"/>
  <c r="A21460" i="1" s="1"/>
  <c r="A21461" i="1" s="1"/>
  <c r="A21462" i="1" s="1"/>
  <c r="A21463" i="1" s="1"/>
  <c r="A21464" i="1" s="1"/>
  <c r="A21465" i="1" s="1"/>
  <c r="A21466" i="1" s="1"/>
  <c r="A21467" i="1" s="1"/>
  <c r="A21468" i="1" s="1"/>
  <c r="A21469" i="1" s="1"/>
  <c r="A21470" i="1" s="1"/>
  <c r="A21471" i="1" s="1"/>
  <c r="A21472" i="1" s="1"/>
  <c r="A21473" i="1" s="1"/>
  <c r="A21474" i="1" s="1"/>
  <c r="A21475" i="1" s="1"/>
  <c r="A21476" i="1" s="1"/>
  <c r="A21477" i="1" s="1"/>
  <c r="A21478" i="1" s="1"/>
  <c r="A21479" i="1" s="1"/>
  <c r="A21480" i="1" s="1"/>
  <c r="A21481" i="1" s="1"/>
  <c r="A21482" i="1" s="1"/>
  <c r="A21483" i="1" s="1"/>
  <c r="A21484" i="1" s="1"/>
  <c r="A21485" i="1" s="1"/>
  <c r="A21486" i="1" s="1"/>
  <c r="A21487" i="1" s="1"/>
  <c r="A21488" i="1" s="1"/>
  <c r="A21489" i="1" s="1"/>
  <c r="A21490" i="1" s="1"/>
  <c r="A21491" i="1" s="1"/>
  <c r="A21492" i="1" s="1"/>
  <c r="A21493" i="1" s="1"/>
  <c r="A21494" i="1" s="1"/>
  <c r="A21495" i="1" s="1"/>
  <c r="A21496" i="1" s="1"/>
  <c r="A21497" i="1" s="1"/>
  <c r="A21498" i="1" s="1"/>
  <c r="A21499" i="1" s="1"/>
  <c r="A21500" i="1" s="1"/>
  <c r="A21501" i="1" s="1"/>
  <c r="A21502" i="1" s="1"/>
  <c r="A21503" i="1" s="1"/>
  <c r="A21504" i="1" s="1"/>
  <c r="A21505" i="1" s="1"/>
  <c r="A21506" i="1" s="1"/>
  <c r="A21507" i="1" s="1"/>
  <c r="A21508" i="1" s="1"/>
  <c r="A21509" i="1" s="1"/>
  <c r="A21510" i="1" s="1"/>
  <c r="A21511" i="1" s="1"/>
  <c r="A21512" i="1" s="1"/>
  <c r="A21513" i="1" s="1"/>
  <c r="A21514" i="1" s="1"/>
  <c r="A21515" i="1" s="1"/>
  <c r="A21516" i="1" s="1"/>
  <c r="A21517" i="1" s="1"/>
  <c r="A21518" i="1" s="1"/>
  <c r="A21519" i="1" s="1"/>
  <c r="A21520" i="1" s="1"/>
  <c r="A21521" i="1" s="1"/>
  <c r="A21522" i="1" s="1"/>
  <c r="A21523" i="1" s="1"/>
  <c r="A21524" i="1" s="1"/>
  <c r="A21525" i="1" s="1"/>
  <c r="A21526" i="1" s="1"/>
  <c r="A21527" i="1" s="1"/>
  <c r="A21528" i="1" s="1"/>
  <c r="A21529" i="1" s="1"/>
  <c r="A21530" i="1" s="1"/>
  <c r="A21531" i="1" s="1"/>
  <c r="A21532" i="1" s="1"/>
  <c r="A21533" i="1" s="1"/>
  <c r="A21534" i="1" s="1"/>
  <c r="A21535" i="1" s="1"/>
  <c r="A21536" i="1" s="1"/>
  <c r="A21537" i="1" s="1"/>
  <c r="A21538" i="1" s="1"/>
  <c r="A21539" i="1" s="1"/>
  <c r="A21540" i="1" s="1"/>
  <c r="A21541" i="1" s="1"/>
  <c r="A21542" i="1" s="1"/>
  <c r="A21543" i="1" s="1"/>
  <c r="A21544" i="1" s="1"/>
  <c r="A21545" i="1" s="1"/>
  <c r="A21546" i="1" s="1"/>
  <c r="A21547" i="1" s="1"/>
  <c r="A21548" i="1" s="1"/>
  <c r="A21549" i="1" s="1"/>
  <c r="A21550" i="1" s="1"/>
  <c r="A21551" i="1" s="1"/>
  <c r="A21552" i="1" s="1"/>
  <c r="A21553" i="1" s="1"/>
  <c r="A21554" i="1" s="1"/>
  <c r="A21555" i="1" s="1"/>
  <c r="A21556" i="1" s="1"/>
  <c r="A21557" i="1" s="1"/>
  <c r="A21558" i="1" s="1"/>
  <c r="A21559" i="1" s="1"/>
  <c r="A21560" i="1" s="1"/>
  <c r="A21561" i="1" s="1"/>
  <c r="A21562" i="1" s="1"/>
  <c r="A21563" i="1" s="1"/>
  <c r="A21564" i="1" s="1"/>
  <c r="A21565" i="1" s="1"/>
  <c r="A21566" i="1" s="1"/>
  <c r="A21567" i="1" s="1"/>
  <c r="A21568" i="1" s="1"/>
  <c r="A21569" i="1" s="1"/>
  <c r="A21570" i="1" s="1"/>
  <c r="A21571" i="1" s="1"/>
  <c r="A21572" i="1" s="1"/>
  <c r="A21573" i="1" s="1"/>
  <c r="A21574" i="1" s="1"/>
  <c r="A21575" i="1" s="1"/>
  <c r="A21576" i="1" s="1"/>
  <c r="A21577" i="1" s="1"/>
  <c r="A21578" i="1" s="1"/>
  <c r="A21579" i="1" s="1"/>
  <c r="A21580" i="1" s="1"/>
  <c r="A21581" i="1" s="1"/>
  <c r="A21582" i="1" s="1"/>
  <c r="A21583" i="1" s="1"/>
  <c r="A21584" i="1" s="1"/>
  <c r="A21585" i="1" s="1"/>
  <c r="A21586" i="1" s="1"/>
  <c r="A21587" i="1" s="1"/>
  <c r="A21588" i="1" s="1"/>
  <c r="A21589" i="1" s="1"/>
  <c r="A21590" i="1" s="1"/>
  <c r="A21591" i="1" s="1"/>
  <c r="A21592" i="1" s="1"/>
  <c r="A21593" i="1" s="1"/>
  <c r="A21594" i="1" s="1"/>
  <c r="A21595" i="1" s="1"/>
  <c r="A21596" i="1" s="1"/>
  <c r="A21597" i="1" s="1"/>
  <c r="A21598" i="1" s="1"/>
  <c r="A21599" i="1" s="1"/>
  <c r="A21600" i="1" s="1"/>
  <c r="A21601" i="1" s="1"/>
  <c r="A21602" i="1" s="1"/>
  <c r="A21603" i="1" s="1"/>
  <c r="A21604" i="1" s="1"/>
  <c r="A21605" i="1" s="1"/>
  <c r="A21606" i="1" s="1"/>
  <c r="A21607" i="1" s="1"/>
  <c r="A21608" i="1" s="1"/>
  <c r="A21609" i="1" s="1"/>
  <c r="A21610" i="1" s="1"/>
  <c r="A21611" i="1" s="1"/>
  <c r="A21612" i="1" s="1"/>
  <c r="A21613" i="1" s="1"/>
  <c r="A21614" i="1" s="1"/>
  <c r="A21615" i="1" s="1"/>
  <c r="A21616" i="1" s="1"/>
  <c r="A21617" i="1" s="1"/>
  <c r="A21618" i="1" s="1"/>
  <c r="A21619" i="1" s="1"/>
  <c r="A21620" i="1" s="1"/>
  <c r="A21621" i="1" s="1"/>
  <c r="A21622" i="1" s="1"/>
  <c r="A21623" i="1" s="1"/>
  <c r="A21624" i="1" s="1"/>
  <c r="A21625" i="1" s="1"/>
  <c r="A21626" i="1" s="1"/>
  <c r="A21627" i="1" s="1"/>
  <c r="A21628" i="1" s="1"/>
  <c r="A21629" i="1" s="1"/>
  <c r="A21630" i="1" s="1"/>
  <c r="A21631" i="1" s="1"/>
  <c r="A21632" i="1" s="1"/>
  <c r="A21633" i="1" s="1"/>
  <c r="A21634" i="1" s="1"/>
  <c r="A21635" i="1" s="1"/>
  <c r="A21636" i="1" s="1"/>
  <c r="A21637" i="1" s="1"/>
  <c r="A21638" i="1" s="1"/>
  <c r="A21639" i="1" s="1"/>
  <c r="A21640" i="1" s="1"/>
  <c r="A21641" i="1" s="1"/>
  <c r="A21642" i="1" s="1"/>
  <c r="A21643" i="1" s="1"/>
  <c r="A21644" i="1" s="1"/>
  <c r="A21645" i="1" s="1"/>
  <c r="A21646" i="1" s="1"/>
  <c r="A21647" i="1" s="1"/>
  <c r="A21648" i="1" s="1"/>
  <c r="A21649" i="1" s="1"/>
  <c r="A21650" i="1" s="1"/>
  <c r="A21651" i="1" s="1"/>
  <c r="A21652" i="1" s="1"/>
  <c r="A21653" i="1" s="1"/>
  <c r="A21654" i="1" s="1"/>
  <c r="A21655" i="1" s="1"/>
  <c r="A21656" i="1" s="1"/>
  <c r="A21657" i="1" s="1"/>
  <c r="A21658" i="1" s="1"/>
  <c r="A21659" i="1" s="1"/>
  <c r="A21660" i="1" s="1"/>
  <c r="A21661" i="1" s="1"/>
  <c r="A21662" i="1" s="1"/>
  <c r="A21663" i="1" s="1"/>
  <c r="A21664" i="1" s="1"/>
  <c r="A21665" i="1" s="1"/>
  <c r="A21666" i="1" s="1"/>
  <c r="A21667" i="1" s="1"/>
  <c r="A21668" i="1" s="1"/>
  <c r="A21669" i="1" s="1"/>
  <c r="A21670" i="1" s="1"/>
  <c r="A21671" i="1" s="1"/>
  <c r="A21672" i="1" s="1"/>
  <c r="A21673" i="1" s="1"/>
  <c r="A21674" i="1" s="1"/>
  <c r="A21675" i="1" s="1"/>
  <c r="A21676" i="1" s="1"/>
  <c r="A21677" i="1" s="1"/>
  <c r="A21678" i="1" s="1"/>
  <c r="A21679" i="1" s="1"/>
  <c r="A21680" i="1" s="1"/>
  <c r="A21681" i="1" s="1"/>
  <c r="A21682" i="1" s="1"/>
  <c r="A21683" i="1" s="1"/>
  <c r="A21684" i="1" s="1"/>
  <c r="A21685" i="1" s="1"/>
  <c r="A21686" i="1" s="1"/>
  <c r="A21687" i="1" s="1"/>
  <c r="A21688" i="1" s="1"/>
  <c r="A21689" i="1" s="1"/>
  <c r="A21690" i="1" s="1"/>
  <c r="A21691" i="1" s="1"/>
  <c r="A21692" i="1" s="1"/>
  <c r="A21693" i="1" s="1"/>
  <c r="A21694" i="1" s="1"/>
  <c r="A21695" i="1" s="1"/>
  <c r="A21696" i="1" s="1"/>
  <c r="A21697" i="1" s="1"/>
  <c r="A21698" i="1" s="1"/>
  <c r="A21699" i="1" s="1"/>
  <c r="A21700" i="1" s="1"/>
  <c r="A21701" i="1" s="1"/>
  <c r="A21702" i="1" s="1"/>
  <c r="A21703" i="1" s="1"/>
  <c r="A21704" i="1" s="1"/>
  <c r="A21705" i="1" s="1"/>
  <c r="A21706" i="1" s="1"/>
  <c r="A21707" i="1" s="1"/>
  <c r="A21708" i="1" s="1"/>
  <c r="A21709" i="1" s="1"/>
  <c r="A21710" i="1" s="1"/>
  <c r="A21711" i="1" s="1"/>
  <c r="A21712" i="1" s="1"/>
  <c r="A21713" i="1" s="1"/>
  <c r="A21714" i="1" s="1"/>
  <c r="A21715" i="1" s="1"/>
  <c r="A21716" i="1" s="1"/>
  <c r="A21717" i="1" s="1"/>
  <c r="A21718" i="1" s="1"/>
  <c r="A21719" i="1" s="1"/>
  <c r="A21720" i="1" s="1"/>
  <c r="A21721" i="1" s="1"/>
  <c r="A21722" i="1" s="1"/>
  <c r="A21723" i="1" s="1"/>
  <c r="A21724" i="1" s="1"/>
  <c r="A21725" i="1" s="1"/>
  <c r="A21726" i="1" s="1"/>
  <c r="A21727" i="1" s="1"/>
  <c r="A21728" i="1" s="1"/>
  <c r="A21729" i="1" s="1"/>
  <c r="A21730" i="1" s="1"/>
  <c r="A21731" i="1" s="1"/>
  <c r="A21732" i="1" s="1"/>
  <c r="A21733" i="1" s="1"/>
  <c r="A21734" i="1" s="1"/>
  <c r="A21735" i="1" s="1"/>
  <c r="A21736" i="1" s="1"/>
  <c r="A21737" i="1" s="1"/>
  <c r="A21738" i="1" s="1"/>
  <c r="A21739" i="1" s="1"/>
  <c r="A21740" i="1" s="1"/>
  <c r="A21741" i="1" s="1"/>
  <c r="A21742" i="1" s="1"/>
  <c r="A21743" i="1" s="1"/>
  <c r="A21744" i="1" s="1"/>
  <c r="A21745" i="1" s="1"/>
  <c r="A21746" i="1" s="1"/>
  <c r="A21747" i="1" s="1"/>
  <c r="A21748" i="1" s="1"/>
  <c r="A21749" i="1" s="1"/>
  <c r="A21750" i="1" s="1"/>
  <c r="A21751" i="1" s="1"/>
  <c r="A21752" i="1" s="1"/>
  <c r="A21753" i="1" s="1"/>
  <c r="A21754" i="1" s="1"/>
  <c r="A21755" i="1" s="1"/>
  <c r="A21756" i="1" s="1"/>
  <c r="A21757" i="1" s="1"/>
  <c r="A21758" i="1" s="1"/>
  <c r="A21759" i="1" s="1"/>
  <c r="A21760" i="1" s="1"/>
  <c r="A21761" i="1" s="1"/>
  <c r="A21762" i="1" s="1"/>
  <c r="A21763" i="1" s="1"/>
  <c r="A21764" i="1" s="1"/>
  <c r="A21765" i="1" s="1"/>
  <c r="A21766" i="1" s="1"/>
  <c r="A21767" i="1" s="1"/>
  <c r="A21768" i="1" s="1"/>
  <c r="A21769" i="1" s="1"/>
  <c r="A21770" i="1" s="1"/>
  <c r="A21771" i="1" s="1"/>
  <c r="A21772" i="1" s="1"/>
  <c r="A21773" i="1" s="1"/>
  <c r="A21774" i="1" s="1"/>
  <c r="A21775" i="1" s="1"/>
  <c r="A21776" i="1" s="1"/>
  <c r="A21777" i="1" s="1"/>
  <c r="A21778" i="1" s="1"/>
  <c r="A21779" i="1" s="1"/>
  <c r="A21780" i="1" s="1"/>
  <c r="A21781" i="1" s="1"/>
  <c r="A21782" i="1" s="1"/>
  <c r="A21783" i="1" s="1"/>
  <c r="A21784" i="1" s="1"/>
  <c r="A21785" i="1" s="1"/>
  <c r="A21786" i="1" s="1"/>
  <c r="A21787" i="1" s="1"/>
  <c r="A21788" i="1" s="1"/>
  <c r="A21789" i="1" s="1"/>
  <c r="A21790" i="1" s="1"/>
  <c r="A21791" i="1" s="1"/>
  <c r="A21792" i="1" s="1"/>
  <c r="A21793" i="1" s="1"/>
  <c r="A21794" i="1" s="1"/>
  <c r="A21795" i="1" s="1"/>
  <c r="A21796" i="1" s="1"/>
  <c r="A21797" i="1" s="1"/>
  <c r="A21798" i="1" s="1"/>
  <c r="A21799" i="1" s="1"/>
  <c r="A21800" i="1" s="1"/>
  <c r="A21801" i="1" s="1"/>
  <c r="A21802" i="1" s="1"/>
  <c r="A21803" i="1" s="1"/>
  <c r="A21804" i="1" s="1"/>
  <c r="A21805" i="1" s="1"/>
  <c r="A21806" i="1" s="1"/>
  <c r="A21807" i="1" s="1"/>
  <c r="A21808" i="1" s="1"/>
  <c r="A21809" i="1" s="1"/>
  <c r="A21810" i="1" s="1"/>
  <c r="A21811" i="1" s="1"/>
  <c r="A21812" i="1" s="1"/>
  <c r="A21813" i="1" s="1"/>
  <c r="A21814" i="1" s="1"/>
  <c r="A21815" i="1" s="1"/>
  <c r="A21816" i="1" s="1"/>
  <c r="A21817" i="1" s="1"/>
  <c r="A21818" i="1" s="1"/>
  <c r="A21819" i="1" s="1"/>
  <c r="A21820" i="1" s="1"/>
  <c r="A21821" i="1" s="1"/>
  <c r="A21822" i="1" s="1"/>
  <c r="A21823" i="1" s="1"/>
  <c r="A21824" i="1" s="1"/>
  <c r="A21825" i="1" s="1"/>
  <c r="A21826" i="1" s="1"/>
  <c r="A21827" i="1" s="1"/>
  <c r="A21828" i="1" s="1"/>
  <c r="A21829" i="1" s="1"/>
  <c r="A21830" i="1" s="1"/>
  <c r="A21831" i="1" s="1"/>
  <c r="A21832" i="1" s="1"/>
  <c r="A21833" i="1" s="1"/>
  <c r="A21834" i="1" s="1"/>
  <c r="A21835" i="1" s="1"/>
  <c r="A21836" i="1" s="1"/>
  <c r="A21837" i="1" s="1"/>
  <c r="A21838" i="1" s="1"/>
  <c r="A21839" i="1" s="1"/>
  <c r="A21840" i="1" s="1"/>
  <c r="A21841" i="1" s="1"/>
  <c r="A21842" i="1" s="1"/>
  <c r="A21843" i="1" s="1"/>
  <c r="A21844" i="1" s="1"/>
  <c r="A21845" i="1" s="1"/>
  <c r="A21846" i="1" s="1"/>
  <c r="A21847" i="1" s="1"/>
  <c r="A21848" i="1" s="1"/>
  <c r="A21849" i="1" s="1"/>
  <c r="A21850" i="1" s="1"/>
  <c r="A21851" i="1" s="1"/>
  <c r="A21852" i="1" s="1"/>
  <c r="A21853" i="1" s="1"/>
  <c r="A21854" i="1" s="1"/>
  <c r="A21855" i="1" s="1"/>
  <c r="A21856" i="1" s="1"/>
  <c r="A21857" i="1" s="1"/>
  <c r="A21858" i="1" s="1"/>
  <c r="A21859" i="1" s="1"/>
  <c r="A21860" i="1" s="1"/>
  <c r="A21861" i="1" s="1"/>
  <c r="A21862" i="1" s="1"/>
  <c r="A21863" i="1" s="1"/>
  <c r="A21864" i="1" s="1"/>
  <c r="A21865" i="1" s="1"/>
  <c r="A21866" i="1" s="1"/>
  <c r="A21867" i="1" s="1"/>
  <c r="A21868" i="1" s="1"/>
  <c r="A21869" i="1" s="1"/>
  <c r="A21870" i="1" s="1"/>
  <c r="A21871" i="1" s="1"/>
  <c r="A21872" i="1" s="1"/>
  <c r="A21873" i="1" s="1"/>
  <c r="A21874" i="1" s="1"/>
  <c r="A21875" i="1" s="1"/>
  <c r="A21876" i="1" s="1"/>
  <c r="A21877" i="1" s="1"/>
  <c r="A21878" i="1" s="1"/>
  <c r="A21879" i="1" s="1"/>
  <c r="A21880" i="1" s="1"/>
  <c r="A21881" i="1" s="1"/>
  <c r="A21882" i="1" s="1"/>
  <c r="A21883" i="1" s="1"/>
  <c r="A21884" i="1" s="1"/>
  <c r="A21885" i="1" s="1"/>
  <c r="A21886" i="1" s="1"/>
  <c r="A21887" i="1" s="1"/>
  <c r="A21888" i="1" s="1"/>
  <c r="A21889" i="1" s="1"/>
  <c r="A21890" i="1" s="1"/>
  <c r="A21891" i="1" s="1"/>
  <c r="A21892" i="1" s="1"/>
  <c r="A21893" i="1" s="1"/>
  <c r="A21894" i="1" s="1"/>
  <c r="A21895" i="1" s="1"/>
  <c r="A21896" i="1" s="1"/>
  <c r="A21897" i="1" s="1"/>
  <c r="A21898" i="1" s="1"/>
  <c r="A21899" i="1" s="1"/>
  <c r="A21900" i="1" s="1"/>
  <c r="A21901" i="1" s="1"/>
  <c r="A21902" i="1" s="1"/>
  <c r="A21903" i="1" s="1"/>
  <c r="A21904" i="1" s="1"/>
  <c r="A21905" i="1" s="1"/>
  <c r="A21906" i="1" s="1"/>
  <c r="A21907" i="1" s="1"/>
  <c r="A21908" i="1" s="1"/>
  <c r="A21909" i="1" s="1"/>
  <c r="A21910" i="1" s="1"/>
  <c r="A21911" i="1" s="1"/>
  <c r="A21912" i="1" s="1"/>
  <c r="A21913" i="1" s="1"/>
  <c r="A21914" i="1" s="1"/>
  <c r="A21915" i="1" s="1"/>
  <c r="A21916" i="1" s="1"/>
  <c r="A21917" i="1" s="1"/>
  <c r="A21918" i="1" s="1"/>
  <c r="A21919" i="1" s="1"/>
  <c r="A21920" i="1" s="1"/>
  <c r="A21921" i="1" s="1"/>
  <c r="A21922" i="1" s="1"/>
  <c r="A21923" i="1" s="1"/>
  <c r="A21924" i="1" s="1"/>
  <c r="A21925" i="1" s="1"/>
  <c r="A21926" i="1" s="1"/>
  <c r="A21927" i="1" s="1"/>
  <c r="A21928" i="1" s="1"/>
  <c r="A21929" i="1" s="1"/>
  <c r="A21930" i="1" s="1"/>
  <c r="A21931" i="1" s="1"/>
  <c r="A21932" i="1" s="1"/>
  <c r="A21933" i="1" s="1"/>
  <c r="A21934" i="1" s="1"/>
  <c r="A21935" i="1" s="1"/>
  <c r="A21936" i="1" s="1"/>
  <c r="A21937" i="1" s="1"/>
  <c r="A21938" i="1" s="1"/>
  <c r="A21939" i="1" s="1"/>
  <c r="A21940" i="1" s="1"/>
  <c r="A21941" i="1" s="1"/>
  <c r="A21942" i="1" s="1"/>
  <c r="A21943" i="1" s="1"/>
  <c r="A21944" i="1" s="1"/>
  <c r="A21945" i="1" s="1"/>
  <c r="A21946" i="1" s="1"/>
  <c r="A21947" i="1" s="1"/>
  <c r="A21948" i="1" s="1"/>
  <c r="A21949" i="1" s="1"/>
  <c r="A21950" i="1" s="1"/>
  <c r="A21951" i="1" s="1"/>
  <c r="A21952" i="1" s="1"/>
  <c r="A21953" i="1" s="1"/>
  <c r="A21954" i="1" s="1"/>
  <c r="A21955" i="1" s="1"/>
  <c r="A21956" i="1" s="1"/>
  <c r="A21957" i="1" s="1"/>
  <c r="A21958" i="1" s="1"/>
  <c r="A21959" i="1" s="1"/>
  <c r="A21960" i="1" s="1"/>
  <c r="A21961" i="1" s="1"/>
  <c r="A21962" i="1" s="1"/>
  <c r="A21963" i="1" s="1"/>
  <c r="A21964" i="1" s="1"/>
  <c r="A21965" i="1" s="1"/>
  <c r="A21966" i="1" s="1"/>
  <c r="A21967" i="1" s="1"/>
  <c r="A21968" i="1" s="1"/>
  <c r="A21969" i="1" s="1"/>
  <c r="A21970" i="1" s="1"/>
  <c r="A21971" i="1" s="1"/>
  <c r="A21972" i="1" s="1"/>
  <c r="A21973" i="1" s="1"/>
  <c r="A21974" i="1" s="1"/>
  <c r="A21975" i="1" s="1"/>
  <c r="A21976" i="1" s="1"/>
  <c r="A21977" i="1" s="1"/>
  <c r="A21978" i="1" s="1"/>
  <c r="A21979" i="1" s="1"/>
  <c r="A21980" i="1" s="1"/>
  <c r="A21981" i="1" s="1"/>
  <c r="A21982" i="1" s="1"/>
  <c r="A21983" i="1" s="1"/>
  <c r="A21984" i="1" s="1"/>
  <c r="A21985" i="1" s="1"/>
  <c r="A21986" i="1" s="1"/>
  <c r="A21987" i="1" s="1"/>
  <c r="A21988" i="1" s="1"/>
  <c r="A21989" i="1" s="1"/>
  <c r="A21990" i="1" s="1"/>
  <c r="A21991" i="1" s="1"/>
  <c r="A21992" i="1" s="1"/>
  <c r="A21993" i="1" s="1"/>
  <c r="A21994" i="1" s="1"/>
  <c r="A21995" i="1" s="1"/>
  <c r="A21996" i="1" s="1"/>
  <c r="A21997" i="1" s="1"/>
  <c r="A21998" i="1" s="1"/>
  <c r="A21999" i="1" s="1"/>
  <c r="A22000" i="1" s="1"/>
  <c r="A22001" i="1" s="1"/>
  <c r="A22002" i="1" s="1"/>
  <c r="A22003" i="1" s="1"/>
  <c r="A22004" i="1" s="1"/>
  <c r="A22005" i="1" s="1"/>
  <c r="A22006" i="1" s="1"/>
  <c r="A22007" i="1" s="1"/>
  <c r="A22008" i="1" s="1"/>
  <c r="A22009" i="1" s="1"/>
  <c r="A22010" i="1" s="1"/>
  <c r="A22011" i="1" s="1"/>
  <c r="A22012" i="1" s="1"/>
  <c r="A22013" i="1" s="1"/>
  <c r="A22014" i="1" s="1"/>
  <c r="A22015" i="1" s="1"/>
  <c r="A22016" i="1" s="1"/>
  <c r="A22017" i="1" s="1"/>
  <c r="A22018" i="1" s="1"/>
  <c r="A22019" i="1" s="1"/>
  <c r="A22020" i="1" s="1"/>
  <c r="A22021" i="1" s="1"/>
  <c r="A22022" i="1" s="1"/>
  <c r="A22023" i="1" s="1"/>
  <c r="A22024" i="1" s="1"/>
  <c r="A22025" i="1" s="1"/>
  <c r="A22026" i="1" s="1"/>
  <c r="A22027" i="1" s="1"/>
  <c r="A22028" i="1" s="1"/>
  <c r="A22029" i="1" s="1"/>
  <c r="A22030" i="1" s="1"/>
  <c r="A22031" i="1" s="1"/>
  <c r="A22032" i="1" s="1"/>
  <c r="A22033" i="1" s="1"/>
  <c r="A22034" i="1" s="1"/>
  <c r="A22035" i="1" s="1"/>
  <c r="A22036" i="1" s="1"/>
  <c r="A22037" i="1" s="1"/>
  <c r="A22038" i="1" s="1"/>
  <c r="A22039" i="1" s="1"/>
  <c r="A22040" i="1" s="1"/>
  <c r="A22041" i="1" s="1"/>
  <c r="A22042" i="1" s="1"/>
  <c r="A22043" i="1" s="1"/>
  <c r="A22044" i="1" s="1"/>
  <c r="A22045" i="1" s="1"/>
  <c r="A22046" i="1" s="1"/>
  <c r="A22047" i="1" s="1"/>
  <c r="A22048" i="1" s="1"/>
  <c r="A22049" i="1" s="1"/>
  <c r="A22050" i="1" s="1"/>
  <c r="A22051" i="1" s="1"/>
  <c r="A22052" i="1" s="1"/>
  <c r="A22053" i="1" s="1"/>
  <c r="A22054" i="1" s="1"/>
  <c r="A22055" i="1" s="1"/>
  <c r="A22056" i="1" s="1"/>
  <c r="A22057" i="1" s="1"/>
  <c r="A22058" i="1" s="1"/>
  <c r="A22059" i="1" s="1"/>
  <c r="A22060" i="1" s="1"/>
  <c r="A22061" i="1" s="1"/>
  <c r="A22062" i="1" s="1"/>
  <c r="A22063" i="1" s="1"/>
  <c r="A22064" i="1" s="1"/>
  <c r="A22065" i="1" s="1"/>
  <c r="A22066" i="1" s="1"/>
  <c r="A22067" i="1" s="1"/>
  <c r="A22068" i="1" s="1"/>
  <c r="A22069" i="1" s="1"/>
  <c r="A22070" i="1" s="1"/>
  <c r="A22071" i="1" s="1"/>
  <c r="A22072" i="1" s="1"/>
  <c r="A22073" i="1" s="1"/>
  <c r="A22074" i="1" s="1"/>
  <c r="A22075" i="1" s="1"/>
  <c r="A22076" i="1" s="1"/>
  <c r="A22077" i="1" s="1"/>
  <c r="A22078" i="1" s="1"/>
  <c r="A22079" i="1" s="1"/>
  <c r="A22080" i="1" s="1"/>
  <c r="A22081" i="1" s="1"/>
  <c r="A22082" i="1" s="1"/>
  <c r="A22083" i="1" s="1"/>
  <c r="A22084" i="1" s="1"/>
  <c r="A22085" i="1" s="1"/>
  <c r="A22086" i="1" s="1"/>
  <c r="A22087" i="1" s="1"/>
  <c r="A22088" i="1" s="1"/>
  <c r="A22089" i="1" s="1"/>
  <c r="A22090" i="1" s="1"/>
  <c r="A22091" i="1" s="1"/>
  <c r="A22092" i="1" s="1"/>
  <c r="A22093" i="1" s="1"/>
  <c r="A22094" i="1" s="1"/>
  <c r="A22095" i="1" s="1"/>
  <c r="A22096" i="1" s="1"/>
  <c r="A22097" i="1" s="1"/>
  <c r="A22098" i="1" s="1"/>
  <c r="A22099" i="1" s="1"/>
  <c r="A22100" i="1" s="1"/>
  <c r="A22101" i="1" s="1"/>
  <c r="A22102" i="1" s="1"/>
  <c r="A22103" i="1" s="1"/>
  <c r="A22104" i="1" s="1"/>
  <c r="A22105" i="1" s="1"/>
  <c r="A22106" i="1" s="1"/>
  <c r="A22107" i="1" s="1"/>
  <c r="A22108" i="1" s="1"/>
  <c r="A22109" i="1" s="1"/>
  <c r="A22110" i="1" s="1"/>
  <c r="A22111" i="1" s="1"/>
  <c r="A22112" i="1" s="1"/>
  <c r="A22113" i="1" s="1"/>
  <c r="A22114" i="1" s="1"/>
  <c r="A22115" i="1" s="1"/>
  <c r="A22116" i="1" s="1"/>
  <c r="A22117" i="1" s="1"/>
  <c r="A22118" i="1" s="1"/>
  <c r="A22119" i="1" s="1"/>
  <c r="A22120" i="1" s="1"/>
  <c r="A22121" i="1" s="1"/>
  <c r="A22122" i="1" s="1"/>
  <c r="A22123" i="1" s="1"/>
  <c r="A22124" i="1" s="1"/>
  <c r="A22125" i="1" s="1"/>
  <c r="A22126" i="1" s="1"/>
  <c r="A22127" i="1" s="1"/>
  <c r="A22128" i="1" s="1"/>
  <c r="A22129" i="1" s="1"/>
  <c r="A22130" i="1" s="1"/>
  <c r="A22131" i="1" s="1"/>
  <c r="A22132" i="1" s="1"/>
  <c r="A22133" i="1" s="1"/>
  <c r="A22134" i="1" s="1"/>
  <c r="A22135" i="1" s="1"/>
  <c r="A22136" i="1" s="1"/>
  <c r="A22137" i="1" s="1"/>
  <c r="A22138" i="1" s="1"/>
  <c r="A22139" i="1" s="1"/>
  <c r="A22140" i="1" s="1"/>
  <c r="A22141" i="1" s="1"/>
  <c r="A22142" i="1" s="1"/>
  <c r="A22143" i="1" s="1"/>
  <c r="A22144" i="1" s="1"/>
  <c r="A22145" i="1" s="1"/>
  <c r="A22146" i="1" s="1"/>
  <c r="A22147" i="1" s="1"/>
  <c r="A22148" i="1" s="1"/>
  <c r="A22149" i="1" s="1"/>
  <c r="A22150" i="1" s="1"/>
  <c r="A22151" i="1" s="1"/>
  <c r="A22152" i="1" s="1"/>
  <c r="A22153" i="1" s="1"/>
  <c r="A22154" i="1" s="1"/>
  <c r="A22155" i="1" s="1"/>
  <c r="A22156" i="1" s="1"/>
  <c r="A22157" i="1" s="1"/>
  <c r="A22158" i="1" s="1"/>
  <c r="A22159" i="1" s="1"/>
  <c r="A22160" i="1" s="1"/>
  <c r="A22161" i="1" s="1"/>
  <c r="A22162" i="1" s="1"/>
  <c r="A22163" i="1" s="1"/>
  <c r="A22164" i="1" s="1"/>
  <c r="A22165" i="1" s="1"/>
  <c r="A22166" i="1" s="1"/>
  <c r="A22167" i="1" s="1"/>
  <c r="A22168" i="1" s="1"/>
  <c r="A22169" i="1" s="1"/>
  <c r="A22170" i="1" s="1"/>
  <c r="A22171" i="1" s="1"/>
  <c r="A22172" i="1" s="1"/>
  <c r="A22173" i="1" s="1"/>
  <c r="A22174" i="1" s="1"/>
  <c r="A22175" i="1" s="1"/>
  <c r="A22176" i="1" s="1"/>
  <c r="A22177" i="1" s="1"/>
  <c r="A22178" i="1" s="1"/>
  <c r="A22179" i="1" s="1"/>
  <c r="A22180" i="1" s="1"/>
  <c r="A22181" i="1" s="1"/>
  <c r="A22182" i="1" s="1"/>
  <c r="A22183" i="1" s="1"/>
  <c r="A22184" i="1" s="1"/>
  <c r="A22185" i="1" s="1"/>
  <c r="A22186" i="1" s="1"/>
  <c r="A22187" i="1" s="1"/>
  <c r="A22188" i="1" s="1"/>
  <c r="A22189" i="1" s="1"/>
  <c r="A22190" i="1" s="1"/>
  <c r="A22191" i="1" s="1"/>
  <c r="A22192" i="1" s="1"/>
  <c r="A22193" i="1" s="1"/>
  <c r="A22194" i="1" s="1"/>
  <c r="A22195" i="1" s="1"/>
  <c r="A22196" i="1" s="1"/>
  <c r="A22197" i="1" s="1"/>
  <c r="A22198" i="1" s="1"/>
  <c r="A22199" i="1" s="1"/>
  <c r="A22200" i="1" s="1"/>
  <c r="A22201" i="1" s="1"/>
  <c r="A22202" i="1" s="1"/>
  <c r="A22203" i="1" s="1"/>
  <c r="A22204" i="1" s="1"/>
  <c r="A22205" i="1" s="1"/>
  <c r="A22206" i="1" s="1"/>
  <c r="A22207" i="1" s="1"/>
  <c r="A22208" i="1" s="1"/>
  <c r="A22209" i="1" s="1"/>
  <c r="A22210" i="1" s="1"/>
  <c r="A22211" i="1" s="1"/>
  <c r="A22212" i="1" s="1"/>
  <c r="A22213" i="1" s="1"/>
  <c r="A22214" i="1" s="1"/>
  <c r="A22215" i="1" s="1"/>
  <c r="A22216" i="1" s="1"/>
  <c r="A22217" i="1" s="1"/>
  <c r="A22218" i="1" s="1"/>
  <c r="A22219" i="1" s="1"/>
  <c r="A22220" i="1" s="1"/>
  <c r="A22221" i="1" s="1"/>
  <c r="A22222" i="1" s="1"/>
  <c r="A22223" i="1" s="1"/>
  <c r="A22224" i="1" s="1"/>
  <c r="A22225" i="1" s="1"/>
  <c r="A22226" i="1" s="1"/>
  <c r="A22227" i="1" s="1"/>
  <c r="A22228" i="1" s="1"/>
  <c r="A22229" i="1" s="1"/>
  <c r="A22230" i="1" s="1"/>
  <c r="A22231" i="1" s="1"/>
  <c r="A22232" i="1" s="1"/>
  <c r="A22233" i="1" s="1"/>
  <c r="A22234" i="1" s="1"/>
  <c r="A22235" i="1" s="1"/>
  <c r="A22236" i="1" s="1"/>
  <c r="A22237" i="1" s="1"/>
  <c r="A22238" i="1" s="1"/>
  <c r="A22239" i="1" s="1"/>
  <c r="A22240" i="1" s="1"/>
  <c r="A22241" i="1" s="1"/>
  <c r="A22242" i="1" s="1"/>
  <c r="A22243" i="1" s="1"/>
  <c r="A22244" i="1" s="1"/>
  <c r="A22245" i="1" s="1"/>
  <c r="A22246" i="1" s="1"/>
  <c r="A22247" i="1" s="1"/>
  <c r="A22248" i="1" s="1"/>
  <c r="A22249" i="1" s="1"/>
  <c r="A22250" i="1" s="1"/>
  <c r="A22251" i="1" s="1"/>
  <c r="A22252" i="1" s="1"/>
  <c r="A22253" i="1" s="1"/>
  <c r="A22254" i="1" s="1"/>
  <c r="A22255" i="1" s="1"/>
  <c r="A22256" i="1" s="1"/>
  <c r="A22257" i="1" s="1"/>
  <c r="A22258" i="1" s="1"/>
  <c r="A22259" i="1" s="1"/>
  <c r="A22260" i="1" s="1"/>
  <c r="A22261" i="1" s="1"/>
  <c r="A22262" i="1" s="1"/>
  <c r="A22263" i="1" s="1"/>
  <c r="A22264" i="1" s="1"/>
  <c r="A22265" i="1" s="1"/>
  <c r="A22266" i="1" s="1"/>
  <c r="A22267" i="1" s="1"/>
  <c r="A22268" i="1" s="1"/>
  <c r="A22269" i="1" s="1"/>
  <c r="A22270" i="1" s="1"/>
  <c r="A22271" i="1" s="1"/>
  <c r="A22272" i="1" s="1"/>
  <c r="A22273" i="1" s="1"/>
  <c r="A22274" i="1" s="1"/>
  <c r="A22275" i="1" s="1"/>
  <c r="A22276" i="1" s="1"/>
  <c r="A22277" i="1" s="1"/>
  <c r="A22278" i="1" s="1"/>
  <c r="A22279" i="1" s="1"/>
  <c r="A22280" i="1" s="1"/>
  <c r="A22281" i="1" s="1"/>
  <c r="A22282" i="1" s="1"/>
  <c r="A22283" i="1" s="1"/>
  <c r="A22284" i="1" s="1"/>
  <c r="A22285" i="1" s="1"/>
  <c r="A22286" i="1" s="1"/>
  <c r="A22287" i="1" s="1"/>
  <c r="A22288" i="1" s="1"/>
  <c r="A22289" i="1" s="1"/>
  <c r="A22290" i="1" s="1"/>
  <c r="A22291" i="1" s="1"/>
  <c r="A22292" i="1" s="1"/>
  <c r="A22293" i="1" s="1"/>
  <c r="A22294" i="1" s="1"/>
  <c r="A22295" i="1" s="1"/>
  <c r="A22296" i="1" s="1"/>
  <c r="A22297" i="1" s="1"/>
  <c r="A22298" i="1" s="1"/>
  <c r="A22299" i="1" s="1"/>
  <c r="A22300" i="1" s="1"/>
  <c r="A22301" i="1" s="1"/>
  <c r="A22302" i="1" s="1"/>
  <c r="A22303" i="1" s="1"/>
  <c r="A22304" i="1" s="1"/>
  <c r="A22305" i="1" s="1"/>
  <c r="A22306" i="1" s="1"/>
  <c r="A22307" i="1" s="1"/>
  <c r="A22308" i="1" s="1"/>
  <c r="A22309" i="1" s="1"/>
  <c r="A22310" i="1" s="1"/>
  <c r="A22311" i="1" s="1"/>
  <c r="A22312" i="1" s="1"/>
  <c r="A22313" i="1" s="1"/>
  <c r="A22314" i="1" s="1"/>
  <c r="A22315" i="1" s="1"/>
  <c r="A22316" i="1" s="1"/>
  <c r="A22317" i="1" s="1"/>
  <c r="A22318" i="1" s="1"/>
  <c r="A22319" i="1" s="1"/>
  <c r="A22320" i="1" s="1"/>
  <c r="A22321" i="1" s="1"/>
  <c r="A22322" i="1" s="1"/>
  <c r="A22323" i="1" s="1"/>
  <c r="A22324" i="1" s="1"/>
  <c r="A22325" i="1" s="1"/>
  <c r="A22326" i="1" s="1"/>
  <c r="A22327" i="1" s="1"/>
  <c r="A22328" i="1" s="1"/>
  <c r="A22329" i="1" s="1"/>
  <c r="A22330" i="1" s="1"/>
  <c r="A22331" i="1" s="1"/>
  <c r="A22332" i="1" s="1"/>
  <c r="A22333" i="1" s="1"/>
  <c r="A22334" i="1" s="1"/>
  <c r="A22335" i="1" s="1"/>
  <c r="A22336" i="1" s="1"/>
  <c r="A22337" i="1" s="1"/>
  <c r="A22338" i="1" s="1"/>
  <c r="A22339" i="1" s="1"/>
  <c r="A22340" i="1" s="1"/>
  <c r="A22341" i="1" s="1"/>
  <c r="A22342" i="1" s="1"/>
  <c r="A22343" i="1" s="1"/>
  <c r="A22344" i="1" s="1"/>
  <c r="A22345" i="1" s="1"/>
  <c r="A22346" i="1" s="1"/>
  <c r="A22347" i="1" s="1"/>
  <c r="A22348" i="1" s="1"/>
  <c r="A22349" i="1" s="1"/>
  <c r="A22350" i="1" s="1"/>
  <c r="A22351" i="1" s="1"/>
  <c r="A22352" i="1" s="1"/>
  <c r="A22353" i="1" s="1"/>
  <c r="A22354" i="1" s="1"/>
  <c r="A22355" i="1" s="1"/>
  <c r="A22356" i="1" s="1"/>
  <c r="A22357" i="1" s="1"/>
  <c r="A22358" i="1" s="1"/>
  <c r="A22359" i="1" s="1"/>
  <c r="A22360" i="1" s="1"/>
  <c r="A22361" i="1" s="1"/>
  <c r="A22362" i="1" s="1"/>
  <c r="A22363" i="1" s="1"/>
  <c r="A22364" i="1" s="1"/>
  <c r="A22365" i="1" s="1"/>
  <c r="A22366" i="1" s="1"/>
  <c r="A22367" i="1" s="1"/>
  <c r="A22368" i="1" s="1"/>
  <c r="A22369" i="1" s="1"/>
  <c r="A22370" i="1" s="1"/>
  <c r="A22371" i="1" s="1"/>
  <c r="A22372" i="1" s="1"/>
  <c r="A22373" i="1" s="1"/>
  <c r="A22374" i="1" s="1"/>
  <c r="A22375" i="1" s="1"/>
  <c r="A22376" i="1" s="1"/>
  <c r="A22377" i="1" s="1"/>
  <c r="A22378" i="1" s="1"/>
  <c r="A22379" i="1" s="1"/>
  <c r="A22380" i="1" s="1"/>
  <c r="A22381" i="1" s="1"/>
  <c r="A22382" i="1" s="1"/>
  <c r="A22383" i="1" s="1"/>
  <c r="A22384" i="1" s="1"/>
  <c r="A22385" i="1" s="1"/>
  <c r="A22386" i="1" s="1"/>
  <c r="A22387" i="1" s="1"/>
  <c r="A22388" i="1" s="1"/>
  <c r="A22389" i="1" s="1"/>
  <c r="A22390" i="1" s="1"/>
  <c r="A22391" i="1" s="1"/>
  <c r="A22392" i="1" s="1"/>
  <c r="A22393" i="1" s="1"/>
  <c r="A22394" i="1" s="1"/>
  <c r="A22395" i="1" s="1"/>
  <c r="A22396" i="1" s="1"/>
  <c r="A22397" i="1" s="1"/>
  <c r="A22398" i="1" s="1"/>
  <c r="A22399" i="1" s="1"/>
  <c r="A22400" i="1" s="1"/>
  <c r="A22401" i="1" s="1"/>
  <c r="A22402" i="1" s="1"/>
  <c r="A22403" i="1" s="1"/>
  <c r="A22404" i="1" s="1"/>
  <c r="A22405" i="1" s="1"/>
  <c r="A22406" i="1" s="1"/>
  <c r="A22407" i="1" s="1"/>
  <c r="A22408" i="1" s="1"/>
  <c r="A22409" i="1" s="1"/>
  <c r="A22410" i="1" s="1"/>
  <c r="A22411" i="1" s="1"/>
  <c r="A22412" i="1" s="1"/>
  <c r="A22413" i="1" s="1"/>
  <c r="A22414" i="1" s="1"/>
  <c r="A22415" i="1" s="1"/>
  <c r="A22416" i="1" s="1"/>
  <c r="A22417" i="1" s="1"/>
  <c r="A22418" i="1" s="1"/>
  <c r="A22419" i="1" s="1"/>
  <c r="A22420" i="1" s="1"/>
  <c r="A22421" i="1" s="1"/>
  <c r="A22422" i="1" s="1"/>
  <c r="A22423" i="1" s="1"/>
  <c r="A22424" i="1" s="1"/>
  <c r="A22425" i="1" s="1"/>
  <c r="A22426" i="1" s="1"/>
  <c r="A22427" i="1" s="1"/>
  <c r="A22428" i="1" s="1"/>
  <c r="A22429" i="1" s="1"/>
  <c r="A22430" i="1" s="1"/>
  <c r="A22431" i="1" s="1"/>
  <c r="A22432" i="1" s="1"/>
  <c r="A22433" i="1" s="1"/>
  <c r="A22434" i="1" s="1"/>
  <c r="A22435" i="1" s="1"/>
  <c r="A22436" i="1" s="1"/>
  <c r="A22437" i="1" s="1"/>
  <c r="A22438" i="1" s="1"/>
  <c r="A22439" i="1" s="1"/>
  <c r="A22440" i="1" s="1"/>
  <c r="A22441" i="1" s="1"/>
  <c r="A22442" i="1" s="1"/>
  <c r="A22443" i="1" s="1"/>
  <c r="A22444" i="1" s="1"/>
  <c r="A22445" i="1" s="1"/>
  <c r="A22446" i="1" s="1"/>
  <c r="A22447" i="1" s="1"/>
  <c r="A22448" i="1" s="1"/>
  <c r="A22449" i="1" s="1"/>
  <c r="A22450" i="1" s="1"/>
  <c r="A22451" i="1" s="1"/>
  <c r="A22452" i="1" s="1"/>
  <c r="A22453" i="1" s="1"/>
  <c r="A22454" i="1" s="1"/>
  <c r="A22455" i="1" s="1"/>
  <c r="A22456" i="1" s="1"/>
  <c r="A22457" i="1" s="1"/>
  <c r="A22458" i="1" s="1"/>
  <c r="A22459" i="1" s="1"/>
  <c r="A22460" i="1" s="1"/>
  <c r="A22461" i="1" s="1"/>
  <c r="A22462" i="1" s="1"/>
  <c r="A22463" i="1" s="1"/>
  <c r="A22464" i="1" s="1"/>
  <c r="A22465" i="1" s="1"/>
  <c r="A22466" i="1" s="1"/>
  <c r="A22467" i="1" s="1"/>
  <c r="A22468" i="1" s="1"/>
  <c r="A22469" i="1" s="1"/>
  <c r="A22470" i="1" s="1"/>
  <c r="A22471" i="1" s="1"/>
  <c r="A22472" i="1" s="1"/>
  <c r="A22473" i="1" s="1"/>
  <c r="A22474" i="1" s="1"/>
  <c r="A22475" i="1" s="1"/>
  <c r="A22476" i="1" s="1"/>
  <c r="A22477" i="1" s="1"/>
  <c r="A22478" i="1" s="1"/>
  <c r="A22479" i="1" s="1"/>
  <c r="A22480" i="1" s="1"/>
  <c r="A22481" i="1" s="1"/>
  <c r="A22482" i="1" s="1"/>
  <c r="A22483" i="1" s="1"/>
  <c r="A22484" i="1" s="1"/>
  <c r="A22485" i="1" s="1"/>
  <c r="A22486" i="1" s="1"/>
  <c r="A22487" i="1" s="1"/>
  <c r="A22488" i="1" s="1"/>
  <c r="A22489" i="1" s="1"/>
  <c r="A22490" i="1" s="1"/>
  <c r="A22491" i="1" s="1"/>
  <c r="A22492" i="1" s="1"/>
  <c r="A22493" i="1" s="1"/>
  <c r="A22494" i="1" s="1"/>
  <c r="A22495" i="1" s="1"/>
  <c r="A22496" i="1" s="1"/>
  <c r="A22497" i="1" s="1"/>
  <c r="A22498" i="1" s="1"/>
  <c r="A22499" i="1" s="1"/>
  <c r="A22500" i="1" s="1"/>
  <c r="A22501" i="1" s="1"/>
  <c r="A22502" i="1" s="1"/>
  <c r="A22503" i="1" s="1"/>
  <c r="A22504" i="1" s="1"/>
  <c r="A22505" i="1" s="1"/>
  <c r="A22506" i="1" s="1"/>
  <c r="A22507" i="1" s="1"/>
  <c r="A22508" i="1" s="1"/>
  <c r="A22509" i="1" s="1"/>
  <c r="A22510" i="1" s="1"/>
  <c r="A22511" i="1" s="1"/>
  <c r="A22512" i="1" s="1"/>
  <c r="A22513" i="1" s="1"/>
  <c r="A22514" i="1" s="1"/>
  <c r="A22515" i="1" s="1"/>
  <c r="A22516" i="1" s="1"/>
  <c r="A22517" i="1" s="1"/>
  <c r="A22518" i="1" s="1"/>
  <c r="A22519" i="1" s="1"/>
  <c r="A22520" i="1" s="1"/>
  <c r="A22521" i="1" s="1"/>
  <c r="A22522" i="1" s="1"/>
  <c r="A22523" i="1" s="1"/>
  <c r="A22524" i="1" s="1"/>
  <c r="A22525" i="1" s="1"/>
  <c r="A22526" i="1" s="1"/>
  <c r="A22527" i="1" s="1"/>
  <c r="A22528" i="1" s="1"/>
  <c r="A22529" i="1" s="1"/>
  <c r="A22530" i="1" s="1"/>
  <c r="A22531" i="1" s="1"/>
  <c r="A22532" i="1" s="1"/>
  <c r="A22533" i="1" s="1"/>
  <c r="A22534" i="1" s="1"/>
  <c r="A22535" i="1" s="1"/>
  <c r="A22536" i="1" s="1"/>
  <c r="A22537" i="1" s="1"/>
  <c r="A22538" i="1" s="1"/>
  <c r="A22539" i="1" s="1"/>
  <c r="A22540" i="1" s="1"/>
  <c r="A22541" i="1" s="1"/>
  <c r="A22542" i="1" s="1"/>
  <c r="A22543" i="1" s="1"/>
  <c r="A22544" i="1" s="1"/>
  <c r="A22545" i="1" s="1"/>
  <c r="A22546" i="1" s="1"/>
  <c r="A22547" i="1" s="1"/>
  <c r="A22548" i="1" s="1"/>
  <c r="A22549" i="1" s="1"/>
  <c r="A22550" i="1" s="1"/>
  <c r="A22551" i="1" s="1"/>
  <c r="A22552" i="1" s="1"/>
  <c r="A22553" i="1" s="1"/>
  <c r="A22554" i="1" s="1"/>
  <c r="A22555" i="1" s="1"/>
  <c r="A22556" i="1" s="1"/>
  <c r="A22557" i="1" s="1"/>
  <c r="A22558" i="1" s="1"/>
  <c r="A22559" i="1" s="1"/>
  <c r="A22560" i="1" s="1"/>
  <c r="A22561" i="1" s="1"/>
  <c r="A22562" i="1" s="1"/>
  <c r="A22563" i="1" s="1"/>
  <c r="A22564" i="1" s="1"/>
  <c r="A22565" i="1" s="1"/>
  <c r="A22566" i="1" s="1"/>
  <c r="A22567" i="1" s="1"/>
  <c r="A22568" i="1" s="1"/>
  <c r="A22569" i="1" s="1"/>
  <c r="A22570" i="1" s="1"/>
  <c r="A22571" i="1" s="1"/>
  <c r="A22572" i="1" s="1"/>
  <c r="A22573" i="1" s="1"/>
  <c r="A22574" i="1" s="1"/>
  <c r="A22575" i="1" s="1"/>
  <c r="A22576" i="1" s="1"/>
  <c r="A22577" i="1" s="1"/>
  <c r="A22578" i="1" s="1"/>
  <c r="A22579" i="1" s="1"/>
  <c r="A22580" i="1" s="1"/>
  <c r="A22581" i="1" s="1"/>
  <c r="A22582" i="1" s="1"/>
  <c r="A22583" i="1" s="1"/>
  <c r="A22584" i="1" s="1"/>
  <c r="A22585" i="1" s="1"/>
  <c r="A22586" i="1" s="1"/>
  <c r="A22587" i="1" s="1"/>
  <c r="A22588" i="1" s="1"/>
  <c r="A22589" i="1" s="1"/>
  <c r="A22590" i="1" s="1"/>
  <c r="A22591" i="1" s="1"/>
  <c r="A22592" i="1" s="1"/>
  <c r="A22593" i="1" s="1"/>
  <c r="A22594" i="1" s="1"/>
  <c r="A22595" i="1" s="1"/>
  <c r="A22596" i="1" s="1"/>
  <c r="A22597" i="1" s="1"/>
  <c r="A22598" i="1" s="1"/>
  <c r="A22599" i="1" s="1"/>
  <c r="A22600" i="1" s="1"/>
  <c r="A22601" i="1" s="1"/>
  <c r="A22602" i="1" s="1"/>
  <c r="A22603" i="1" s="1"/>
  <c r="A22604" i="1" s="1"/>
  <c r="A22605" i="1" s="1"/>
  <c r="A22606" i="1" s="1"/>
  <c r="A22607" i="1" s="1"/>
  <c r="A22608" i="1" s="1"/>
  <c r="A22609" i="1" s="1"/>
  <c r="A22610" i="1" s="1"/>
  <c r="A22611" i="1" s="1"/>
  <c r="A22612" i="1" s="1"/>
  <c r="A22613" i="1" s="1"/>
  <c r="A22614" i="1" s="1"/>
  <c r="A22615" i="1" s="1"/>
  <c r="A22616" i="1" s="1"/>
  <c r="A22617" i="1" s="1"/>
  <c r="A22618" i="1" s="1"/>
  <c r="A22619" i="1" s="1"/>
  <c r="A22620" i="1" s="1"/>
  <c r="A22621" i="1" s="1"/>
  <c r="A22622" i="1" s="1"/>
  <c r="A22623" i="1" s="1"/>
  <c r="A22624" i="1" s="1"/>
  <c r="A22625" i="1" s="1"/>
  <c r="A22626" i="1" s="1"/>
  <c r="A22627" i="1" s="1"/>
  <c r="A22628" i="1" s="1"/>
  <c r="A22629" i="1" s="1"/>
  <c r="A22630" i="1" s="1"/>
  <c r="A22631" i="1" s="1"/>
  <c r="A22632" i="1" s="1"/>
  <c r="A22633" i="1" s="1"/>
  <c r="A22634" i="1" s="1"/>
  <c r="A22635" i="1" s="1"/>
  <c r="A22636" i="1" s="1"/>
  <c r="A22637" i="1" s="1"/>
  <c r="A22638" i="1" s="1"/>
  <c r="A22639" i="1" s="1"/>
  <c r="A22640" i="1" s="1"/>
  <c r="A22641" i="1" s="1"/>
  <c r="A22642" i="1" s="1"/>
  <c r="A22643" i="1" s="1"/>
  <c r="A22644" i="1" s="1"/>
  <c r="A22645" i="1" s="1"/>
  <c r="A22646" i="1" s="1"/>
  <c r="A22647" i="1" s="1"/>
  <c r="A22648" i="1" s="1"/>
  <c r="A22649" i="1" s="1"/>
  <c r="A22650" i="1" s="1"/>
  <c r="A22651" i="1" s="1"/>
  <c r="A22652" i="1" s="1"/>
  <c r="A22653" i="1" s="1"/>
  <c r="A22654" i="1" s="1"/>
  <c r="A22655" i="1" s="1"/>
  <c r="A22656" i="1" s="1"/>
  <c r="A22657" i="1" s="1"/>
  <c r="A22658" i="1" s="1"/>
  <c r="A22659" i="1" s="1"/>
  <c r="A22660" i="1" s="1"/>
  <c r="A22661" i="1" s="1"/>
  <c r="A22662" i="1" s="1"/>
  <c r="A22663" i="1" s="1"/>
  <c r="A22664" i="1" s="1"/>
  <c r="A22665" i="1" s="1"/>
  <c r="A22666" i="1" s="1"/>
  <c r="A22667" i="1" s="1"/>
  <c r="A22668" i="1" s="1"/>
  <c r="A22669" i="1" s="1"/>
  <c r="A22670" i="1" s="1"/>
  <c r="A22671" i="1" s="1"/>
  <c r="A22672" i="1" s="1"/>
  <c r="A22673" i="1" s="1"/>
  <c r="A22674" i="1" s="1"/>
  <c r="A22675" i="1" s="1"/>
  <c r="A22676" i="1" s="1"/>
  <c r="A22677" i="1" s="1"/>
  <c r="A22678" i="1" s="1"/>
  <c r="A22679" i="1" s="1"/>
  <c r="A22680" i="1" s="1"/>
  <c r="A22681" i="1" s="1"/>
  <c r="A22682" i="1" s="1"/>
  <c r="A22683" i="1" s="1"/>
  <c r="A22684" i="1" s="1"/>
  <c r="A22685" i="1" s="1"/>
  <c r="A22686" i="1" s="1"/>
  <c r="A22687" i="1" s="1"/>
  <c r="A22688" i="1" s="1"/>
  <c r="A22689" i="1" s="1"/>
  <c r="A22690" i="1" s="1"/>
  <c r="A22691" i="1" s="1"/>
  <c r="A22692" i="1" s="1"/>
  <c r="A22693" i="1" s="1"/>
  <c r="A22694" i="1" s="1"/>
  <c r="A22695" i="1" s="1"/>
  <c r="A22696" i="1" s="1"/>
  <c r="A22697" i="1" s="1"/>
  <c r="A22698" i="1" s="1"/>
  <c r="A22699" i="1" s="1"/>
  <c r="A22700" i="1" s="1"/>
  <c r="A22701" i="1" s="1"/>
  <c r="A22702" i="1" s="1"/>
  <c r="A22703" i="1" s="1"/>
  <c r="A22704" i="1" s="1"/>
  <c r="A22705" i="1" s="1"/>
  <c r="A22706" i="1" s="1"/>
  <c r="A22707" i="1" s="1"/>
  <c r="A22708" i="1" s="1"/>
  <c r="A22709" i="1" s="1"/>
  <c r="A22710" i="1" s="1"/>
  <c r="A22711" i="1" s="1"/>
  <c r="A22712" i="1" s="1"/>
  <c r="A22713" i="1" s="1"/>
  <c r="A22714" i="1" s="1"/>
  <c r="A22715" i="1" s="1"/>
  <c r="A22716" i="1" s="1"/>
  <c r="A22717" i="1" s="1"/>
  <c r="A22718" i="1" s="1"/>
  <c r="A22719" i="1" s="1"/>
  <c r="A22720" i="1" s="1"/>
  <c r="A22721" i="1" s="1"/>
  <c r="A22722" i="1" s="1"/>
  <c r="A22723" i="1" s="1"/>
  <c r="A22724" i="1" s="1"/>
  <c r="A22725" i="1" s="1"/>
  <c r="A22726" i="1" s="1"/>
  <c r="A22727" i="1" s="1"/>
  <c r="A22728" i="1" s="1"/>
  <c r="A22729" i="1" s="1"/>
  <c r="A22730" i="1" s="1"/>
  <c r="A22731" i="1" s="1"/>
  <c r="A22732" i="1" s="1"/>
  <c r="A22733" i="1" s="1"/>
  <c r="A22734" i="1" s="1"/>
  <c r="A22735" i="1" s="1"/>
  <c r="A22736" i="1" s="1"/>
  <c r="A22737" i="1" s="1"/>
  <c r="A22738" i="1" s="1"/>
  <c r="A22739" i="1" s="1"/>
  <c r="A22740" i="1" s="1"/>
  <c r="A22741" i="1" s="1"/>
  <c r="A22742" i="1" s="1"/>
  <c r="A22743" i="1" s="1"/>
  <c r="A22744" i="1" s="1"/>
  <c r="A22745" i="1" s="1"/>
  <c r="A22746" i="1" s="1"/>
  <c r="A22747" i="1" s="1"/>
  <c r="A22748" i="1" s="1"/>
  <c r="A22749" i="1" s="1"/>
  <c r="A22750" i="1" s="1"/>
  <c r="A22751" i="1" s="1"/>
  <c r="A22752" i="1" s="1"/>
  <c r="A22753" i="1" s="1"/>
  <c r="A22754" i="1" s="1"/>
  <c r="A22755" i="1" s="1"/>
  <c r="A22756" i="1" s="1"/>
  <c r="A22757" i="1" s="1"/>
  <c r="A22758" i="1" s="1"/>
  <c r="A22759" i="1" s="1"/>
  <c r="A22760" i="1" s="1"/>
  <c r="A22761" i="1" s="1"/>
  <c r="A22762" i="1" s="1"/>
  <c r="A22763" i="1" s="1"/>
  <c r="A22764" i="1" s="1"/>
  <c r="A22765" i="1" s="1"/>
  <c r="A22766" i="1" s="1"/>
  <c r="A22767" i="1" s="1"/>
  <c r="A22768" i="1" s="1"/>
  <c r="A22769" i="1" s="1"/>
  <c r="A22770" i="1" s="1"/>
  <c r="A22771" i="1" s="1"/>
  <c r="A22772" i="1" s="1"/>
  <c r="A22773" i="1" s="1"/>
  <c r="A22774" i="1" s="1"/>
  <c r="A22775" i="1" s="1"/>
  <c r="A22776" i="1" s="1"/>
  <c r="A22777" i="1" s="1"/>
  <c r="A22778" i="1" s="1"/>
  <c r="A22779" i="1" s="1"/>
  <c r="A22780" i="1" s="1"/>
  <c r="A22781" i="1" s="1"/>
  <c r="A22782" i="1" s="1"/>
  <c r="A22783" i="1" s="1"/>
  <c r="A22784" i="1" s="1"/>
  <c r="A22785" i="1" s="1"/>
  <c r="A22786" i="1" s="1"/>
  <c r="A22787" i="1" s="1"/>
  <c r="A22788" i="1" s="1"/>
  <c r="A22789" i="1" s="1"/>
  <c r="A22790" i="1" s="1"/>
  <c r="A22791" i="1" s="1"/>
  <c r="A22792" i="1" s="1"/>
  <c r="A22793" i="1" s="1"/>
  <c r="A22794" i="1" s="1"/>
  <c r="A22795" i="1" s="1"/>
  <c r="A22796" i="1" s="1"/>
  <c r="A22797" i="1" s="1"/>
  <c r="A22798" i="1" s="1"/>
  <c r="A22799" i="1" s="1"/>
  <c r="A22800" i="1" s="1"/>
  <c r="A22801" i="1" s="1"/>
  <c r="A22802" i="1" s="1"/>
  <c r="A22803" i="1" s="1"/>
  <c r="A22804" i="1" s="1"/>
  <c r="A22805" i="1" s="1"/>
  <c r="A22806" i="1" s="1"/>
  <c r="A22807" i="1" s="1"/>
  <c r="A22808" i="1" s="1"/>
  <c r="A22809" i="1" s="1"/>
  <c r="A22810" i="1" s="1"/>
  <c r="A22811" i="1" s="1"/>
  <c r="A22812" i="1" s="1"/>
  <c r="A22813" i="1" s="1"/>
  <c r="A22814" i="1" s="1"/>
  <c r="A22815" i="1" s="1"/>
  <c r="A22816" i="1" s="1"/>
  <c r="A22817" i="1" s="1"/>
  <c r="A22818" i="1" s="1"/>
  <c r="A22819" i="1" s="1"/>
  <c r="A22820" i="1" s="1"/>
  <c r="A22821" i="1" s="1"/>
  <c r="A22822" i="1" s="1"/>
  <c r="A22823" i="1" s="1"/>
  <c r="A22824" i="1" s="1"/>
  <c r="A22825" i="1" s="1"/>
  <c r="A22826" i="1" s="1"/>
  <c r="A22827" i="1" s="1"/>
  <c r="A22828" i="1" s="1"/>
  <c r="A22829" i="1" s="1"/>
  <c r="A22830" i="1" s="1"/>
  <c r="A22831" i="1" s="1"/>
  <c r="A22832" i="1" s="1"/>
  <c r="A22833" i="1" s="1"/>
  <c r="A22834" i="1" s="1"/>
  <c r="A22835" i="1" s="1"/>
  <c r="A22836" i="1" s="1"/>
  <c r="A22837" i="1" s="1"/>
  <c r="A22838" i="1" s="1"/>
  <c r="A22839" i="1" s="1"/>
  <c r="A22840" i="1" s="1"/>
  <c r="A22841" i="1" s="1"/>
  <c r="A22842" i="1" s="1"/>
  <c r="A22843" i="1" s="1"/>
  <c r="A22844" i="1" s="1"/>
  <c r="A22845" i="1" s="1"/>
  <c r="A22846" i="1" s="1"/>
  <c r="A22847" i="1" s="1"/>
  <c r="A22848" i="1" s="1"/>
  <c r="A22849" i="1" s="1"/>
  <c r="A22850" i="1" s="1"/>
  <c r="A22851" i="1" s="1"/>
  <c r="A22852" i="1" s="1"/>
  <c r="A22853" i="1" s="1"/>
  <c r="A22854" i="1" s="1"/>
  <c r="A22855" i="1" s="1"/>
  <c r="A22856" i="1" s="1"/>
  <c r="A22857" i="1" s="1"/>
  <c r="A22858" i="1" s="1"/>
  <c r="A22859" i="1" s="1"/>
  <c r="A22860" i="1" s="1"/>
  <c r="A22861" i="1" s="1"/>
  <c r="A22862" i="1" s="1"/>
  <c r="A22863" i="1" s="1"/>
  <c r="A22864" i="1" s="1"/>
  <c r="A22865" i="1" s="1"/>
  <c r="A22866" i="1" s="1"/>
  <c r="A22867" i="1" s="1"/>
  <c r="A22868" i="1" s="1"/>
  <c r="A22869" i="1" s="1"/>
  <c r="A22870" i="1" s="1"/>
  <c r="A22871" i="1" s="1"/>
  <c r="A22872" i="1" s="1"/>
  <c r="A22873" i="1" s="1"/>
  <c r="A22874" i="1" s="1"/>
  <c r="A22875" i="1" s="1"/>
  <c r="A22876" i="1" s="1"/>
  <c r="A22877" i="1" s="1"/>
  <c r="A22878" i="1" s="1"/>
  <c r="A22879" i="1" s="1"/>
  <c r="A22880" i="1" s="1"/>
  <c r="A22881" i="1" s="1"/>
  <c r="A22882" i="1" s="1"/>
  <c r="A22883" i="1" s="1"/>
  <c r="A22884" i="1" s="1"/>
  <c r="A22885" i="1" s="1"/>
  <c r="A22886" i="1" s="1"/>
  <c r="A22887" i="1" s="1"/>
  <c r="A22888" i="1" s="1"/>
  <c r="A22889" i="1" s="1"/>
  <c r="A22890" i="1" s="1"/>
  <c r="A22891" i="1" s="1"/>
  <c r="A22892" i="1" s="1"/>
  <c r="A22893" i="1" s="1"/>
  <c r="A22894" i="1" s="1"/>
  <c r="A22895" i="1" s="1"/>
  <c r="A22896" i="1" s="1"/>
  <c r="A22897" i="1" s="1"/>
  <c r="A22898" i="1" s="1"/>
  <c r="A22899" i="1" s="1"/>
  <c r="A22900" i="1" s="1"/>
  <c r="A22901" i="1" s="1"/>
  <c r="A22902" i="1" s="1"/>
  <c r="A22903" i="1" s="1"/>
  <c r="A22904" i="1" s="1"/>
  <c r="A22905" i="1" s="1"/>
  <c r="A22906" i="1" s="1"/>
  <c r="A22907" i="1" s="1"/>
  <c r="A22908" i="1" s="1"/>
  <c r="A22909" i="1" s="1"/>
  <c r="A22910" i="1" s="1"/>
  <c r="A22911" i="1" s="1"/>
  <c r="A22912" i="1" s="1"/>
  <c r="A22913" i="1" s="1"/>
  <c r="A22914" i="1" s="1"/>
  <c r="A22915" i="1" s="1"/>
  <c r="A22916" i="1" s="1"/>
  <c r="A22917" i="1" s="1"/>
  <c r="A22918" i="1" s="1"/>
  <c r="A22919" i="1" s="1"/>
  <c r="A22920" i="1" s="1"/>
  <c r="A22921" i="1" s="1"/>
  <c r="A22922" i="1" s="1"/>
  <c r="A22923" i="1" s="1"/>
  <c r="A22924" i="1" s="1"/>
  <c r="A22925" i="1" s="1"/>
  <c r="A22926" i="1" s="1"/>
  <c r="A22927" i="1" s="1"/>
  <c r="A22928" i="1" s="1"/>
  <c r="A22929" i="1" s="1"/>
  <c r="A22930" i="1" s="1"/>
  <c r="A22931" i="1" s="1"/>
  <c r="A22932" i="1" s="1"/>
  <c r="A22933" i="1" s="1"/>
  <c r="A22934" i="1" s="1"/>
  <c r="A22935" i="1" s="1"/>
  <c r="A22936" i="1" s="1"/>
  <c r="A22937" i="1" s="1"/>
  <c r="A22938" i="1" s="1"/>
  <c r="A22939" i="1" s="1"/>
  <c r="A22940" i="1" s="1"/>
  <c r="A22941" i="1" s="1"/>
  <c r="A22942" i="1" s="1"/>
  <c r="A22943" i="1" s="1"/>
  <c r="A22944" i="1" s="1"/>
  <c r="A22945" i="1" s="1"/>
  <c r="A22946" i="1" s="1"/>
  <c r="A22947" i="1" s="1"/>
  <c r="A22948" i="1" s="1"/>
  <c r="A22949" i="1" s="1"/>
  <c r="A22950" i="1" s="1"/>
  <c r="A22951" i="1" s="1"/>
  <c r="A22952" i="1" s="1"/>
  <c r="A22953" i="1" s="1"/>
  <c r="A22954" i="1" s="1"/>
  <c r="A22955" i="1" s="1"/>
  <c r="A22956" i="1" s="1"/>
  <c r="A22957" i="1" s="1"/>
  <c r="A22958" i="1" s="1"/>
  <c r="A22959" i="1" s="1"/>
  <c r="A22960" i="1" s="1"/>
  <c r="A22961" i="1" s="1"/>
  <c r="A22962" i="1" s="1"/>
  <c r="A22963" i="1" s="1"/>
  <c r="A22964" i="1" s="1"/>
  <c r="A22965" i="1" s="1"/>
  <c r="A22966" i="1" s="1"/>
  <c r="A22967" i="1" s="1"/>
  <c r="A22968" i="1" s="1"/>
  <c r="A22969" i="1" s="1"/>
  <c r="A22970" i="1" s="1"/>
  <c r="A22971" i="1" s="1"/>
  <c r="A22972" i="1" s="1"/>
  <c r="A22973" i="1" s="1"/>
  <c r="A22974" i="1" s="1"/>
  <c r="A22975" i="1" s="1"/>
  <c r="A22976" i="1" s="1"/>
  <c r="A22977" i="1" s="1"/>
  <c r="A22978" i="1" s="1"/>
  <c r="A22979" i="1" s="1"/>
  <c r="A22980" i="1" s="1"/>
  <c r="A22981" i="1" s="1"/>
  <c r="A22982" i="1" s="1"/>
  <c r="A22983" i="1" s="1"/>
  <c r="A22984" i="1" s="1"/>
  <c r="A22985" i="1" s="1"/>
  <c r="A22986" i="1" s="1"/>
  <c r="A22987" i="1" s="1"/>
  <c r="A22988" i="1" s="1"/>
  <c r="A22989" i="1" s="1"/>
  <c r="A22990" i="1" s="1"/>
  <c r="A22991" i="1" s="1"/>
  <c r="A22992" i="1" s="1"/>
  <c r="A22993" i="1" s="1"/>
  <c r="A22994" i="1" s="1"/>
  <c r="A22995" i="1" s="1"/>
  <c r="A22996" i="1" s="1"/>
  <c r="A22997" i="1" s="1"/>
  <c r="A22998" i="1" s="1"/>
  <c r="A22999" i="1" s="1"/>
  <c r="A23000" i="1" s="1"/>
  <c r="A23001" i="1" s="1"/>
  <c r="A23002" i="1" s="1"/>
  <c r="A23003" i="1" s="1"/>
  <c r="A23004" i="1" s="1"/>
  <c r="A23005" i="1" s="1"/>
  <c r="A23006" i="1" s="1"/>
  <c r="A23007" i="1" s="1"/>
  <c r="A23008" i="1" s="1"/>
  <c r="A23009" i="1" s="1"/>
  <c r="A23010" i="1" s="1"/>
  <c r="A23011" i="1" s="1"/>
  <c r="A23012" i="1" s="1"/>
  <c r="A23013" i="1" s="1"/>
  <c r="A23014" i="1" s="1"/>
  <c r="A23015" i="1" s="1"/>
  <c r="A23016" i="1" s="1"/>
  <c r="A23017" i="1" s="1"/>
  <c r="A23018" i="1" s="1"/>
  <c r="A23019" i="1" s="1"/>
  <c r="A23020" i="1" s="1"/>
  <c r="A23021" i="1" s="1"/>
  <c r="A23022" i="1" s="1"/>
  <c r="A23023" i="1" s="1"/>
  <c r="A23024" i="1" s="1"/>
  <c r="A23025" i="1" s="1"/>
  <c r="A23026" i="1" s="1"/>
  <c r="A23027" i="1" s="1"/>
  <c r="A23028" i="1" s="1"/>
  <c r="A23029" i="1" s="1"/>
  <c r="A23030" i="1" s="1"/>
  <c r="A23031" i="1" s="1"/>
  <c r="A23032" i="1" s="1"/>
  <c r="A23033" i="1" s="1"/>
  <c r="A23034" i="1" s="1"/>
  <c r="A23035" i="1" s="1"/>
  <c r="A23036" i="1" s="1"/>
  <c r="A23037" i="1" s="1"/>
  <c r="A23038" i="1" s="1"/>
  <c r="A23039" i="1" s="1"/>
  <c r="A23040" i="1" s="1"/>
  <c r="A23041" i="1" s="1"/>
  <c r="A23042" i="1" s="1"/>
  <c r="A23043" i="1" s="1"/>
  <c r="A23044" i="1" s="1"/>
  <c r="A23045" i="1" s="1"/>
  <c r="A23046" i="1" s="1"/>
  <c r="A23047" i="1" s="1"/>
  <c r="A23048" i="1" s="1"/>
  <c r="A23049" i="1" s="1"/>
  <c r="A23050" i="1" s="1"/>
  <c r="A23051" i="1" s="1"/>
  <c r="A23052" i="1" s="1"/>
  <c r="A23053" i="1" s="1"/>
  <c r="A23054" i="1" s="1"/>
  <c r="A23055" i="1" s="1"/>
  <c r="A23056" i="1" s="1"/>
  <c r="A23057" i="1" s="1"/>
  <c r="A23058" i="1" s="1"/>
  <c r="A23059" i="1" s="1"/>
  <c r="A23060" i="1" s="1"/>
  <c r="A23061" i="1" s="1"/>
  <c r="A23062" i="1" s="1"/>
  <c r="A23063" i="1" s="1"/>
  <c r="A23064" i="1" s="1"/>
  <c r="A23065" i="1" s="1"/>
  <c r="A23066" i="1" s="1"/>
  <c r="A23067" i="1" s="1"/>
  <c r="A23068" i="1" s="1"/>
  <c r="A23069" i="1" s="1"/>
  <c r="A23070" i="1" s="1"/>
  <c r="A23071" i="1" s="1"/>
  <c r="A23072" i="1" s="1"/>
  <c r="A23073" i="1" s="1"/>
  <c r="A23074" i="1" s="1"/>
  <c r="A23075" i="1" s="1"/>
  <c r="A23076" i="1" s="1"/>
  <c r="A23077" i="1" s="1"/>
  <c r="A23078" i="1" s="1"/>
  <c r="A23079" i="1" s="1"/>
  <c r="A23080" i="1" s="1"/>
  <c r="A23081" i="1" s="1"/>
  <c r="A23082" i="1" s="1"/>
  <c r="A23083" i="1" s="1"/>
  <c r="A23084" i="1" s="1"/>
  <c r="A23085" i="1" s="1"/>
  <c r="A23086" i="1" s="1"/>
  <c r="A23087" i="1" s="1"/>
  <c r="A23088" i="1" s="1"/>
  <c r="A23089" i="1" s="1"/>
  <c r="A23090" i="1" s="1"/>
  <c r="A23091" i="1" s="1"/>
  <c r="A23092" i="1" s="1"/>
  <c r="A23093" i="1" s="1"/>
  <c r="A23094" i="1" s="1"/>
  <c r="A23095" i="1" s="1"/>
  <c r="A23096" i="1" s="1"/>
  <c r="A23097" i="1" s="1"/>
  <c r="A23098" i="1" s="1"/>
  <c r="A23099" i="1" s="1"/>
  <c r="A23100" i="1" s="1"/>
  <c r="A23101" i="1" s="1"/>
  <c r="A23102" i="1" s="1"/>
  <c r="A23103" i="1" s="1"/>
  <c r="A23104" i="1" s="1"/>
  <c r="A23105" i="1" s="1"/>
  <c r="A23106" i="1" s="1"/>
  <c r="A23107" i="1" s="1"/>
  <c r="A23108" i="1" s="1"/>
  <c r="A23109" i="1" s="1"/>
  <c r="A23110" i="1" s="1"/>
  <c r="A23111" i="1" s="1"/>
  <c r="A23112" i="1" s="1"/>
  <c r="A23113" i="1" s="1"/>
  <c r="A23114" i="1" s="1"/>
  <c r="A23115" i="1" s="1"/>
  <c r="A23116" i="1" s="1"/>
  <c r="A23117" i="1" s="1"/>
  <c r="A23118" i="1" s="1"/>
  <c r="A23119" i="1" s="1"/>
  <c r="A23120" i="1" s="1"/>
  <c r="A23121" i="1" s="1"/>
  <c r="A23122" i="1" s="1"/>
  <c r="A23123" i="1" s="1"/>
  <c r="A23124" i="1" s="1"/>
  <c r="A23125" i="1" s="1"/>
  <c r="A23126" i="1" s="1"/>
  <c r="A23127" i="1" s="1"/>
  <c r="A23128" i="1" s="1"/>
  <c r="A23129" i="1" s="1"/>
  <c r="A23130" i="1" s="1"/>
  <c r="A23131" i="1" s="1"/>
  <c r="A23132" i="1" s="1"/>
  <c r="A23133" i="1" s="1"/>
  <c r="A23134" i="1" s="1"/>
  <c r="A23135" i="1" s="1"/>
  <c r="A23136" i="1" s="1"/>
  <c r="A23137" i="1" s="1"/>
  <c r="A23138" i="1" s="1"/>
  <c r="A23139" i="1" s="1"/>
  <c r="A23140" i="1" s="1"/>
  <c r="A23141" i="1" s="1"/>
  <c r="A23142" i="1" s="1"/>
  <c r="A23143" i="1" s="1"/>
  <c r="A23144" i="1" s="1"/>
  <c r="A23145" i="1" s="1"/>
  <c r="A23146" i="1" s="1"/>
  <c r="A23147" i="1" s="1"/>
  <c r="A23148" i="1" s="1"/>
  <c r="A23149" i="1" s="1"/>
  <c r="A23150" i="1" s="1"/>
  <c r="A23151" i="1" s="1"/>
  <c r="A23152" i="1" s="1"/>
  <c r="A23153" i="1" s="1"/>
  <c r="A23154" i="1" s="1"/>
  <c r="A23155" i="1" s="1"/>
  <c r="A23156" i="1" s="1"/>
  <c r="A23157" i="1" s="1"/>
  <c r="A23158" i="1" s="1"/>
  <c r="A23159" i="1" s="1"/>
  <c r="A23160" i="1" s="1"/>
  <c r="A23161" i="1" s="1"/>
  <c r="A23162" i="1" s="1"/>
  <c r="A23163" i="1" s="1"/>
  <c r="A23164" i="1" s="1"/>
  <c r="A23165" i="1" s="1"/>
  <c r="A23166" i="1" s="1"/>
  <c r="A23167" i="1" s="1"/>
  <c r="A23168" i="1" s="1"/>
  <c r="A23169" i="1" s="1"/>
  <c r="A23170" i="1" s="1"/>
  <c r="A23171" i="1" s="1"/>
  <c r="A23172" i="1" s="1"/>
  <c r="A23173" i="1" s="1"/>
  <c r="A23174" i="1" s="1"/>
  <c r="A23175" i="1" s="1"/>
  <c r="A23176" i="1" s="1"/>
  <c r="A23177" i="1" s="1"/>
  <c r="A23178" i="1" s="1"/>
  <c r="A23179" i="1" s="1"/>
  <c r="A23180" i="1" s="1"/>
  <c r="A23181" i="1" s="1"/>
  <c r="A23182" i="1" s="1"/>
  <c r="A23183" i="1" s="1"/>
  <c r="A23184" i="1" s="1"/>
  <c r="A23185" i="1" s="1"/>
  <c r="A23186" i="1" s="1"/>
  <c r="A23187" i="1" s="1"/>
  <c r="A23188" i="1" s="1"/>
  <c r="A23189" i="1" s="1"/>
  <c r="A23190" i="1" s="1"/>
  <c r="A23191" i="1" s="1"/>
  <c r="A23192" i="1" s="1"/>
  <c r="A23193" i="1" s="1"/>
  <c r="A23194" i="1" s="1"/>
  <c r="A23195" i="1" s="1"/>
  <c r="A23196" i="1" s="1"/>
  <c r="A23197" i="1" s="1"/>
  <c r="A23198" i="1" s="1"/>
  <c r="A23199" i="1" s="1"/>
  <c r="A23200" i="1" s="1"/>
  <c r="A23201" i="1" s="1"/>
  <c r="A23202" i="1" s="1"/>
  <c r="A23203" i="1" s="1"/>
  <c r="A23204" i="1" s="1"/>
  <c r="A23205" i="1" s="1"/>
  <c r="A23206" i="1" s="1"/>
  <c r="A23207" i="1" s="1"/>
  <c r="A23208" i="1" s="1"/>
  <c r="A23209" i="1" s="1"/>
  <c r="A23210" i="1" s="1"/>
  <c r="A23211" i="1" s="1"/>
  <c r="A23212" i="1" s="1"/>
  <c r="A23213" i="1" s="1"/>
  <c r="A23214" i="1" s="1"/>
  <c r="A23215" i="1" s="1"/>
  <c r="A23216" i="1" s="1"/>
  <c r="A23217" i="1" s="1"/>
  <c r="A23218" i="1" s="1"/>
  <c r="A23219" i="1" s="1"/>
  <c r="A23220" i="1" s="1"/>
  <c r="A23221" i="1" s="1"/>
  <c r="A23222" i="1" s="1"/>
  <c r="A23223" i="1" s="1"/>
  <c r="A23224" i="1" s="1"/>
  <c r="A23225" i="1" s="1"/>
  <c r="A23226" i="1" s="1"/>
  <c r="A23227" i="1" s="1"/>
  <c r="A23228" i="1" s="1"/>
  <c r="A23229" i="1" s="1"/>
  <c r="A23230" i="1" s="1"/>
  <c r="A23231" i="1" s="1"/>
  <c r="A23232" i="1" s="1"/>
  <c r="A23233" i="1" s="1"/>
  <c r="A23234" i="1" s="1"/>
  <c r="A23235" i="1" s="1"/>
  <c r="A23236" i="1" s="1"/>
  <c r="A23237" i="1" s="1"/>
  <c r="A23238" i="1" s="1"/>
  <c r="A23239" i="1" s="1"/>
  <c r="A23240" i="1" s="1"/>
  <c r="A23241" i="1" s="1"/>
  <c r="A23242" i="1" s="1"/>
  <c r="A23243" i="1" s="1"/>
  <c r="A23244" i="1" s="1"/>
  <c r="A23245" i="1" s="1"/>
  <c r="A23246" i="1" s="1"/>
  <c r="A23247" i="1" s="1"/>
  <c r="A23248" i="1" s="1"/>
  <c r="A23249" i="1" s="1"/>
  <c r="A23250" i="1" s="1"/>
  <c r="A23251" i="1" s="1"/>
  <c r="A23252" i="1" s="1"/>
  <c r="A23253" i="1" s="1"/>
  <c r="A23254" i="1" s="1"/>
  <c r="A23255" i="1" s="1"/>
  <c r="A23256" i="1" s="1"/>
  <c r="A23257" i="1" s="1"/>
  <c r="A23258" i="1" s="1"/>
  <c r="A23259" i="1" s="1"/>
  <c r="A23260" i="1" s="1"/>
  <c r="A23261" i="1" s="1"/>
  <c r="A23262" i="1" s="1"/>
  <c r="A23263" i="1" s="1"/>
  <c r="A23264" i="1" s="1"/>
  <c r="A23265" i="1" s="1"/>
  <c r="A23266" i="1" s="1"/>
  <c r="A23267" i="1" s="1"/>
  <c r="A23268" i="1" s="1"/>
  <c r="A23269" i="1" s="1"/>
  <c r="A23270" i="1" s="1"/>
  <c r="A23271" i="1" s="1"/>
  <c r="A23272" i="1" s="1"/>
  <c r="A23273" i="1" s="1"/>
  <c r="A23274" i="1" s="1"/>
  <c r="A23275" i="1" s="1"/>
  <c r="A23276" i="1" s="1"/>
  <c r="A23277" i="1" s="1"/>
  <c r="A23278" i="1" s="1"/>
  <c r="A23279" i="1" s="1"/>
  <c r="A23280" i="1" s="1"/>
  <c r="A23281" i="1" s="1"/>
  <c r="A23282" i="1" s="1"/>
  <c r="A23283" i="1" s="1"/>
  <c r="A23284" i="1" s="1"/>
  <c r="A23285" i="1" s="1"/>
  <c r="A23286" i="1" s="1"/>
  <c r="A23287" i="1" s="1"/>
  <c r="A23288" i="1" s="1"/>
  <c r="A23289" i="1" s="1"/>
  <c r="A23290" i="1" s="1"/>
  <c r="A23291" i="1" s="1"/>
  <c r="A23292" i="1" s="1"/>
  <c r="A23293" i="1" s="1"/>
  <c r="A23294" i="1" s="1"/>
  <c r="A23295" i="1" s="1"/>
  <c r="A23296" i="1" s="1"/>
  <c r="A23297" i="1" s="1"/>
  <c r="A23298" i="1" s="1"/>
  <c r="A23299" i="1" s="1"/>
  <c r="A23300" i="1" s="1"/>
  <c r="A23301" i="1" s="1"/>
  <c r="A23302" i="1" s="1"/>
  <c r="A23303" i="1" s="1"/>
  <c r="A23304" i="1" s="1"/>
  <c r="A23305" i="1" s="1"/>
  <c r="A23306" i="1" s="1"/>
  <c r="A23307" i="1" s="1"/>
  <c r="A23308" i="1" s="1"/>
  <c r="A23309" i="1" s="1"/>
  <c r="A23310" i="1" s="1"/>
  <c r="A23311" i="1" s="1"/>
  <c r="A23312" i="1" s="1"/>
  <c r="A23313" i="1" s="1"/>
  <c r="A23314" i="1" s="1"/>
  <c r="A23315" i="1" s="1"/>
  <c r="A23316" i="1" s="1"/>
  <c r="A23317" i="1" s="1"/>
  <c r="A23318" i="1" s="1"/>
  <c r="A23319" i="1" s="1"/>
  <c r="A23320" i="1" s="1"/>
  <c r="A23321" i="1" s="1"/>
  <c r="A23322" i="1" s="1"/>
  <c r="A23323" i="1" s="1"/>
  <c r="A23324" i="1" s="1"/>
  <c r="A23325" i="1" s="1"/>
  <c r="A23326" i="1" s="1"/>
  <c r="A23327" i="1" s="1"/>
  <c r="A23328" i="1" s="1"/>
  <c r="A23329" i="1" s="1"/>
  <c r="A23330" i="1" s="1"/>
  <c r="A23331" i="1" s="1"/>
  <c r="A23332" i="1" s="1"/>
  <c r="A23333" i="1" s="1"/>
  <c r="A23334" i="1" s="1"/>
  <c r="A23335" i="1" s="1"/>
  <c r="A23336" i="1" s="1"/>
  <c r="A23337" i="1" s="1"/>
  <c r="A23338" i="1" s="1"/>
  <c r="A23339" i="1" s="1"/>
  <c r="A23340" i="1" s="1"/>
  <c r="A23341" i="1" s="1"/>
  <c r="A23342" i="1" s="1"/>
  <c r="A23343" i="1" s="1"/>
  <c r="A23344" i="1" s="1"/>
  <c r="A23345" i="1" s="1"/>
  <c r="A23346" i="1" s="1"/>
  <c r="A23347" i="1" s="1"/>
  <c r="A23348" i="1" s="1"/>
  <c r="A23349" i="1" s="1"/>
  <c r="A23350" i="1" s="1"/>
  <c r="A23351" i="1" s="1"/>
  <c r="A23352" i="1" s="1"/>
  <c r="A23353" i="1" s="1"/>
  <c r="A23354" i="1" s="1"/>
  <c r="A23355" i="1" s="1"/>
  <c r="A23356" i="1" s="1"/>
  <c r="A23357" i="1" s="1"/>
  <c r="A23358" i="1" s="1"/>
  <c r="A23359" i="1" s="1"/>
  <c r="A23360" i="1" s="1"/>
  <c r="A23361" i="1" s="1"/>
  <c r="A23362" i="1" s="1"/>
  <c r="A23363" i="1" s="1"/>
  <c r="A23364" i="1" s="1"/>
  <c r="A23365" i="1" s="1"/>
  <c r="A23366" i="1" s="1"/>
  <c r="A23367" i="1" s="1"/>
  <c r="A23368" i="1" s="1"/>
  <c r="A23369" i="1" s="1"/>
  <c r="A23370" i="1" s="1"/>
  <c r="A23371" i="1" s="1"/>
  <c r="A23372" i="1" s="1"/>
  <c r="A23373" i="1" s="1"/>
  <c r="A23374" i="1" s="1"/>
  <c r="A23375" i="1" s="1"/>
  <c r="A23376" i="1" s="1"/>
  <c r="A23377" i="1" s="1"/>
  <c r="A23378" i="1" s="1"/>
  <c r="A23379" i="1" s="1"/>
  <c r="A23380" i="1" s="1"/>
  <c r="A23381" i="1" s="1"/>
  <c r="A23382" i="1" s="1"/>
  <c r="A23383" i="1" s="1"/>
  <c r="A23384" i="1" s="1"/>
  <c r="A23385" i="1" s="1"/>
  <c r="A23386" i="1" s="1"/>
  <c r="A23387" i="1" s="1"/>
  <c r="A23388" i="1" s="1"/>
  <c r="A23389" i="1" s="1"/>
  <c r="A23390" i="1" s="1"/>
  <c r="A23391" i="1" s="1"/>
  <c r="A23392" i="1" s="1"/>
  <c r="A23393" i="1" s="1"/>
  <c r="A23394" i="1" s="1"/>
  <c r="A23395" i="1" s="1"/>
  <c r="A23396" i="1" s="1"/>
  <c r="A23397" i="1" s="1"/>
  <c r="A23398" i="1" s="1"/>
  <c r="A23399" i="1" s="1"/>
  <c r="A23400" i="1" s="1"/>
  <c r="A23401" i="1" s="1"/>
  <c r="A23402" i="1" s="1"/>
  <c r="A23403" i="1" s="1"/>
  <c r="A23404" i="1" s="1"/>
  <c r="A23405" i="1" s="1"/>
  <c r="A23406" i="1" s="1"/>
  <c r="A23407" i="1" s="1"/>
  <c r="A23408" i="1" s="1"/>
  <c r="A23409" i="1" s="1"/>
  <c r="A23410" i="1" s="1"/>
  <c r="A23411" i="1" s="1"/>
  <c r="A23412" i="1" s="1"/>
  <c r="A23413" i="1" s="1"/>
  <c r="A23414" i="1" s="1"/>
  <c r="A23415" i="1" s="1"/>
  <c r="A23416" i="1" s="1"/>
  <c r="A23417" i="1" s="1"/>
  <c r="A23418" i="1" s="1"/>
  <c r="A23419" i="1" s="1"/>
  <c r="A23420" i="1" s="1"/>
  <c r="A23421" i="1" s="1"/>
  <c r="A23422" i="1" s="1"/>
  <c r="A23423" i="1" s="1"/>
  <c r="A23424" i="1" s="1"/>
  <c r="A23425" i="1" s="1"/>
  <c r="A23426" i="1" s="1"/>
  <c r="A23427" i="1" s="1"/>
  <c r="A23428" i="1" s="1"/>
  <c r="A23429" i="1" s="1"/>
  <c r="A23430" i="1" s="1"/>
  <c r="A23431" i="1" s="1"/>
  <c r="A23432" i="1" s="1"/>
  <c r="A23433" i="1" s="1"/>
  <c r="A23434" i="1" s="1"/>
  <c r="A23435" i="1" s="1"/>
  <c r="A23436" i="1" s="1"/>
  <c r="A23437" i="1" s="1"/>
  <c r="A23438" i="1" s="1"/>
  <c r="A23439" i="1" s="1"/>
  <c r="A23440" i="1" s="1"/>
  <c r="A23441" i="1" s="1"/>
  <c r="A23442" i="1" s="1"/>
  <c r="A23443" i="1" s="1"/>
  <c r="A23444" i="1" s="1"/>
  <c r="A23445" i="1" s="1"/>
  <c r="A23446" i="1" s="1"/>
  <c r="A23447" i="1" s="1"/>
  <c r="A23448" i="1" s="1"/>
  <c r="A23449" i="1" s="1"/>
  <c r="A23450" i="1" s="1"/>
  <c r="A23451" i="1" s="1"/>
  <c r="A23452" i="1" s="1"/>
  <c r="A23453" i="1" s="1"/>
  <c r="A23454" i="1" s="1"/>
  <c r="A23455" i="1" s="1"/>
  <c r="A23456" i="1" s="1"/>
  <c r="A23457" i="1" s="1"/>
  <c r="A23458" i="1" s="1"/>
  <c r="A23459" i="1" s="1"/>
  <c r="A23460" i="1" s="1"/>
  <c r="A23461" i="1" s="1"/>
  <c r="A23462" i="1" s="1"/>
  <c r="A23463" i="1" s="1"/>
  <c r="A23464" i="1" s="1"/>
  <c r="A23465" i="1" s="1"/>
  <c r="A23466" i="1" s="1"/>
  <c r="A23467" i="1" s="1"/>
  <c r="A23468" i="1" s="1"/>
  <c r="A23469" i="1" s="1"/>
  <c r="A23470" i="1" s="1"/>
  <c r="A23471" i="1" s="1"/>
  <c r="A23472" i="1" s="1"/>
  <c r="A23473" i="1" s="1"/>
  <c r="A23474" i="1" s="1"/>
  <c r="A23475" i="1" s="1"/>
  <c r="A23476" i="1" s="1"/>
  <c r="A23477" i="1" s="1"/>
  <c r="A23478" i="1" s="1"/>
  <c r="A23479" i="1" s="1"/>
  <c r="A23480" i="1" s="1"/>
  <c r="A23481" i="1" s="1"/>
  <c r="A23482" i="1" s="1"/>
  <c r="A23483" i="1" s="1"/>
  <c r="A23484" i="1" s="1"/>
  <c r="A23485" i="1" s="1"/>
  <c r="A23486" i="1" s="1"/>
  <c r="A23487" i="1" s="1"/>
  <c r="A23488" i="1" s="1"/>
  <c r="A23489" i="1" s="1"/>
  <c r="A23490" i="1" s="1"/>
  <c r="A23491" i="1" s="1"/>
  <c r="A23492" i="1" s="1"/>
  <c r="A23493" i="1" s="1"/>
  <c r="A23494" i="1" s="1"/>
  <c r="A23495" i="1" s="1"/>
  <c r="A23496" i="1" s="1"/>
  <c r="A23497" i="1" s="1"/>
  <c r="A23498" i="1" s="1"/>
  <c r="A23499" i="1" s="1"/>
  <c r="A23500" i="1" s="1"/>
  <c r="A23501" i="1" s="1"/>
  <c r="A23502" i="1" s="1"/>
  <c r="A23503" i="1" s="1"/>
  <c r="A23504" i="1" s="1"/>
  <c r="A23505" i="1" s="1"/>
  <c r="A23506" i="1" s="1"/>
  <c r="A23507" i="1" s="1"/>
  <c r="A23508" i="1" s="1"/>
  <c r="A23509" i="1" s="1"/>
  <c r="A23510" i="1" s="1"/>
  <c r="A23511" i="1" s="1"/>
  <c r="A23512" i="1" s="1"/>
  <c r="A23513" i="1" s="1"/>
  <c r="A23514" i="1" s="1"/>
  <c r="A23515" i="1" s="1"/>
  <c r="A23516" i="1" s="1"/>
  <c r="A23517" i="1" s="1"/>
  <c r="A23518" i="1" s="1"/>
  <c r="A23519" i="1" s="1"/>
  <c r="A23520" i="1" s="1"/>
  <c r="A23521" i="1" s="1"/>
  <c r="A23522" i="1" s="1"/>
  <c r="A23523" i="1" s="1"/>
  <c r="A23524" i="1" s="1"/>
  <c r="A23525" i="1" s="1"/>
  <c r="A23526" i="1" s="1"/>
  <c r="A23527" i="1" s="1"/>
  <c r="A23528" i="1" s="1"/>
  <c r="A23529" i="1" s="1"/>
  <c r="A23530" i="1" s="1"/>
  <c r="A23531" i="1" s="1"/>
  <c r="A23532" i="1" s="1"/>
  <c r="A23533" i="1" s="1"/>
  <c r="A23534" i="1" s="1"/>
  <c r="A23535" i="1" s="1"/>
  <c r="A23536" i="1" s="1"/>
  <c r="A23537" i="1" s="1"/>
  <c r="A23538" i="1" s="1"/>
  <c r="A23539" i="1" s="1"/>
  <c r="A23540" i="1" s="1"/>
  <c r="A23541" i="1" s="1"/>
  <c r="A23542" i="1" s="1"/>
  <c r="A23543" i="1" s="1"/>
  <c r="A23544" i="1" s="1"/>
  <c r="A23545" i="1" s="1"/>
  <c r="A23546" i="1" s="1"/>
  <c r="A23547" i="1" s="1"/>
  <c r="A23548" i="1" s="1"/>
  <c r="A23549" i="1" s="1"/>
  <c r="A23550" i="1" s="1"/>
  <c r="A23551" i="1" s="1"/>
  <c r="A23552" i="1" s="1"/>
  <c r="A23553" i="1" s="1"/>
  <c r="A23554" i="1" s="1"/>
  <c r="A23555" i="1" s="1"/>
  <c r="A23556" i="1" s="1"/>
  <c r="A23557" i="1" s="1"/>
  <c r="A23558" i="1" s="1"/>
  <c r="A23559" i="1" s="1"/>
  <c r="A23560" i="1" s="1"/>
  <c r="A23561" i="1" s="1"/>
  <c r="A23562" i="1" s="1"/>
  <c r="A23563" i="1" s="1"/>
  <c r="A23564" i="1" s="1"/>
  <c r="A23565" i="1" s="1"/>
  <c r="A23566" i="1" s="1"/>
  <c r="A23567" i="1" s="1"/>
  <c r="A23568" i="1" s="1"/>
  <c r="A23569" i="1" s="1"/>
  <c r="A23570" i="1" s="1"/>
  <c r="A23571" i="1" s="1"/>
  <c r="A23572" i="1" s="1"/>
  <c r="A23573" i="1" s="1"/>
  <c r="A23574" i="1" s="1"/>
  <c r="A23575" i="1" s="1"/>
  <c r="A23576" i="1" s="1"/>
  <c r="A23577" i="1" s="1"/>
  <c r="A23578" i="1" s="1"/>
  <c r="A23579" i="1" s="1"/>
  <c r="A23580" i="1" s="1"/>
  <c r="A23581" i="1" s="1"/>
  <c r="A23582" i="1" s="1"/>
  <c r="A23583" i="1" s="1"/>
  <c r="A23584" i="1" s="1"/>
  <c r="A23585" i="1" s="1"/>
  <c r="A23586" i="1" s="1"/>
  <c r="A23587" i="1" s="1"/>
  <c r="A23588" i="1" s="1"/>
  <c r="A23589" i="1" s="1"/>
  <c r="A23590" i="1" s="1"/>
  <c r="A23591" i="1" s="1"/>
  <c r="A23592" i="1" s="1"/>
  <c r="A23593" i="1" s="1"/>
  <c r="A23594" i="1" s="1"/>
  <c r="A23595" i="1" s="1"/>
  <c r="A23596" i="1" s="1"/>
  <c r="A23597" i="1" s="1"/>
  <c r="A23598" i="1" s="1"/>
  <c r="A23599" i="1" s="1"/>
  <c r="A23600" i="1" s="1"/>
  <c r="A23601" i="1" s="1"/>
  <c r="A23602" i="1" s="1"/>
  <c r="A23603" i="1" s="1"/>
  <c r="A23604" i="1" s="1"/>
  <c r="A23605" i="1" s="1"/>
  <c r="A23606" i="1" s="1"/>
  <c r="A23607" i="1" s="1"/>
  <c r="A23608" i="1" s="1"/>
  <c r="A23609" i="1" s="1"/>
  <c r="A23610" i="1" s="1"/>
  <c r="A23611" i="1" s="1"/>
  <c r="A23612" i="1" s="1"/>
  <c r="A23613" i="1" s="1"/>
  <c r="A23614" i="1" s="1"/>
  <c r="A23615" i="1" s="1"/>
  <c r="A23616" i="1" s="1"/>
  <c r="A23617" i="1" s="1"/>
  <c r="A23618" i="1" s="1"/>
  <c r="A23619" i="1" s="1"/>
  <c r="A23620" i="1" s="1"/>
  <c r="A23621" i="1" s="1"/>
  <c r="A23622" i="1" s="1"/>
  <c r="A23623" i="1" s="1"/>
  <c r="A23624" i="1" s="1"/>
  <c r="A23625" i="1" s="1"/>
  <c r="A23626" i="1" s="1"/>
  <c r="A23627" i="1" s="1"/>
  <c r="A23628" i="1" s="1"/>
  <c r="A23629" i="1" s="1"/>
  <c r="A23630" i="1" s="1"/>
  <c r="A23631" i="1" s="1"/>
  <c r="A23632" i="1" s="1"/>
  <c r="A23633" i="1" s="1"/>
  <c r="A23634" i="1" s="1"/>
  <c r="A23635" i="1" s="1"/>
  <c r="A23636" i="1" s="1"/>
  <c r="A23637" i="1" s="1"/>
  <c r="A23638" i="1" s="1"/>
  <c r="A23639" i="1" s="1"/>
  <c r="A23640" i="1" s="1"/>
  <c r="A23641" i="1" s="1"/>
  <c r="A23642" i="1" s="1"/>
  <c r="A23643" i="1" s="1"/>
  <c r="A23644" i="1" s="1"/>
  <c r="A23645" i="1" s="1"/>
  <c r="A23646" i="1" s="1"/>
  <c r="A23647" i="1" s="1"/>
  <c r="A23648" i="1" s="1"/>
  <c r="A23649" i="1" s="1"/>
  <c r="A23650" i="1" s="1"/>
  <c r="A23651" i="1" s="1"/>
  <c r="A23652" i="1" s="1"/>
  <c r="A23653" i="1" s="1"/>
  <c r="A23654" i="1" s="1"/>
  <c r="A23655" i="1" s="1"/>
  <c r="A23656" i="1" s="1"/>
  <c r="A23657" i="1" s="1"/>
  <c r="A23658" i="1" s="1"/>
  <c r="A23659" i="1" s="1"/>
  <c r="A23660" i="1" s="1"/>
  <c r="A23661" i="1" s="1"/>
  <c r="A23662" i="1" s="1"/>
  <c r="A23663" i="1" s="1"/>
  <c r="A23664" i="1" s="1"/>
  <c r="A23665" i="1" s="1"/>
  <c r="A23666" i="1" s="1"/>
  <c r="A23667" i="1" s="1"/>
  <c r="A23668" i="1" s="1"/>
  <c r="A23669" i="1" s="1"/>
  <c r="A23670" i="1" s="1"/>
  <c r="A23671" i="1" s="1"/>
  <c r="A23672" i="1" s="1"/>
  <c r="A23673" i="1" s="1"/>
  <c r="A23674" i="1" s="1"/>
  <c r="A23675" i="1" s="1"/>
  <c r="A23676" i="1" s="1"/>
  <c r="A23677" i="1" s="1"/>
  <c r="A23678" i="1" s="1"/>
  <c r="A23679" i="1" s="1"/>
  <c r="A23680" i="1" s="1"/>
  <c r="A23681" i="1" s="1"/>
  <c r="A23682" i="1" s="1"/>
  <c r="A23683" i="1" s="1"/>
  <c r="A23684" i="1" s="1"/>
  <c r="A23685" i="1" s="1"/>
  <c r="A23686" i="1" s="1"/>
  <c r="A23687" i="1" s="1"/>
  <c r="A23688" i="1" s="1"/>
  <c r="A23689" i="1" s="1"/>
  <c r="A23690" i="1" s="1"/>
  <c r="A23691" i="1" s="1"/>
  <c r="A23692" i="1" s="1"/>
  <c r="A23693" i="1" s="1"/>
  <c r="A23694" i="1" s="1"/>
  <c r="A23695" i="1" s="1"/>
  <c r="A23696" i="1" s="1"/>
  <c r="A23697" i="1" s="1"/>
  <c r="A23698" i="1" s="1"/>
  <c r="A23699" i="1" s="1"/>
  <c r="A23700" i="1" s="1"/>
  <c r="A23701" i="1" s="1"/>
  <c r="A23702" i="1" s="1"/>
  <c r="A23703" i="1" s="1"/>
  <c r="A23704" i="1" s="1"/>
  <c r="A23705" i="1" s="1"/>
  <c r="A23706" i="1" s="1"/>
  <c r="A23707" i="1" s="1"/>
  <c r="A23708" i="1" s="1"/>
  <c r="A23709" i="1" s="1"/>
  <c r="A23710" i="1" s="1"/>
  <c r="A23711" i="1" s="1"/>
  <c r="A23712" i="1" s="1"/>
  <c r="A23713" i="1" s="1"/>
  <c r="A23714" i="1" s="1"/>
  <c r="A23715" i="1" s="1"/>
  <c r="A23716" i="1" s="1"/>
  <c r="A23717" i="1" s="1"/>
  <c r="A23718" i="1" s="1"/>
  <c r="A23719" i="1" s="1"/>
  <c r="A23720" i="1" s="1"/>
  <c r="A23721" i="1" s="1"/>
  <c r="A23722" i="1" s="1"/>
  <c r="A23723" i="1" s="1"/>
  <c r="A23724" i="1" s="1"/>
  <c r="A23725" i="1" s="1"/>
  <c r="A23726" i="1" s="1"/>
  <c r="A23727" i="1" s="1"/>
  <c r="A23728" i="1" s="1"/>
  <c r="A23729" i="1" s="1"/>
  <c r="A23730" i="1" s="1"/>
  <c r="A23731" i="1" s="1"/>
  <c r="A23732" i="1" s="1"/>
  <c r="A23733" i="1" s="1"/>
  <c r="A23734" i="1" s="1"/>
  <c r="A23735" i="1" s="1"/>
  <c r="A23736" i="1" s="1"/>
  <c r="A23737" i="1" s="1"/>
  <c r="A23738" i="1" s="1"/>
  <c r="A23739" i="1" s="1"/>
  <c r="A23740" i="1" s="1"/>
  <c r="A23741" i="1" s="1"/>
  <c r="A23742" i="1" s="1"/>
  <c r="A23743" i="1" s="1"/>
  <c r="A23744" i="1" s="1"/>
  <c r="A23745" i="1" s="1"/>
  <c r="A23746" i="1" s="1"/>
  <c r="A23747" i="1" s="1"/>
  <c r="A23748" i="1" s="1"/>
  <c r="A23749" i="1" s="1"/>
  <c r="A23750" i="1" s="1"/>
  <c r="A23751" i="1" s="1"/>
  <c r="A23752" i="1" s="1"/>
  <c r="A23753" i="1" s="1"/>
  <c r="A23754" i="1" s="1"/>
  <c r="A23755" i="1" s="1"/>
  <c r="A23756" i="1" s="1"/>
  <c r="A23757" i="1" s="1"/>
  <c r="A23758" i="1" s="1"/>
  <c r="A23759" i="1" s="1"/>
  <c r="A23760" i="1" s="1"/>
  <c r="A23761" i="1" s="1"/>
  <c r="A23762" i="1" s="1"/>
  <c r="A23763" i="1" s="1"/>
  <c r="A23764" i="1" s="1"/>
  <c r="A23765" i="1" s="1"/>
  <c r="A23766" i="1" s="1"/>
  <c r="A23767" i="1" s="1"/>
  <c r="A23768" i="1" s="1"/>
  <c r="A23769" i="1" s="1"/>
  <c r="A23770" i="1" s="1"/>
  <c r="A23771" i="1" s="1"/>
  <c r="A23772" i="1" s="1"/>
  <c r="A23773" i="1" s="1"/>
  <c r="A23774" i="1" s="1"/>
  <c r="A23775" i="1" s="1"/>
  <c r="A23776" i="1" s="1"/>
  <c r="A23777" i="1" s="1"/>
  <c r="A23778" i="1" s="1"/>
  <c r="A23779" i="1" s="1"/>
  <c r="A23780" i="1" s="1"/>
  <c r="A23781" i="1" s="1"/>
  <c r="A23782" i="1" s="1"/>
  <c r="A23783" i="1" s="1"/>
  <c r="A23784" i="1" s="1"/>
  <c r="A23785" i="1" s="1"/>
  <c r="A23786" i="1" s="1"/>
  <c r="A23787" i="1" s="1"/>
  <c r="A23788" i="1" s="1"/>
  <c r="A23789" i="1" s="1"/>
  <c r="A23790" i="1" s="1"/>
  <c r="A23791" i="1" s="1"/>
  <c r="A23792" i="1" s="1"/>
  <c r="A23793" i="1" s="1"/>
  <c r="A23794" i="1" s="1"/>
  <c r="A23795" i="1" s="1"/>
  <c r="A23796" i="1" s="1"/>
  <c r="A23797" i="1" s="1"/>
  <c r="A23798" i="1" s="1"/>
  <c r="A23799" i="1" s="1"/>
  <c r="A23800" i="1" s="1"/>
  <c r="A23801" i="1" s="1"/>
  <c r="A23802" i="1" s="1"/>
  <c r="A23803" i="1" s="1"/>
  <c r="A23804" i="1" s="1"/>
  <c r="A23805" i="1" s="1"/>
  <c r="A23806" i="1" s="1"/>
  <c r="A23807" i="1" s="1"/>
  <c r="A23808" i="1" s="1"/>
  <c r="A23809" i="1" s="1"/>
  <c r="A23810" i="1" s="1"/>
  <c r="A23811" i="1" s="1"/>
  <c r="A23812" i="1" s="1"/>
  <c r="A23813" i="1" s="1"/>
  <c r="A23814" i="1" s="1"/>
  <c r="A23815" i="1" s="1"/>
  <c r="A23816" i="1" s="1"/>
  <c r="A23817" i="1" s="1"/>
  <c r="A23818" i="1" s="1"/>
  <c r="A23819" i="1" s="1"/>
  <c r="A23820" i="1" s="1"/>
  <c r="A23821" i="1" s="1"/>
  <c r="A23822" i="1" s="1"/>
  <c r="A23823" i="1" s="1"/>
  <c r="A23824" i="1" s="1"/>
  <c r="A23825" i="1" s="1"/>
  <c r="A23826" i="1" s="1"/>
  <c r="A23827" i="1" s="1"/>
  <c r="A23828" i="1" s="1"/>
  <c r="A23829" i="1" s="1"/>
  <c r="A23830" i="1" s="1"/>
  <c r="A23831" i="1" s="1"/>
  <c r="A23832" i="1" s="1"/>
  <c r="A23833" i="1" s="1"/>
  <c r="A23834" i="1" s="1"/>
  <c r="A23835" i="1" s="1"/>
  <c r="A23836" i="1" s="1"/>
  <c r="A23837" i="1" s="1"/>
  <c r="A23838" i="1" s="1"/>
  <c r="A23839" i="1" s="1"/>
  <c r="A23840" i="1" s="1"/>
  <c r="A23841" i="1" s="1"/>
  <c r="A23842" i="1" s="1"/>
  <c r="A23843" i="1" s="1"/>
  <c r="A23844" i="1" s="1"/>
  <c r="A23845" i="1" s="1"/>
  <c r="A23846" i="1" s="1"/>
  <c r="A23847" i="1" s="1"/>
  <c r="A23848" i="1" s="1"/>
  <c r="A23849" i="1" s="1"/>
  <c r="A23850" i="1" s="1"/>
  <c r="A23851" i="1" s="1"/>
  <c r="A23852" i="1" s="1"/>
  <c r="A23853" i="1" s="1"/>
  <c r="A23854" i="1" s="1"/>
  <c r="A23855" i="1" s="1"/>
  <c r="A23856" i="1" s="1"/>
  <c r="A23857" i="1" s="1"/>
  <c r="A23858" i="1" s="1"/>
  <c r="A23859" i="1" s="1"/>
  <c r="A23860" i="1" s="1"/>
  <c r="A23861" i="1" s="1"/>
  <c r="A23862" i="1" s="1"/>
  <c r="A23863" i="1" s="1"/>
  <c r="A23864" i="1" s="1"/>
  <c r="A23865" i="1" s="1"/>
  <c r="A23866" i="1" s="1"/>
  <c r="A23867" i="1" s="1"/>
  <c r="A23868" i="1" s="1"/>
  <c r="A23869" i="1" s="1"/>
  <c r="A23870" i="1" s="1"/>
  <c r="A23871" i="1" s="1"/>
  <c r="A23872" i="1" s="1"/>
  <c r="A23873" i="1" s="1"/>
  <c r="A23874" i="1" s="1"/>
  <c r="A23875" i="1" s="1"/>
  <c r="A23876" i="1" s="1"/>
  <c r="A23877" i="1" s="1"/>
  <c r="A23878" i="1" s="1"/>
  <c r="A23879" i="1" s="1"/>
  <c r="A23880" i="1" s="1"/>
  <c r="A23881" i="1" s="1"/>
  <c r="A23882" i="1" s="1"/>
  <c r="A23883" i="1" s="1"/>
  <c r="A23884" i="1" s="1"/>
  <c r="A23885" i="1" s="1"/>
  <c r="A23886" i="1" s="1"/>
  <c r="A23887" i="1" s="1"/>
  <c r="A23888" i="1" s="1"/>
  <c r="A23889" i="1" s="1"/>
  <c r="A23890" i="1" s="1"/>
  <c r="A23891" i="1" s="1"/>
  <c r="A23892" i="1" s="1"/>
  <c r="A23893" i="1" s="1"/>
  <c r="A23894" i="1" s="1"/>
  <c r="A23895" i="1" s="1"/>
  <c r="A23896" i="1" s="1"/>
  <c r="A23897" i="1" s="1"/>
  <c r="A23898" i="1" s="1"/>
  <c r="A23899" i="1" s="1"/>
  <c r="A23900" i="1" s="1"/>
  <c r="A23901" i="1" s="1"/>
  <c r="A23902" i="1" s="1"/>
  <c r="A23903" i="1" s="1"/>
  <c r="A23904" i="1" s="1"/>
  <c r="A23905" i="1" s="1"/>
  <c r="A23906" i="1" s="1"/>
  <c r="A23907" i="1" s="1"/>
  <c r="A23908" i="1" s="1"/>
  <c r="A23909" i="1" s="1"/>
  <c r="A23910" i="1" s="1"/>
  <c r="A23911" i="1" s="1"/>
  <c r="A23912" i="1" s="1"/>
  <c r="A23913" i="1" s="1"/>
  <c r="A23914" i="1" s="1"/>
  <c r="A23915" i="1" s="1"/>
  <c r="A23916" i="1" s="1"/>
  <c r="A23917" i="1" s="1"/>
  <c r="A23918" i="1" s="1"/>
  <c r="A23919" i="1" s="1"/>
  <c r="A23920" i="1" s="1"/>
  <c r="A23921" i="1" s="1"/>
  <c r="A23922" i="1" s="1"/>
  <c r="A23923" i="1" s="1"/>
  <c r="A23924" i="1" s="1"/>
  <c r="A23925" i="1" s="1"/>
  <c r="A23926" i="1" s="1"/>
  <c r="A23927" i="1" s="1"/>
  <c r="A23928" i="1" s="1"/>
  <c r="A23929" i="1" s="1"/>
  <c r="A23930" i="1" s="1"/>
  <c r="A23931" i="1" s="1"/>
  <c r="A23932" i="1" s="1"/>
  <c r="A23933" i="1" s="1"/>
  <c r="A23934" i="1" s="1"/>
  <c r="A23935" i="1" s="1"/>
  <c r="A23936" i="1" s="1"/>
  <c r="A23937" i="1" s="1"/>
  <c r="A23938" i="1" s="1"/>
  <c r="A23939" i="1" s="1"/>
  <c r="A23940" i="1" s="1"/>
  <c r="A23941" i="1" s="1"/>
  <c r="A23942" i="1" s="1"/>
  <c r="A23943" i="1" s="1"/>
  <c r="A23944" i="1" s="1"/>
  <c r="A23945" i="1" s="1"/>
  <c r="A23946" i="1" s="1"/>
  <c r="A23947" i="1" s="1"/>
  <c r="A23948" i="1" s="1"/>
  <c r="A23949" i="1" s="1"/>
  <c r="A23950" i="1" s="1"/>
  <c r="A23951" i="1" s="1"/>
  <c r="A23952" i="1" s="1"/>
  <c r="A23953" i="1" s="1"/>
  <c r="A23954" i="1" s="1"/>
  <c r="A23955" i="1" s="1"/>
  <c r="A23956" i="1" s="1"/>
  <c r="A23957" i="1" s="1"/>
  <c r="A23958" i="1" s="1"/>
  <c r="A23959" i="1" s="1"/>
  <c r="A23960" i="1" s="1"/>
  <c r="A23961" i="1" s="1"/>
  <c r="A23962" i="1" s="1"/>
  <c r="A23963" i="1" s="1"/>
  <c r="A23964" i="1" s="1"/>
  <c r="A23965" i="1" s="1"/>
  <c r="A23966" i="1" s="1"/>
  <c r="A23967" i="1" s="1"/>
  <c r="A23968" i="1" s="1"/>
  <c r="A23969" i="1" s="1"/>
  <c r="A23970" i="1" s="1"/>
  <c r="A23971" i="1" s="1"/>
  <c r="A23972" i="1" s="1"/>
  <c r="A23973" i="1" s="1"/>
  <c r="A23974" i="1" s="1"/>
  <c r="A23975" i="1" s="1"/>
  <c r="A23976" i="1" s="1"/>
  <c r="A23977" i="1" s="1"/>
  <c r="A23978" i="1" s="1"/>
  <c r="A23979" i="1" s="1"/>
  <c r="A23980" i="1" s="1"/>
  <c r="A23981" i="1" s="1"/>
  <c r="A23982" i="1" s="1"/>
  <c r="A23983" i="1" s="1"/>
  <c r="A23984" i="1" s="1"/>
  <c r="A23985" i="1" s="1"/>
  <c r="A23986" i="1" s="1"/>
  <c r="A23987" i="1" s="1"/>
  <c r="A23988" i="1" s="1"/>
  <c r="A23989" i="1" s="1"/>
  <c r="A23990" i="1" s="1"/>
  <c r="A23991" i="1" s="1"/>
  <c r="A23992" i="1" s="1"/>
  <c r="A23993" i="1" s="1"/>
  <c r="A23994" i="1" s="1"/>
  <c r="A23995" i="1" s="1"/>
  <c r="A23996" i="1" s="1"/>
  <c r="A23997" i="1" s="1"/>
  <c r="A23998" i="1" s="1"/>
  <c r="A23999" i="1" s="1"/>
  <c r="A24000" i="1" s="1"/>
  <c r="A24001" i="1" s="1"/>
  <c r="A24002" i="1" s="1"/>
  <c r="A24003" i="1" s="1"/>
  <c r="A24004" i="1" s="1"/>
  <c r="A24005" i="1" s="1"/>
  <c r="A24006" i="1" s="1"/>
  <c r="A24007" i="1" s="1"/>
  <c r="A24008" i="1" s="1"/>
  <c r="A24009" i="1" s="1"/>
  <c r="A24010" i="1" s="1"/>
  <c r="A24011" i="1" s="1"/>
  <c r="A24012" i="1" s="1"/>
  <c r="A24013" i="1" s="1"/>
  <c r="A24014" i="1" s="1"/>
  <c r="A24015" i="1" s="1"/>
  <c r="A24016" i="1" s="1"/>
  <c r="A24017" i="1" s="1"/>
  <c r="A24018" i="1" s="1"/>
  <c r="A24019" i="1" s="1"/>
  <c r="A24020" i="1" s="1"/>
  <c r="A24021" i="1" s="1"/>
  <c r="A24022" i="1" s="1"/>
  <c r="A24023" i="1" s="1"/>
  <c r="A24024" i="1" s="1"/>
  <c r="A24025" i="1" s="1"/>
  <c r="A24026" i="1" s="1"/>
  <c r="A24027" i="1" s="1"/>
  <c r="A24028" i="1" s="1"/>
  <c r="A24029" i="1" s="1"/>
  <c r="A24030" i="1" s="1"/>
  <c r="A24031" i="1" s="1"/>
  <c r="A24032" i="1" s="1"/>
  <c r="A24033" i="1" s="1"/>
  <c r="A24034" i="1" s="1"/>
  <c r="A24035" i="1" s="1"/>
  <c r="A24036" i="1" s="1"/>
  <c r="A24037" i="1" s="1"/>
  <c r="A24038" i="1" s="1"/>
  <c r="A24039" i="1" s="1"/>
  <c r="A24040" i="1" s="1"/>
  <c r="A24041" i="1" s="1"/>
  <c r="A24042" i="1" s="1"/>
  <c r="A24043" i="1" s="1"/>
  <c r="A24044" i="1" s="1"/>
  <c r="A24045" i="1" s="1"/>
  <c r="A24046" i="1" s="1"/>
  <c r="A24047" i="1" s="1"/>
  <c r="A24048" i="1" s="1"/>
  <c r="A24049" i="1" s="1"/>
  <c r="A24050" i="1" s="1"/>
  <c r="A24051" i="1" s="1"/>
  <c r="A24052" i="1" s="1"/>
  <c r="A24053" i="1" s="1"/>
  <c r="A24054" i="1" s="1"/>
  <c r="A24055" i="1" s="1"/>
  <c r="A24056" i="1" s="1"/>
  <c r="A24057" i="1" s="1"/>
  <c r="A24058" i="1" s="1"/>
  <c r="A24059" i="1" s="1"/>
  <c r="A24060" i="1" s="1"/>
  <c r="A24061" i="1" s="1"/>
  <c r="A24062" i="1" s="1"/>
  <c r="A24063" i="1" s="1"/>
  <c r="A24064" i="1" s="1"/>
  <c r="A24065" i="1" s="1"/>
  <c r="A24066" i="1" s="1"/>
  <c r="A24067" i="1" s="1"/>
  <c r="A24068" i="1" s="1"/>
  <c r="A24069" i="1" s="1"/>
  <c r="A24070" i="1" s="1"/>
  <c r="A24071" i="1" s="1"/>
  <c r="A24072" i="1" s="1"/>
  <c r="A24073" i="1" s="1"/>
  <c r="A24074" i="1" s="1"/>
  <c r="A24075" i="1" s="1"/>
  <c r="A24076" i="1" s="1"/>
  <c r="A24077" i="1" s="1"/>
  <c r="A24078" i="1" s="1"/>
  <c r="A24079" i="1" s="1"/>
  <c r="A24080" i="1" s="1"/>
  <c r="A24081" i="1" s="1"/>
  <c r="A24082" i="1" s="1"/>
  <c r="A24083" i="1" s="1"/>
  <c r="A24084" i="1" s="1"/>
  <c r="A24085" i="1" s="1"/>
  <c r="A24086" i="1" s="1"/>
  <c r="A24087" i="1" s="1"/>
  <c r="A24088" i="1" s="1"/>
  <c r="A24089" i="1" s="1"/>
  <c r="A24090" i="1" s="1"/>
  <c r="A24091" i="1" s="1"/>
  <c r="A24092" i="1" s="1"/>
  <c r="A24093" i="1" s="1"/>
  <c r="A24094" i="1" s="1"/>
  <c r="A24095" i="1" s="1"/>
  <c r="A24096" i="1" s="1"/>
  <c r="A24097" i="1" s="1"/>
  <c r="A24098" i="1" s="1"/>
  <c r="A24099" i="1" s="1"/>
  <c r="A24100" i="1" s="1"/>
  <c r="A24101" i="1" s="1"/>
  <c r="A24102" i="1" s="1"/>
  <c r="A24103" i="1" s="1"/>
  <c r="A24104" i="1" s="1"/>
  <c r="A24105" i="1" s="1"/>
  <c r="A24106" i="1" s="1"/>
  <c r="A24107" i="1" s="1"/>
  <c r="A24108" i="1" s="1"/>
  <c r="A24109" i="1" s="1"/>
  <c r="A24110" i="1" s="1"/>
  <c r="A24111" i="1" s="1"/>
  <c r="A24112" i="1" s="1"/>
  <c r="A24113" i="1" s="1"/>
  <c r="A24114" i="1" s="1"/>
  <c r="A24115" i="1" s="1"/>
  <c r="A24116" i="1" s="1"/>
  <c r="A24117" i="1" s="1"/>
  <c r="A24118" i="1" s="1"/>
  <c r="A24119" i="1" s="1"/>
  <c r="A24120" i="1" s="1"/>
  <c r="A24121" i="1" s="1"/>
  <c r="A24122" i="1" s="1"/>
  <c r="A24123" i="1" s="1"/>
  <c r="A24124" i="1" s="1"/>
  <c r="A24125" i="1" s="1"/>
  <c r="A24126" i="1" s="1"/>
  <c r="A24127" i="1" s="1"/>
  <c r="A24128" i="1" s="1"/>
  <c r="A24129" i="1" s="1"/>
  <c r="A24130" i="1" s="1"/>
  <c r="A24131" i="1" s="1"/>
  <c r="A24132" i="1" s="1"/>
  <c r="A24133" i="1" s="1"/>
  <c r="A24134" i="1" s="1"/>
  <c r="A24135" i="1" s="1"/>
  <c r="A24136" i="1" s="1"/>
  <c r="A24137" i="1" s="1"/>
  <c r="A24138" i="1" s="1"/>
  <c r="A24139" i="1" s="1"/>
  <c r="A24140" i="1" s="1"/>
  <c r="A24141" i="1" s="1"/>
  <c r="A24142" i="1" s="1"/>
  <c r="A24143" i="1" s="1"/>
  <c r="A24144" i="1" s="1"/>
  <c r="A24145" i="1" s="1"/>
  <c r="A24146" i="1" s="1"/>
  <c r="A24147" i="1" s="1"/>
  <c r="A24148" i="1" s="1"/>
  <c r="A24149" i="1" s="1"/>
  <c r="A24150" i="1" s="1"/>
  <c r="A24151" i="1" s="1"/>
  <c r="A24152" i="1" s="1"/>
  <c r="A24153" i="1" s="1"/>
  <c r="A24154" i="1" s="1"/>
  <c r="A24155" i="1" s="1"/>
  <c r="A24156" i="1" s="1"/>
  <c r="A24157" i="1" s="1"/>
  <c r="A24158" i="1" s="1"/>
  <c r="A24159" i="1" s="1"/>
  <c r="A24160" i="1" s="1"/>
  <c r="A24161" i="1" s="1"/>
  <c r="A24162" i="1" s="1"/>
  <c r="A24163" i="1" s="1"/>
  <c r="A24164" i="1" s="1"/>
  <c r="A24165" i="1" s="1"/>
  <c r="A24166" i="1" s="1"/>
  <c r="A24167" i="1" s="1"/>
  <c r="A24168" i="1" s="1"/>
  <c r="A24169" i="1" s="1"/>
  <c r="A24170" i="1" s="1"/>
  <c r="A24171" i="1" s="1"/>
  <c r="A24172" i="1" s="1"/>
  <c r="A24173" i="1" s="1"/>
  <c r="A24174" i="1" s="1"/>
  <c r="A24175" i="1" s="1"/>
  <c r="A24176" i="1" s="1"/>
  <c r="A24177" i="1" s="1"/>
  <c r="A24178" i="1" s="1"/>
  <c r="A24179" i="1" s="1"/>
  <c r="A24180" i="1" s="1"/>
  <c r="A24181" i="1" s="1"/>
  <c r="A24182" i="1" s="1"/>
  <c r="A24183" i="1" s="1"/>
  <c r="A24184" i="1" s="1"/>
  <c r="A24185" i="1" s="1"/>
  <c r="A24186" i="1" s="1"/>
  <c r="A24187" i="1" s="1"/>
  <c r="A24188" i="1" s="1"/>
  <c r="A24189" i="1" s="1"/>
  <c r="A24190" i="1" s="1"/>
  <c r="A24191" i="1" s="1"/>
  <c r="A24192" i="1" s="1"/>
  <c r="A24193" i="1" s="1"/>
  <c r="A24194" i="1" s="1"/>
  <c r="A24195" i="1" s="1"/>
  <c r="A24196" i="1" s="1"/>
  <c r="A24197" i="1" s="1"/>
  <c r="A24198" i="1" s="1"/>
  <c r="A24199" i="1" s="1"/>
  <c r="A24200" i="1" s="1"/>
  <c r="A24201" i="1" s="1"/>
  <c r="A24202" i="1" s="1"/>
  <c r="A24203" i="1" s="1"/>
  <c r="A24204" i="1" s="1"/>
  <c r="A24205" i="1" s="1"/>
  <c r="A24206" i="1" s="1"/>
  <c r="A24207" i="1" s="1"/>
  <c r="A24208" i="1" s="1"/>
  <c r="A24209" i="1" s="1"/>
  <c r="A24210" i="1" s="1"/>
  <c r="A24211" i="1" s="1"/>
  <c r="A24212" i="1" s="1"/>
  <c r="A24213" i="1" s="1"/>
  <c r="A24214" i="1" s="1"/>
  <c r="A24215" i="1" s="1"/>
  <c r="A24216" i="1" s="1"/>
  <c r="A24217" i="1" s="1"/>
  <c r="A24218" i="1" s="1"/>
  <c r="A24219" i="1" s="1"/>
  <c r="A24220" i="1" s="1"/>
  <c r="A24221" i="1" s="1"/>
  <c r="A24222" i="1" s="1"/>
  <c r="A24223" i="1" s="1"/>
  <c r="A24224" i="1" s="1"/>
  <c r="A24225" i="1" s="1"/>
  <c r="A24226" i="1" s="1"/>
  <c r="A24227" i="1" s="1"/>
  <c r="A24228" i="1" s="1"/>
  <c r="A24229" i="1" s="1"/>
  <c r="A24230" i="1" s="1"/>
  <c r="A24231" i="1" s="1"/>
  <c r="A24232" i="1" s="1"/>
  <c r="A24233" i="1" s="1"/>
  <c r="A24234" i="1" s="1"/>
  <c r="A24235" i="1" s="1"/>
  <c r="A24236" i="1" s="1"/>
  <c r="A24237" i="1" s="1"/>
  <c r="A24238" i="1" s="1"/>
  <c r="A24239" i="1" s="1"/>
  <c r="A24240" i="1" s="1"/>
  <c r="A24241" i="1" s="1"/>
  <c r="A24242" i="1" s="1"/>
  <c r="A24243" i="1" s="1"/>
  <c r="A24244" i="1" s="1"/>
  <c r="A24245" i="1" s="1"/>
  <c r="A24246" i="1" s="1"/>
  <c r="A24247" i="1" s="1"/>
  <c r="A24248" i="1" s="1"/>
  <c r="A24249" i="1" s="1"/>
  <c r="A24250" i="1" s="1"/>
  <c r="A24251" i="1" s="1"/>
  <c r="A24252" i="1" s="1"/>
  <c r="A24253" i="1" s="1"/>
  <c r="A24254" i="1" s="1"/>
  <c r="A24255" i="1" s="1"/>
  <c r="A24256" i="1" s="1"/>
  <c r="A24257" i="1" s="1"/>
  <c r="A24258" i="1" s="1"/>
  <c r="A24259" i="1" s="1"/>
  <c r="A24260" i="1" s="1"/>
  <c r="A24261" i="1" s="1"/>
  <c r="A24262" i="1" s="1"/>
  <c r="A24263" i="1" s="1"/>
  <c r="A24264" i="1" s="1"/>
  <c r="A24265" i="1" s="1"/>
  <c r="A24266" i="1" s="1"/>
  <c r="A24267" i="1" s="1"/>
  <c r="A24268" i="1" s="1"/>
  <c r="A24269" i="1" s="1"/>
  <c r="A24270" i="1" s="1"/>
  <c r="A24271" i="1" s="1"/>
  <c r="A24272" i="1" s="1"/>
  <c r="A24273" i="1" s="1"/>
  <c r="A24274" i="1" s="1"/>
  <c r="A24275" i="1" s="1"/>
  <c r="A24276" i="1" s="1"/>
  <c r="A24277" i="1" s="1"/>
  <c r="A24278" i="1" s="1"/>
  <c r="A24279" i="1" s="1"/>
  <c r="A24280" i="1" s="1"/>
  <c r="A24281" i="1" s="1"/>
  <c r="A24282" i="1" s="1"/>
  <c r="A24283" i="1" s="1"/>
  <c r="A24284" i="1" s="1"/>
  <c r="A24285" i="1" s="1"/>
  <c r="A24286" i="1" s="1"/>
  <c r="A24287" i="1" s="1"/>
  <c r="A24288" i="1" s="1"/>
  <c r="A24289" i="1" s="1"/>
  <c r="A24290" i="1" s="1"/>
  <c r="A24291" i="1" s="1"/>
  <c r="A24292" i="1" s="1"/>
  <c r="A24293" i="1" s="1"/>
  <c r="A24294" i="1" s="1"/>
  <c r="A24295" i="1" s="1"/>
  <c r="A24296" i="1" s="1"/>
  <c r="A24297" i="1" s="1"/>
  <c r="A24298" i="1" s="1"/>
  <c r="A24299" i="1" s="1"/>
  <c r="A24300" i="1" s="1"/>
  <c r="A24301" i="1" s="1"/>
  <c r="A24302" i="1" s="1"/>
  <c r="A24303" i="1" s="1"/>
  <c r="A24304" i="1" s="1"/>
  <c r="A24305" i="1" s="1"/>
  <c r="A24306" i="1" s="1"/>
  <c r="A24307" i="1" s="1"/>
  <c r="A24308" i="1" s="1"/>
  <c r="A24309" i="1" s="1"/>
  <c r="A24310" i="1" s="1"/>
  <c r="A24311" i="1" s="1"/>
  <c r="A24312" i="1" s="1"/>
  <c r="A24313" i="1" s="1"/>
  <c r="A24314" i="1" s="1"/>
  <c r="A24315" i="1" s="1"/>
  <c r="A24316" i="1" s="1"/>
  <c r="A24317" i="1" s="1"/>
  <c r="A24318" i="1" s="1"/>
  <c r="A24319" i="1" s="1"/>
  <c r="A24320" i="1" s="1"/>
  <c r="A24321" i="1" s="1"/>
  <c r="A24322" i="1" s="1"/>
  <c r="A24323" i="1" s="1"/>
  <c r="A24324" i="1" s="1"/>
  <c r="A24325" i="1" s="1"/>
  <c r="A24326" i="1" s="1"/>
  <c r="A24327" i="1" s="1"/>
  <c r="A24328" i="1" s="1"/>
  <c r="A24329" i="1" s="1"/>
  <c r="A24330" i="1" s="1"/>
  <c r="A24331" i="1" s="1"/>
  <c r="A24332" i="1" s="1"/>
  <c r="A24333" i="1" s="1"/>
  <c r="A24334" i="1" s="1"/>
  <c r="A24335" i="1" s="1"/>
  <c r="A24336" i="1" s="1"/>
  <c r="A24337" i="1" s="1"/>
  <c r="A24338" i="1" s="1"/>
  <c r="A24339" i="1" s="1"/>
  <c r="A24340" i="1" s="1"/>
  <c r="A24341" i="1" s="1"/>
  <c r="A24342" i="1" s="1"/>
  <c r="A24343" i="1" s="1"/>
  <c r="A24344" i="1" s="1"/>
  <c r="A24345" i="1" s="1"/>
  <c r="A24346" i="1" s="1"/>
  <c r="A24347" i="1" s="1"/>
  <c r="A24348" i="1" s="1"/>
  <c r="A24349" i="1" s="1"/>
  <c r="A24350" i="1" s="1"/>
  <c r="A24351" i="1" s="1"/>
  <c r="A24352" i="1" s="1"/>
  <c r="A24353" i="1" s="1"/>
  <c r="A24354" i="1" s="1"/>
  <c r="A24355" i="1" s="1"/>
  <c r="A24356" i="1" s="1"/>
  <c r="A24357" i="1" s="1"/>
  <c r="A24358" i="1" s="1"/>
  <c r="A24359" i="1" s="1"/>
  <c r="A24360" i="1" s="1"/>
  <c r="A24361" i="1" s="1"/>
  <c r="A24362" i="1" s="1"/>
  <c r="A24363" i="1" s="1"/>
  <c r="A24364" i="1" s="1"/>
  <c r="A24365" i="1" s="1"/>
  <c r="A24366" i="1" s="1"/>
  <c r="A24367" i="1" s="1"/>
  <c r="A24368" i="1" s="1"/>
  <c r="A24369" i="1" s="1"/>
  <c r="A24370" i="1" s="1"/>
  <c r="A24371" i="1" s="1"/>
  <c r="A24372" i="1" s="1"/>
  <c r="A24373" i="1" s="1"/>
  <c r="A24374" i="1" s="1"/>
  <c r="A24375" i="1" s="1"/>
  <c r="A24376" i="1" s="1"/>
  <c r="A24377" i="1" s="1"/>
  <c r="A24378" i="1" s="1"/>
  <c r="A24379" i="1" s="1"/>
  <c r="A24380" i="1" s="1"/>
  <c r="A24381" i="1" s="1"/>
  <c r="A24382" i="1" s="1"/>
  <c r="A24383" i="1" s="1"/>
  <c r="A24384" i="1" s="1"/>
  <c r="A24385" i="1" s="1"/>
  <c r="A24386" i="1" s="1"/>
  <c r="A24387" i="1" s="1"/>
  <c r="A24388" i="1" s="1"/>
  <c r="A24389" i="1" s="1"/>
  <c r="A24390" i="1" s="1"/>
  <c r="A24391" i="1" s="1"/>
  <c r="A24392" i="1" s="1"/>
  <c r="A24393" i="1" s="1"/>
  <c r="A24394" i="1" s="1"/>
  <c r="A24395" i="1" s="1"/>
  <c r="A24396" i="1" s="1"/>
  <c r="A24397" i="1" s="1"/>
  <c r="A24398" i="1" s="1"/>
  <c r="A24399" i="1" s="1"/>
  <c r="A24400" i="1" s="1"/>
  <c r="A24401" i="1" s="1"/>
  <c r="A24402" i="1" s="1"/>
  <c r="A24403" i="1" s="1"/>
  <c r="A24404" i="1" s="1"/>
  <c r="A24405" i="1" s="1"/>
  <c r="A24406" i="1" s="1"/>
  <c r="A24407" i="1" s="1"/>
  <c r="A24408" i="1" s="1"/>
  <c r="A24409" i="1" s="1"/>
  <c r="A24410" i="1" s="1"/>
  <c r="A24411" i="1" s="1"/>
  <c r="A24412" i="1" s="1"/>
  <c r="A24413" i="1" s="1"/>
  <c r="A24414" i="1" s="1"/>
  <c r="A24415" i="1" s="1"/>
  <c r="A24416" i="1" s="1"/>
  <c r="A24417" i="1" s="1"/>
  <c r="A24418" i="1" s="1"/>
  <c r="A24419" i="1" s="1"/>
  <c r="A24420" i="1" s="1"/>
  <c r="A24421" i="1" s="1"/>
  <c r="A24422" i="1" s="1"/>
  <c r="A24423" i="1" s="1"/>
  <c r="A24424" i="1" s="1"/>
  <c r="A24425" i="1" s="1"/>
  <c r="A24426" i="1" s="1"/>
  <c r="A24427" i="1" s="1"/>
  <c r="A24428" i="1" s="1"/>
  <c r="A24429" i="1" s="1"/>
  <c r="A24430" i="1" s="1"/>
  <c r="A24431" i="1" s="1"/>
  <c r="A24432" i="1" s="1"/>
  <c r="A24433" i="1" s="1"/>
  <c r="A24434" i="1" s="1"/>
  <c r="A24435" i="1" s="1"/>
  <c r="A24436" i="1" s="1"/>
  <c r="A24437" i="1" s="1"/>
  <c r="A24438" i="1" s="1"/>
  <c r="A24439" i="1" s="1"/>
  <c r="A24440" i="1" s="1"/>
  <c r="A24441" i="1" s="1"/>
  <c r="A24442" i="1" s="1"/>
  <c r="A24443" i="1" s="1"/>
  <c r="A24444" i="1" s="1"/>
  <c r="A24445" i="1" s="1"/>
  <c r="A24446" i="1" s="1"/>
  <c r="A24447" i="1" s="1"/>
  <c r="A24448" i="1" s="1"/>
  <c r="A24449" i="1" s="1"/>
  <c r="A24450" i="1" s="1"/>
  <c r="A24451" i="1" s="1"/>
  <c r="A24452" i="1" s="1"/>
  <c r="A24453" i="1" s="1"/>
  <c r="A24454" i="1" s="1"/>
  <c r="A24455" i="1" s="1"/>
  <c r="A24456" i="1" s="1"/>
  <c r="A24457" i="1" s="1"/>
  <c r="A24458" i="1" s="1"/>
  <c r="A24459" i="1" s="1"/>
  <c r="A24460" i="1" s="1"/>
  <c r="A24461" i="1" s="1"/>
  <c r="A24462" i="1" s="1"/>
  <c r="A24463" i="1" s="1"/>
  <c r="A24464" i="1" s="1"/>
  <c r="A24465" i="1" s="1"/>
  <c r="A24466" i="1" s="1"/>
  <c r="A24467" i="1" s="1"/>
  <c r="A24468" i="1" s="1"/>
  <c r="A24469" i="1" s="1"/>
  <c r="A24470" i="1" s="1"/>
  <c r="A24471" i="1" s="1"/>
  <c r="A24472" i="1" s="1"/>
  <c r="A24473" i="1" s="1"/>
  <c r="A24474" i="1" s="1"/>
  <c r="A24475" i="1" s="1"/>
  <c r="A24476" i="1" s="1"/>
  <c r="A24477" i="1" s="1"/>
  <c r="A24478" i="1" s="1"/>
  <c r="A24479" i="1" s="1"/>
  <c r="A24480" i="1" s="1"/>
  <c r="A24481" i="1" s="1"/>
  <c r="A24482" i="1" s="1"/>
  <c r="A24483" i="1" s="1"/>
  <c r="A24484" i="1" s="1"/>
  <c r="A24485" i="1" s="1"/>
  <c r="A24486" i="1" s="1"/>
  <c r="A24487" i="1" s="1"/>
  <c r="A24488" i="1" s="1"/>
  <c r="A24489" i="1" s="1"/>
  <c r="A24490" i="1" s="1"/>
  <c r="A24491" i="1" s="1"/>
  <c r="A24492" i="1" s="1"/>
  <c r="A24493" i="1" s="1"/>
  <c r="A24494" i="1" s="1"/>
  <c r="A24495" i="1" s="1"/>
  <c r="A24496" i="1" s="1"/>
  <c r="A24497" i="1" s="1"/>
  <c r="A24498" i="1" s="1"/>
  <c r="A24499" i="1" s="1"/>
  <c r="A24500" i="1" s="1"/>
  <c r="A24501" i="1" s="1"/>
  <c r="A24502" i="1" s="1"/>
  <c r="A24503" i="1" s="1"/>
  <c r="A24504" i="1" s="1"/>
  <c r="A24505" i="1" s="1"/>
  <c r="A24506" i="1" s="1"/>
  <c r="A24507" i="1" s="1"/>
  <c r="A24508" i="1" s="1"/>
  <c r="A24509" i="1" s="1"/>
  <c r="A24510" i="1" s="1"/>
  <c r="A24511" i="1" s="1"/>
  <c r="A24512" i="1" s="1"/>
  <c r="A24513" i="1" s="1"/>
  <c r="A24514" i="1" s="1"/>
  <c r="A24515" i="1" s="1"/>
  <c r="A24516" i="1" s="1"/>
  <c r="A24517" i="1" s="1"/>
  <c r="A24518" i="1" s="1"/>
  <c r="A24519" i="1" s="1"/>
  <c r="A24520" i="1" s="1"/>
  <c r="A24521" i="1" s="1"/>
  <c r="A24522" i="1" s="1"/>
  <c r="A24523" i="1" s="1"/>
  <c r="A24524" i="1" s="1"/>
  <c r="A24525" i="1" s="1"/>
  <c r="A24526" i="1" s="1"/>
  <c r="A24527" i="1" s="1"/>
  <c r="A24528" i="1" s="1"/>
  <c r="A24529" i="1" s="1"/>
  <c r="A24530" i="1" s="1"/>
  <c r="A24531" i="1" s="1"/>
  <c r="A24532" i="1" s="1"/>
  <c r="A24533" i="1" s="1"/>
  <c r="A24534" i="1" s="1"/>
  <c r="A24535" i="1" s="1"/>
  <c r="A24536" i="1" s="1"/>
  <c r="A24537" i="1" s="1"/>
  <c r="A24538" i="1" s="1"/>
  <c r="A24539" i="1" s="1"/>
  <c r="A24540" i="1" s="1"/>
  <c r="A24541" i="1" s="1"/>
  <c r="A24542" i="1" s="1"/>
  <c r="A24543" i="1" s="1"/>
  <c r="A24544" i="1" s="1"/>
  <c r="A24545" i="1" s="1"/>
  <c r="A24546" i="1" s="1"/>
  <c r="A24547" i="1" s="1"/>
  <c r="A24548" i="1" s="1"/>
  <c r="A24549" i="1" s="1"/>
  <c r="A24550" i="1" s="1"/>
  <c r="A24551" i="1" s="1"/>
  <c r="A24552" i="1" s="1"/>
  <c r="A24553" i="1" s="1"/>
  <c r="A24554" i="1" s="1"/>
  <c r="A24555" i="1" s="1"/>
  <c r="A24556" i="1" s="1"/>
  <c r="A24557" i="1" s="1"/>
  <c r="A24558" i="1" s="1"/>
  <c r="A24559" i="1" s="1"/>
  <c r="A24560" i="1" s="1"/>
  <c r="A24561" i="1" s="1"/>
  <c r="A24562" i="1" s="1"/>
  <c r="A24563" i="1" s="1"/>
  <c r="A24564" i="1" s="1"/>
  <c r="A24565" i="1" s="1"/>
  <c r="A24566" i="1" s="1"/>
  <c r="A24567" i="1" s="1"/>
  <c r="A24568" i="1" s="1"/>
  <c r="A24569" i="1" s="1"/>
  <c r="A24570" i="1" s="1"/>
  <c r="A24571" i="1" s="1"/>
  <c r="A24572" i="1" s="1"/>
  <c r="A24573" i="1" s="1"/>
  <c r="A24574" i="1" s="1"/>
  <c r="A24575" i="1" s="1"/>
  <c r="A24576" i="1" s="1"/>
  <c r="A24577" i="1" s="1"/>
  <c r="A24578" i="1" s="1"/>
  <c r="A24579" i="1" s="1"/>
  <c r="A24580" i="1" s="1"/>
  <c r="A24581" i="1" s="1"/>
  <c r="A24582" i="1" s="1"/>
  <c r="A24583" i="1" s="1"/>
  <c r="A24584" i="1" s="1"/>
  <c r="A24585" i="1" s="1"/>
  <c r="A24586" i="1" s="1"/>
  <c r="A24587" i="1" s="1"/>
  <c r="A24588" i="1" s="1"/>
  <c r="A24589" i="1" s="1"/>
  <c r="A24590" i="1" s="1"/>
  <c r="A24591" i="1" s="1"/>
  <c r="A24592" i="1" s="1"/>
  <c r="A24593" i="1" s="1"/>
  <c r="A24594" i="1" s="1"/>
  <c r="A24595" i="1" s="1"/>
  <c r="A24596" i="1" s="1"/>
  <c r="A24597" i="1" s="1"/>
  <c r="A24598" i="1" s="1"/>
  <c r="A24599" i="1" s="1"/>
  <c r="A24600" i="1" s="1"/>
  <c r="A24601" i="1" s="1"/>
  <c r="A24602" i="1" s="1"/>
  <c r="A24603" i="1" s="1"/>
  <c r="A24604" i="1" s="1"/>
  <c r="A24605" i="1" s="1"/>
  <c r="A24606" i="1" s="1"/>
  <c r="A24607" i="1" s="1"/>
  <c r="A24608" i="1" s="1"/>
  <c r="A24609" i="1" s="1"/>
  <c r="A24610" i="1" s="1"/>
  <c r="A24611" i="1" s="1"/>
  <c r="A24612" i="1" s="1"/>
  <c r="A24613" i="1" s="1"/>
  <c r="A24614" i="1" s="1"/>
  <c r="A24615" i="1" s="1"/>
  <c r="A24616" i="1" s="1"/>
  <c r="A24617" i="1" s="1"/>
  <c r="A24618" i="1" s="1"/>
  <c r="A24619" i="1" s="1"/>
  <c r="A24620" i="1" s="1"/>
  <c r="A24621" i="1" s="1"/>
  <c r="A24622" i="1" s="1"/>
  <c r="A24623" i="1" s="1"/>
  <c r="A24624" i="1" s="1"/>
  <c r="A24625" i="1" s="1"/>
  <c r="A24626" i="1" s="1"/>
  <c r="A24627" i="1" s="1"/>
  <c r="A24628" i="1" s="1"/>
  <c r="A24629" i="1" s="1"/>
  <c r="A24630" i="1" s="1"/>
  <c r="A24631" i="1" s="1"/>
  <c r="A24632" i="1" s="1"/>
  <c r="A24633" i="1" s="1"/>
  <c r="A24634" i="1" s="1"/>
  <c r="A24635" i="1" s="1"/>
  <c r="A24636" i="1" s="1"/>
  <c r="A24637" i="1" s="1"/>
  <c r="A24638" i="1" s="1"/>
  <c r="A24639" i="1" s="1"/>
  <c r="A24640" i="1" s="1"/>
  <c r="A24641" i="1" s="1"/>
  <c r="A24642" i="1" s="1"/>
  <c r="A24643" i="1" s="1"/>
  <c r="A24644" i="1" s="1"/>
  <c r="A24645" i="1" s="1"/>
  <c r="A24646" i="1" s="1"/>
  <c r="A24647" i="1" s="1"/>
  <c r="A24648" i="1" s="1"/>
  <c r="A24649" i="1" s="1"/>
  <c r="A24650" i="1" s="1"/>
  <c r="A24651" i="1" s="1"/>
  <c r="A24652" i="1" s="1"/>
  <c r="A24653" i="1" s="1"/>
  <c r="A24654" i="1" s="1"/>
  <c r="A24655" i="1" s="1"/>
  <c r="A24656" i="1" s="1"/>
  <c r="A24657" i="1" s="1"/>
  <c r="A24658" i="1" s="1"/>
  <c r="A24659" i="1" s="1"/>
  <c r="A24660" i="1" s="1"/>
  <c r="A24661" i="1" s="1"/>
  <c r="A24662" i="1" s="1"/>
  <c r="A24663" i="1" s="1"/>
  <c r="A24664" i="1" s="1"/>
  <c r="A24665" i="1" s="1"/>
  <c r="A24666" i="1" s="1"/>
  <c r="A24667" i="1" s="1"/>
  <c r="A24668" i="1" s="1"/>
  <c r="A24669" i="1" s="1"/>
  <c r="A24670" i="1" s="1"/>
  <c r="A24671" i="1" s="1"/>
  <c r="A24672" i="1" s="1"/>
  <c r="A24673" i="1" s="1"/>
  <c r="A24674" i="1" s="1"/>
  <c r="A24675" i="1" s="1"/>
  <c r="A24676" i="1" s="1"/>
  <c r="A24677" i="1" s="1"/>
  <c r="A24678" i="1" s="1"/>
  <c r="A24679" i="1" s="1"/>
  <c r="A24680" i="1" s="1"/>
  <c r="A24681" i="1" s="1"/>
  <c r="A24682" i="1" s="1"/>
  <c r="A24683" i="1" s="1"/>
  <c r="A24684" i="1" s="1"/>
  <c r="A24685" i="1" s="1"/>
  <c r="A24686" i="1" s="1"/>
  <c r="A24687" i="1" s="1"/>
  <c r="A24688" i="1" s="1"/>
  <c r="A24689" i="1" s="1"/>
  <c r="A24690" i="1" s="1"/>
  <c r="A24691" i="1" s="1"/>
  <c r="A24692" i="1" s="1"/>
  <c r="A24693" i="1" s="1"/>
  <c r="A24694" i="1" s="1"/>
  <c r="A24695" i="1" s="1"/>
  <c r="A24696" i="1" s="1"/>
  <c r="A24697" i="1" s="1"/>
  <c r="A24698" i="1" s="1"/>
  <c r="A24699" i="1" s="1"/>
  <c r="A24700" i="1" s="1"/>
  <c r="A24701" i="1" s="1"/>
  <c r="A24702" i="1" s="1"/>
  <c r="A24703" i="1" s="1"/>
  <c r="A24704" i="1" s="1"/>
  <c r="A24705" i="1" s="1"/>
  <c r="A24706" i="1" s="1"/>
  <c r="A24707" i="1" s="1"/>
  <c r="A24708" i="1" s="1"/>
  <c r="A24709" i="1" s="1"/>
  <c r="A24710" i="1" s="1"/>
  <c r="A24711" i="1" s="1"/>
  <c r="A24712" i="1" s="1"/>
  <c r="A24713" i="1" s="1"/>
  <c r="A24714" i="1" s="1"/>
  <c r="A24715" i="1" s="1"/>
  <c r="A24716" i="1" s="1"/>
  <c r="A24717" i="1" s="1"/>
  <c r="A24718" i="1" s="1"/>
  <c r="A24719" i="1" s="1"/>
  <c r="A24720" i="1" s="1"/>
  <c r="A24721" i="1" s="1"/>
  <c r="A24722" i="1" s="1"/>
  <c r="A24723" i="1" s="1"/>
  <c r="A24724" i="1" s="1"/>
  <c r="A24725" i="1" s="1"/>
  <c r="A24726" i="1" s="1"/>
  <c r="A24727" i="1" s="1"/>
  <c r="A24728" i="1" s="1"/>
  <c r="A24729" i="1" s="1"/>
  <c r="A24730" i="1" s="1"/>
  <c r="A24731" i="1" s="1"/>
  <c r="A24732" i="1" s="1"/>
  <c r="A24733" i="1" s="1"/>
  <c r="A24734" i="1" s="1"/>
  <c r="A24735" i="1" s="1"/>
  <c r="A24736" i="1" s="1"/>
  <c r="A24737" i="1" s="1"/>
  <c r="A24738" i="1" s="1"/>
  <c r="A24739" i="1" s="1"/>
  <c r="A24740" i="1" s="1"/>
  <c r="A24741" i="1" s="1"/>
  <c r="A24742" i="1" s="1"/>
  <c r="A24743" i="1" s="1"/>
  <c r="A24744" i="1" s="1"/>
  <c r="A24745" i="1" s="1"/>
  <c r="A24746" i="1" s="1"/>
  <c r="A24747" i="1" s="1"/>
  <c r="A24748" i="1" s="1"/>
  <c r="A24749" i="1" s="1"/>
  <c r="A24750" i="1" s="1"/>
  <c r="A24751" i="1" s="1"/>
  <c r="A24752" i="1" s="1"/>
  <c r="A24753" i="1" s="1"/>
  <c r="A24754" i="1" s="1"/>
  <c r="A24755" i="1" s="1"/>
  <c r="A24756" i="1" s="1"/>
  <c r="A24757" i="1" s="1"/>
  <c r="A24758" i="1" s="1"/>
  <c r="A24759" i="1" s="1"/>
  <c r="A24760" i="1" s="1"/>
  <c r="A24761" i="1" s="1"/>
  <c r="A24762" i="1" s="1"/>
  <c r="A24763" i="1" s="1"/>
  <c r="A24764" i="1" s="1"/>
  <c r="A24765" i="1" s="1"/>
  <c r="A24766" i="1" s="1"/>
  <c r="A24767" i="1" s="1"/>
  <c r="A24768" i="1" s="1"/>
  <c r="A24769" i="1" s="1"/>
  <c r="A24770" i="1" s="1"/>
  <c r="A24771" i="1" s="1"/>
  <c r="A24772" i="1" s="1"/>
  <c r="A24773" i="1" s="1"/>
  <c r="A24774" i="1" s="1"/>
  <c r="A24775" i="1" s="1"/>
  <c r="A24776" i="1" s="1"/>
  <c r="A24777" i="1" s="1"/>
  <c r="A24778" i="1" s="1"/>
  <c r="A24779" i="1" s="1"/>
  <c r="A24780" i="1" s="1"/>
  <c r="A24781" i="1" s="1"/>
  <c r="A24782" i="1" s="1"/>
  <c r="A24783" i="1" s="1"/>
  <c r="A24784" i="1" s="1"/>
  <c r="A24785" i="1" s="1"/>
  <c r="A24786" i="1" s="1"/>
  <c r="A24787" i="1" s="1"/>
  <c r="A24788" i="1" s="1"/>
  <c r="A24789" i="1" s="1"/>
  <c r="A24790" i="1" s="1"/>
  <c r="A24791" i="1" s="1"/>
  <c r="A24792" i="1" s="1"/>
  <c r="A24793" i="1" s="1"/>
  <c r="A24794" i="1" s="1"/>
  <c r="A24795" i="1" s="1"/>
  <c r="A24796" i="1" s="1"/>
  <c r="A24797" i="1" s="1"/>
  <c r="A24798" i="1" s="1"/>
  <c r="A24799" i="1" s="1"/>
  <c r="A24800" i="1" s="1"/>
  <c r="A24801" i="1" s="1"/>
  <c r="A24802" i="1" s="1"/>
  <c r="A24803" i="1" s="1"/>
  <c r="A24804" i="1" s="1"/>
  <c r="A24805" i="1" s="1"/>
  <c r="A24806" i="1" s="1"/>
  <c r="A24807" i="1" s="1"/>
  <c r="A24808" i="1" s="1"/>
  <c r="A24809" i="1" s="1"/>
  <c r="A24810" i="1" s="1"/>
  <c r="A24811" i="1" s="1"/>
  <c r="A24812" i="1" s="1"/>
  <c r="A24813" i="1" s="1"/>
  <c r="A24814" i="1" s="1"/>
  <c r="A24815" i="1" s="1"/>
  <c r="A24816" i="1" s="1"/>
  <c r="A24817" i="1" s="1"/>
  <c r="A24818" i="1" s="1"/>
  <c r="A24819" i="1" s="1"/>
  <c r="A24820" i="1" s="1"/>
  <c r="A24821" i="1" s="1"/>
  <c r="A24822" i="1" s="1"/>
  <c r="A24823" i="1" s="1"/>
  <c r="A24824" i="1" s="1"/>
  <c r="A24825" i="1" s="1"/>
  <c r="A24826" i="1" s="1"/>
  <c r="A24827" i="1" s="1"/>
  <c r="A24828" i="1" s="1"/>
  <c r="A24829" i="1" s="1"/>
  <c r="A24830" i="1" s="1"/>
  <c r="A24831" i="1" s="1"/>
  <c r="A24832" i="1" s="1"/>
  <c r="A24833" i="1" s="1"/>
  <c r="A24834" i="1" s="1"/>
  <c r="A24835" i="1" s="1"/>
  <c r="A24836" i="1" s="1"/>
  <c r="A24837" i="1" s="1"/>
  <c r="A24838" i="1" s="1"/>
  <c r="A24839" i="1" s="1"/>
  <c r="A24840" i="1" s="1"/>
  <c r="A24841" i="1" s="1"/>
  <c r="A24842" i="1" s="1"/>
  <c r="A24843" i="1" s="1"/>
  <c r="A24844" i="1" s="1"/>
  <c r="A24845" i="1" s="1"/>
  <c r="A24846" i="1" s="1"/>
  <c r="A24847" i="1" s="1"/>
  <c r="A24848" i="1" s="1"/>
  <c r="A24849" i="1" s="1"/>
  <c r="A24850" i="1" s="1"/>
  <c r="A24851" i="1" s="1"/>
  <c r="A24852" i="1" s="1"/>
  <c r="A24853" i="1" s="1"/>
  <c r="A24854" i="1" s="1"/>
  <c r="A24855" i="1" s="1"/>
  <c r="A24856" i="1" s="1"/>
  <c r="A24857" i="1" s="1"/>
  <c r="A24858" i="1" s="1"/>
  <c r="A24859" i="1" s="1"/>
  <c r="A24860" i="1" s="1"/>
  <c r="A24861" i="1" s="1"/>
  <c r="A24862" i="1" s="1"/>
  <c r="A24863" i="1" s="1"/>
  <c r="A24864" i="1" s="1"/>
  <c r="A24865" i="1" s="1"/>
  <c r="A24866" i="1" s="1"/>
  <c r="A24867" i="1" s="1"/>
  <c r="A24868" i="1" s="1"/>
  <c r="A24869" i="1" s="1"/>
  <c r="A24870" i="1" s="1"/>
  <c r="A24871" i="1" s="1"/>
  <c r="A24872" i="1" s="1"/>
  <c r="A24873" i="1" s="1"/>
  <c r="A24874" i="1" s="1"/>
  <c r="A24875" i="1" s="1"/>
  <c r="A24876" i="1" s="1"/>
  <c r="A24877" i="1" s="1"/>
  <c r="A24878" i="1" s="1"/>
  <c r="A24879" i="1" s="1"/>
  <c r="A24880" i="1" s="1"/>
  <c r="A24881" i="1" s="1"/>
  <c r="A24882" i="1" s="1"/>
  <c r="A24883" i="1" s="1"/>
  <c r="A24884" i="1" s="1"/>
  <c r="A24885" i="1" s="1"/>
  <c r="A24886" i="1" s="1"/>
  <c r="A24887" i="1" s="1"/>
  <c r="A24888" i="1" s="1"/>
  <c r="A24889" i="1" s="1"/>
  <c r="A24890" i="1" s="1"/>
  <c r="A24891" i="1" s="1"/>
  <c r="A24892" i="1" s="1"/>
  <c r="A24893" i="1" s="1"/>
  <c r="A24894" i="1" s="1"/>
  <c r="A24895" i="1" s="1"/>
  <c r="A24896" i="1" s="1"/>
  <c r="A24897" i="1" s="1"/>
  <c r="A24898" i="1" s="1"/>
  <c r="A24899" i="1" s="1"/>
  <c r="A24900" i="1" s="1"/>
  <c r="A24901" i="1" s="1"/>
  <c r="A24902" i="1" s="1"/>
  <c r="A24903" i="1" s="1"/>
  <c r="A24904" i="1" s="1"/>
  <c r="A24905" i="1" s="1"/>
  <c r="A24906" i="1" s="1"/>
  <c r="A24907" i="1" s="1"/>
  <c r="A24908" i="1" s="1"/>
  <c r="A24909" i="1" s="1"/>
  <c r="A24910" i="1" s="1"/>
  <c r="A24911" i="1" s="1"/>
  <c r="A24912" i="1" s="1"/>
  <c r="A24913" i="1" s="1"/>
  <c r="A24914" i="1" s="1"/>
  <c r="A24915" i="1" s="1"/>
  <c r="A24916" i="1" s="1"/>
  <c r="A24917" i="1" s="1"/>
  <c r="A24918" i="1" s="1"/>
  <c r="A24919" i="1" s="1"/>
  <c r="A24920" i="1" s="1"/>
  <c r="A24921" i="1" s="1"/>
  <c r="A24922" i="1" s="1"/>
  <c r="A24923" i="1" s="1"/>
  <c r="A24924" i="1" s="1"/>
  <c r="A24925" i="1" s="1"/>
  <c r="A24926" i="1" s="1"/>
  <c r="A24927" i="1" s="1"/>
  <c r="A24928" i="1" s="1"/>
  <c r="A24929" i="1" s="1"/>
  <c r="A24930" i="1" s="1"/>
  <c r="A24931" i="1" s="1"/>
  <c r="A24932" i="1" s="1"/>
  <c r="A24933" i="1" s="1"/>
  <c r="A24934" i="1" s="1"/>
  <c r="A24935" i="1" s="1"/>
  <c r="A24936" i="1" s="1"/>
  <c r="A24937" i="1" s="1"/>
  <c r="A24938" i="1" s="1"/>
  <c r="A24939" i="1" s="1"/>
  <c r="A24940" i="1" s="1"/>
  <c r="A24941" i="1" s="1"/>
  <c r="A24942" i="1" s="1"/>
  <c r="A24943" i="1" s="1"/>
  <c r="A24944" i="1" s="1"/>
  <c r="A24945" i="1" s="1"/>
  <c r="A24946" i="1" s="1"/>
  <c r="A24947" i="1" s="1"/>
  <c r="A24948" i="1" s="1"/>
  <c r="A24949" i="1" s="1"/>
  <c r="A24950" i="1" s="1"/>
  <c r="A24951" i="1" s="1"/>
  <c r="A24952" i="1" s="1"/>
  <c r="A24953" i="1" s="1"/>
  <c r="A24954" i="1" s="1"/>
  <c r="A24955" i="1" s="1"/>
  <c r="A24956" i="1" s="1"/>
  <c r="A24957" i="1" s="1"/>
  <c r="A24958" i="1" s="1"/>
  <c r="A24959" i="1" s="1"/>
  <c r="A24960" i="1" s="1"/>
  <c r="A24961" i="1" s="1"/>
  <c r="A24962" i="1" s="1"/>
  <c r="A24963" i="1" s="1"/>
  <c r="A24964" i="1" s="1"/>
  <c r="A24965" i="1" s="1"/>
  <c r="A24966" i="1" s="1"/>
  <c r="A24967" i="1" s="1"/>
  <c r="A24968" i="1" s="1"/>
  <c r="A24969" i="1" s="1"/>
  <c r="A24970" i="1" s="1"/>
  <c r="A24971" i="1" s="1"/>
  <c r="A24972" i="1" s="1"/>
  <c r="A24973" i="1" s="1"/>
  <c r="A24974" i="1" s="1"/>
  <c r="A24975" i="1" s="1"/>
  <c r="A24976" i="1" s="1"/>
  <c r="A24977" i="1" s="1"/>
  <c r="A24978" i="1" s="1"/>
  <c r="A24979" i="1" s="1"/>
  <c r="A24980" i="1" s="1"/>
  <c r="A24981" i="1" s="1"/>
  <c r="A24982" i="1" s="1"/>
  <c r="A24983" i="1" s="1"/>
  <c r="A24984" i="1" s="1"/>
  <c r="A24985" i="1" s="1"/>
  <c r="A24986" i="1" s="1"/>
  <c r="A24987" i="1" s="1"/>
  <c r="A24988" i="1" s="1"/>
  <c r="A24989" i="1" s="1"/>
  <c r="A24990" i="1" s="1"/>
  <c r="A24991" i="1" s="1"/>
  <c r="A24992" i="1" s="1"/>
  <c r="A24993" i="1" s="1"/>
  <c r="A24994" i="1" s="1"/>
  <c r="A24995" i="1" s="1"/>
  <c r="A24996" i="1" s="1"/>
  <c r="A24997" i="1" s="1"/>
  <c r="A24998" i="1" s="1"/>
  <c r="A24999" i="1" s="1"/>
  <c r="A25000" i="1" s="1"/>
  <c r="A25001" i="1" s="1"/>
  <c r="A25002" i="1" s="1"/>
  <c r="A25003" i="1" s="1"/>
  <c r="A25004" i="1" s="1"/>
  <c r="A25005" i="1" s="1"/>
  <c r="A25006" i="1" s="1"/>
  <c r="A25007" i="1" s="1"/>
  <c r="A25008" i="1" s="1"/>
  <c r="A25009" i="1" s="1"/>
  <c r="A25010" i="1" s="1"/>
  <c r="A25011" i="1" s="1"/>
  <c r="A25012" i="1" s="1"/>
  <c r="A25013" i="1" s="1"/>
  <c r="A25014" i="1" s="1"/>
  <c r="A25015" i="1" s="1"/>
  <c r="A25016" i="1" s="1"/>
  <c r="A25017" i="1" s="1"/>
  <c r="A25018" i="1" s="1"/>
  <c r="A25019" i="1" s="1"/>
  <c r="A25020" i="1" s="1"/>
  <c r="A25021" i="1" s="1"/>
  <c r="A25022" i="1" s="1"/>
  <c r="A25023" i="1" s="1"/>
  <c r="A25024" i="1" s="1"/>
  <c r="A25025" i="1" s="1"/>
  <c r="A25026" i="1" s="1"/>
  <c r="A25027" i="1" s="1"/>
  <c r="A25028" i="1" s="1"/>
  <c r="A25029" i="1" s="1"/>
  <c r="A25030" i="1" s="1"/>
  <c r="A25031" i="1" s="1"/>
  <c r="A25032" i="1" s="1"/>
  <c r="A25033" i="1" s="1"/>
  <c r="A25034" i="1" s="1"/>
  <c r="A25035" i="1" s="1"/>
  <c r="A25036" i="1" s="1"/>
  <c r="A25037" i="1" s="1"/>
  <c r="A25038" i="1" s="1"/>
  <c r="A25039" i="1" s="1"/>
  <c r="A25040" i="1" s="1"/>
  <c r="A25041" i="1" s="1"/>
  <c r="A25042" i="1" s="1"/>
  <c r="A25043" i="1" s="1"/>
  <c r="A25044" i="1" s="1"/>
  <c r="A25045" i="1" s="1"/>
  <c r="A25046" i="1" s="1"/>
  <c r="A25047" i="1" s="1"/>
  <c r="A25048" i="1" s="1"/>
  <c r="A25049" i="1" s="1"/>
  <c r="A25050" i="1" s="1"/>
  <c r="A25051" i="1" s="1"/>
  <c r="A25052" i="1" s="1"/>
  <c r="A25053" i="1" s="1"/>
  <c r="A25054" i="1" s="1"/>
  <c r="A25055" i="1" s="1"/>
  <c r="A25056" i="1" s="1"/>
  <c r="A25057" i="1" s="1"/>
  <c r="A25058" i="1" s="1"/>
  <c r="A25059" i="1" s="1"/>
  <c r="A25060" i="1" s="1"/>
  <c r="A25061" i="1" s="1"/>
  <c r="A25062" i="1" s="1"/>
  <c r="A25063" i="1" s="1"/>
  <c r="A25064" i="1" s="1"/>
  <c r="A25065" i="1" s="1"/>
  <c r="A25066" i="1" s="1"/>
  <c r="A25067" i="1" s="1"/>
  <c r="A25068" i="1" s="1"/>
  <c r="A25069" i="1" s="1"/>
  <c r="A25070" i="1" s="1"/>
  <c r="A25071" i="1" s="1"/>
  <c r="A25072" i="1" s="1"/>
  <c r="A25073" i="1" s="1"/>
  <c r="A25074" i="1" s="1"/>
  <c r="A25075" i="1" s="1"/>
  <c r="A25076" i="1" s="1"/>
  <c r="A25077" i="1" s="1"/>
  <c r="A25078" i="1" s="1"/>
  <c r="A25079" i="1" s="1"/>
  <c r="A25080" i="1" s="1"/>
  <c r="A25081" i="1" s="1"/>
  <c r="A25082" i="1" s="1"/>
  <c r="A25083" i="1" s="1"/>
  <c r="A25084" i="1" s="1"/>
  <c r="A25085" i="1" s="1"/>
  <c r="A25086" i="1" s="1"/>
  <c r="A25087" i="1" s="1"/>
  <c r="A25088" i="1" s="1"/>
  <c r="A25089" i="1" s="1"/>
  <c r="A25090" i="1" s="1"/>
  <c r="A25091" i="1" s="1"/>
  <c r="A25092" i="1" s="1"/>
  <c r="A25093" i="1" s="1"/>
  <c r="A25094" i="1" s="1"/>
  <c r="A25095" i="1" s="1"/>
  <c r="A25096" i="1" s="1"/>
  <c r="A25097" i="1" s="1"/>
  <c r="A25098" i="1" s="1"/>
  <c r="A25099" i="1" s="1"/>
  <c r="A25100" i="1" s="1"/>
  <c r="A25101" i="1" s="1"/>
  <c r="A25102" i="1" s="1"/>
  <c r="A25103" i="1" s="1"/>
  <c r="A25104" i="1" s="1"/>
  <c r="A25105" i="1" s="1"/>
  <c r="A25106" i="1" s="1"/>
  <c r="A25107" i="1" s="1"/>
  <c r="A25108" i="1" s="1"/>
  <c r="A25109" i="1" s="1"/>
  <c r="A25110" i="1" s="1"/>
  <c r="A25111" i="1" s="1"/>
  <c r="A25112" i="1" s="1"/>
  <c r="A25113" i="1" s="1"/>
  <c r="A25114" i="1" s="1"/>
  <c r="A25115" i="1" s="1"/>
  <c r="A25116" i="1" s="1"/>
  <c r="A25117" i="1" s="1"/>
  <c r="A25118" i="1" s="1"/>
  <c r="A25119" i="1" s="1"/>
  <c r="A25120" i="1" s="1"/>
  <c r="A25121" i="1" s="1"/>
  <c r="A25122" i="1" s="1"/>
  <c r="A25123" i="1" s="1"/>
  <c r="A25124" i="1" s="1"/>
  <c r="A25125" i="1" s="1"/>
  <c r="A25126" i="1" s="1"/>
  <c r="A25127" i="1" s="1"/>
  <c r="A25128" i="1" s="1"/>
  <c r="A25129" i="1" s="1"/>
  <c r="A25130" i="1" s="1"/>
  <c r="A25131" i="1" s="1"/>
  <c r="A25132" i="1" s="1"/>
  <c r="A25133" i="1" s="1"/>
  <c r="A25134" i="1" s="1"/>
  <c r="A25135" i="1" s="1"/>
  <c r="A25136" i="1" s="1"/>
  <c r="A25137" i="1" s="1"/>
  <c r="A25138" i="1" s="1"/>
  <c r="A25139" i="1" s="1"/>
  <c r="A25140" i="1" s="1"/>
  <c r="A25141" i="1" s="1"/>
  <c r="A25142" i="1" s="1"/>
  <c r="A25143" i="1" s="1"/>
  <c r="A25144" i="1" s="1"/>
  <c r="A25145" i="1" s="1"/>
  <c r="A25146" i="1" s="1"/>
  <c r="A25147" i="1" s="1"/>
  <c r="A25148" i="1" s="1"/>
  <c r="A25149" i="1" s="1"/>
  <c r="A25150" i="1" s="1"/>
  <c r="A25151" i="1" s="1"/>
  <c r="A25152" i="1" s="1"/>
  <c r="A25153" i="1" s="1"/>
  <c r="A25154" i="1" s="1"/>
  <c r="A25155" i="1" s="1"/>
  <c r="A25156" i="1" s="1"/>
  <c r="A25157" i="1" s="1"/>
  <c r="A25158" i="1" s="1"/>
  <c r="A25159" i="1" s="1"/>
  <c r="A25160" i="1" s="1"/>
  <c r="A25161" i="1" s="1"/>
  <c r="A25162" i="1" s="1"/>
  <c r="A25163" i="1" s="1"/>
  <c r="A25164" i="1" s="1"/>
  <c r="A25165" i="1" s="1"/>
  <c r="A25166" i="1" s="1"/>
  <c r="A25167" i="1" s="1"/>
  <c r="A25168" i="1" s="1"/>
  <c r="A25169" i="1" s="1"/>
  <c r="A25170" i="1" s="1"/>
  <c r="A25171" i="1" s="1"/>
  <c r="A25172" i="1" s="1"/>
  <c r="A25173" i="1" s="1"/>
  <c r="A25174" i="1" s="1"/>
  <c r="A25175" i="1" s="1"/>
  <c r="A25176" i="1" s="1"/>
  <c r="A25177" i="1" s="1"/>
  <c r="A25178" i="1" s="1"/>
  <c r="A25179" i="1" s="1"/>
  <c r="A25180" i="1" s="1"/>
  <c r="A25181" i="1" s="1"/>
  <c r="A25182" i="1" s="1"/>
  <c r="A25183" i="1" s="1"/>
  <c r="A25184" i="1" s="1"/>
  <c r="A25185" i="1" s="1"/>
  <c r="A25186" i="1" s="1"/>
  <c r="A25187" i="1" s="1"/>
  <c r="A25188" i="1" s="1"/>
  <c r="A25189" i="1" s="1"/>
  <c r="A25190" i="1" s="1"/>
  <c r="A25191" i="1" s="1"/>
  <c r="A25192" i="1" s="1"/>
  <c r="A25193" i="1" s="1"/>
  <c r="A25194" i="1" s="1"/>
  <c r="A25195" i="1" s="1"/>
  <c r="A25196" i="1" s="1"/>
  <c r="A25197" i="1" s="1"/>
  <c r="A25198" i="1" s="1"/>
  <c r="A25199" i="1" s="1"/>
  <c r="A25200" i="1" s="1"/>
  <c r="A25201" i="1" s="1"/>
  <c r="A25202" i="1" s="1"/>
  <c r="A25203" i="1" s="1"/>
  <c r="A25204" i="1" s="1"/>
  <c r="A25205" i="1" s="1"/>
  <c r="A25206" i="1" s="1"/>
  <c r="A25207" i="1" s="1"/>
  <c r="A25208" i="1" s="1"/>
  <c r="A25209" i="1" s="1"/>
  <c r="A25210" i="1" s="1"/>
  <c r="A25211" i="1" s="1"/>
  <c r="A25212" i="1" s="1"/>
  <c r="A25213" i="1" s="1"/>
  <c r="A25214" i="1" s="1"/>
  <c r="A25215" i="1" s="1"/>
  <c r="A25216" i="1" s="1"/>
  <c r="A25217" i="1" s="1"/>
  <c r="A25218" i="1" s="1"/>
  <c r="A25219" i="1" s="1"/>
  <c r="A25220" i="1" s="1"/>
  <c r="A25221" i="1" s="1"/>
  <c r="A25222" i="1" s="1"/>
  <c r="A25223" i="1" s="1"/>
  <c r="A25224" i="1" s="1"/>
  <c r="A25225" i="1" s="1"/>
  <c r="A25226" i="1" s="1"/>
  <c r="A25227" i="1" s="1"/>
  <c r="A25228" i="1" s="1"/>
  <c r="A25229" i="1" s="1"/>
  <c r="A25230" i="1" s="1"/>
  <c r="A25231" i="1" s="1"/>
  <c r="A25232" i="1" s="1"/>
  <c r="A25233" i="1" s="1"/>
  <c r="A25234" i="1" s="1"/>
  <c r="A25235" i="1" s="1"/>
  <c r="A25236" i="1" s="1"/>
  <c r="A25237" i="1" s="1"/>
  <c r="A25238" i="1" s="1"/>
  <c r="A25239" i="1" s="1"/>
  <c r="A25240" i="1" s="1"/>
  <c r="A25241" i="1" s="1"/>
  <c r="A25242" i="1" s="1"/>
  <c r="A25243" i="1" s="1"/>
  <c r="A25244" i="1" s="1"/>
  <c r="A25245" i="1" s="1"/>
  <c r="A25246" i="1" s="1"/>
  <c r="A25247" i="1" s="1"/>
  <c r="A25248" i="1" s="1"/>
  <c r="A25249" i="1" s="1"/>
  <c r="A25250" i="1" s="1"/>
  <c r="A25251" i="1" s="1"/>
  <c r="A25252" i="1" s="1"/>
  <c r="A25253" i="1" s="1"/>
  <c r="A25254" i="1" s="1"/>
  <c r="A25255" i="1" s="1"/>
  <c r="A25256" i="1" s="1"/>
  <c r="A25257" i="1" s="1"/>
  <c r="A25258" i="1" s="1"/>
  <c r="A25259" i="1" s="1"/>
  <c r="A25260" i="1" s="1"/>
  <c r="A25261" i="1" s="1"/>
  <c r="A25262" i="1" s="1"/>
  <c r="A25263" i="1" s="1"/>
  <c r="A25264" i="1" s="1"/>
  <c r="A25265" i="1" s="1"/>
  <c r="A25266" i="1" s="1"/>
  <c r="A25267" i="1" s="1"/>
  <c r="A25268" i="1" s="1"/>
  <c r="A25269" i="1" s="1"/>
  <c r="A25270" i="1" s="1"/>
  <c r="A25271" i="1" s="1"/>
  <c r="A25272" i="1" s="1"/>
  <c r="A25273" i="1" s="1"/>
  <c r="A25274" i="1" s="1"/>
  <c r="A25275" i="1" s="1"/>
  <c r="A25276" i="1" s="1"/>
  <c r="A25277" i="1" s="1"/>
  <c r="A25278" i="1" s="1"/>
  <c r="A25279" i="1" s="1"/>
  <c r="A25280" i="1" s="1"/>
  <c r="A25281" i="1" s="1"/>
  <c r="A25282" i="1" s="1"/>
  <c r="A25283" i="1" s="1"/>
  <c r="A25284" i="1" s="1"/>
  <c r="A25285" i="1" s="1"/>
  <c r="A25286" i="1" s="1"/>
  <c r="A25287" i="1" s="1"/>
  <c r="A25288" i="1" s="1"/>
  <c r="A25289" i="1" s="1"/>
  <c r="A25290" i="1" s="1"/>
  <c r="A25291" i="1" s="1"/>
  <c r="A25292" i="1" s="1"/>
  <c r="A25293" i="1" s="1"/>
  <c r="A25294" i="1" s="1"/>
  <c r="A25295" i="1" s="1"/>
  <c r="A25296" i="1" s="1"/>
  <c r="A25297" i="1" s="1"/>
  <c r="A25298" i="1" s="1"/>
  <c r="A25299" i="1" s="1"/>
  <c r="A25300" i="1" s="1"/>
  <c r="A25301" i="1" s="1"/>
  <c r="A25302" i="1" s="1"/>
  <c r="A25303" i="1" s="1"/>
  <c r="A25304" i="1" s="1"/>
  <c r="A25305" i="1" s="1"/>
  <c r="A25306" i="1" s="1"/>
  <c r="A25307" i="1" s="1"/>
  <c r="A25308" i="1" s="1"/>
  <c r="A25309" i="1" s="1"/>
  <c r="A25310" i="1" s="1"/>
  <c r="A25311" i="1" s="1"/>
  <c r="A25312" i="1" s="1"/>
  <c r="A25313" i="1" s="1"/>
  <c r="A25314" i="1" s="1"/>
  <c r="A25315" i="1" s="1"/>
  <c r="A25316" i="1" s="1"/>
  <c r="A25317" i="1" s="1"/>
  <c r="A25318" i="1" s="1"/>
  <c r="A25319" i="1" s="1"/>
  <c r="A25320" i="1" s="1"/>
  <c r="A25321" i="1" s="1"/>
  <c r="A25322" i="1" s="1"/>
  <c r="A25323" i="1" s="1"/>
  <c r="A25324" i="1" s="1"/>
  <c r="A25325" i="1" s="1"/>
  <c r="A25326" i="1" s="1"/>
  <c r="A25327" i="1" s="1"/>
  <c r="A25328" i="1" s="1"/>
  <c r="A25329" i="1" s="1"/>
  <c r="A25330" i="1" s="1"/>
  <c r="A25331" i="1" s="1"/>
  <c r="A25332" i="1" s="1"/>
  <c r="A25333" i="1" s="1"/>
  <c r="A25334" i="1" s="1"/>
  <c r="A25335" i="1" s="1"/>
  <c r="A25336" i="1" s="1"/>
  <c r="A25337" i="1" s="1"/>
  <c r="A25338" i="1" s="1"/>
  <c r="A25339" i="1" s="1"/>
  <c r="A25340" i="1" s="1"/>
  <c r="A25341" i="1" s="1"/>
  <c r="A25342" i="1" s="1"/>
  <c r="A25343" i="1" s="1"/>
  <c r="A25344" i="1" s="1"/>
  <c r="A25345" i="1" s="1"/>
  <c r="A25346" i="1" s="1"/>
  <c r="A25347" i="1" s="1"/>
  <c r="A25348" i="1" s="1"/>
  <c r="A25349" i="1" s="1"/>
  <c r="A25350" i="1" s="1"/>
  <c r="A25351" i="1" s="1"/>
  <c r="A25352" i="1" s="1"/>
  <c r="A25353" i="1" s="1"/>
  <c r="A25354" i="1" s="1"/>
  <c r="A25355" i="1" s="1"/>
  <c r="A25356" i="1" s="1"/>
  <c r="A25357" i="1" s="1"/>
  <c r="A25358" i="1" s="1"/>
  <c r="A25359" i="1" s="1"/>
  <c r="A25360" i="1" s="1"/>
  <c r="A25361" i="1" s="1"/>
  <c r="A25362" i="1" s="1"/>
  <c r="A25363" i="1" s="1"/>
  <c r="A25364" i="1" s="1"/>
  <c r="A25365" i="1" s="1"/>
  <c r="A25366" i="1" s="1"/>
  <c r="A25367" i="1" s="1"/>
  <c r="A25368" i="1" s="1"/>
  <c r="A25369" i="1" s="1"/>
  <c r="A25370" i="1" s="1"/>
  <c r="A25371" i="1" s="1"/>
  <c r="A25372" i="1" s="1"/>
  <c r="A25373" i="1" s="1"/>
  <c r="A25374" i="1" s="1"/>
  <c r="A25375" i="1" s="1"/>
  <c r="A25376" i="1" s="1"/>
  <c r="A25377" i="1" s="1"/>
  <c r="A25378" i="1" s="1"/>
  <c r="A25379" i="1" s="1"/>
  <c r="A25380" i="1" s="1"/>
  <c r="A25381" i="1" s="1"/>
  <c r="A25382" i="1" s="1"/>
  <c r="A25383" i="1" s="1"/>
  <c r="A25384" i="1" s="1"/>
  <c r="A25385" i="1" s="1"/>
  <c r="A25386" i="1" s="1"/>
  <c r="A25387" i="1" s="1"/>
  <c r="A25388" i="1" s="1"/>
  <c r="A25389" i="1" s="1"/>
  <c r="A25390" i="1" s="1"/>
  <c r="A25391" i="1" s="1"/>
  <c r="A25392" i="1" s="1"/>
  <c r="A25393" i="1" s="1"/>
  <c r="A25394" i="1" s="1"/>
  <c r="A25395" i="1" s="1"/>
  <c r="A25396" i="1" s="1"/>
  <c r="A25397" i="1" s="1"/>
  <c r="A25398" i="1" s="1"/>
  <c r="A25399" i="1" s="1"/>
  <c r="A25400" i="1" s="1"/>
  <c r="A25401" i="1" s="1"/>
  <c r="A25402" i="1" s="1"/>
  <c r="A25403" i="1" s="1"/>
  <c r="A25404" i="1" s="1"/>
  <c r="A25405" i="1" s="1"/>
  <c r="A25406" i="1" s="1"/>
  <c r="A25407" i="1" s="1"/>
  <c r="A25408" i="1" s="1"/>
  <c r="A25409" i="1" s="1"/>
  <c r="A25410" i="1" s="1"/>
  <c r="A25411" i="1" s="1"/>
  <c r="A25412" i="1" s="1"/>
  <c r="A25413" i="1" s="1"/>
  <c r="A25414" i="1" s="1"/>
  <c r="A25415" i="1" s="1"/>
  <c r="A25416" i="1" s="1"/>
  <c r="A25417" i="1" s="1"/>
  <c r="A25418" i="1" s="1"/>
  <c r="A25419" i="1" s="1"/>
  <c r="A25420" i="1" s="1"/>
  <c r="A25421" i="1" s="1"/>
  <c r="A25422" i="1" s="1"/>
  <c r="A25423" i="1" s="1"/>
  <c r="A25424" i="1" s="1"/>
  <c r="A25425" i="1" s="1"/>
  <c r="A25426" i="1" s="1"/>
  <c r="A25427" i="1" s="1"/>
  <c r="A25428" i="1" s="1"/>
  <c r="A25429" i="1" s="1"/>
  <c r="A25430" i="1" s="1"/>
  <c r="A25431" i="1" s="1"/>
  <c r="A25432" i="1" s="1"/>
  <c r="A25433" i="1" s="1"/>
  <c r="A25434" i="1" s="1"/>
  <c r="A25435" i="1" s="1"/>
  <c r="A25436" i="1" s="1"/>
  <c r="A25437" i="1" s="1"/>
  <c r="A25438" i="1" s="1"/>
  <c r="A25439" i="1" s="1"/>
  <c r="A25440" i="1" s="1"/>
  <c r="A25441" i="1" s="1"/>
  <c r="A25442" i="1" s="1"/>
  <c r="A25443" i="1" s="1"/>
  <c r="A25444" i="1" s="1"/>
  <c r="A25445" i="1" s="1"/>
  <c r="A25446" i="1" s="1"/>
  <c r="A25447" i="1" s="1"/>
  <c r="A25448" i="1" s="1"/>
  <c r="A25449" i="1" s="1"/>
  <c r="A25450" i="1" s="1"/>
  <c r="A25451" i="1" s="1"/>
  <c r="A25452" i="1" s="1"/>
  <c r="A25453" i="1" s="1"/>
  <c r="A25454" i="1" s="1"/>
  <c r="A25455" i="1" s="1"/>
  <c r="A25456" i="1" s="1"/>
  <c r="A25457" i="1" s="1"/>
  <c r="A25458" i="1" s="1"/>
  <c r="A25459" i="1" s="1"/>
  <c r="A25460" i="1" s="1"/>
  <c r="A25461" i="1" s="1"/>
  <c r="A25462" i="1" s="1"/>
  <c r="A25463" i="1" s="1"/>
  <c r="A25464" i="1" s="1"/>
  <c r="A25465" i="1" s="1"/>
  <c r="A25466" i="1" s="1"/>
  <c r="A25467" i="1" s="1"/>
  <c r="A25468" i="1" s="1"/>
  <c r="A25469" i="1" s="1"/>
  <c r="A25470" i="1" s="1"/>
  <c r="A25471" i="1" s="1"/>
  <c r="A25472" i="1" s="1"/>
  <c r="A25473" i="1" s="1"/>
  <c r="A25474" i="1" s="1"/>
  <c r="A25475" i="1" s="1"/>
  <c r="A25476" i="1" s="1"/>
  <c r="A25477" i="1" s="1"/>
  <c r="A25478" i="1" s="1"/>
  <c r="A25479" i="1" s="1"/>
  <c r="A25480" i="1" s="1"/>
  <c r="A25481" i="1" s="1"/>
  <c r="A25482" i="1" s="1"/>
  <c r="A25483" i="1" s="1"/>
  <c r="A25484" i="1" s="1"/>
  <c r="A25485" i="1" s="1"/>
  <c r="A25486" i="1" s="1"/>
  <c r="A25487" i="1" s="1"/>
  <c r="A25488" i="1" s="1"/>
  <c r="A25489" i="1" s="1"/>
  <c r="A25490" i="1" s="1"/>
  <c r="A25491" i="1" s="1"/>
  <c r="A25492" i="1" s="1"/>
  <c r="A25493" i="1" s="1"/>
  <c r="A25494" i="1" s="1"/>
  <c r="A25495" i="1" s="1"/>
  <c r="A25496" i="1" s="1"/>
  <c r="A25497" i="1" s="1"/>
  <c r="A25498" i="1" s="1"/>
  <c r="A25499" i="1" s="1"/>
  <c r="A25500" i="1" s="1"/>
  <c r="A25501" i="1" s="1"/>
  <c r="A25502" i="1" s="1"/>
  <c r="A25503" i="1" s="1"/>
  <c r="A25504" i="1" s="1"/>
  <c r="A25505" i="1" s="1"/>
  <c r="A25506" i="1" s="1"/>
  <c r="A25507" i="1" s="1"/>
  <c r="A25508" i="1" s="1"/>
  <c r="A25509" i="1" s="1"/>
  <c r="A25510" i="1" s="1"/>
  <c r="A25511" i="1" s="1"/>
  <c r="A25512" i="1" s="1"/>
  <c r="A25513" i="1" s="1"/>
  <c r="A25514" i="1" s="1"/>
  <c r="A25515" i="1" s="1"/>
  <c r="A25516" i="1" s="1"/>
  <c r="A25517" i="1" s="1"/>
  <c r="A25518" i="1" s="1"/>
  <c r="A25519" i="1" s="1"/>
  <c r="A25520" i="1" s="1"/>
  <c r="A25521" i="1" s="1"/>
  <c r="A25522" i="1" s="1"/>
  <c r="A25523" i="1" s="1"/>
  <c r="A25524" i="1" s="1"/>
  <c r="A25525" i="1" s="1"/>
  <c r="A25526" i="1" s="1"/>
  <c r="A25527" i="1" s="1"/>
  <c r="A25528" i="1" s="1"/>
  <c r="A25529" i="1" s="1"/>
  <c r="A25530" i="1" s="1"/>
  <c r="A25531" i="1" s="1"/>
  <c r="A25532" i="1" s="1"/>
  <c r="A25533" i="1" s="1"/>
  <c r="A25534" i="1" s="1"/>
  <c r="A25535" i="1" s="1"/>
  <c r="A25536" i="1" s="1"/>
  <c r="A25537" i="1" s="1"/>
  <c r="A25538" i="1" s="1"/>
  <c r="A25539" i="1" s="1"/>
  <c r="A25540" i="1" s="1"/>
  <c r="A25541" i="1" s="1"/>
  <c r="A25542" i="1" s="1"/>
  <c r="A25543" i="1" s="1"/>
  <c r="A25544" i="1" s="1"/>
  <c r="A25545" i="1" s="1"/>
  <c r="A25546" i="1" s="1"/>
  <c r="A25547" i="1" s="1"/>
  <c r="A25548" i="1" s="1"/>
  <c r="A25549" i="1" s="1"/>
  <c r="A25550" i="1" s="1"/>
  <c r="A25551" i="1" s="1"/>
  <c r="A25552" i="1" s="1"/>
  <c r="A25553" i="1" s="1"/>
  <c r="A25554" i="1" s="1"/>
  <c r="A25555" i="1" s="1"/>
  <c r="A25556" i="1" s="1"/>
  <c r="A25557" i="1" s="1"/>
  <c r="A25558" i="1" s="1"/>
  <c r="A25559" i="1" s="1"/>
  <c r="A25560" i="1" s="1"/>
  <c r="A25561" i="1" s="1"/>
  <c r="A25562" i="1" s="1"/>
  <c r="A25563" i="1" s="1"/>
  <c r="A25564" i="1" s="1"/>
  <c r="A25565" i="1" s="1"/>
  <c r="A25566" i="1" s="1"/>
  <c r="A25567" i="1" s="1"/>
  <c r="A25568" i="1" s="1"/>
  <c r="A25569" i="1" s="1"/>
  <c r="A25570" i="1" s="1"/>
  <c r="A25571" i="1" s="1"/>
  <c r="A25572" i="1" s="1"/>
  <c r="A25573" i="1" s="1"/>
  <c r="A25574" i="1" s="1"/>
  <c r="A25575" i="1" s="1"/>
  <c r="A25576" i="1" s="1"/>
  <c r="A25577" i="1" s="1"/>
  <c r="A25578" i="1" s="1"/>
  <c r="A25579" i="1" s="1"/>
  <c r="A25580" i="1" s="1"/>
  <c r="A25581" i="1" s="1"/>
  <c r="A25582" i="1" s="1"/>
  <c r="A25583" i="1" s="1"/>
  <c r="A25584" i="1" s="1"/>
  <c r="A25585" i="1" s="1"/>
  <c r="A25586" i="1" s="1"/>
  <c r="A25587" i="1" s="1"/>
  <c r="A25588" i="1" s="1"/>
  <c r="A25589" i="1" s="1"/>
  <c r="A25590" i="1" s="1"/>
  <c r="A25591" i="1" s="1"/>
  <c r="A25592" i="1" s="1"/>
  <c r="A25593" i="1" s="1"/>
  <c r="A25594" i="1" s="1"/>
  <c r="A25595" i="1" s="1"/>
  <c r="A25596" i="1" s="1"/>
  <c r="A25597" i="1" s="1"/>
  <c r="A25598" i="1" s="1"/>
  <c r="A25599" i="1" s="1"/>
  <c r="A25600" i="1" s="1"/>
  <c r="A25601" i="1" s="1"/>
  <c r="A25602" i="1" s="1"/>
  <c r="A25603" i="1" s="1"/>
  <c r="A25604" i="1" s="1"/>
  <c r="A25605" i="1" s="1"/>
  <c r="A25606" i="1" s="1"/>
  <c r="A25607" i="1" s="1"/>
  <c r="A25608" i="1" s="1"/>
  <c r="A25609" i="1" s="1"/>
  <c r="A25610" i="1" s="1"/>
  <c r="A25611" i="1" s="1"/>
  <c r="A25612" i="1" s="1"/>
  <c r="A25613" i="1" s="1"/>
  <c r="A25614" i="1" s="1"/>
  <c r="A25615" i="1" s="1"/>
  <c r="A25616" i="1" s="1"/>
  <c r="A25617" i="1" s="1"/>
  <c r="A25618" i="1" s="1"/>
  <c r="A25619" i="1" s="1"/>
  <c r="A25620" i="1" s="1"/>
  <c r="A25621" i="1" s="1"/>
  <c r="A25622" i="1" s="1"/>
  <c r="A25623" i="1" s="1"/>
  <c r="A25624" i="1" s="1"/>
  <c r="A25625" i="1" s="1"/>
  <c r="A25626" i="1" s="1"/>
  <c r="A25627" i="1" s="1"/>
  <c r="A25628" i="1" s="1"/>
  <c r="A25629" i="1" s="1"/>
  <c r="A25630" i="1" s="1"/>
  <c r="A25631" i="1" s="1"/>
  <c r="A25632" i="1" s="1"/>
  <c r="A25633" i="1" s="1"/>
  <c r="A25634" i="1" s="1"/>
  <c r="A25635" i="1" s="1"/>
  <c r="A25636" i="1" s="1"/>
  <c r="A25637" i="1" s="1"/>
  <c r="A25638" i="1" s="1"/>
  <c r="A25639" i="1" s="1"/>
  <c r="A25640" i="1" s="1"/>
  <c r="A25641" i="1" s="1"/>
  <c r="A25642" i="1" s="1"/>
  <c r="A25643" i="1" s="1"/>
  <c r="A25644" i="1" s="1"/>
  <c r="A25645" i="1" s="1"/>
  <c r="A25646" i="1" s="1"/>
  <c r="A25647" i="1" s="1"/>
  <c r="A25648" i="1" s="1"/>
  <c r="A25649" i="1" s="1"/>
  <c r="A25650" i="1" s="1"/>
  <c r="A25651" i="1" s="1"/>
  <c r="A25652" i="1" s="1"/>
  <c r="A25653" i="1" s="1"/>
  <c r="A25654" i="1" s="1"/>
  <c r="A25655" i="1" s="1"/>
  <c r="A25656" i="1" s="1"/>
  <c r="A25657" i="1" s="1"/>
  <c r="A25658" i="1" s="1"/>
  <c r="A25659" i="1" s="1"/>
  <c r="A25660" i="1" s="1"/>
  <c r="A25661" i="1" s="1"/>
  <c r="A25662" i="1" s="1"/>
  <c r="A25663" i="1" s="1"/>
  <c r="A25664" i="1" s="1"/>
  <c r="A25665" i="1" s="1"/>
  <c r="A25666" i="1" s="1"/>
  <c r="A25667" i="1" s="1"/>
  <c r="A25668" i="1" s="1"/>
  <c r="A25669" i="1" s="1"/>
  <c r="A25670" i="1" s="1"/>
  <c r="A25671" i="1" s="1"/>
  <c r="A25672" i="1" s="1"/>
  <c r="A25673" i="1" s="1"/>
  <c r="A25674" i="1" s="1"/>
  <c r="A25675" i="1" s="1"/>
  <c r="A25676" i="1" s="1"/>
  <c r="A25677" i="1" s="1"/>
  <c r="A25678" i="1" s="1"/>
  <c r="A25679" i="1" s="1"/>
  <c r="A25680" i="1" s="1"/>
  <c r="A25681" i="1" s="1"/>
  <c r="A25682" i="1" s="1"/>
  <c r="A25683" i="1" s="1"/>
  <c r="A25684" i="1" s="1"/>
  <c r="A25685" i="1" s="1"/>
  <c r="A25686" i="1" s="1"/>
  <c r="A25687" i="1" s="1"/>
  <c r="A25688" i="1" s="1"/>
  <c r="A25689" i="1" s="1"/>
  <c r="A25690" i="1" s="1"/>
  <c r="A25691" i="1" s="1"/>
  <c r="A25692" i="1" s="1"/>
  <c r="A25693" i="1" s="1"/>
  <c r="A25694" i="1" s="1"/>
  <c r="A25695" i="1" s="1"/>
  <c r="A25696" i="1" s="1"/>
  <c r="A25697" i="1" s="1"/>
  <c r="A25698" i="1" s="1"/>
  <c r="A25699" i="1" s="1"/>
  <c r="A25700" i="1" s="1"/>
  <c r="A25701" i="1" s="1"/>
  <c r="A25702" i="1" s="1"/>
  <c r="A25703" i="1" s="1"/>
  <c r="A25704" i="1" s="1"/>
  <c r="A25705" i="1" s="1"/>
  <c r="A25706" i="1" s="1"/>
  <c r="A25707" i="1" s="1"/>
  <c r="A25708" i="1" s="1"/>
  <c r="A25709" i="1" s="1"/>
  <c r="A25710" i="1" s="1"/>
  <c r="A25711" i="1" s="1"/>
  <c r="A25712" i="1" s="1"/>
  <c r="A25713" i="1" s="1"/>
  <c r="A25714" i="1" s="1"/>
  <c r="A25715" i="1" s="1"/>
  <c r="A25716" i="1" s="1"/>
  <c r="A25717" i="1" s="1"/>
  <c r="A25718" i="1" s="1"/>
  <c r="A25719" i="1" s="1"/>
  <c r="A25720" i="1" s="1"/>
  <c r="A25721" i="1" s="1"/>
  <c r="A25722" i="1" s="1"/>
  <c r="A25723" i="1" s="1"/>
  <c r="A25724" i="1" s="1"/>
  <c r="A25725" i="1" s="1"/>
  <c r="A25726" i="1" s="1"/>
  <c r="A25727" i="1" s="1"/>
  <c r="A25728" i="1" s="1"/>
  <c r="A25729" i="1" s="1"/>
  <c r="A25730" i="1" s="1"/>
  <c r="A25731" i="1" s="1"/>
  <c r="A25732" i="1" s="1"/>
  <c r="A25733" i="1" s="1"/>
  <c r="A25734" i="1" s="1"/>
  <c r="A25735" i="1" s="1"/>
  <c r="A25736" i="1" s="1"/>
  <c r="A25737" i="1" s="1"/>
  <c r="A25738" i="1" s="1"/>
  <c r="A25739" i="1" s="1"/>
  <c r="A25740" i="1" s="1"/>
  <c r="A25741" i="1" s="1"/>
  <c r="A25742" i="1" s="1"/>
  <c r="A25743" i="1" s="1"/>
  <c r="A25744" i="1" s="1"/>
  <c r="A25745" i="1" s="1"/>
  <c r="A25746" i="1" s="1"/>
  <c r="A25747" i="1" s="1"/>
  <c r="A25748" i="1" s="1"/>
  <c r="A25749" i="1" s="1"/>
  <c r="A25750" i="1" s="1"/>
  <c r="A25751" i="1" s="1"/>
  <c r="A25752" i="1" s="1"/>
  <c r="A25753" i="1" s="1"/>
  <c r="A25754" i="1" s="1"/>
  <c r="A25755" i="1" s="1"/>
  <c r="A25756" i="1" s="1"/>
  <c r="A25757" i="1" s="1"/>
  <c r="A25758" i="1" s="1"/>
  <c r="A25759" i="1" s="1"/>
  <c r="A25760" i="1" s="1"/>
  <c r="A25761" i="1" s="1"/>
  <c r="A25762" i="1" s="1"/>
  <c r="A25763" i="1" s="1"/>
  <c r="A25764" i="1" s="1"/>
  <c r="A25765" i="1" s="1"/>
  <c r="A25766" i="1" s="1"/>
  <c r="A25767" i="1" s="1"/>
  <c r="A25768" i="1" s="1"/>
  <c r="A25769" i="1" s="1"/>
  <c r="A25770" i="1" s="1"/>
  <c r="A25771" i="1" s="1"/>
  <c r="A25772" i="1" s="1"/>
  <c r="A25773" i="1" s="1"/>
  <c r="A25774" i="1" s="1"/>
  <c r="A25775" i="1" s="1"/>
  <c r="A25776" i="1" s="1"/>
  <c r="A25777" i="1" s="1"/>
  <c r="A25778" i="1" s="1"/>
  <c r="A25779" i="1" s="1"/>
  <c r="A25780" i="1" s="1"/>
  <c r="A25781" i="1" s="1"/>
  <c r="A25782" i="1" s="1"/>
  <c r="A25783" i="1" s="1"/>
  <c r="A25784" i="1" s="1"/>
  <c r="A25785" i="1" s="1"/>
  <c r="A25786" i="1" s="1"/>
  <c r="A25787" i="1" s="1"/>
  <c r="A25788" i="1" s="1"/>
  <c r="A25789" i="1" s="1"/>
  <c r="A25790" i="1" s="1"/>
  <c r="A25791" i="1" s="1"/>
  <c r="A25792" i="1" s="1"/>
  <c r="A25793" i="1" s="1"/>
  <c r="A25794" i="1" s="1"/>
  <c r="A25795" i="1" s="1"/>
  <c r="A25796" i="1" s="1"/>
  <c r="A25797" i="1" s="1"/>
  <c r="A25798" i="1" s="1"/>
  <c r="A25799" i="1" s="1"/>
  <c r="A25800" i="1" s="1"/>
  <c r="A25801" i="1" s="1"/>
  <c r="A25802" i="1" s="1"/>
  <c r="A25803" i="1" s="1"/>
  <c r="A25804" i="1" s="1"/>
  <c r="A25805" i="1" s="1"/>
  <c r="A25806" i="1" s="1"/>
  <c r="A25807" i="1" s="1"/>
  <c r="A25808" i="1" s="1"/>
  <c r="A25809" i="1" s="1"/>
  <c r="A25810" i="1" s="1"/>
  <c r="A25811" i="1" s="1"/>
  <c r="A25812" i="1" s="1"/>
  <c r="A25813" i="1" s="1"/>
  <c r="A25814" i="1" s="1"/>
  <c r="A25815" i="1" s="1"/>
  <c r="A25816" i="1" s="1"/>
  <c r="A25817" i="1" s="1"/>
  <c r="A25818" i="1" s="1"/>
  <c r="A25819" i="1" s="1"/>
  <c r="A25820" i="1" s="1"/>
  <c r="A25821" i="1" s="1"/>
  <c r="A25822" i="1" s="1"/>
  <c r="A25823" i="1" s="1"/>
  <c r="A25824" i="1" s="1"/>
  <c r="A25825" i="1" s="1"/>
  <c r="A25826" i="1" s="1"/>
  <c r="A25827" i="1" s="1"/>
  <c r="A25828" i="1" s="1"/>
  <c r="A25829" i="1" s="1"/>
  <c r="A25830" i="1" s="1"/>
  <c r="A25831" i="1" s="1"/>
  <c r="A25832" i="1" s="1"/>
  <c r="A25833" i="1" s="1"/>
  <c r="A25834" i="1" s="1"/>
  <c r="A25835" i="1" s="1"/>
  <c r="A25836" i="1" s="1"/>
  <c r="A25837" i="1" s="1"/>
  <c r="A25838" i="1" s="1"/>
  <c r="A25839" i="1" s="1"/>
  <c r="A25840" i="1" s="1"/>
  <c r="A25841" i="1" s="1"/>
  <c r="A25842" i="1" s="1"/>
  <c r="A25843" i="1" s="1"/>
  <c r="A25844" i="1" s="1"/>
  <c r="A25845" i="1" s="1"/>
  <c r="A25846" i="1" s="1"/>
  <c r="A25847" i="1" s="1"/>
  <c r="A25848" i="1" s="1"/>
  <c r="A25849" i="1" s="1"/>
  <c r="A25850" i="1" s="1"/>
  <c r="A25851" i="1" s="1"/>
  <c r="A25852" i="1" s="1"/>
  <c r="A25853" i="1" s="1"/>
  <c r="A25854" i="1" s="1"/>
  <c r="A25855" i="1" s="1"/>
  <c r="A25856" i="1" s="1"/>
  <c r="A25857" i="1" s="1"/>
  <c r="A25858" i="1" s="1"/>
  <c r="A25859" i="1" s="1"/>
  <c r="A25860" i="1" s="1"/>
  <c r="A25861" i="1" s="1"/>
  <c r="A25862" i="1" s="1"/>
  <c r="A25863" i="1" s="1"/>
  <c r="A25864" i="1" s="1"/>
  <c r="A25865" i="1" s="1"/>
  <c r="A25866" i="1" s="1"/>
  <c r="A25867" i="1" s="1"/>
  <c r="A25868" i="1" s="1"/>
  <c r="A25869" i="1" s="1"/>
  <c r="A25870" i="1" s="1"/>
  <c r="A25871" i="1" s="1"/>
  <c r="A25872" i="1" s="1"/>
  <c r="A25873" i="1" s="1"/>
  <c r="A25874" i="1" s="1"/>
  <c r="A25875" i="1" s="1"/>
  <c r="A25876" i="1" s="1"/>
  <c r="A25877" i="1" s="1"/>
  <c r="A25878" i="1" s="1"/>
  <c r="A25879" i="1" s="1"/>
  <c r="A25880" i="1" s="1"/>
  <c r="A25881" i="1" s="1"/>
  <c r="A25882" i="1" s="1"/>
  <c r="A25883" i="1" s="1"/>
  <c r="A25884" i="1" s="1"/>
  <c r="A25885" i="1" s="1"/>
  <c r="A25886" i="1" s="1"/>
  <c r="A25887" i="1" s="1"/>
  <c r="A25888" i="1" s="1"/>
  <c r="A25889" i="1" s="1"/>
  <c r="A25890" i="1" s="1"/>
  <c r="A25891" i="1" s="1"/>
  <c r="A25892" i="1" s="1"/>
  <c r="A25893" i="1" s="1"/>
  <c r="A25894" i="1" s="1"/>
  <c r="A25895" i="1" s="1"/>
  <c r="A25896" i="1" s="1"/>
  <c r="A25897" i="1" s="1"/>
  <c r="A25898" i="1" s="1"/>
  <c r="A25899" i="1" s="1"/>
  <c r="A25900" i="1" s="1"/>
  <c r="A25901" i="1" s="1"/>
  <c r="A25902" i="1" s="1"/>
  <c r="A25903" i="1" s="1"/>
  <c r="A25904" i="1" s="1"/>
  <c r="A25905" i="1" s="1"/>
  <c r="A25906" i="1" s="1"/>
  <c r="A25907" i="1" s="1"/>
  <c r="A25908" i="1" s="1"/>
  <c r="A25909" i="1" s="1"/>
  <c r="A25910" i="1" s="1"/>
  <c r="A25911" i="1" s="1"/>
  <c r="A25912" i="1" s="1"/>
  <c r="A25913" i="1" s="1"/>
  <c r="A25914" i="1" s="1"/>
  <c r="A25915" i="1" s="1"/>
  <c r="A25916" i="1" s="1"/>
  <c r="A25917" i="1" s="1"/>
  <c r="A25918" i="1" s="1"/>
  <c r="A25919" i="1" s="1"/>
  <c r="A25920" i="1" s="1"/>
  <c r="A25921" i="1" s="1"/>
  <c r="A25922" i="1" s="1"/>
  <c r="A25923" i="1" s="1"/>
  <c r="A25924" i="1" s="1"/>
  <c r="A25925" i="1" s="1"/>
  <c r="A25926" i="1" s="1"/>
  <c r="A25927" i="1" s="1"/>
  <c r="A25928" i="1" s="1"/>
  <c r="A25929" i="1" s="1"/>
  <c r="A25930" i="1" s="1"/>
  <c r="A25931" i="1" s="1"/>
  <c r="A25932" i="1" s="1"/>
  <c r="A25933" i="1" s="1"/>
  <c r="A25934" i="1" s="1"/>
  <c r="A25935" i="1" s="1"/>
  <c r="A25936" i="1" s="1"/>
  <c r="A25937" i="1" s="1"/>
  <c r="A25938" i="1" s="1"/>
  <c r="A25939" i="1" s="1"/>
  <c r="A25940" i="1" s="1"/>
  <c r="A25941" i="1" s="1"/>
  <c r="A25942" i="1" s="1"/>
  <c r="A25943" i="1" s="1"/>
  <c r="A25944" i="1" s="1"/>
  <c r="A25945" i="1" s="1"/>
  <c r="A25946" i="1" s="1"/>
  <c r="A25947" i="1" s="1"/>
  <c r="A25948" i="1" s="1"/>
  <c r="A25949" i="1" s="1"/>
  <c r="A25950" i="1" s="1"/>
  <c r="A25951" i="1" s="1"/>
  <c r="A25952" i="1" s="1"/>
  <c r="A25953" i="1" s="1"/>
  <c r="A25954" i="1" s="1"/>
  <c r="A25955" i="1" s="1"/>
  <c r="A25956" i="1" s="1"/>
  <c r="A25957" i="1" s="1"/>
  <c r="A25958" i="1" s="1"/>
  <c r="A25959" i="1" s="1"/>
  <c r="A25960" i="1" s="1"/>
  <c r="A25961" i="1" s="1"/>
  <c r="A25962" i="1" s="1"/>
  <c r="A25963" i="1" s="1"/>
  <c r="A25964" i="1" s="1"/>
  <c r="A25965" i="1" s="1"/>
  <c r="A25966" i="1" s="1"/>
  <c r="A25967" i="1" s="1"/>
  <c r="A25968" i="1" s="1"/>
  <c r="A25969" i="1" s="1"/>
  <c r="A25970" i="1" s="1"/>
  <c r="A25971" i="1" s="1"/>
  <c r="A25972" i="1" s="1"/>
  <c r="A25973" i="1" s="1"/>
  <c r="A25974" i="1" s="1"/>
  <c r="A25975" i="1" s="1"/>
  <c r="A25976" i="1" s="1"/>
  <c r="A25977" i="1" s="1"/>
  <c r="A25978" i="1" s="1"/>
  <c r="A25979" i="1" s="1"/>
  <c r="A25980" i="1" s="1"/>
  <c r="A25981" i="1" s="1"/>
  <c r="A25982" i="1" s="1"/>
  <c r="A25983" i="1" s="1"/>
  <c r="A25984" i="1" s="1"/>
  <c r="A25985" i="1" s="1"/>
  <c r="A25986" i="1" s="1"/>
  <c r="A25987" i="1" s="1"/>
  <c r="A25988" i="1" s="1"/>
  <c r="A25989" i="1" s="1"/>
  <c r="A25990" i="1" s="1"/>
  <c r="A25991" i="1" s="1"/>
  <c r="A25992" i="1" s="1"/>
  <c r="A25993" i="1" s="1"/>
  <c r="A25994" i="1" s="1"/>
  <c r="A25995" i="1" s="1"/>
  <c r="A25996" i="1" s="1"/>
  <c r="A25997" i="1" s="1"/>
  <c r="A25998" i="1" s="1"/>
  <c r="A25999" i="1" s="1"/>
  <c r="A26000" i="1" s="1"/>
  <c r="A26001" i="1" s="1"/>
  <c r="A26002" i="1" s="1"/>
  <c r="A26003" i="1" s="1"/>
  <c r="A26004" i="1" s="1"/>
  <c r="A26005" i="1" s="1"/>
  <c r="A26006" i="1" s="1"/>
  <c r="A26007" i="1" s="1"/>
  <c r="A26008" i="1" s="1"/>
  <c r="A26009" i="1" s="1"/>
  <c r="A26010" i="1" s="1"/>
  <c r="A26011" i="1" s="1"/>
  <c r="A26012" i="1" s="1"/>
  <c r="A26013" i="1" s="1"/>
  <c r="A26014" i="1" s="1"/>
  <c r="A26015" i="1" s="1"/>
  <c r="A26016" i="1" s="1"/>
  <c r="A26017" i="1" s="1"/>
  <c r="A26018" i="1" s="1"/>
  <c r="A26019" i="1" s="1"/>
  <c r="A26020" i="1" s="1"/>
  <c r="A26021" i="1" s="1"/>
  <c r="A26022" i="1" s="1"/>
  <c r="A26023" i="1" s="1"/>
  <c r="A26024" i="1" s="1"/>
  <c r="A26025" i="1" s="1"/>
  <c r="A26026" i="1" s="1"/>
  <c r="A26027" i="1" s="1"/>
  <c r="A26028" i="1" s="1"/>
  <c r="A26029" i="1" s="1"/>
  <c r="A26030" i="1" s="1"/>
  <c r="A26031" i="1" s="1"/>
  <c r="A26032" i="1" s="1"/>
  <c r="A26033" i="1" s="1"/>
  <c r="A26034" i="1" s="1"/>
  <c r="A26035" i="1" s="1"/>
  <c r="A26036" i="1" s="1"/>
  <c r="A26037" i="1" s="1"/>
  <c r="A26038" i="1" s="1"/>
  <c r="A26039" i="1" s="1"/>
  <c r="A26040" i="1" s="1"/>
  <c r="A26041" i="1" s="1"/>
  <c r="A26042" i="1" s="1"/>
  <c r="A26043" i="1" s="1"/>
  <c r="A26044" i="1" s="1"/>
  <c r="A26045" i="1" s="1"/>
  <c r="A26046" i="1" s="1"/>
  <c r="A26047" i="1" s="1"/>
  <c r="A26048" i="1" s="1"/>
  <c r="A26049" i="1" s="1"/>
  <c r="A26050" i="1" s="1"/>
  <c r="A26051" i="1" s="1"/>
  <c r="A26052" i="1" s="1"/>
  <c r="A26053" i="1" s="1"/>
  <c r="A26054" i="1" s="1"/>
  <c r="A26055" i="1" s="1"/>
  <c r="A26056" i="1" s="1"/>
  <c r="A26057" i="1" s="1"/>
  <c r="A26058" i="1" s="1"/>
  <c r="A26059" i="1" s="1"/>
  <c r="A26060" i="1" s="1"/>
  <c r="A26061" i="1" s="1"/>
  <c r="A26062" i="1" s="1"/>
  <c r="A26063" i="1" s="1"/>
  <c r="A26064" i="1" s="1"/>
  <c r="A26065" i="1" s="1"/>
  <c r="A26066" i="1" s="1"/>
  <c r="A26067" i="1" s="1"/>
  <c r="A26068" i="1" s="1"/>
  <c r="A26069" i="1" s="1"/>
  <c r="A26070" i="1" s="1"/>
  <c r="A26071" i="1" s="1"/>
  <c r="A26072" i="1" s="1"/>
  <c r="A26073" i="1" s="1"/>
  <c r="A26074" i="1" s="1"/>
  <c r="A26075" i="1" s="1"/>
  <c r="A26076" i="1" s="1"/>
  <c r="A26077" i="1" s="1"/>
  <c r="A26078" i="1" s="1"/>
  <c r="A26079" i="1" s="1"/>
  <c r="A26080" i="1" s="1"/>
  <c r="A26081" i="1" s="1"/>
  <c r="A26082" i="1" s="1"/>
  <c r="A26083" i="1" s="1"/>
  <c r="A26084" i="1" s="1"/>
  <c r="A26085" i="1" s="1"/>
  <c r="A26086" i="1" s="1"/>
  <c r="A26087" i="1" s="1"/>
  <c r="A26088" i="1" s="1"/>
  <c r="A26089" i="1" s="1"/>
  <c r="A26090" i="1" s="1"/>
  <c r="A26091" i="1" s="1"/>
  <c r="A26092" i="1" s="1"/>
  <c r="A26093" i="1" s="1"/>
  <c r="A26094" i="1" s="1"/>
  <c r="A26095" i="1" s="1"/>
  <c r="A26096" i="1" s="1"/>
  <c r="A26097" i="1" s="1"/>
  <c r="A26098" i="1" s="1"/>
  <c r="A26099" i="1" s="1"/>
  <c r="A26100" i="1" s="1"/>
  <c r="A26101" i="1" s="1"/>
  <c r="A26102" i="1" s="1"/>
  <c r="A26103" i="1" s="1"/>
  <c r="A26104" i="1" s="1"/>
  <c r="A26105" i="1" s="1"/>
  <c r="A26106" i="1" s="1"/>
  <c r="A26107" i="1" s="1"/>
  <c r="A26108" i="1" s="1"/>
  <c r="A26109" i="1" s="1"/>
  <c r="A26110" i="1" s="1"/>
  <c r="A26111" i="1" s="1"/>
  <c r="A26112" i="1" s="1"/>
  <c r="A26113" i="1" s="1"/>
  <c r="A26114" i="1" s="1"/>
  <c r="A26115" i="1" s="1"/>
  <c r="A26116" i="1" s="1"/>
  <c r="A26117" i="1" s="1"/>
  <c r="A26118" i="1" s="1"/>
  <c r="A26119" i="1" s="1"/>
  <c r="A26120" i="1" s="1"/>
  <c r="A26121" i="1" s="1"/>
  <c r="A26122" i="1" s="1"/>
  <c r="A26123" i="1" s="1"/>
  <c r="A26124" i="1" s="1"/>
  <c r="A26125" i="1" s="1"/>
  <c r="A26126" i="1" s="1"/>
  <c r="A26127" i="1" s="1"/>
  <c r="A26128" i="1" s="1"/>
  <c r="A26129" i="1" s="1"/>
  <c r="A26130" i="1" s="1"/>
  <c r="A26131" i="1" s="1"/>
  <c r="A26132" i="1" s="1"/>
  <c r="A26133" i="1" s="1"/>
  <c r="A26134" i="1" s="1"/>
  <c r="A26135" i="1" s="1"/>
  <c r="A26136" i="1" s="1"/>
  <c r="A26137" i="1" s="1"/>
  <c r="A26138" i="1" s="1"/>
  <c r="A26139" i="1" s="1"/>
  <c r="A26140" i="1" s="1"/>
  <c r="A26141" i="1" s="1"/>
  <c r="A26142" i="1" s="1"/>
  <c r="A26143" i="1" s="1"/>
  <c r="A26144" i="1" s="1"/>
  <c r="A26145" i="1" s="1"/>
  <c r="A26146" i="1" s="1"/>
  <c r="A26147" i="1" s="1"/>
  <c r="A26148" i="1" s="1"/>
  <c r="A26149" i="1" s="1"/>
  <c r="A26150" i="1" s="1"/>
  <c r="A26151" i="1" s="1"/>
  <c r="A26152" i="1" s="1"/>
  <c r="A26153" i="1" s="1"/>
  <c r="A26154" i="1" s="1"/>
  <c r="A26155" i="1" s="1"/>
  <c r="A26156" i="1" s="1"/>
  <c r="A26157" i="1" s="1"/>
  <c r="A26158" i="1" s="1"/>
  <c r="A26159" i="1" s="1"/>
  <c r="A26160" i="1" s="1"/>
  <c r="A26161" i="1" s="1"/>
  <c r="A26162" i="1" s="1"/>
  <c r="A26163" i="1" s="1"/>
  <c r="A26164" i="1" s="1"/>
  <c r="A26165" i="1" s="1"/>
  <c r="A26166" i="1" s="1"/>
  <c r="A26167" i="1" s="1"/>
  <c r="A26168" i="1" s="1"/>
  <c r="A26169" i="1" s="1"/>
  <c r="A26170" i="1" s="1"/>
  <c r="A26171" i="1" s="1"/>
  <c r="A26172" i="1" s="1"/>
  <c r="A26173" i="1" s="1"/>
  <c r="A26174" i="1" s="1"/>
  <c r="A26175" i="1" s="1"/>
  <c r="A26176" i="1" s="1"/>
  <c r="A26177" i="1" s="1"/>
  <c r="A26178" i="1" s="1"/>
  <c r="A26179" i="1" s="1"/>
  <c r="A26180" i="1" s="1"/>
  <c r="A26181" i="1" s="1"/>
  <c r="A26182" i="1" s="1"/>
  <c r="A26183" i="1" s="1"/>
  <c r="A26184" i="1" s="1"/>
  <c r="A26185" i="1" s="1"/>
  <c r="A26186" i="1" s="1"/>
  <c r="A26187" i="1" s="1"/>
  <c r="A26188" i="1" s="1"/>
  <c r="A26189" i="1" s="1"/>
  <c r="A26190" i="1" s="1"/>
  <c r="A26191" i="1" s="1"/>
  <c r="A26192" i="1" s="1"/>
  <c r="A26193" i="1" s="1"/>
  <c r="A26194" i="1" s="1"/>
  <c r="A26195" i="1" s="1"/>
  <c r="A26196" i="1" s="1"/>
  <c r="A26197" i="1" s="1"/>
  <c r="A26198" i="1" s="1"/>
  <c r="A26199" i="1" s="1"/>
  <c r="A26200" i="1" s="1"/>
  <c r="A26201" i="1" s="1"/>
  <c r="A26202" i="1" s="1"/>
  <c r="A26203" i="1" s="1"/>
  <c r="A26204" i="1" s="1"/>
  <c r="A26205" i="1" s="1"/>
  <c r="A26206" i="1" s="1"/>
  <c r="A26207" i="1" s="1"/>
  <c r="A26208" i="1" s="1"/>
  <c r="A26209" i="1" s="1"/>
  <c r="A26210" i="1" s="1"/>
  <c r="A26211" i="1" s="1"/>
  <c r="A26212" i="1" s="1"/>
  <c r="A26213" i="1" s="1"/>
  <c r="A26214" i="1" s="1"/>
  <c r="A26215" i="1" s="1"/>
  <c r="A26216" i="1" s="1"/>
  <c r="A26217" i="1" s="1"/>
  <c r="A26218" i="1" s="1"/>
  <c r="A26219" i="1" s="1"/>
  <c r="A26220" i="1" s="1"/>
  <c r="A26221" i="1" s="1"/>
  <c r="A26222" i="1" s="1"/>
  <c r="A26223" i="1" s="1"/>
  <c r="A26224" i="1" s="1"/>
  <c r="A26225" i="1" s="1"/>
  <c r="A26226" i="1" s="1"/>
  <c r="A26227" i="1" s="1"/>
  <c r="A26228" i="1" s="1"/>
  <c r="A26229" i="1" s="1"/>
  <c r="A26230" i="1" s="1"/>
  <c r="A26231" i="1" s="1"/>
  <c r="A26232" i="1" s="1"/>
  <c r="A26233" i="1" s="1"/>
  <c r="A26234" i="1" s="1"/>
  <c r="A26235" i="1" s="1"/>
  <c r="A26236" i="1" s="1"/>
  <c r="A26237" i="1" s="1"/>
  <c r="A26238" i="1" s="1"/>
  <c r="A26239" i="1" s="1"/>
  <c r="A26240" i="1" s="1"/>
  <c r="A26241" i="1" s="1"/>
  <c r="A26242" i="1" s="1"/>
  <c r="A26243" i="1" s="1"/>
  <c r="A26244" i="1" s="1"/>
  <c r="A26245" i="1" s="1"/>
  <c r="A26246" i="1" s="1"/>
  <c r="A26247" i="1" s="1"/>
  <c r="A26248" i="1" s="1"/>
  <c r="A26249" i="1" s="1"/>
  <c r="A26250" i="1" s="1"/>
  <c r="A26251" i="1" s="1"/>
  <c r="A26252" i="1" s="1"/>
  <c r="A26253" i="1" s="1"/>
  <c r="A26254" i="1" s="1"/>
  <c r="A26255" i="1" s="1"/>
  <c r="A26256" i="1" s="1"/>
  <c r="A26257" i="1" s="1"/>
  <c r="A26258" i="1" s="1"/>
  <c r="A26259" i="1" s="1"/>
  <c r="A26260" i="1" s="1"/>
  <c r="A26261" i="1" s="1"/>
  <c r="A26262" i="1" s="1"/>
  <c r="A26263" i="1" s="1"/>
  <c r="A26264" i="1" s="1"/>
  <c r="A26265" i="1" s="1"/>
  <c r="A26266" i="1" s="1"/>
  <c r="A26267" i="1" s="1"/>
  <c r="A26268" i="1" s="1"/>
  <c r="A26269" i="1" s="1"/>
  <c r="A26270" i="1" s="1"/>
  <c r="A26271" i="1" s="1"/>
  <c r="A26272" i="1" s="1"/>
  <c r="A26273" i="1" s="1"/>
  <c r="A26274" i="1" s="1"/>
  <c r="A26275" i="1" s="1"/>
  <c r="A26276" i="1" s="1"/>
  <c r="A26277" i="1" s="1"/>
  <c r="A26278" i="1" s="1"/>
  <c r="A26279" i="1" s="1"/>
  <c r="A26280" i="1" s="1"/>
  <c r="A26281" i="1" s="1"/>
  <c r="A26282" i="1" s="1"/>
  <c r="A26283" i="1" s="1"/>
  <c r="A26284" i="1" s="1"/>
  <c r="A26285" i="1" s="1"/>
  <c r="A26286" i="1" s="1"/>
  <c r="A26287" i="1" s="1"/>
  <c r="A26288" i="1" s="1"/>
  <c r="A26289" i="1" s="1"/>
  <c r="A26290" i="1" s="1"/>
  <c r="A26291" i="1" s="1"/>
  <c r="A26292" i="1" s="1"/>
  <c r="A26293" i="1" s="1"/>
  <c r="A26294" i="1" s="1"/>
  <c r="A26295" i="1" s="1"/>
  <c r="A26296" i="1" s="1"/>
  <c r="A26297" i="1" s="1"/>
  <c r="A26298" i="1" s="1"/>
  <c r="A26299" i="1" s="1"/>
  <c r="A26300" i="1" s="1"/>
  <c r="A26301" i="1" s="1"/>
  <c r="A26302" i="1" s="1"/>
  <c r="A26303" i="1" s="1"/>
  <c r="A26304" i="1" s="1"/>
  <c r="A26305" i="1" s="1"/>
  <c r="A26306" i="1" s="1"/>
  <c r="A26307" i="1" s="1"/>
  <c r="A26308" i="1" s="1"/>
  <c r="A26309" i="1" s="1"/>
  <c r="A26310" i="1" s="1"/>
  <c r="A26311" i="1" s="1"/>
  <c r="A26312" i="1" s="1"/>
  <c r="A26313" i="1" s="1"/>
  <c r="A26314" i="1" s="1"/>
  <c r="A26315" i="1" s="1"/>
  <c r="A26316" i="1" s="1"/>
  <c r="A26317" i="1" s="1"/>
  <c r="A26318" i="1" s="1"/>
  <c r="A26319" i="1" s="1"/>
  <c r="A26320" i="1" s="1"/>
  <c r="A26321" i="1" s="1"/>
  <c r="A26322" i="1" s="1"/>
  <c r="A26323" i="1" s="1"/>
  <c r="A26324" i="1" s="1"/>
  <c r="A26325" i="1" s="1"/>
  <c r="A26326" i="1" s="1"/>
  <c r="A26327" i="1" s="1"/>
  <c r="A26328" i="1" s="1"/>
  <c r="A26329" i="1" s="1"/>
  <c r="A26330" i="1" s="1"/>
  <c r="A26331" i="1" s="1"/>
  <c r="A26332" i="1" s="1"/>
  <c r="A26333" i="1" s="1"/>
  <c r="A26334" i="1" s="1"/>
  <c r="A26335" i="1" s="1"/>
  <c r="A26336" i="1" s="1"/>
  <c r="A26337" i="1" s="1"/>
  <c r="A26338" i="1" s="1"/>
  <c r="A26339" i="1" s="1"/>
  <c r="A26340" i="1" s="1"/>
  <c r="A26341" i="1" s="1"/>
  <c r="A26342" i="1" s="1"/>
  <c r="A26343" i="1" s="1"/>
  <c r="A26344" i="1" s="1"/>
  <c r="A26345" i="1" s="1"/>
  <c r="A26346" i="1" s="1"/>
  <c r="A26347" i="1" s="1"/>
  <c r="A26348" i="1" s="1"/>
  <c r="A26349" i="1" s="1"/>
  <c r="A26350" i="1" s="1"/>
  <c r="A26351" i="1" s="1"/>
  <c r="A26352" i="1" s="1"/>
  <c r="A26353" i="1" s="1"/>
  <c r="A26354" i="1" s="1"/>
  <c r="A26355" i="1" s="1"/>
  <c r="A26356" i="1" s="1"/>
  <c r="A26357" i="1" s="1"/>
  <c r="A26358" i="1" s="1"/>
  <c r="A26359" i="1" s="1"/>
  <c r="A26360" i="1" s="1"/>
  <c r="A26361" i="1" s="1"/>
  <c r="A26362" i="1" s="1"/>
  <c r="A26363" i="1" s="1"/>
  <c r="A26364" i="1" s="1"/>
  <c r="A26365" i="1" s="1"/>
  <c r="A26366" i="1" s="1"/>
  <c r="A26367" i="1" s="1"/>
  <c r="A26368" i="1" s="1"/>
  <c r="A26369" i="1" s="1"/>
  <c r="A26370" i="1" s="1"/>
  <c r="A26371" i="1" s="1"/>
  <c r="A26372" i="1" s="1"/>
  <c r="A26373" i="1" s="1"/>
  <c r="A26374" i="1" s="1"/>
  <c r="A26375" i="1" s="1"/>
  <c r="A26376" i="1" s="1"/>
  <c r="A26377" i="1" s="1"/>
  <c r="A26378" i="1" s="1"/>
  <c r="A26379" i="1" s="1"/>
  <c r="A26380" i="1" s="1"/>
  <c r="A26381" i="1" s="1"/>
  <c r="A26382" i="1" s="1"/>
  <c r="A26383" i="1" s="1"/>
  <c r="A26384" i="1" s="1"/>
  <c r="A26385" i="1" s="1"/>
  <c r="A26386" i="1" s="1"/>
  <c r="A26387" i="1" s="1"/>
  <c r="A26388" i="1" s="1"/>
  <c r="A26389" i="1" s="1"/>
  <c r="A26390" i="1" s="1"/>
  <c r="A26391" i="1" s="1"/>
  <c r="A26392" i="1" s="1"/>
  <c r="A26393" i="1" s="1"/>
  <c r="A26394" i="1" s="1"/>
  <c r="A26395" i="1" s="1"/>
  <c r="A26396" i="1" s="1"/>
  <c r="A26397" i="1" s="1"/>
  <c r="A26398" i="1" s="1"/>
  <c r="A26399" i="1" s="1"/>
  <c r="A26400" i="1" s="1"/>
  <c r="A26401" i="1" s="1"/>
  <c r="A26402" i="1" s="1"/>
  <c r="A26403" i="1" s="1"/>
  <c r="A26404" i="1" s="1"/>
  <c r="A26405" i="1" s="1"/>
  <c r="A26406" i="1" s="1"/>
  <c r="A26407" i="1" s="1"/>
  <c r="A26408" i="1" s="1"/>
  <c r="A26409" i="1" s="1"/>
  <c r="A26410" i="1" s="1"/>
  <c r="A26411" i="1" s="1"/>
  <c r="A26412" i="1" s="1"/>
  <c r="A26413" i="1" s="1"/>
  <c r="A26414" i="1" s="1"/>
  <c r="A26415" i="1" s="1"/>
  <c r="A26416" i="1" s="1"/>
  <c r="A26417" i="1" s="1"/>
  <c r="A26418" i="1" s="1"/>
  <c r="A26419" i="1" s="1"/>
  <c r="A26420" i="1" s="1"/>
  <c r="A26421" i="1" s="1"/>
  <c r="A26422" i="1" s="1"/>
  <c r="A26423" i="1" s="1"/>
  <c r="A26424" i="1" s="1"/>
  <c r="A26425" i="1" s="1"/>
  <c r="A26426" i="1" s="1"/>
  <c r="A26427" i="1" s="1"/>
  <c r="A26428" i="1" s="1"/>
  <c r="A26429" i="1" s="1"/>
  <c r="A26430" i="1" s="1"/>
  <c r="A26431" i="1" s="1"/>
  <c r="A26432" i="1" s="1"/>
  <c r="A26433" i="1" s="1"/>
  <c r="A26434" i="1" s="1"/>
  <c r="A26435" i="1" s="1"/>
  <c r="A26436" i="1" s="1"/>
  <c r="A26437" i="1" s="1"/>
  <c r="A26438" i="1" s="1"/>
  <c r="A26439" i="1" s="1"/>
  <c r="A26440" i="1" s="1"/>
  <c r="A26441" i="1" s="1"/>
  <c r="A26442" i="1" s="1"/>
  <c r="A26443" i="1" s="1"/>
  <c r="A26444" i="1" s="1"/>
  <c r="A26445" i="1" s="1"/>
  <c r="A26446" i="1" s="1"/>
  <c r="A26447" i="1" s="1"/>
  <c r="A26448" i="1" s="1"/>
  <c r="A26449" i="1" s="1"/>
  <c r="A26450" i="1" s="1"/>
  <c r="A26451" i="1" s="1"/>
  <c r="A26452" i="1" s="1"/>
  <c r="A26453" i="1" s="1"/>
  <c r="A26454" i="1" s="1"/>
  <c r="A26455" i="1" s="1"/>
  <c r="A26456" i="1" s="1"/>
  <c r="A26457" i="1" s="1"/>
  <c r="A26458" i="1" s="1"/>
  <c r="A26459" i="1" s="1"/>
  <c r="A26460" i="1" s="1"/>
  <c r="A26461" i="1" s="1"/>
  <c r="A26462" i="1" s="1"/>
  <c r="A26463" i="1" s="1"/>
  <c r="A26464" i="1" s="1"/>
  <c r="A26465" i="1" s="1"/>
  <c r="A26466" i="1" s="1"/>
  <c r="A26467" i="1" s="1"/>
  <c r="A26468" i="1" s="1"/>
  <c r="A26469" i="1" s="1"/>
  <c r="A26470" i="1" s="1"/>
  <c r="A26471" i="1" s="1"/>
  <c r="A26472" i="1" s="1"/>
  <c r="A26473" i="1" s="1"/>
  <c r="A26474" i="1" s="1"/>
  <c r="A26475" i="1" s="1"/>
  <c r="A26476" i="1" s="1"/>
  <c r="A26477" i="1" s="1"/>
  <c r="A26478" i="1" s="1"/>
  <c r="A26479" i="1" s="1"/>
  <c r="A26480" i="1" s="1"/>
  <c r="A26481" i="1" s="1"/>
  <c r="A26482" i="1" s="1"/>
  <c r="A26483" i="1" s="1"/>
  <c r="A26484" i="1" s="1"/>
  <c r="A26485" i="1" s="1"/>
  <c r="A26486" i="1" s="1"/>
  <c r="A26487" i="1" s="1"/>
  <c r="A26488" i="1" s="1"/>
  <c r="A26489" i="1" s="1"/>
  <c r="A26490" i="1" s="1"/>
  <c r="A26491" i="1" s="1"/>
  <c r="A26492" i="1" s="1"/>
  <c r="A26493" i="1" s="1"/>
  <c r="A26494" i="1" s="1"/>
  <c r="A26495" i="1" s="1"/>
  <c r="A26496" i="1" s="1"/>
  <c r="A26497" i="1" s="1"/>
  <c r="A26498" i="1" s="1"/>
  <c r="A26499" i="1" s="1"/>
  <c r="A26500" i="1" s="1"/>
  <c r="A26501" i="1" s="1"/>
  <c r="A26502" i="1" s="1"/>
  <c r="A26503" i="1" s="1"/>
  <c r="A26504" i="1" s="1"/>
  <c r="A26505" i="1" s="1"/>
  <c r="A26506" i="1" s="1"/>
  <c r="A26507" i="1" s="1"/>
  <c r="A26508" i="1" s="1"/>
  <c r="A26509" i="1" s="1"/>
  <c r="A26510" i="1" s="1"/>
  <c r="A26511" i="1" s="1"/>
  <c r="A26512" i="1" s="1"/>
  <c r="A26513" i="1" s="1"/>
  <c r="A26514" i="1" s="1"/>
  <c r="A26515" i="1" s="1"/>
  <c r="A26516" i="1" s="1"/>
  <c r="A26517" i="1" s="1"/>
  <c r="A26518" i="1" s="1"/>
  <c r="A26519" i="1" s="1"/>
  <c r="A26520" i="1" s="1"/>
  <c r="A26521" i="1" s="1"/>
  <c r="A26522" i="1" s="1"/>
  <c r="A26523" i="1" s="1"/>
  <c r="A26524" i="1" s="1"/>
  <c r="A26525" i="1" s="1"/>
  <c r="A26526" i="1" s="1"/>
  <c r="A26527" i="1" s="1"/>
  <c r="A26528" i="1" s="1"/>
  <c r="A26529" i="1" s="1"/>
  <c r="A26530" i="1" s="1"/>
  <c r="A26531" i="1" s="1"/>
  <c r="A26532" i="1" s="1"/>
  <c r="A26533" i="1" s="1"/>
  <c r="A26534" i="1" s="1"/>
  <c r="A26535" i="1" s="1"/>
  <c r="A26536" i="1" s="1"/>
  <c r="A26537" i="1" s="1"/>
  <c r="A26538" i="1" s="1"/>
  <c r="A26539" i="1" s="1"/>
  <c r="A26540" i="1" s="1"/>
  <c r="A26541" i="1" s="1"/>
  <c r="A26542" i="1" s="1"/>
  <c r="A26543" i="1" s="1"/>
  <c r="A26544" i="1" s="1"/>
  <c r="A26545" i="1" s="1"/>
  <c r="A26546" i="1" s="1"/>
  <c r="A26547" i="1" s="1"/>
  <c r="A26548" i="1" s="1"/>
  <c r="A26549" i="1" s="1"/>
  <c r="A26550" i="1" s="1"/>
  <c r="A26551" i="1" s="1"/>
  <c r="A26552" i="1" s="1"/>
  <c r="A26553" i="1" s="1"/>
  <c r="A26554" i="1" s="1"/>
  <c r="A26555" i="1" s="1"/>
  <c r="A26556" i="1" s="1"/>
  <c r="A26557" i="1" s="1"/>
  <c r="A26558" i="1" s="1"/>
  <c r="A26559" i="1" s="1"/>
  <c r="A26560" i="1" s="1"/>
  <c r="A26561" i="1" s="1"/>
  <c r="A26562" i="1" s="1"/>
  <c r="A26563" i="1" s="1"/>
  <c r="A26564" i="1" s="1"/>
  <c r="A26565" i="1" s="1"/>
  <c r="A26566" i="1" s="1"/>
  <c r="A26567" i="1" s="1"/>
  <c r="A26568" i="1" s="1"/>
  <c r="A26569" i="1" s="1"/>
  <c r="A26570" i="1" s="1"/>
  <c r="A26571" i="1" s="1"/>
  <c r="A26572" i="1" s="1"/>
  <c r="A26573" i="1" s="1"/>
  <c r="A26574" i="1" s="1"/>
  <c r="A26575" i="1" s="1"/>
  <c r="A26576" i="1" s="1"/>
  <c r="A26577" i="1" s="1"/>
  <c r="A26578" i="1" s="1"/>
  <c r="A26579" i="1" s="1"/>
  <c r="A26580" i="1" s="1"/>
  <c r="A26581" i="1" s="1"/>
  <c r="A26582" i="1" s="1"/>
  <c r="A26583" i="1" s="1"/>
  <c r="A26584" i="1" s="1"/>
  <c r="A26585" i="1" s="1"/>
  <c r="A26586" i="1" s="1"/>
  <c r="A26587" i="1" s="1"/>
  <c r="A26588" i="1" s="1"/>
  <c r="A26589" i="1" s="1"/>
  <c r="A26590" i="1" s="1"/>
  <c r="A26591" i="1" s="1"/>
  <c r="A26592" i="1" s="1"/>
  <c r="A26593" i="1" s="1"/>
  <c r="A26594" i="1" s="1"/>
  <c r="A26595" i="1" s="1"/>
  <c r="A26596" i="1" s="1"/>
  <c r="A26597" i="1" s="1"/>
  <c r="A26598" i="1" s="1"/>
  <c r="A26599" i="1" s="1"/>
  <c r="A26600" i="1" s="1"/>
  <c r="A26601" i="1" s="1"/>
  <c r="A26602" i="1" s="1"/>
  <c r="A26603" i="1" s="1"/>
  <c r="A26604" i="1" s="1"/>
  <c r="A26605" i="1" s="1"/>
  <c r="A26606" i="1" s="1"/>
  <c r="A26607" i="1" s="1"/>
  <c r="A26608" i="1" s="1"/>
  <c r="A26609" i="1" s="1"/>
  <c r="A26610" i="1" s="1"/>
  <c r="A26611" i="1" s="1"/>
  <c r="A26612" i="1" s="1"/>
  <c r="A26613" i="1" s="1"/>
  <c r="A26614" i="1" s="1"/>
  <c r="A26615" i="1" s="1"/>
  <c r="A26616" i="1" s="1"/>
  <c r="A26617" i="1" s="1"/>
  <c r="A26618" i="1" s="1"/>
  <c r="A26619" i="1" s="1"/>
  <c r="A26620" i="1" s="1"/>
  <c r="A26621" i="1" s="1"/>
  <c r="A26622" i="1" s="1"/>
  <c r="A26623" i="1" s="1"/>
  <c r="A26624" i="1" s="1"/>
  <c r="A26625" i="1" s="1"/>
  <c r="A26626" i="1" s="1"/>
  <c r="A26627" i="1" s="1"/>
  <c r="A26628" i="1" s="1"/>
  <c r="A26629" i="1" s="1"/>
  <c r="A26630" i="1" s="1"/>
  <c r="A26631" i="1" s="1"/>
  <c r="A26632" i="1" s="1"/>
  <c r="A26633" i="1" s="1"/>
  <c r="A26634" i="1" s="1"/>
  <c r="A26635" i="1" s="1"/>
  <c r="A26636" i="1" s="1"/>
  <c r="A26637" i="1" s="1"/>
  <c r="A26638" i="1" s="1"/>
  <c r="A26639" i="1" s="1"/>
  <c r="A26640" i="1" s="1"/>
  <c r="A26641" i="1" s="1"/>
  <c r="A26642" i="1" s="1"/>
  <c r="A26643" i="1" s="1"/>
  <c r="A26644" i="1" s="1"/>
  <c r="A26645" i="1" s="1"/>
  <c r="A26646" i="1" s="1"/>
  <c r="A26647" i="1" s="1"/>
  <c r="A26648" i="1" s="1"/>
  <c r="A26649" i="1" s="1"/>
  <c r="A26650" i="1" s="1"/>
  <c r="A26651" i="1" s="1"/>
  <c r="A26652" i="1" s="1"/>
  <c r="A26653" i="1" s="1"/>
  <c r="A26654" i="1" s="1"/>
  <c r="A26655" i="1" s="1"/>
  <c r="A26656" i="1" s="1"/>
  <c r="A26657" i="1" s="1"/>
  <c r="A26658" i="1" s="1"/>
  <c r="A26659" i="1" s="1"/>
  <c r="A26660" i="1" s="1"/>
  <c r="A26661" i="1" s="1"/>
  <c r="A26662" i="1" s="1"/>
  <c r="A26663" i="1" s="1"/>
  <c r="A26664" i="1" s="1"/>
  <c r="A26665" i="1" s="1"/>
  <c r="A26666" i="1" s="1"/>
  <c r="A26667" i="1" s="1"/>
  <c r="A26668" i="1" s="1"/>
  <c r="A26669" i="1" s="1"/>
  <c r="A26670" i="1" s="1"/>
  <c r="A26671" i="1" s="1"/>
  <c r="A26672" i="1" s="1"/>
  <c r="A26673" i="1" s="1"/>
  <c r="A26674" i="1" s="1"/>
  <c r="A26675" i="1" s="1"/>
  <c r="A26676" i="1" s="1"/>
  <c r="A26677" i="1" s="1"/>
  <c r="A26678" i="1" s="1"/>
  <c r="A26679" i="1" s="1"/>
  <c r="A26680" i="1" s="1"/>
  <c r="A26681" i="1" s="1"/>
  <c r="A26682" i="1" s="1"/>
  <c r="A26683" i="1" s="1"/>
  <c r="A26684" i="1" s="1"/>
  <c r="A26685" i="1" s="1"/>
  <c r="A26686" i="1" s="1"/>
  <c r="A26687" i="1" s="1"/>
  <c r="A26688" i="1" s="1"/>
  <c r="A26689" i="1" s="1"/>
  <c r="A26690" i="1" s="1"/>
  <c r="A26691" i="1" s="1"/>
  <c r="A26692" i="1" s="1"/>
  <c r="A26693" i="1" s="1"/>
  <c r="A26694" i="1" s="1"/>
  <c r="A26695" i="1" s="1"/>
  <c r="A26696" i="1" s="1"/>
  <c r="A26697" i="1" s="1"/>
  <c r="A26698" i="1" s="1"/>
  <c r="A26699" i="1" s="1"/>
  <c r="A26700" i="1" s="1"/>
  <c r="A26701" i="1" s="1"/>
  <c r="A26702" i="1" s="1"/>
  <c r="A26703" i="1" s="1"/>
  <c r="A26704" i="1" s="1"/>
  <c r="A26705" i="1" s="1"/>
  <c r="A26706" i="1" s="1"/>
  <c r="A26707" i="1" s="1"/>
  <c r="A26708" i="1" s="1"/>
  <c r="A26709" i="1" s="1"/>
  <c r="A26710" i="1" s="1"/>
  <c r="A26711" i="1" s="1"/>
  <c r="A26712" i="1" s="1"/>
  <c r="A26713" i="1" s="1"/>
  <c r="A26714" i="1" s="1"/>
  <c r="A26715" i="1" s="1"/>
  <c r="A26716" i="1" s="1"/>
  <c r="A26717" i="1" s="1"/>
  <c r="A26718" i="1" s="1"/>
  <c r="A26719" i="1" s="1"/>
  <c r="A26720" i="1" s="1"/>
  <c r="A26721" i="1" s="1"/>
  <c r="A26722" i="1" s="1"/>
  <c r="A26723" i="1" s="1"/>
  <c r="A26724" i="1" s="1"/>
  <c r="A26725" i="1" s="1"/>
  <c r="A26726" i="1" s="1"/>
  <c r="A26727" i="1" s="1"/>
  <c r="A26728" i="1" s="1"/>
  <c r="A26729" i="1" s="1"/>
  <c r="A26730" i="1" s="1"/>
  <c r="A26731" i="1" s="1"/>
  <c r="A26732" i="1" s="1"/>
  <c r="A26733" i="1" s="1"/>
  <c r="A26734" i="1" s="1"/>
  <c r="A26735" i="1" s="1"/>
  <c r="A26736" i="1" s="1"/>
  <c r="A26737" i="1" s="1"/>
  <c r="A26738" i="1" s="1"/>
  <c r="A26739" i="1" s="1"/>
  <c r="A26740" i="1" s="1"/>
  <c r="A26741" i="1" s="1"/>
  <c r="A26742" i="1" s="1"/>
  <c r="A26743" i="1" s="1"/>
  <c r="A26744" i="1" s="1"/>
  <c r="A26745" i="1" s="1"/>
  <c r="A26746" i="1" s="1"/>
  <c r="A26747" i="1" s="1"/>
  <c r="A26748" i="1" s="1"/>
  <c r="A26749" i="1" s="1"/>
  <c r="A26750" i="1" s="1"/>
  <c r="A26751" i="1" s="1"/>
  <c r="A26752" i="1" s="1"/>
  <c r="A26753" i="1" s="1"/>
  <c r="A26754" i="1" s="1"/>
  <c r="A26755" i="1" s="1"/>
  <c r="A26756" i="1" s="1"/>
  <c r="A26757" i="1" s="1"/>
  <c r="A26758" i="1" s="1"/>
  <c r="A26759" i="1" s="1"/>
  <c r="A26760" i="1" s="1"/>
  <c r="A26761" i="1" s="1"/>
  <c r="A26762" i="1" s="1"/>
  <c r="A26763" i="1" s="1"/>
  <c r="A26764" i="1" s="1"/>
  <c r="A26765" i="1" s="1"/>
  <c r="A26766" i="1" s="1"/>
  <c r="A26767" i="1" s="1"/>
  <c r="A26768" i="1" s="1"/>
  <c r="A26769" i="1" s="1"/>
  <c r="A26770" i="1" s="1"/>
  <c r="A26771" i="1" s="1"/>
  <c r="A26772" i="1" s="1"/>
  <c r="A26773" i="1" s="1"/>
  <c r="A26774" i="1" s="1"/>
  <c r="A26775" i="1" s="1"/>
  <c r="A26776" i="1" s="1"/>
  <c r="A26777" i="1" s="1"/>
  <c r="A26778" i="1" s="1"/>
  <c r="A26779" i="1" s="1"/>
  <c r="A26780" i="1" s="1"/>
  <c r="A26781" i="1" s="1"/>
  <c r="A26782" i="1" s="1"/>
  <c r="A26783" i="1" s="1"/>
  <c r="A26784" i="1" s="1"/>
  <c r="A26785" i="1" s="1"/>
  <c r="A26786" i="1" s="1"/>
  <c r="A26787" i="1" s="1"/>
  <c r="A26788" i="1" s="1"/>
  <c r="A26789" i="1" s="1"/>
  <c r="A26790" i="1" s="1"/>
  <c r="A26791" i="1" s="1"/>
  <c r="A26792" i="1" s="1"/>
  <c r="A26793" i="1" s="1"/>
  <c r="A26794" i="1" s="1"/>
  <c r="A26795" i="1" s="1"/>
  <c r="A26796" i="1" s="1"/>
  <c r="A26797" i="1" s="1"/>
  <c r="A26798" i="1" s="1"/>
  <c r="A26799" i="1" s="1"/>
  <c r="A26800" i="1" s="1"/>
  <c r="A26801" i="1" s="1"/>
  <c r="A26802" i="1" s="1"/>
  <c r="A26803" i="1" s="1"/>
  <c r="A26804" i="1" s="1"/>
  <c r="A26805" i="1" s="1"/>
  <c r="A26806" i="1" s="1"/>
  <c r="A26807" i="1" s="1"/>
  <c r="A26808" i="1" s="1"/>
  <c r="A26809" i="1" s="1"/>
  <c r="A26810" i="1" s="1"/>
  <c r="A26811" i="1" s="1"/>
  <c r="A26812" i="1" s="1"/>
  <c r="A26813" i="1" s="1"/>
  <c r="A26814" i="1" s="1"/>
  <c r="A26815" i="1" s="1"/>
  <c r="A26816" i="1" s="1"/>
  <c r="A26817" i="1" s="1"/>
  <c r="A26818" i="1" s="1"/>
  <c r="A26819" i="1" s="1"/>
  <c r="A26820" i="1" s="1"/>
  <c r="A26821" i="1" s="1"/>
  <c r="A26822" i="1" s="1"/>
  <c r="A26823" i="1" s="1"/>
  <c r="A26824" i="1" s="1"/>
  <c r="A26825" i="1" s="1"/>
  <c r="A26826" i="1" s="1"/>
  <c r="A26827" i="1" s="1"/>
  <c r="A26828" i="1" s="1"/>
  <c r="A26829" i="1" s="1"/>
  <c r="A26830" i="1" s="1"/>
  <c r="A26831" i="1" s="1"/>
  <c r="A26832" i="1" s="1"/>
  <c r="A26833" i="1" s="1"/>
  <c r="A26834" i="1" s="1"/>
  <c r="A26835" i="1" s="1"/>
  <c r="A26836" i="1" s="1"/>
  <c r="A26837" i="1" s="1"/>
  <c r="A26838" i="1" s="1"/>
  <c r="A26839" i="1" s="1"/>
  <c r="A26840" i="1" s="1"/>
  <c r="A26841" i="1" s="1"/>
  <c r="A26842" i="1" s="1"/>
  <c r="A26843" i="1" s="1"/>
  <c r="A26844" i="1" s="1"/>
  <c r="A26845" i="1" s="1"/>
  <c r="A26846" i="1" s="1"/>
  <c r="A26847" i="1" s="1"/>
  <c r="A26848" i="1" s="1"/>
  <c r="A26849" i="1" s="1"/>
  <c r="A26850" i="1" s="1"/>
  <c r="A26851" i="1" s="1"/>
  <c r="A26852" i="1" s="1"/>
  <c r="A26853" i="1" s="1"/>
  <c r="A26854" i="1" s="1"/>
  <c r="A26855" i="1" s="1"/>
  <c r="A26856" i="1" s="1"/>
  <c r="A26857" i="1" s="1"/>
  <c r="A26858" i="1" s="1"/>
  <c r="A26859" i="1" s="1"/>
  <c r="A26860" i="1" s="1"/>
  <c r="A26861" i="1" s="1"/>
  <c r="A26862" i="1" s="1"/>
  <c r="A26863" i="1" s="1"/>
  <c r="A26864" i="1" s="1"/>
  <c r="A26865" i="1" s="1"/>
  <c r="A26866" i="1" s="1"/>
  <c r="A26867" i="1" s="1"/>
  <c r="A26868" i="1" s="1"/>
  <c r="A26869" i="1" s="1"/>
  <c r="A26870" i="1" s="1"/>
  <c r="A26871" i="1" s="1"/>
  <c r="A26872" i="1" s="1"/>
  <c r="A26873" i="1" s="1"/>
  <c r="A26874" i="1" s="1"/>
  <c r="A26875" i="1" s="1"/>
  <c r="A26876" i="1" s="1"/>
  <c r="A26877" i="1" s="1"/>
  <c r="A26878" i="1" s="1"/>
  <c r="A26879" i="1" s="1"/>
  <c r="A26880" i="1" s="1"/>
  <c r="A26881" i="1" s="1"/>
  <c r="A26882" i="1" s="1"/>
  <c r="A26883" i="1" s="1"/>
  <c r="A26884" i="1" s="1"/>
  <c r="A26885" i="1" s="1"/>
  <c r="A26886" i="1" s="1"/>
  <c r="A26887" i="1" s="1"/>
  <c r="A26888" i="1" s="1"/>
  <c r="A26889" i="1" s="1"/>
  <c r="A26890" i="1" s="1"/>
  <c r="A26891" i="1" s="1"/>
  <c r="A26892" i="1" s="1"/>
  <c r="A26893" i="1" s="1"/>
  <c r="A26894" i="1" s="1"/>
  <c r="A26895" i="1" s="1"/>
  <c r="A26896" i="1" s="1"/>
  <c r="A26897" i="1" s="1"/>
  <c r="A26898" i="1" s="1"/>
  <c r="A26899" i="1" s="1"/>
  <c r="A26900" i="1" s="1"/>
  <c r="A26901" i="1" s="1"/>
  <c r="A26902" i="1" s="1"/>
  <c r="A26903" i="1" s="1"/>
  <c r="A26904" i="1" s="1"/>
  <c r="A26905" i="1" s="1"/>
  <c r="A26906" i="1" s="1"/>
  <c r="A26907" i="1" s="1"/>
  <c r="A26908" i="1" s="1"/>
  <c r="A26909" i="1" s="1"/>
  <c r="A26910" i="1" s="1"/>
  <c r="A26911" i="1" s="1"/>
  <c r="A26912" i="1" s="1"/>
  <c r="A26913" i="1" s="1"/>
  <c r="A26914" i="1" s="1"/>
  <c r="A26915" i="1" s="1"/>
  <c r="A26916" i="1" s="1"/>
  <c r="A26917" i="1" s="1"/>
  <c r="A26918" i="1" s="1"/>
  <c r="A26919" i="1" s="1"/>
  <c r="A26920" i="1" s="1"/>
  <c r="A26921" i="1" s="1"/>
  <c r="A26922" i="1" s="1"/>
  <c r="A26923" i="1" s="1"/>
  <c r="A26924" i="1" s="1"/>
  <c r="A26925" i="1" s="1"/>
  <c r="A26926" i="1" s="1"/>
  <c r="A26927" i="1" s="1"/>
  <c r="A26928" i="1" s="1"/>
  <c r="A26929" i="1" s="1"/>
  <c r="A26930" i="1" s="1"/>
  <c r="A26931" i="1" s="1"/>
  <c r="A26932" i="1" s="1"/>
  <c r="A26933" i="1" s="1"/>
  <c r="A26934" i="1" s="1"/>
  <c r="A26935" i="1" s="1"/>
  <c r="A26936" i="1" s="1"/>
  <c r="A26937" i="1" s="1"/>
  <c r="A26938" i="1" s="1"/>
  <c r="A26939" i="1" s="1"/>
  <c r="A26940" i="1" s="1"/>
  <c r="A26941" i="1" s="1"/>
  <c r="A26942" i="1" s="1"/>
  <c r="A26943" i="1" s="1"/>
  <c r="A26944" i="1" s="1"/>
  <c r="A26945" i="1" s="1"/>
  <c r="A26946" i="1" s="1"/>
  <c r="A26947" i="1" s="1"/>
  <c r="A26948" i="1" s="1"/>
  <c r="A26949" i="1" s="1"/>
  <c r="A26950" i="1" s="1"/>
  <c r="A26951" i="1" s="1"/>
  <c r="A26952" i="1" s="1"/>
  <c r="A26953" i="1" s="1"/>
  <c r="A26954" i="1" s="1"/>
  <c r="A26955" i="1" s="1"/>
  <c r="A26956" i="1" s="1"/>
  <c r="A26957" i="1" s="1"/>
  <c r="A26958" i="1" s="1"/>
  <c r="A26959" i="1" s="1"/>
  <c r="A26960" i="1" s="1"/>
  <c r="A26961" i="1" s="1"/>
  <c r="A26962" i="1" s="1"/>
  <c r="A26963" i="1" s="1"/>
  <c r="A26964" i="1" s="1"/>
  <c r="A26965" i="1" s="1"/>
  <c r="A26966" i="1" s="1"/>
  <c r="A26967" i="1" s="1"/>
  <c r="A26968" i="1" s="1"/>
  <c r="A26969" i="1" s="1"/>
  <c r="A26970" i="1" s="1"/>
  <c r="A26971" i="1" s="1"/>
  <c r="A26972" i="1" s="1"/>
  <c r="A26973" i="1" s="1"/>
  <c r="A26974" i="1" s="1"/>
  <c r="A26975" i="1" s="1"/>
  <c r="A26976" i="1" s="1"/>
  <c r="A26977" i="1" s="1"/>
  <c r="A26978" i="1" s="1"/>
  <c r="A26979" i="1" s="1"/>
  <c r="A26980" i="1" s="1"/>
  <c r="A26981" i="1" s="1"/>
  <c r="A26982" i="1" s="1"/>
  <c r="A26983" i="1" s="1"/>
  <c r="A26984" i="1" s="1"/>
  <c r="A26985" i="1" s="1"/>
  <c r="A26986" i="1" s="1"/>
  <c r="A26987" i="1" s="1"/>
  <c r="A26988" i="1" s="1"/>
  <c r="A26989" i="1" s="1"/>
  <c r="A26990" i="1" s="1"/>
  <c r="A26991" i="1" s="1"/>
  <c r="A26992" i="1" s="1"/>
  <c r="A26993" i="1" s="1"/>
  <c r="A26994" i="1" s="1"/>
  <c r="A26995" i="1" s="1"/>
  <c r="A26996" i="1" s="1"/>
  <c r="A26997" i="1" s="1"/>
  <c r="A26998" i="1" s="1"/>
  <c r="A26999" i="1" s="1"/>
  <c r="A27000" i="1" s="1"/>
  <c r="A27001" i="1" s="1"/>
  <c r="A27002" i="1" s="1"/>
  <c r="A27003" i="1" s="1"/>
  <c r="A27004" i="1" s="1"/>
  <c r="A27005" i="1" s="1"/>
  <c r="A27006" i="1" s="1"/>
  <c r="A27007" i="1" s="1"/>
  <c r="A27008" i="1" s="1"/>
  <c r="A27009" i="1" s="1"/>
  <c r="A27010" i="1" s="1"/>
  <c r="A27011" i="1" s="1"/>
  <c r="A27012" i="1" s="1"/>
  <c r="A27013" i="1" s="1"/>
  <c r="A27014" i="1" s="1"/>
  <c r="A27015" i="1" s="1"/>
  <c r="A27016" i="1" s="1"/>
  <c r="A27017" i="1" s="1"/>
  <c r="A27018" i="1" s="1"/>
  <c r="A27019" i="1" s="1"/>
  <c r="A27020" i="1" s="1"/>
  <c r="A27021" i="1" s="1"/>
  <c r="A27022" i="1" s="1"/>
  <c r="A27023" i="1" s="1"/>
  <c r="A27024" i="1" s="1"/>
  <c r="A27025" i="1" s="1"/>
  <c r="A27026" i="1" s="1"/>
  <c r="A27027" i="1" s="1"/>
  <c r="A27028" i="1" s="1"/>
  <c r="A27029" i="1" s="1"/>
  <c r="A27030" i="1" s="1"/>
  <c r="A27031" i="1" s="1"/>
  <c r="A27032" i="1" s="1"/>
  <c r="A27033" i="1" s="1"/>
  <c r="A27034" i="1" s="1"/>
  <c r="A27035" i="1" s="1"/>
  <c r="A27036" i="1" s="1"/>
  <c r="A27037" i="1" s="1"/>
  <c r="A27038" i="1" s="1"/>
  <c r="A27039" i="1" s="1"/>
  <c r="A27040" i="1" s="1"/>
  <c r="A27041" i="1" s="1"/>
  <c r="A27042" i="1" s="1"/>
  <c r="A27043" i="1" s="1"/>
  <c r="A27044" i="1" s="1"/>
  <c r="A27045" i="1" s="1"/>
  <c r="A27046" i="1" s="1"/>
  <c r="A27047" i="1" s="1"/>
  <c r="A27048" i="1" s="1"/>
  <c r="A27049" i="1" s="1"/>
  <c r="A27050" i="1" s="1"/>
  <c r="A27051" i="1" s="1"/>
  <c r="A27052" i="1" s="1"/>
  <c r="A27053" i="1" s="1"/>
  <c r="A27054" i="1" s="1"/>
  <c r="A27055" i="1" s="1"/>
  <c r="A27056" i="1" s="1"/>
  <c r="A27057" i="1" s="1"/>
  <c r="A27058" i="1" s="1"/>
  <c r="A27059" i="1" s="1"/>
  <c r="A27060" i="1" s="1"/>
  <c r="A27061" i="1" s="1"/>
  <c r="A27062" i="1" s="1"/>
  <c r="A27063" i="1" s="1"/>
  <c r="A27064" i="1" s="1"/>
  <c r="A27065" i="1" s="1"/>
  <c r="A27066" i="1" s="1"/>
  <c r="A27067" i="1" s="1"/>
  <c r="A27068" i="1" s="1"/>
  <c r="A27069" i="1" s="1"/>
  <c r="A27070" i="1" s="1"/>
  <c r="A27071" i="1" s="1"/>
  <c r="A27072" i="1" s="1"/>
  <c r="A27073" i="1" s="1"/>
  <c r="A27074" i="1" s="1"/>
  <c r="A27075" i="1" s="1"/>
  <c r="A27076" i="1" s="1"/>
  <c r="A27077" i="1" s="1"/>
  <c r="A27078" i="1" s="1"/>
  <c r="A27079" i="1" s="1"/>
  <c r="A27080" i="1" s="1"/>
  <c r="A27081" i="1" s="1"/>
  <c r="A27082" i="1" s="1"/>
  <c r="A27083" i="1" s="1"/>
  <c r="A27084" i="1" s="1"/>
  <c r="A27085" i="1" s="1"/>
  <c r="A27086" i="1" s="1"/>
  <c r="A27087" i="1" s="1"/>
  <c r="A27088" i="1" s="1"/>
  <c r="A27089" i="1" s="1"/>
  <c r="A27090" i="1" s="1"/>
  <c r="A27091" i="1" s="1"/>
  <c r="A27092" i="1" s="1"/>
  <c r="A27093" i="1" s="1"/>
  <c r="A27094" i="1" s="1"/>
  <c r="A27095" i="1" s="1"/>
  <c r="A27096" i="1" s="1"/>
  <c r="A27097" i="1" s="1"/>
  <c r="A27098" i="1" s="1"/>
  <c r="A27099" i="1" s="1"/>
  <c r="A27100" i="1" s="1"/>
  <c r="A27101" i="1" s="1"/>
  <c r="A27102" i="1" s="1"/>
  <c r="A27103" i="1" s="1"/>
  <c r="A27104" i="1" s="1"/>
  <c r="A27105" i="1" s="1"/>
  <c r="A27106" i="1" s="1"/>
  <c r="A27107" i="1" s="1"/>
  <c r="A27108" i="1" s="1"/>
  <c r="A27109" i="1" s="1"/>
  <c r="A27110" i="1" s="1"/>
  <c r="A27111" i="1" s="1"/>
  <c r="A27112" i="1" s="1"/>
  <c r="A27113" i="1" s="1"/>
  <c r="A27114" i="1" s="1"/>
  <c r="A27115" i="1" s="1"/>
  <c r="A27116" i="1" s="1"/>
  <c r="A27117" i="1" s="1"/>
  <c r="A27118" i="1" s="1"/>
  <c r="A27119" i="1" s="1"/>
  <c r="A27120" i="1" s="1"/>
  <c r="A27121" i="1" s="1"/>
  <c r="A27122" i="1" s="1"/>
  <c r="A27123" i="1" s="1"/>
  <c r="A27124" i="1" s="1"/>
  <c r="A27125" i="1" s="1"/>
  <c r="A27126" i="1" s="1"/>
  <c r="A27127" i="1" s="1"/>
  <c r="A27128" i="1" s="1"/>
  <c r="A27129" i="1" s="1"/>
  <c r="A27130" i="1" s="1"/>
  <c r="A27131" i="1" s="1"/>
  <c r="A27132" i="1" s="1"/>
  <c r="A27133" i="1" s="1"/>
  <c r="A27134" i="1" s="1"/>
  <c r="A27135" i="1" s="1"/>
  <c r="A27136" i="1" s="1"/>
  <c r="A27137" i="1" s="1"/>
  <c r="A27138" i="1" s="1"/>
  <c r="A27139" i="1" s="1"/>
  <c r="A27140" i="1" s="1"/>
  <c r="A27141" i="1" s="1"/>
  <c r="A27142" i="1" s="1"/>
  <c r="A27143" i="1" s="1"/>
  <c r="A27144" i="1" s="1"/>
  <c r="A27145" i="1" s="1"/>
  <c r="A27146" i="1" s="1"/>
  <c r="A27147" i="1" s="1"/>
  <c r="A27148" i="1" s="1"/>
  <c r="A27149" i="1" s="1"/>
  <c r="A27150" i="1" s="1"/>
  <c r="A27151" i="1" s="1"/>
  <c r="A27152" i="1" s="1"/>
  <c r="A27153" i="1" s="1"/>
  <c r="A27154" i="1" s="1"/>
  <c r="A27155" i="1" s="1"/>
  <c r="A27156" i="1" s="1"/>
  <c r="A27157" i="1" s="1"/>
  <c r="A27158" i="1" s="1"/>
  <c r="A27159" i="1" s="1"/>
  <c r="A27160" i="1" s="1"/>
  <c r="A27161" i="1" s="1"/>
  <c r="A27162" i="1" s="1"/>
  <c r="A27163" i="1" s="1"/>
  <c r="A27164" i="1" s="1"/>
  <c r="A27165" i="1" s="1"/>
  <c r="A27166" i="1" s="1"/>
  <c r="A27167" i="1" s="1"/>
  <c r="A27168" i="1" s="1"/>
  <c r="A27169" i="1" s="1"/>
  <c r="A27170" i="1" s="1"/>
  <c r="A27171" i="1" s="1"/>
  <c r="A27172" i="1" s="1"/>
  <c r="A27173" i="1" s="1"/>
  <c r="A27174" i="1" s="1"/>
  <c r="A27175" i="1" s="1"/>
  <c r="A27176" i="1" s="1"/>
  <c r="A27177" i="1" s="1"/>
  <c r="A27178" i="1" s="1"/>
  <c r="A27179" i="1" s="1"/>
  <c r="A27180" i="1" s="1"/>
  <c r="A27181" i="1" s="1"/>
  <c r="A27182" i="1" s="1"/>
  <c r="A27183" i="1" s="1"/>
  <c r="A27184" i="1" s="1"/>
  <c r="A27185" i="1" s="1"/>
  <c r="A27186" i="1" s="1"/>
  <c r="A27187" i="1" s="1"/>
  <c r="A27188" i="1" s="1"/>
  <c r="A27189" i="1" s="1"/>
  <c r="A27190" i="1" s="1"/>
  <c r="A27191" i="1" s="1"/>
  <c r="A27192" i="1" s="1"/>
  <c r="A27193" i="1" s="1"/>
  <c r="A27194" i="1" s="1"/>
  <c r="A27195" i="1" s="1"/>
  <c r="A27196" i="1" s="1"/>
  <c r="A27197" i="1" s="1"/>
  <c r="A27198" i="1" s="1"/>
  <c r="A27199" i="1" s="1"/>
  <c r="A27200" i="1" s="1"/>
  <c r="A27201" i="1" s="1"/>
  <c r="A27202" i="1" s="1"/>
  <c r="A27203" i="1" s="1"/>
  <c r="A27204" i="1" s="1"/>
  <c r="A27205" i="1" s="1"/>
  <c r="A27206" i="1" s="1"/>
  <c r="A27207" i="1" s="1"/>
  <c r="A27208" i="1" s="1"/>
  <c r="A27209" i="1" s="1"/>
  <c r="A27210" i="1" s="1"/>
  <c r="A27211" i="1" s="1"/>
  <c r="A27212" i="1" s="1"/>
  <c r="A27213" i="1" s="1"/>
  <c r="A27214" i="1" s="1"/>
  <c r="A27215" i="1" s="1"/>
  <c r="A27216" i="1" s="1"/>
  <c r="A27217" i="1" s="1"/>
  <c r="A27218" i="1" s="1"/>
  <c r="A27219" i="1" s="1"/>
  <c r="A27220" i="1" s="1"/>
  <c r="A27221" i="1" s="1"/>
  <c r="A27222" i="1" s="1"/>
  <c r="A27223" i="1" s="1"/>
  <c r="A27224" i="1" s="1"/>
  <c r="A27225" i="1" s="1"/>
  <c r="A27226" i="1" s="1"/>
  <c r="A27227" i="1" s="1"/>
  <c r="A27228" i="1" s="1"/>
  <c r="A27229" i="1" s="1"/>
  <c r="A27230" i="1" s="1"/>
  <c r="A27231" i="1" s="1"/>
  <c r="A27232" i="1" s="1"/>
  <c r="A27233" i="1" s="1"/>
  <c r="A27234" i="1" s="1"/>
  <c r="A27235" i="1" s="1"/>
  <c r="A27236" i="1" s="1"/>
  <c r="A27237" i="1" s="1"/>
  <c r="A27238" i="1" s="1"/>
  <c r="A27239" i="1" s="1"/>
  <c r="A27240" i="1" s="1"/>
  <c r="A27241" i="1" s="1"/>
  <c r="A27242" i="1" s="1"/>
  <c r="A27243" i="1" s="1"/>
  <c r="A27244" i="1" s="1"/>
  <c r="A27245" i="1" s="1"/>
  <c r="A27246" i="1" s="1"/>
  <c r="A27247" i="1" s="1"/>
  <c r="A27248" i="1" s="1"/>
  <c r="A27249" i="1" s="1"/>
  <c r="A27250" i="1" s="1"/>
  <c r="A27251" i="1" s="1"/>
  <c r="A27252" i="1" s="1"/>
  <c r="A27253" i="1" s="1"/>
  <c r="A27254" i="1" s="1"/>
  <c r="A27255" i="1" s="1"/>
  <c r="A27256" i="1" s="1"/>
  <c r="A27257" i="1" s="1"/>
  <c r="A27258" i="1" s="1"/>
  <c r="A27259" i="1" s="1"/>
  <c r="A27260" i="1" s="1"/>
  <c r="A27261" i="1" s="1"/>
  <c r="A27262" i="1" s="1"/>
  <c r="A27263" i="1" s="1"/>
  <c r="A27264" i="1" s="1"/>
  <c r="A27265" i="1" s="1"/>
  <c r="A27266" i="1" s="1"/>
  <c r="A27267" i="1" s="1"/>
  <c r="A27268" i="1" s="1"/>
  <c r="A27269" i="1" s="1"/>
  <c r="A27270" i="1" s="1"/>
  <c r="A27271" i="1" s="1"/>
  <c r="A27272" i="1" s="1"/>
  <c r="A27273" i="1" s="1"/>
  <c r="A27274" i="1" s="1"/>
  <c r="A27275" i="1" s="1"/>
  <c r="A27276" i="1" s="1"/>
  <c r="A27277" i="1" s="1"/>
  <c r="A27278" i="1" s="1"/>
  <c r="A27279" i="1" s="1"/>
  <c r="A27280" i="1" s="1"/>
  <c r="A27281" i="1" s="1"/>
  <c r="A27282" i="1" s="1"/>
  <c r="A27283" i="1" s="1"/>
  <c r="A27284" i="1" s="1"/>
  <c r="A27285" i="1" s="1"/>
  <c r="A27286" i="1" s="1"/>
  <c r="A27287" i="1" s="1"/>
  <c r="A27288" i="1" s="1"/>
  <c r="A27289" i="1" s="1"/>
  <c r="A27290" i="1" s="1"/>
  <c r="A27291" i="1" s="1"/>
  <c r="A27292" i="1" s="1"/>
  <c r="A27293" i="1" s="1"/>
  <c r="A27294" i="1" s="1"/>
  <c r="A27295" i="1" s="1"/>
  <c r="A27296" i="1" s="1"/>
  <c r="A27297" i="1" s="1"/>
  <c r="A27298" i="1" s="1"/>
  <c r="A27299" i="1" s="1"/>
  <c r="A27300" i="1" s="1"/>
  <c r="A27301" i="1" s="1"/>
  <c r="A27302" i="1" s="1"/>
  <c r="A27303" i="1" s="1"/>
  <c r="A27304" i="1" s="1"/>
  <c r="A27305" i="1" s="1"/>
  <c r="A27306" i="1" s="1"/>
  <c r="A27307" i="1" s="1"/>
  <c r="A27308" i="1" s="1"/>
  <c r="A27309" i="1" s="1"/>
  <c r="A27310" i="1" s="1"/>
  <c r="A27311" i="1" s="1"/>
  <c r="A27312" i="1" s="1"/>
  <c r="A27313" i="1" s="1"/>
  <c r="A27314" i="1" s="1"/>
  <c r="A27315" i="1" s="1"/>
  <c r="A27316" i="1" s="1"/>
  <c r="A27317" i="1" s="1"/>
  <c r="A27318" i="1" s="1"/>
  <c r="A27319" i="1" s="1"/>
  <c r="A27320" i="1" s="1"/>
  <c r="A27321" i="1" s="1"/>
  <c r="A27322" i="1" s="1"/>
  <c r="A27323" i="1" s="1"/>
  <c r="A27324" i="1" s="1"/>
  <c r="A27325" i="1" s="1"/>
  <c r="A27326" i="1" s="1"/>
  <c r="A27327" i="1" s="1"/>
  <c r="A27328" i="1" s="1"/>
  <c r="A27329" i="1" s="1"/>
  <c r="A27330" i="1" s="1"/>
  <c r="A27331" i="1" s="1"/>
  <c r="A27332" i="1" s="1"/>
  <c r="A27333" i="1" s="1"/>
  <c r="A27334" i="1" s="1"/>
  <c r="A27335" i="1" s="1"/>
  <c r="A27336" i="1" s="1"/>
  <c r="A27337" i="1" s="1"/>
  <c r="A27338" i="1" s="1"/>
  <c r="A27339" i="1" s="1"/>
  <c r="A27340" i="1" s="1"/>
  <c r="A27341" i="1" s="1"/>
  <c r="A27342" i="1" s="1"/>
  <c r="A27343" i="1" s="1"/>
  <c r="A27344" i="1" s="1"/>
  <c r="A27345" i="1" s="1"/>
  <c r="A27346" i="1" s="1"/>
  <c r="A27347" i="1" s="1"/>
  <c r="A27348" i="1" s="1"/>
  <c r="A27349" i="1" s="1"/>
  <c r="A27350" i="1" s="1"/>
  <c r="A27351" i="1" s="1"/>
  <c r="A27352" i="1" s="1"/>
  <c r="A27353" i="1" s="1"/>
  <c r="A27354" i="1" s="1"/>
  <c r="A27355" i="1" s="1"/>
  <c r="A27356" i="1" s="1"/>
  <c r="A27357" i="1" s="1"/>
  <c r="A27358" i="1" s="1"/>
  <c r="A27359" i="1" s="1"/>
  <c r="A27360" i="1" s="1"/>
  <c r="A27361" i="1" s="1"/>
  <c r="A27362" i="1" s="1"/>
  <c r="A27363" i="1" s="1"/>
  <c r="A27364" i="1" s="1"/>
  <c r="A27365" i="1" s="1"/>
  <c r="A27366" i="1" s="1"/>
  <c r="A27367" i="1" s="1"/>
  <c r="A27368" i="1" s="1"/>
  <c r="A27369" i="1" s="1"/>
  <c r="A27370" i="1" s="1"/>
  <c r="A27371" i="1" s="1"/>
  <c r="A27372" i="1" s="1"/>
  <c r="A27373" i="1" s="1"/>
  <c r="A27374" i="1" s="1"/>
  <c r="A27375" i="1" s="1"/>
  <c r="A27376" i="1" s="1"/>
  <c r="A27377" i="1" s="1"/>
  <c r="A27378" i="1" s="1"/>
  <c r="A27379" i="1" s="1"/>
  <c r="A27380" i="1" s="1"/>
  <c r="A27381" i="1" s="1"/>
  <c r="A27382" i="1" s="1"/>
  <c r="A27383" i="1" s="1"/>
  <c r="A27384" i="1" s="1"/>
  <c r="A27385" i="1" s="1"/>
  <c r="A27386" i="1" s="1"/>
  <c r="A27387" i="1" s="1"/>
  <c r="A27388" i="1" s="1"/>
  <c r="A27389" i="1" s="1"/>
  <c r="A27390" i="1" s="1"/>
  <c r="A27391" i="1" s="1"/>
  <c r="A27392" i="1" s="1"/>
  <c r="A27393" i="1" s="1"/>
  <c r="A27394" i="1" s="1"/>
  <c r="A27395" i="1" s="1"/>
  <c r="A27396" i="1" s="1"/>
  <c r="A27397" i="1" s="1"/>
  <c r="A27398" i="1" s="1"/>
  <c r="A27399" i="1" s="1"/>
  <c r="A27400" i="1" s="1"/>
  <c r="A27401" i="1" s="1"/>
  <c r="A27402" i="1" s="1"/>
  <c r="A27403" i="1" s="1"/>
  <c r="A27404" i="1" s="1"/>
  <c r="A27405" i="1" s="1"/>
  <c r="A27406" i="1" s="1"/>
  <c r="A27407" i="1" s="1"/>
  <c r="A27408" i="1" s="1"/>
  <c r="A27409" i="1" s="1"/>
  <c r="A27410" i="1" s="1"/>
  <c r="A27411" i="1" s="1"/>
  <c r="A27412" i="1" s="1"/>
  <c r="A27413" i="1" s="1"/>
  <c r="A27414" i="1" s="1"/>
  <c r="A27415" i="1" s="1"/>
  <c r="A27416" i="1" s="1"/>
  <c r="A27417" i="1" s="1"/>
  <c r="A27418" i="1" s="1"/>
  <c r="A27419" i="1" s="1"/>
  <c r="A27420" i="1" s="1"/>
  <c r="A27421" i="1" s="1"/>
  <c r="A27422" i="1" s="1"/>
  <c r="A27423" i="1" s="1"/>
  <c r="A27424" i="1" s="1"/>
  <c r="A27425" i="1" s="1"/>
  <c r="A27426" i="1" s="1"/>
  <c r="A27427" i="1" s="1"/>
  <c r="A27428" i="1" s="1"/>
  <c r="A27429" i="1" s="1"/>
  <c r="A27430" i="1" s="1"/>
  <c r="A27431" i="1" s="1"/>
  <c r="A27432" i="1" s="1"/>
  <c r="A27433" i="1" s="1"/>
  <c r="A27434" i="1" s="1"/>
  <c r="A27435" i="1" s="1"/>
  <c r="A27436" i="1" s="1"/>
  <c r="A27437" i="1" s="1"/>
  <c r="A27438" i="1" s="1"/>
  <c r="A27439" i="1" s="1"/>
  <c r="A27440" i="1" s="1"/>
  <c r="A27441" i="1" s="1"/>
  <c r="A27442" i="1" s="1"/>
  <c r="A27443" i="1" s="1"/>
  <c r="A27444" i="1" s="1"/>
  <c r="A27445" i="1" s="1"/>
  <c r="A27446" i="1" s="1"/>
  <c r="A27447" i="1" s="1"/>
  <c r="A27448" i="1" s="1"/>
  <c r="A27449" i="1" s="1"/>
  <c r="A27450" i="1" s="1"/>
  <c r="A27451" i="1" s="1"/>
  <c r="A27452" i="1" s="1"/>
  <c r="A27453" i="1" s="1"/>
  <c r="A27454" i="1" s="1"/>
  <c r="A27455" i="1" s="1"/>
  <c r="A27456" i="1" s="1"/>
  <c r="A27457" i="1" s="1"/>
  <c r="A27458" i="1" s="1"/>
  <c r="A27459" i="1" s="1"/>
  <c r="A27460" i="1" s="1"/>
  <c r="A27461" i="1" s="1"/>
  <c r="A27462" i="1" s="1"/>
  <c r="A27463" i="1" s="1"/>
  <c r="A27464" i="1" s="1"/>
  <c r="A27465" i="1" s="1"/>
  <c r="A27466" i="1" s="1"/>
  <c r="A27467" i="1" s="1"/>
  <c r="A27468" i="1" s="1"/>
  <c r="A27469" i="1" s="1"/>
  <c r="A27470" i="1" s="1"/>
  <c r="A27471" i="1" s="1"/>
  <c r="A27472" i="1" s="1"/>
  <c r="A27473" i="1" s="1"/>
  <c r="A27474" i="1" s="1"/>
  <c r="A27475" i="1" s="1"/>
  <c r="A27476" i="1" s="1"/>
  <c r="A27477" i="1" s="1"/>
  <c r="A27478" i="1" s="1"/>
  <c r="A27479" i="1" s="1"/>
  <c r="A27480" i="1" s="1"/>
  <c r="A27481" i="1" s="1"/>
  <c r="A27482" i="1" s="1"/>
  <c r="A27483" i="1" s="1"/>
  <c r="A27484" i="1" s="1"/>
  <c r="A27485" i="1" s="1"/>
  <c r="A27486" i="1" s="1"/>
  <c r="A27487" i="1" s="1"/>
  <c r="A27488" i="1" s="1"/>
  <c r="A27489" i="1" s="1"/>
  <c r="A27490" i="1" s="1"/>
  <c r="A27491" i="1" s="1"/>
  <c r="A27492" i="1" s="1"/>
  <c r="A27493" i="1" s="1"/>
  <c r="A27494" i="1" s="1"/>
  <c r="A27495" i="1" s="1"/>
  <c r="A27496" i="1" s="1"/>
  <c r="A27497" i="1" s="1"/>
  <c r="A27498" i="1" s="1"/>
  <c r="A27499" i="1" s="1"/>
  <c r="A27500" i="1" s="1"/>
  <c r="A27501" i="1" s="1"/>
  <c r="A27502" i="1" s="1"/>
  <c r="A27503" i="1" s="1"/>
  <c r="A27504" i="1" s="1"/>
  <c r="A27505" i="1" s="1"/>
  <c r="A27506" i="1" s="1"/>
  <c r="A27507" i="1" s="1"/>
  <c r="A27508" i="1" s="1"/>
  <c r="A27509" i="1" s="1"/>
  <c r="A27510" i="1" s="1"/>
  <c r="A27511" i="1" s="1"/>
  <c r="A27512" i="1" s="1"/>
  <c r="A27513" i="1" s="1"/>
  <c r="A27514" i="1" s="1"/>
  <c r="A27515" i="1" s="1"/>
  <c r="A27516" i="1" s="1"/>
  <c r="A27517" i="1" s="1"/>
  <c r="A27518" i="1" s="1"/>
  <c r="A27519" i="1" s="1"/>
  <c r="A27520" i="1" s="1"/>
  <c r="A27521" i="1" s="1"/>
  <c r="A27522" i="1" s="1"/>
  <c r="A27523" i="1" s="1"/>
  <c r="A27524" i="1" s="1"/>
  <c r="A27525" i="1" s="1"/>
  <c r="A27526" i="1" s="1"/>
  <c r="A27527" i="1" s="1"/>
  <c r="A27528" i="1" s="1"/>
  <c r="A27529" i="1" s="1"/>
  <c r="A27530" i="1" s="1"/>
  <c r="A27531" i="1" s="1"/>
  <c r="A27532" i="1" s="1"/>
  <c r="A27533" i="1" s="1"/>
  <c r="A27534" i="1" s="1"/>
  <c r="A27535" i="1" s="1"/>
  <c r="A27536" i="1" s="1"/>
  <c r="A27537" i="1" s="1"/>
  <c r="A27538" i="1" s="1"/>
  <c r="A27539" i="1" s="1"/>
  <c r="A27540" i="1" s="1"/>
  <c r="A27541" i="1" s="1"/>
  <c r="A27542" i="1" s="1"/>
  <c r="A27543" i="1" s="1"/>
  <c r="A27544" i="1" s="1"/>
  <c r="A27545" i="1" s="1"/>
  <c r="A27546" i="1" s="1"/>
  <c r="A27547" i="1" s="1"/>
  <c r="A27548" i="1" s="1"/>
  <c r="A27549" i="1" s="1"/>
  <c r="A27550" i="1" s="1"/>
  <c r="A27551" i="1" s="1"/>
  <c r="A27552" i="1" s="1"/>
  <c r="A27553" i="1" s="1"/>
  <c r="A27554" i="1" s="1"/>
  <c r="A27555" i="1" s="1"/>
  <c r="A27556" i="1" s="1"/>
  <c r="A27557" i="1" s="1"/>
  <c r="A27558" i="1" s="1"/>
  <c r="A27559" i="1" s="1"/>
  <c r="A27560" i="1" s="1"/>
  <c r="A27561" i="1" s="1"/>
  <c r="A27562" i="1" s="1"/>
  <c r="A27563" i="1" s="1"/>
  <c r="A27564" i="1" s="1"/>
  <c r="A27565" i="1" s="1"/>
  <c r="A27566" i="1" s="1"/>
  <c r="A27567" i="1" s="1"/>
  <c r="A27568" i="1" s="1"/>
  <c r="A27569" i="1" s="1"/>
  <c r="A27570" i="1" s="1"/>
  <c r="A27571" i="1" s="1"/>
  <c r="A27572" i="1" s="1"/>
  <c r="A27573" i="1" s="1"/>
  <c r="A27574" i="1" s="1"/>
  <c r="A27575" i="1" s="1"/>
  <c r="A27576" i="1" s="1"/>
  <c r="A27577" i="1" s="1"/>
  <c r="A27578" i="1" s="1"/>
  <c r="A27579" i="1" s="1"/>
  <c r="A27580" i="1" s="1"/>
  <c r="A27581" i="1" s="1"/>
  <c r="A27582" i="1" s="1"/>
  <c r="A27583" i="1" s="1"/>
  <c r="A27584" i="1" s="1"/>
  <c r="A27585" i="1" s="1"/>
  <c r="A27586" i="1" s="1"/>
  <c r="A27587" i="1" s="1"/>
  <c r="A27588" i="1" s="1"/>
  <c r="A27589" i="1" s="1"/>
  <c r="A27590" i="1" s="1"/>
  <c r="A27591" i="1" s="1"/>
  <c r="A27592" i="1" s="1"/>
  <c r="A27593" i="1" s="1"/>
  <c r="A27594" i="1" s="1"/>
  <c r="A27595" i="1" s="1"/>
  <c r="A27596" i="1" s="1"/>
  <c r="A27597" i="1" s="1"/>
  <c r="A27598" i="1" s="1"/>
  <c r="A27599" i="1" s="1"/>
  <c r="A27600" i="1" s="1"/>
  <c r="A27601" i="1" s="1"/>
  <c r="A27602" i="1" s="1"/>
  <c r="A27603" i="1" s="1"/>
  <c r="A27604" i="1" s="1"/>
  <c r="A27605" i="1" s="1"/>
  <c r="A27606" i="1" s="1"/>
  <c r="A27607" i="1" s="1"/>
  <c r="A27608" i="1" s="1"/>
  <c r="A27609" i="1" s="1"/>
  <c r="A27610" i="1" s="1"/>
  <c r="A27611" i="1" s="1"/>
  <c r="A27612" i="1" s="1"/>
  <c r="A27613" i="1" s="1"/>
  <c r="A27614" i="1" s="1"/>
  <c r="A27615" i="1" s="1"/>
  <c r="A27616" i="1" s="1"/>
  <c r="A27617" i="1" s="1"/>
  <c r="A27618" i="1" s="1"/>
  <c r="A27619" i="1" s="1"/>
  <c r="A27620" i="1" s="1"/>
  <c r="A27621" i="1" s="1"/>
  <c r="A27622" i="1" s="1"/>
  <c r="A27623" i="1" s="1"/>
  <c r="A27624" i="1" s="1"/>
  <c r="A27625" i="1" s="1"/>
  <c r="A27626" i="1" s="1"/>
  <c r="A27627" i="1" s="1"/>
  <c r="A27628" i="1" s="1"/>
  <c r="A27629" i="1" s="1"/>
  <c r="A27630" i="1" s="1"/>
  <c r="A27631" i="1" s="1"/>
  <c r="A27632" i="1" s="1"/>
  <c r="A27633" i="1" s="1"/>
  <c r="A27634" i="1" s="1"/>
  <c r="A27635" i="1" s="1"/>
  <c r="A27636" i="1" s="1"/>
  <c r="A27637" i="1" s="1"/>
  <c r="A27638" i="1" s="1"/>
  <c r="A27639" i="1" s="1"/>
  <c r="A27640" i="1" s="1"/>
  <c r="A27641" i="1" s="1"/>
  <c r="A27642" i="1" s="1"/>
  <c r="A27643" i="1" s="1"/>
  <c r="A27644" i="1" s="1"/>
  <c r="A27645" i="1" s="1"/>
  <c r="A27646" i="1" s="1"/>
  <c r="A27647" i="1" s="1"/>
  <c r="A27648" i="1" s="1"/>
  <c r="A27649" i="1" s="1"/>
  <c r="A27650" i="1" s="1"/>
  <c r="A27651" i="1" s="1"/>
  <c r="A27652" i="1" s="1"/>
  <c r="A27653" i="1" s="1"/>
  <c r="A27654" i="1" s="1"/>
  <c r="A27655" i="1" s="1"/>
  <c r="A27656" i="1" s="1"/>
  <c r="A27657" i="1" s="1"/>
  <c r="A27658" i="1" s="1"/>
  <c r="A27659" i="1" s="1"/>
  <c r="A27660" i="1" s="1"/>
  <c r="A27661" i="1" s="1"/>
  <c r="A27662" i="1" s="1"/>
  <c r="A27663" i="1" s="1"/>
  <c r="A27664" i="1" s="1"/>
  <c r="A27665" i="1" s="1"/>
  <c r="A27666" i="1" s="1"/>
  <c r="A27667" i="1" s="1"/>
  <c r="A27668" i="1" s="1"/>
  <c r="A27669" i="1" s="1"/>
  <c r="A27670" i="1" s="1"/>
  <c r="A27671" i="1" s="1"/>
  <c r="A27672" i="1" s="1"/>
  <c r="A27673" i="1" s="1"/>
  <c r="A27674" i="1" s="1"/>
  <c r="A27675" i="1" s="1"/>
  <c r="A27676" i="1" s="1"/>
  <c r="A27677" i="1" s="1"/>
  <c r="A27678" i="1" s="1"/>
  <c r="A27679" i="1" s="1"/>
  <c r="A27680" i="1" s="1"/>
  <c r="A27681" i="1" s="1"/>
  <c r="A27682" i="1" s="1"/>
  <c r="A27683" i="1" s="1"/>
  <c r="A27684" i="1" s="1"/>
  <c r="A27685" i="1" s="1"/>
  <c r="A27686" i="1" s="1"/>
  <c r="A27687" i="1" s="1"/>
  <c r="A27688" i="1" s="1"/>
  <c r="A27689" i="1" s="1"/>
  <c r="A27690" i="1" s="1"/>
  <c r="A27691" i="1" s="1"/>
  <c r="A27692" i="1" s="1"/>
  <c r="A27693" i="1" s="1"/>
  <c r="A27694" i="1" s="1"/>
  <c r="A27695" i="1" s="1"/>
  <c r="A27696" i="1" s="1"/>
  <c r="A27697" i="1" s="1"/>
  <c r="A27698" i="1" s="1"/>
  <c r="A27699" i="1" s="1"/>
  <c r="A27700" i="1" s="1"/>
  <c r="A27701" i="1" s="1"/>
  <c r="A27702" i="1" s="1"/>
  <c r="A27703" i="1" s="1"/>
  <c r="A27704" i="1" s="1"/>
  <c r="A27705" i="1" s="1"/>
  <c r="A27706" i="1" s="1"/>
  <c r="A27707" i="1" s="1"/>
  <c r="A27708" i="1" s="1"/>
  <c r="A27709" i="1" s="1"/>
  <c r="A27710" i="1" s="1"/>
  <c r="A27711" i="1" s="1"/>
  <c r="A27712" i="1" s="1"/>
  <c r="A27713" i="1" s="1"/>
  <c r="A27714" i="1" s="1"/>
  <c r="A27715" i="1" s="1"/>
  <c r="A27716" i="1" s="1"/>
  <c r="A27717" i="1" s="1"/>
  <c r="A27718" i="1" s="1"/>
  <c r="A27719" i="1" s="1"/>
  <c r="A27720" i="1" s="1"/>
  <c r="A27721" i="1" s="1"/>
  <c r="A27722" i="1" s="1"/>
  <c r="A27723" i="1" s="1"/>
  <c r="A27724" i="1" s="1"/>
  <c r="A27725" i="1" s="1"/>
  <c r="A27726" i="1" s="1"/>
  <c r="A27727" i="1" s="1"/>
  <c r="A27728" i="1" s="1"/>
  <c r="A27729" i="1" s="1"/>
  <c r="A27730" i="1" s="1"/>
  <c r="A27731" i="1" s="1"/>
  <c r="A27732" i="1" s="1"/>
  <c r="A27733" i="1" s="1"/>
  <c r="A27734" i="1" s="1"/>
  <c r="A27735" i="1" s="1"/>
  <c r="A27736" i="1" s="1"/>
  <c r="A27737" i="1" s="1"/>
  <c r="A27738" i="1" s="1"/>
  <c r="A27739" i="1" s="1"/>
  <c r="A27740" i="1" s="1"/>
  <c r="A27741" i="1" s="1"/>
  <c r="A27742" i="1" s="1"/>
  <c r="A27743" i="1" s="1"/>
  <c r="A27744" i="1" s="1"/>
  <c r="A27745" i="1" s="1"/>
  <c r="A27746" i="1" s="1"/>
  <c r="A27747" i="1" s="1"/>
  <c r="A27748" i="1" s="1"/>
  <c r="A27749" i="1" s="1"/>
  <c r="A27750" i="1" s="1"/>
  <c r="A27751" i="1" s="1"/>
  <c r="A27752" i="1" s="1"/>
  <c r="A27753" i="1" s="1"/>
  <c r="A27754" i="1" s="1"/>
  <c r="A27755" i="1" s="1"/>
  <c r="A27756" i="1" s="1"/>
  <c r="A27757" i="1" s="1"/>
  <c r="A27758" i="1" s="1"/>
  <c r="A27759" i="1" s="1"/>
  <c r="A27760" i="1" s="1"/>
  <c r="A27761" i="1" s="1"/>
  <c r="A27762" i="1" s="1"/>
  <c r="A27763" i="1" s="1"/>
  <c r="A27764" i="1" s="1"/>
  <c r="A27765" i="1" s="1"/>
  <c r="A27766" i="1" s="1"/>
  <c r="A27767" i="1" s="1"/>
  <c r="A27768" i="1" s="1"/>
  <c r="A27769" i="1" s="1"/>
  <c r="A27770" i="1" s="1"/>
  <c r="A27771" i="1" s="1"/>
  <c r="A27772" i="1" s="1"/>
  <c r="A27773" i="1" s="1"/>
  <c r="A27774" i="1" s="1"/>
  <c r="A27775" i="1" s="1"/>
  <c r="A27776" i="1" s="1"/>
  <c r="A27777" i="1" s="1"/>
  <c r="A27778" i="1" s="1"/>
  <c r="A27779" i="1" s="1"/>
  <c r="A27780" i="1" s="1"/>
  <c r="A27781" i="1" s="1"/>
  <c r="A27782" i="1" s="1"/>
  <c r="A27783" i="1" s="1"/>
  <c r="A27784" i="1" s="1"/>
  <c r="A27785" i="1" s="1"/>
  <c r="A27786" i="1" s="1"/>
  <c r="A27787" i="1" s="1"/>
  <c r="A27788" i="1" s="1"/>
  <c r="A27789" i="1" s="1"/>
  <c r="A27790" i="1" s="1"/>
  <c r="A27791" i="1" s="1"/>
  <c r="A27792" i="1" s="1"/>
  <c r="A27793" i="1" s="1"/>
  <c r="A27794" i="1" s="1"/>
  <c r="A27795" i="1" s="1"/>
  <c r="A27796" i="1" s="1"/>
  <c r="A27797" i="1" s="1"/>
  <c r="A27798" i="1" s="1"/>
  <c r="A27799" i="1" s="1"/>
  <c r="A27800" i="1" s="1"/>
  <c r="A27801" i="1" s="1"/>
  <c r="A27802" i="1" s="1"/>
  <c r="A27803" i="1" s="1"/>
  <c r="A27804" i="1" s="1"/>
  <c r="A27805" i="1" s="1"/>
  <c r="A27806" i="1" s="1"/>
  <c r="A27807" i="1" s="1"/>
  <c r="A27808" i="1" s="1"/>
  <c r="A27809" i="1" s="1"/>
  <c r="A27810" i="1" s="1"/>
  <c r="A27811" i="1" s="1"/>
  <c r="A27812" i="1" s="1"/>
  <c r="A27813" i="1" s="1"/>
  <c r="A27814" i="1" s="1"/>
  <c r="A27815" i="1" s="1"/>
  <c r="A27816" i="1" s="1"/>
  <c r="A27817" i="1" s="1"/>
  <c r="A27818" i="1" s="1"/>
  <c r="A27819" i="1" s="1"/>
  <c r="A27820" i="1" s="1"/>
  <c r="A27821" i="1" s="1"/>
  <c r="A27822" i="1" s="1"/>
  <c r="A27823" i="1" s="1"/>
  <c r="A27824" i="1" s="1"/>
  <c r="A27825" i="1" s="1"/>
  <c r="A27826" i="1" s="1"/>
  <c r="A27827" i="1" s="1"/>
  <c r="A27828" i="1" s="1"/>
  <c r="A27829" i="1" s="1"/>
  <c r="A27830" i="1" s="1"/>
  <c r="A27831" i="1" s="1"/>
  <c r="A27832" i="1" s="1"/>
  <c r="A27833" i="1" s="1"/>
  <c r="A27834" i="1" s="1"/>
  <c r="A27835" i="1" s="1"/>
  <c r="A27836" i="1" s="1"/>
  <c r="A27837" i="1" s="1"/>
  <c r="A27838" i="1" s="1"/>
  <c r="A27839" i="1" s="1"/>
  <c r="A27840" i="1" s="1"/>
  <c r="A27841" i="1" s="1"/>
  <c r="A27842" i="1" s="1"/>
  <c r="A27843" i="1" s="1"/>
  <c r="A27844" i="1" s="1"/>
  <c r="A27845" i="1" s="1"/>
  <c r="A27846" i="1" s="1"/>
  <c r="A27847" i="1" s="1"/>
  <c r="A27848" i="1" s="1"/>
  <c r="A27849" i="1" s="1"/>
  <c r="A27850" i="1" s="1"/>
  <c r="A27851" i="1" s="1"/>
  <c r="A27852" i="1" s="1"/>
  <c r="A27853" i="1" s="1"/>
  <c r="A27854" i="1" s="1"/>
  <c r="A27855" i="1" s="1"/>
  <c r="A27856" i="1" s="1"/>
  <c r="A27857" i="1" s="1"/>
  <c r="A27858" i="1" s="1"/>
  <c r="A27859" i="1" s="1"/>
  <c r="A27860" i="1" s="1"/>
  <c r="A27861" i="1" s="1"/>
  <c r="A27862" i="1" s="1"/>
  <c r="A27863" i="1" s="1"/>
  <c r="A27864" i="1" s="1"/>
  <c r="A27865" i="1" s="1"/>
  <c r="A27866" i="1" s="1"/>
  <c r="A27867" i="1" s="1"/>
  <c r="A27868" i="1" s="1"/>
  <c r="A27869" i="1" s="1"/>
  <c r="A27870" i="1" s="1"/>
  <c r="A27871" i="1" s="1"/>
  <c r="A27872" i="1" s="1"/>
  <c r="A27873" i="1" s="1"/>
  <c r="A27874" i="1" s="1"/>
  <c r="A27875" i="1" s="1"/>
  <c r="A27876" i="1" s="1"/>
  <c r="A27877" i="1" s="1"/>
  <c r="A27878" i="1" s="1"/>
  <c r="A27879" i="1" s="1"/>
  <c r="A27880" i="1" s="1"/>
  <c r="A27881" i="1" s="1"/>
  <c r="A27882" i="1" s="1"/>
  <c r="A27883" i="1" s="1"/>
  <c r="A27884" i="1" s="1"/>
  <c r="A27885" i="1" s="1"/>
  <c r="A27886" i="1" s="1"/>
  <c r="A27887" i="1" s="1"/>
  <c r="A27888" i="1" s="1"/>
  <c r="A27889" i="1" s="1"/>
  <c r="A27890" i="1" s="1"/>
  <c r="A27891" i="1" s="1"/>
  <c r="A27892" i="1" s="1"/>
  <c r="A27893" i="1" s="1"/>
  <c r="A27894" i="1" s="1"/>
  <c r="A27895" i="1" s="1"/>
  <c r="A27896" i="1" s="1"/>
  <c r="A27897" i="1" s="1"/>
  <c r="A27898" i="1" s="1"/>
  <c r="A27899" i="1" s="1"/>
  <c r="A27900" i="1" s="1"/>
  <c r="A27901" i="1" s="1"/>
  <c r="A27902" i="1" s="1"/>
  <c r="A27903" i="1" s="1"/>
  <c r="A27904" i="1" s="1"/>
  <c r="A27905" i="1" s="1"/>
  <c r="A27906" i="1" s="1"/>
  <c r="A27907" i="1" s="1"/>
  <c r="A27908" i="1" s="1"/>
  <c r="A27909" i="1" s="1"/>
  <c r="A27910" i="1" s="1"/>
  <c r="A27911" i="1" s="1"/>
  <c r="A27912" i="1" s="1"/>
  <c r="A27913" i="1" s="1"/>
  <c r="A27914" i="1" s="1"/>
  <c r="A27915" i="1" s="1"/>
  <c r="A27916" i="1" s="1"/>
  <c r="A27917" i="1" s="1"/>
  <c r="A27918" i="1" s="1"/>
  <c r="A27919" i="1" s="1"/>
  <c r="A27920" i="1" s="1"/>
  <c r="A27921" i="1" s="1"/>
  <c r="A27922" i="1" s="1"/>
  <c r="A27923" i="1" s="1"/>
  <c r="A27924" i="1" s="1"/>
  <c r="A27925" i="1" s="1"/>
  <c r="A27926" i="1" s="1"/>
  <c r="A27927" i="1" s="1"/>
  <c r="A27928" i="1" s="1"/>
  <c r="A27929" i="1" s="1"/>
  <c r="A27930" i="1" s="1"/>
  <c r="A27931" i="1" s="1"/>
  <c r="A27932" i="1" s="1"/>
  <c r="A27933" i="1" s="1"/>
  <c r="A27934" i="1" s="1"/>
  <c r="A27935" i="1" s="1"/>
  <c r="A27936" i="1" s="1"/>
  <c r="A27937" i="1" s="1"/>
  <c r="A27938" i="1" s="1"/>
  <c r="A27939" i="1" s="1"/>
  <c r="A27940" i="1" s="1"/>
  <c r="A27941" i="1" s="1"/>
  <c r="A27942" i="1" s="1"/>
  <c r="A27943" i="1" s="1"/>
  <c r="A27944" i="1" s="1"/>
  <c r="A27945" i="1" s="1"/>
  <c r="A27946" i="1" s="1"/>
  <c r="A27947" i="1" s="1"/>
  <c r="A27948" i="1" s="1"/>
  <c r="A27949" i="1" s="1"/>
  <c r="A27950" i="1" s="1"/>
  <c r="A27951" i="1" s="1"/>
  <c r="A27952" i="1" s="1"/>
  <c r="A27953" i="1" s="1"/>
  <c r="A27954" i="1" s="1"/>
  <c r="A27955" i="1" s="1"/>
  <c r="A27956" i="1" s="1"/>
  <c r="A27957" i="1" s="1"/>
  <c r="A27958" i="1" s="1"/>
  <c r="A27959" i="1" s="1"/>
  <c r="A27960" i="1" s="1"/>
  <c r="A27961" i="1" s="1"/>
  <c r="A27962" i="1" s="1"/>
  <c r="A27963" i="1" s="1"/>
  <c r="A27964" i="1" s="1"/>
  <c r="A27965" i="1" s="1"/>
  <c r="A27966" i="1" s="1"/>
  <c r="A27967" i="1" s="1"/>
  <c r="A27968" i="1" s="1"/>
  <c r="A27969" i="1" s="1"/>
  <c r="A27970" i="1" s="1"/>
  <c r="A27971" i="1" s="1"/>
  <c r="A27972" i="1" s="1"/>
  <c r="A27973" i="1" s="1"/>
  <c r="A27974" i="1" s="1"/>
  <c r="A27975" i="1" s="1"/>
  <c r="A27976" i="1" s="1"/>
  <c r="A27977" i="1" s="1"/>
  <c r="A27978" i="1" s="1"/>
  <c r="A27979" i="1" s="1"/>
  <c r="A27980" i="1" s="1"/>
  <c r="A27981" i="1" s="1"/>
  <c r="A27982" i="1" s="1"/>
  <c r="A27983" i="1" s="1"/>
  <c r="A27984" i="1" s="1"/>
  <c r="A27985" i="1" s="1"/>
  <c r="A27986" i="1" s="1"/>
  <c r="A27987" i="1" s="1"/>
  <c r="A27988" i="1" s="1"/>
  <c r="A27989" i="1" s="1"/>
  <c r="A27990" i="1" s="1"/>
  <c r="A27991" i="1" s="1"/>
  <c r="A27992" i="1" s="1"/>
  <c r="A27993" i="1" s="1"/>
  <c r="A27994" i="1" s="1"/>
  <c r="A27995" i="1" s="1"/>
  <c r="A27996" i="1" s="1"/>
  <c r="A27997" i="1" s="1"/>
  <c r="A27998" i="1" s="1"/>
  <c r="A27999" i="1" s="1"/>
  <c r="A28000" i="1" s="1"/>
  <c r="A28001" i="1" s="1"/>
  <c r="A28002" i="1" s="1"/>
  <c r="A28003" i="1" s="1"/>
  <c r="A28004" i="1" s="1"/>
  <c r="A28005" i="1" s="1"/>
  <c r="A28006" i="1" s="1"/>
  <c r="A28007" i="1" s="1"/>
  <c r="A28008" i="1" s="1"/>
  <c r="A28009" i="1" s="1"/>
  <c r="A28010" i="1" s="1"/>
  <c r="A28011" i="1" s="1"/>
  <c r="A28012" i="1" s="1"/>
  <c r="A28013" i="1" s="1"/>
  <c r="A28014" i="1" s="1"/>
  <c r="A28015" i="1" s="1"/>
  <c r="A28016" i="1" s="1"/>
  <c r="A28017" i="1" s="1"/>
  <c r="A28018" i="1" s="1"/>
  <c r="A28019" i="1" s="1"/>
  <c r="A28020" i="1" s="1"/>
  <c r="A28021" i="1" s="1"/>
  <c r="A28022" i="1" s="1"/>
  <c r="A28023" i="1" s="1"/>
  <c r="A28024" i="1" s="1"/>
  <c r="A28025" i="1" s="1"/>
  <c r="A28026" i="1" s="1"/>
  <c r="A28027" i="1" s="1"/>
  <c r="A28028" i="1" s="1"/>
  <c r="A28029" i="1" s="1"/>
  <c r="A28030" i="1" s="1"/>
  <c r="A28031" i="1" s="1"/>
  <c r="A28032" i="1" s="1"/>
  <c r="A28033" i="1" s="1"/>
  <c r="A28034" i="1" s="1"/>
  <c r="A28035" i="1" s="1"/>
  <c r="A28036" i="1" s="1"/>
  <c r="A28037" i="1" s="1"/>
  <c r="A28038" i="1" s="1"/>
  <c r="A28039" i="1" s="1"/>
  <c r="A28040" i="1" s="1"/>
  <c r="A28041" i="1" s="1"/>
  <c r="A28042" i="1" s="1"/>
  <c r="A28043" i="1" s="1"/>
  <c r="A28044" i="1" s="1"/>
  <c r="A28045" i="1" s="1"/>
  <c r="A28046" i="1" s="1"/>
  <c r="A28047" i="1" s="1"/>
  <c r="A28048" i="1" s="1"/>
  <c r="A28049" i="1" s="1"/>
  <c r="A28050" i="1" s="1"/>
  <c r="A28051" i="1" s="1"/>
  <c r="A28052" i="1" s="1"/>
  <c r="A28053" i="1" s="1"/>
  <c r="A28054" i="1" s="1"/>
  <c r="A28055" i="1" s="1"/>
  <c r="A28056" i="1" s="1"/>
  <c r="A28057" i="1" s="1"/>
  <c r="A28058" i="1" s="1"/>
  <c r="A28059" i="1" s="1"/>
  <c r="A28060" i="1" s="1"/>
  <c r="A28061" i="1" s="1"/>
  <c r="A28062" i="1" s="1"/>
  <c r="A28063" i="1" s="1"/>
  <c r="A28064" i="1" s="1"/>
  <c r="A28065" i="1" s="1"/>
  <c r="A28066" i="1" s="1"/>
  <c r="A28067" i="1" s="1"/>
  <c r="A28068" i="1" s="1"/>
  <c r="A28069" i="1" s="1"/>
  <c r="A28070" i="1" s="1"/>
  <c r="A28071" i="1" s="1"/>
  <c r="A28072" i="1" s="1"/>
  <c r="A28073" i="1" s="1"/>
  <c r="A28074" i="1" s="1"/>
  <c r="A28075" i="1" s="1"/>
  <c r="A28076" i="1" s="1"/>
  <c r="A28077" i="1" s="1"/>
  <c r="A28078" i="1" s="1"/>
  <c r="A28079" i="1" s="1"/>
  <c r="A28080" i="1" s="1"/>
  <c r="A28081" i="1" s="1"/>
  <c r="A28082" i="1" s="1"/>
  <c r="A28083" i="1" s="1"/>
  <c r="A28084" i="1" s="1"/>
  <c r="A28085" i="1" s="1"/>
  <c r="A28086" i="1" s="1"/>
  <c r="A28087" i="1" s="1"/>
  <c r="A28088" i="1" s="1"/>
  <c r="A28089" i="1" s="1"/>
  <c r="A28090" i="1" s="1"/>
  <c r="A28091" i="1" s="1"/>
  <c r="A28092" i="1" s="1"/>
  <c r="A28093" i="1" s="1"/>
  <c r="A28094" i="1" s="1"/>
  <c r="A28095" i="1" s="1"/>
  <c r="A28096" i="1" s="1"/>
  <c r="A28097" i="1" s="1"/>
  <c r="A28098" i="1" s="1"/>
  <c r="A28099" i="1" s="1"/>
  <c r="A28100" i="1" s="1"/>
  <c r="A28101" i="1" s="1"/>
  <c r="A28102" i="1" s="1"/>
  <c r="A28103" i="1" s="1"/>
  <c r="A28104" i="1" s="1"/>
  <c r="A28105" i="1" s="1"/>
  <c r="A28106" i="1" s="1"/>
  <c r="A28107" i="1" s="1"/>
  <c r="A28108" i="1" s="1"/>
  <c r="A28109" i="1" s="1"/>
  <c r="A28110" i="1" s="1"/>
  <c r="A28111" i="1" s="1"/>
  <c r="A28112" i="1" s="1"/>
  <c r="A28113" i="1" s="1"/>
  <c r="A28114" i="1" s="1"/>
  <c r="A28115" i="1" s="1"/>
  <c r="A28116" i="1" s="1"/>
  <c r="A28117" i="1" s="1"/>
  <c r="A28118" i="1" s="1"/>
  <c r="A28119" i="1" s="1"/>
  <c r="A28120" i="1" s="1"/>
  <c r="A28121" i="1" s="1"/>
  <c r="A28122" i="1" s="1"/>
  <c r="A28123" i="1" s="1"/>
  <c r="A28124" i="1" s="1"/>
  <c r="A28125" i="1" s="1"/>
  <c r="A28126" i="1" s="1"/>
  <c r="A28127" i="1" s="1"/>
  <c r="A28128" i="1" s="1"/>
  <c r="A28129" i="1" s="1"/>
  <c r="A28130" i="1" s="1"/>
  <c r="A28131" i="1" s="1"/>
  <c r="A28132" i="1" s="1"/>
  <c r="A28133" i="1" s="1"/>
  <c r="A28134" i="1" s="1"/>
  <c r="A28135" i="1" s="1"/>
  <c r="A28136" i="1" s="1"/>
  <c r="A28137" i="1" s="1"/>
  <c r="A28138" i="1" s="1"/>
  <c r="A28139" i="1" s="1"/>
  <c r="A28140" i="1" s="1"/>
  <c r="A28141" i="1" s="1"/>
  <c r="A28142" i="1" s="1"/>
  <c r="A28143" i="1" s="1"/>
  <c r="A28144" i="1" s="1"/>
  <c r="A28145" i="1" s="1"/>
  <c r="A28146" i="1" s="1"/>
  <c r="A28147" i="1" s="1"/>
  <c r="A28148" i="1" s="1"/>
  <c r="A28149" i="1" s="1"/>
  <c r="A28150" i="1" s="1"/>
  <c r="A28151" i="1" s="1"/>
  <c r="A28152" i="1" s="1"/>
  <c r="A28153" i="1" s="1"/>
  <c r="A28154" i="1" s="1"/>
  <c r="A28155" i="1" s="1"/>
  <c r="A28156" i="1" s="1"/>
  <c r="A28157" i="1" s="1"/>
  <c r="A28158" i="1" s="1"/>
  <c r="A28159" i="1" s="1"/>
  <c r="A28160" i="1" s="1"/>
  <c r="A28161" i="1" s="1"/>
  <c r="A28162" i="1" s="1"/>
  <c r="A28163" i="1" s="1"/>
  <c r="A28164" i="1" s="1"/>
  <c r="A28165" i="1" s="1"/>
  <c r="A28166" i="1" s="1"/>
  <c r="A28167" i="1" s="1"/>
  <c r="A28168" i="1" s="1"/>
  <c r="A28169" i="1" s="1"/>
  <c r="A28170" i="1" s="1"/>
  <c r="A28171" i="1" s="1"/>
  <c r="A28172" i="1" s="1"/>
  <c r="A28173" i="1" s="1"/>
  <c r="A28174" i="1" s="1"/>
  <c r="A28175" i="1" s="1"/>
  <c r="A28176" i="1" s="1"/>
  <c r="A28177" i="1" s="1"/>
  <c r="A28178" i="1" s="1"/>
  <c r="A28179" i="1" s="1"/>
  <c r="A28180" i="1" s="1"/>
  <c r="A28181" i="1" s="1"/>
  <c r="A28182" i="1" s="1"/>
  <c r="A28183" i="1" s="1"/>
  <c r="A28184" i="1" s="1"/>
  <c r="A28185" i="1" s="1"/>
  <c r="A28186" i="1" s="1"/>
  <c r="A28187" i="1" s="1"/>
  <c r="A28188" i="1" s="1"/>
  <c r="A28189" i="1" s="1"/>
  <c r="A28190" i="1" s="1"/>
  <c r="A28191" i="1" s="1"/>
  <c r="A28192" i="1" s="1"/>
  <c r="A28193" i="1" s="1"/>
  <c r="A28194" i="1" s="1"/>
  <c r="A28195" i="1" s="1"/>
  <c r="A28196" i="1" s="1"/>
  <c r="A28197" i="1" s="1"/>
  <c r="A28198" i="1" s="1"/>
  <c r="A28199" i="1" s="1"/>
  <c r="A28200" i="1" s="1"/>
  <c r="A28201" i="1" s="1"/>
  <c r="A28202" i="1" s="1"/>
  <c r="A28203" i="1" s="1"/>
  <c r="A28204" i="1" s="1"/>
  <c r="A28205" i="1" s="1"/>
  <c r="A28206" i="1" s="1"/>
  <c r="A28207" i="1" s="1"/>
  <c r="A28208" i="1" s="1"/>
  <c r="A28209" i="1" s="1"/>
  <c r="A28210" i="1" s="1"/>
  <c r="A28211" i="1" s="1"/>
  <c r="A28212" i="1" s="1"/>
  <c r="A28213" i="1" s="1"/>
  <c r="A28214" i="1" s="1"/>
  <c r="A28215" i="1" s="1"/>
  <c r="A28216" i="1" s="1"/>
  <c r="A28217" i="1" s="1"/>
  <c r="A28218" i="1" s="1"/>
  <c r="A28219" i="1" s="1"/>
  <c r="A28220" i="1" s="1"/>
  <c r="A28221" i="1" s="1"/>
  <c r="A28222" i="1" s="1"/>
  <c r="A28223" i="1" s="1"/>
  <c r="A28224" i="1" s="1"/>
  <c r="A28225" i="1" s="1"/>
  <c r="A28226" i="1" s="1"/>
  <c r="A28227" i="1" s="1"/>
  <c r="A28228" i="1" s="1"/>
  <c r="A28229" i="1" s="1"/>
  <c r="A28230" i="1" s="1"/>
  <c r="A28231" i="1" s="1"/>
  <c r="A28232" i="1" s="1"/>
  <c r="A28233" i="1" s="1"/>
  <c r="A28234" i="1" s="1"/>
  <c r="A28235" i="1" s="1"/>
  <c r="A28236" i="1" s="1"/>
  <c r="A28237" i="1" s="1"/>
  <c r="A28238" i="1" s="1"/>
  <c r="A28239" i="1" s="1"/>
  <c r="A28240" i="1" s="1"/>
  <c r="A28241" i="1" s="1"/>
  <c r="A28242" i="1" s="1"/>
  <c r="A28243" i="1" s="1"/>
  <c r="A28244" i="1" s="1"/>
  <c r="A28245" i="1" s="1"/>
  <c r="A28246" i="1" s="1"/>
  <c r="A28247" i="1" s="1"/>
  <c r="A28248" i="1" s="1"/>
  <c r="A28249" i="1" s="1"/>
  <c r="A28250" i="1" s="1"/>
  <c r="A28251" i="1" s="1"/>
  <c r="A28252" i="1" s="1"/>
  <c r="A28253" i="1" s="1"/>
  <c r="A28254" i="1" s="1"/>
  <c r="A28255" i="1" s="1"/>
  <c r="A28256" i="1" s="1"/>
  <c r="A28257" i="1" s="1"/>
  <c r="A28258" i="1" s="1"/>
  <c r="A28259" i="1" s="1"/>
  <c r="A28260" i="1" s="1"/>
  <c r="A28261" i="1" s="1"/>
  <c r="A28262" i="1" s="1"/>
  <c r="A28263" i="1" s="1"/>
  <c r="A28264" i="1" s="1"/>
  <c r="A28265" i="1" s="1"/>
  <c r="A28266" i="1" s="1"/>
  <c r="A28267" i="1" s="1"/>
  <c r="A28268" i="1" s="1"/>
  <c r="A28269" i="1" s="1"/>
  <c r="A28270" i="1" s="1"/>
  <c r="A28271" i="1" s="1"/>
  <c r="A28272" i="1" s="1"/>
  <c r="A28273" i="1" s="1"/>
  <c r="A28274" i="1" s="1"/>
  <c r="A28275" i="1" s="1"/>
  <c r="A28276" i="1" s="1"/>
  <c r="A28277" i="1" s="1"/>
  <c r="A28278" i="1" s="1"/>
  <c r="A28279" i="1" s="1"/>
  <c r="A28280" i="1" s="1"/>
  <c r="A28281" i="1" s="1"/>
  <c r="A28282" i="1" s="1"/>
  <c r="A28283" i="1" s="1"/>
  <c r="A28284" i="1" s="1"/>
  <c r="A28285" i="1" s="1"/>
  <c r="A28286" i="1" s="1"/>
  <c r="A28287" i="1" s="1"/>
  <c r="A28288" i="1" s="1"/>
  <c r="A28289" i="1" s="1"/>
  <c r="A28290" i="1" s="1"/>
  <c r="A28291" i="1" s="1"/>
  <c r="A28292" i="1" s="1"/>
  <c r="A28293" i="1" s="1"/>
  <c r="A28294" i="1" s="1"/>
  <c r="A28295" i="1" s="1"/>
  <c r="A28296" i="1" s="1"/>
  <c r="A28297" i="1" s="1"/>
  <c r="A28298" i="1" s="1"/>
  <c r="A28299" i="1" s="1"/>
  <c r="A28300" i="1" s="1"/>
  <c r="A28301" i="1" s="1"/>
  <c r="A28302" i="1" s="1"/>
  <c r="A28303" i="1" s="1"/>
  <c r="A28304" i="1" s="1"/>
  <c r="A28305" i="1" s="1"/>
  <c r="A28306" i="1" s="1"/>
  <c r="A28307" i="1" s="1"/>
  <c r="A28308" i="1" s="1"/>
  <c r="A28309" i="1" s="1"/>
  <c r="A28310" i="1" s="1"/>
  <c r="A28311" i="1" s="1"/>
  <c r="A28312" i="1" s="1"/>
  <c r="A28313" i="1" s="1"/>
  <c r="A28314" i="1" s="1"/>
  <c r="A28315" i="1" s="1"/>
  <c r="A28316" i="1" s="1"/>
  <c r="A28317" i="1" s="1"/>
  <c r="A28318" i="1" s="1"/>
  <c r="A28319" i="1" s="1"/>
  <c r="A28320" i="1" s="1"/>
  <c r="A28321" i="1" s="1"/>
  <c r="A28322" i="1" s="1"/>
  <c r="A28323" i="1" s="1"/>
  <c r="A28324" i="1" s="1"/>
  <c r="A28325" i="1" s="1"/>
  <c r="A28326" i="1" s="1"/>
  <c r="A28327" i="1" s="1"/>
  <c r="A28328" i="1" s="1"/>
  <c r="A28329" i="1" s="1"/>
  <c r="A28330" i="1" s="1"/>
  <c r="A28331" i="1" s="1"/>
  <c r="A28332" i="1" s="1"/>
  <c r="A28333" i="1" s="1"/>
  <c r="A28334" i="1" s="1"/>
  <c r="A28335" i="1" s="1"/>
  <c r="A28336" i="1" s="1"/>
  <c r="A28337" i="1" s="1"/>
  <c r="A28338" i="1" s="1"/>
  <c r="A28339" i="1" s="1"/>
  <c r="A28340" i="1" s="1"/>
  <c r="A28341" i="1" s="1"/>
  <c r="A28342" i="1" s="1"/>
  <c r="A28343" i="1" s="1"/>
  <c r="A28344" i="1" s="1"/>
  <c r="A28345" i="1" s="1"/>
  <c r="A28346" i="1" s="1"/>
  <c r="A28347" i="1" s="1"/>
  <c r="A28348" i="1" s="1"/>
  <c r="A28349" i="1" s="1"/>
  <c r="A28350" i="1" s="1"/>
  <c r="A28351" i="1" s="1"/>
  <c r="A28352" i="1" s="1"/>
  <c r="A28353" i="1" s="1"/>
  <c r="A28354" i="1" s="1"/>
  <c r="A28355" i="1" s="1"/>
  <c r="A28356" i="1" s="1"/>
  <c r="A28357" i="1" s="1"/>
  <c r="A28358" i="1" s="1"/>
  <c r="A28359" i="1" s="1"/>
  <c r="A28360" i="1" s="1"/>
  <c r="A28361" i="1" s="1"/>
  <c r="A28362" i="1" s="1"/>
  <c r="A28363" i="1" s="1"/>
  <c r="A28364" i="1" s="1"/>
  <c r="A28365" i="1" s="1"/>
  <c r="A28366" i="1" s="1"/>
  <c r="A28367" i="1" s="1"/>
  <c r="A28368" i="1" s="1"/>
  <c r="A28369" i="1" s="1"/>
  <c r="A28370" i="1" s="1"/>
  <c r="A28371" i="1" s="1"/>
  <c r="A28372" i="1" s="1"/>
  <c r="A28373" i="1" s="1"/>
  <c r="A28374" i="1" s="1"/>
  <c r="A28375" i="1" s="1"/>
  <c r="A28376" i="1" s="1"/>
  <c r="A28377" i="1" s="1"/>
  <c r="A28378" i="1" s="1"/>
  <c r="A28379" i="1" s="1"/>
  <c r="A28380" i="1" s="1"/>
  <c r="A28381" i="1" s="1"/>
  <c r="A28382" i="1" s="1"/>
  <c r="A28383" i="1" s="1"/>
  <c r="A28384" i="1" s="1"/>
  <c r="A28385" i="1" s="1"/>
  <c r="A28386" i="1" s="1"/>
  <c r="A28387" i="1" s="1"/>
  <c r="A28388" i="1" s="1"/>
  <c r="A28389" i="1" s="1"/>
  <c r="A28390" i="1" s="1"/>
  <c r="A28391" i="1" s="1"/>
  <c r="A28392" i="1" s="1"/>
  <c r="A28393" i="1" s="1"/>
  <c r="A28394" i="1" s="1"/>
  <c r="A28395" i="1" s="1"/>
  <c r="A28396" i="1" s="1"/>
  <c r="A28397" i="1" s="1"/>
  <c r="A28398" i="1" s="1"/>
  <c r="A28399" i="1" s="1"/>
  <c r="A28400" i="1" s="1"/>
  <c r="A28401" i="1" s="1"/>
  <c r="A28402" i="1" s="1"/>
  <c r="A28403" i="1" s="1"/>
  <c r="A28404" i="1" s="1"/>
  <c r="A28405" i="1" s="1"/>
  <c r="A28406" i="1" s="1"/>
  <c r="A28407" i="1" s="1"/>
  <c r="A28408" i="1" s="1"/>
  <c r="A28409" i="1" s="1"/>
  <c r="A28410" i="1" s="1"/>
  <c r="A28411" i="1" s="1"/>
  <c r="A28412" i="1" s="1"/>
  <c r="A28413" i="1" s="1"/>
  <c r="A28414" i="1" s="1"/>
  <c r="A28415" i="1" s="1"/>
  <c r="A28416" i="1" s="1"/>
  <c r="A28417" i="1" s="1"/>
  <c r="A28418" i="1" s="1"/>
  <c r="A28419" i="1" s="1"/>
  <c r="A28420" i="1" s="1"/>
  <c r="A28421" i="1" s="1"/>
  <c r="A28422" i="1" s="1"/>
  <c r="A28423" i="1" s="1"/>
  <c r="A28424" i="1" s="1"/>
  <c r="A28425" i="1" s="1"/>
  <c r="A28426" i="1" s="1"/>
  <c r="A28427" i="1" s="1"/>
  <c r="A28428" i="1" s="1"/>
  <c r="A28429" i="1" s="1"/>
  <c r="A28430" i="1" s="1"/>
  <c r="A28431" i="1" s="1"/>
  <c r="A28432" i="1" s="1"/>
  <c r="A28433" i="1" s="1"/>
  <c r="A28434" i="1" s="1"/>
  <c r="A28435" i="1" s="1"/>
  <c r="A28436" i="1" s="1"/>
  <c r="A28437" i="1" s="1"/>
  <c r="A28438" i="1" s="1"/>
  <c r="A28439" i="1" s="1"/>
  <c r="A28440" i="1" s="1"/>
  <c r="A28441" i="1" s="1"/>
  <c r="A28442" i="1" s="1"/>
  <c r="A28443" i="1" s="1"/>
  <c r="A28444" i="1" s="1"/>
  <c r="A28445" i="1" s="1"/>
  <c r="A28446" i="1" s="1"/>
  <c r="A28447" i="1" s="1"/>
  <c r="A28448" i="1" s="1"/>
  <c r="A28449" i="1" s="1"/>
  <c r="A28450" i="1" s="1"/>
  <c r="A28451" i="1" s="1"/>
  <c r="A28452" i="1" s="1"/>
  <c r="A28453" i="1" s="1"/>
  <c r="A28454" i="1" s="1"/>
  <c r="A28455" i="1" s="1"/>
  <c r="A28456" i="1" s="1"/>
  <c r="A28457" i="1" s="1"/>
  <c r="A28458" i="1" s="1"/>
  <c r="A28459" i="1" s="1"/>
  <c r="A28460" i="1" s="1"/>
  <c r="A28461" i="1" s="1"/>
  <c r="A28462" i="1" s="1"/>
  <c r="A28463" i="1" s="1"/>
  <c r="A28464" i="1" s="1"/>
  <c r="A28465" i="1" s="1"/>
  <c r="A28466" i="1" s="1"/>
  <c r="A28467" i="1" s="1"/>
  <c r="A28468" i="1" s="1"/>
  <c r="A28469" i="1" s="1"/>
  <c r="A28470" i="1" s="1"/>
  <c r="A28471" i="1" s="1"/>
  <c r="A28472" i="1" s="1"/>
  <c r="A28473" i="1" s="1"/>
  <c r="A28474" i="1" s="1"/>
  <c r="A28475" i="1" s="1"/>
  <c r="A28476" i="1" s="1"/>
  <c r="A28477" i="1" s="1"/>
  <c r="A28478" i="1" s="1"/>
  <c r="A28479" i="1" s="1"/>
  <c r="A28480" i="1" s="1"/>
  <c r="A28481" i="1" s="1"/>
  <c r="A28482" i="1" s="1"/>
  <c r="A28483" i="1" s="1"/>
  <c r="A28484" i="1" s="1"/>
  <c r="A28485" i="1" s="1"/>
  <c r="A28486" i="1" s="1"/>
  <c r="A28487" i="1" s="1"/>
  <c r="A28488" i="1" s="1"/>
  <c r="A28489" i="1" s="1"/>
  <c r="A28490" i="1" s="1"/>
  <c r="A28491" i="1" s="1"/>
  <c r="A28492" i="1" s="1"/>
  <c r="A28493" i="1" s="1"/>
  <c r="A28494" i="1" s="1"/>
  <c r="A28495" i="1" s="1"/>
  <c r="A28496" i="1" s="1"/>
  <c r="A28497" i="1" s="1"/>
  <c r="A28498" i="1" s="1"/>
  <c r="A28499" i="1" s="1"/>
  <c r="A28500" i="1" s="1"/>
  <c r="A28501" i="1" s="1"/>
  <c r="A28502" i="1" s="1"/>
  <c r="A28503" i="1" s="1"/>
  <c r="A28504" i="1" s="1"/>
  <c r="A28505" i="1" s="1"/>
  <c r="A28506" i="1" s="1"/>
  <c r="A28507" i="1" s="1"/>
  <c r="A28508" i="1" s="1"/>
  <c r="A28509" i="1" s="1"/>
  <c r="A28510" i="1" s="1"/>
  <c r="A28511" i="1" s="1"/>
  <c r="A28512" i="1" s="1"/>
  <c r="A28513" i="1" s="1"/>
  <c r="A28514" i="1" s="1"/>
  <c r="A28515" i="1" s="1"/>
  <c r="A28516" i="1" s="1"/>
  <c r="A28517" i="1" s="1"/>
  <c r="A28518" i="1" s="1"/>
  <c r="A28519" i="1" s="1"/>
  <c r="A28520" i="1" s="1"/>
  <c r="A28521" i="1" s="1"/>
  <c r="A28522" i="1" s="1"/>
  <c r="A28523" i="1" s="1"/>
  <c r="A28524" i="1" s="1"/>
  <c r="A28525" i="1" s="1"/>
  <c r="A28526" i="1" s="1"/>
  <c r="A28527" i="1" s="1"/>
  <c r="A28528" i="1" s="1"/>
  <c r="A28529" i="1" s="1"/>
  <c r="A28530" i="1" s="1"/>
  <c r="A28531" i="1" s="1"/>
  <c r="A28532" i="1" s="1"/>
  <c r="A28533" i="1" s="1"/>
  <c r="A28534" i="1" s="1"/>
  <c r="A28535" i="1" s="1"/>
  <c r="A28536" i="1" s="1"/>
  <c r="A28537" i="1" s="1"/>
  <c r="A28538" i="1" s="1"/>
  <c r="A28539" i="1" s="1"/>
  <c r="A28540" i="1" s="1"/>
  <c r="A28541" i="1" s="1"/>
  <c r="A28542" i="1" s="1"/>
  <c r="A28543" i="1" s="1"/>
  <c r="A28544" i="1" s="1"/>
  <c r="A28545" i="1" s="1"/>
  <c r="A28546" i="1" s="1"/>
  <c r="A28547" i="1" s="1"/>
  <c r="A28548" i="1" s="1"/>
  <c r="A28549" i="1" s="1"/>
  <c r="A28550" i="1" s="1"/>
  <c r="A28551" i="1" s="1"/>
  <c r="A28552" i="1" s="1"/>
  <c r="A28553" i="1" s="1"/>
  <c r="A28554" i="1" s="1"/>
  <c r="A28555" i="1" s="1"/>
  <c r="A28556" i="1" s="1"/>
  <c r="A28557" i="1" s="1"/>
  <c r="A28558" i="1" s="1"/>
  <c r="A28559" i="1" s="1"/>
  <c r="A28560" i="1" s="1"/>
  <c r="A28561" i="1" s="1"/>
  <c r="A28562" i="1" s="1"/>
  <c r="A28563" i="1" s="1"/>
  <c r="A28564" i="1" s="1"/>
  <c r="A28565" i="1" s="1"/>
  <c r="A28566" i="1" s="1"/>
  <c r="A28567" i="1" s="1"/>
  <c r="A28568" i="1" s="1"/>
  <c r="A28569" i="1" s="1"/>
  <c r="A28570" i="1" s="1"/>
  <c r="A28571" i="1" s="1"/>
  <c r="A28572" i="1" s="1"/>
  <c r="A28573" i="1" s="1"/>
  <c r="A28574" i="1" s="1"/>
  <c r="A28575" i="1" s="1"/>
  <c r="A28576" i="1" s="1"/>
  <c r="A28577" i="1" s="1"/>
  <c r="A28578" i="1" s="1"/>
  <c r="A28579" i="1" s="1"/>
  <c r="A28580" i="1" s="1"/>
  <c r="A28581" i="1" s="1"/>
  <c r="A28582" i="1" s="1"/>
  <c r="A28583" i="1" s="1"/>
  <c r="A28584" i="1" s="1"/>
  <c r="A28585" i="1" s="1"/>
  <c r="A28586" i="1" s="1"/>
  <c r="A28587" i="1" s="1"/>
  <c r="A28588" i="1" s="1"/>
  <c r="A28589" i="1" s="1"/>
  <c r="A28590" i="1" s="1"/>
  <c r="A28591" i="1" s="1"/>
  <c r="A28592" i="1" s="1"/>
  <c r="A28593" i="1" s="1"/>
  <c r="A28594" i="1" s="1"/>
  <c r="A28595" i="1" s="1"/>
  <c r="A28596" i="1" s="1"/>
  <c r="A28597" i="1" s="1"/>
  <c r="A28598" i="1" s="1"/>
  <c r="A28599" i="1" s="1"/>
  <c r="A28600" i="1" s="1"/>
  <c r="A28601" i="1" s="1"/>
  <c r="A28602" i="1" s="1"/>
  <c r="A28603" i="1" s="1"/>
  <c r="A28604" i="1" s="1"/>
  <c r="A28605" i="1" s="1"/>
  <c r="A28606" i="1" s="1"/>
  <c r="A28607" i="1" s="1"/>
  <c r="A28608" i="1" s="1"/>
  <c r="A28609" i="1" s="1"/>
  <c r="A28610" i="1" s="1"/>
  <c r="A28611" i="1" s="1"/>
  <c r="A28612" i="1" s="1"/>
  <c r="A28613" i="1" s="1"/>
  <c r="A28614" i="1" s="1"/>
  <c r="A28615" i="1" s="1"/>
  <c r="A28616" i="1" s="1"/>
  <c r="A28617" i="1" s="1"/>
  <c r="A28618" i="1" s="1"/>
  <c r="A28619" i="1" s="1"/>
  <c r="A28620" i="1" s="1"/>
  <c r="A28621" i="1" s="1"/>
  <c r="A28622" i="1" s="1"/>
  <c r="A28623" i="1" s="1"/>
  <c r="A28624" i="1" s="1"/>
  <c r="A28625" i="1" s="1"/>
  <c r="A28626" i="1" s="1"/>
  <c r="A28627" i="1" s="1"/>
  <c r="A28628" i="1" s="1"/>
  <c r="A28629" i="1" s="1"/>
  <c r="A28630" i="1" s="1"/>
  <c r="A28631" i="1" s="1"/>
  <c r="A28632" i="1" s="1"/>
  <c r="A28633" i="1" s="1"/>
  <c r="A28634" i="1" s="1"/>
  <c r="A28635" i="1" s="1"/>
  <c r="A28636" i="1" s="1"/>
  <c r="A28637" i="1" s="1"/>
  <c r="A28638" i="1" s="1"/>
  <c r="A28639" i="1" s="1"/>
  <c r="A28640" i="1" s="1"/>
  <c r="A28641" i="1" s="1"/>
  <c r="A28642" i="1" s="1"/>
  <c r="A28643" i="1" s="1"/>
  <c r="A28644" i="1" s="1"/>
  <c r="A28645" i="1" s="1"/>
  <c r="A28646" i="1" s="1"/>
  <c r="A28647" i="1" s="1"/>
  <c r="A28648" i="1" s="1"/>
  <c r="A28649" i="1" s="1"/>
  <c r="A28650" i="1" s="1"/>
  <c r="A28651" i="1" s="1"/>
  <c r="A28652" i="1" s="1"/>
  <c r="A28653" i="1" s="1"/>
  <c r="A28654" i="1" s="1"/>
  <c r="A28655" i="1" s="1"/>
  <c r="A28656" i="1" s="1"/>
  <c r="A28657" i="1" s="1"/>
  <c r="A28658" i="1" s="1"/>
  <c r="A28659" i="1" s="1"/>
  <c r="A28660" i="1" s="1"/>
  <c r="A28661" i="1" s="1"/>
  <c r="A28662" i="1" s="1"/>
  <c r="A28663" i="1" s="1"/>
  <c r="A28664" i="1" s="1"/>
  <c r="A28665" i="1" s="1"/>
  <c r="A28666" i="1" s="1"/>
  <c r="A28667" i="1" s="1"/>
  <c r="A28668" i="1" s="1"/>
  <c r="A28669" i="1" s="1"/>
  <c r="A28670" i="1" s="1"/>
  <c r="A28671" i="1" s="1"/>
  <c r="A28672" i="1" s="1"/>
  <c r="A28673" i="1" s="1"/>
  <c r="A28674" i="1" s="1"/>
  <c r="A28675" i="1" s="1"/>
  <c r="A28676" i="1" s="1"/>
  <c r="A28677" i="1" s="1"/>
  <c r="A28678" i="1" s="1"/>
  <c r="A28679" i="1" s="1"/>
  <c r="A28680" i="1" s="1"/>
  <c r="A28681" i="1" s="1"/>
  <c r="A28682" i="1" s="1"/>
  <c r="A28683" i="1" s="1"/>
  <c r="A28684" i="1" s="1"/>
  <c r="A28685" i="1" s="1"/>
  <c r="A28686" i="1" s="1"/>
  <c r="A28687" i="1" s="1"/>
  <c r="A28688" i="1" s="1"/>
  <c r="A28689" i="1" s="1"/>
  <c r="A28690" i="1" s="1"/>
  <c r="A28691" i="1" s="1"/>
  <c r="A28692" i="1" s="1"/>
  <c r="A28693" i="1" s="1"/>
  <c r="A28694" i="1" s="1"/>
  <c r="A28695" i="1" s="1"/>
  <c r="A28696" i="1" s="1"/>
  <c r="A28697" i="1" s="1"/>
  <c r="A28698" i="1" s="1"/>
  <c r="A28699" i="1" s="1"/>
  <c r="A28700" i="1" s="1"/>
  <c r="A28701" i="1" s="1"/>
  <c r="A28702" i="1" s="1"/>
  <c r="A28703" i="1" s="1"/>
  <c r="A28704" i="1" s="1"/>
  <c r="A28705" i="1" s="1"/>
  <c r="A28706" i="1" s="1"/>
  <c r="A28707" i="1" s="1"/>
  <c r="A28708" i="1" s="1"/>
  <c r="A28709" i="1" s="1"/>
  <c r="A28710" i="1" s="1"/>
  <c r="A28711" i="1" s="1"/>
  <c r="A28712" i="1" s="1"/>
  <c r="A28713" i="1" s="1"/>
  <c r="A28714" i="1" s="1"/>
  <c r="A28715" i="1" s="1"/>
  <c r="A28716" i="1" s="1"/>
  <c r="A28717" i="1" s="1"/>
  <c r="A28718" i="1" s="1"/>
  <c r="A28719" i="1" s="1"/>
  <c r="A28720" i="1" s="1"/>
  <c r="A28721" i="1" s="1"/>
  <c r="A28722" i="1" s="1"/>
  <c r="A28723" i="1" s="1"/>
  <c r="A28724" i="1" s="1"/>
  <c r="A28725" i="1" s="1"/>
  <c r="A28726" i="1" s="1"/>
  <c r="A28727" i="1" s="1"/>
  <c r="A28728" i="1" s="1"/>
  <c r="A28729" i="1" s="1"/>
  <c r="A28730" i="1" s="1"/>
  <c r="A28731" i="1" s="1"/>
  <c r="A28732" i="1" s="1"/>
  <c r="A28733" i="1" s="1"/>
  <c r="A28734" i="1" s="1"/>
  <c r="A28735" i="1" s="1"/>
  <c r="A28736" i="1" s="1"/>
  <c r="A28737" i="1" s="1"/>
  <c r="A28738" i="1" s="1"/>
  <c r="A28739" i="1" s="1"/>
  <c r="A28740" i="1" s="1"/>
  <c r="A28741" i="1" s="1"/>
  <c r="A28742" i="1" s="1"/>
  <c r="A28743" i="1" s="1"/>
  <c r="A28744" i="1" s="1"/>
  <c r="A28745" i="1" s="1"/>
  <c r="A28746" i="1" s="1"/>
  <c r="A28747" i="1" s="1"/>
  <c r="A28748" i="1" s="1"/>
  <c r="A28749" i="1" s="1"/>
  <c r="A28750" i="1" s="1"/>
  <c r="A28751" i="1" s="1"/>
  <c r="A28752" i="1" s="1"/>
  <c r="A28753" i="1" s="1"/>
  <c r="A28754" i="1" s="1"/>
  <c r="A28755" i="1" s="1"/>
  <c r="A28756" i="1" s="1"/>
  <c r="A28757" i="1" s="1"/>
  <c r="A28758" i="1" s="1"/>
  <c r="A28759" i="1" s="1"/>
  <c r="A28760" i="1" s="1"/>
  <c r="A28761" i="1" s="1"/>
  <c r="A28762" i="1" s="1"/>
  <c r="A28763" i="1" s="1"/>
  <c r="A28764" i="1" s="1"/>
  <c r="A28765" i="1" s="1"/>
  <c r="A28766" i="1" s="1"/>
  <c r="A28767" i="1" s="1"/>
  <c r="A28768" i="1" s="1"/>
  <c r="A28769" i="1" s="1"/>
  <c r="A28770" i="1" s="1"/>
  <c r="A28771" i="1" s="1"/>
  <c r="A28772" i="1" s="1"/>
  <c r="A28773" i="1" s="1"/>
  <c r="A28774" i="1" s="1"/>
  <c r="A28775" i="1" s="1"/>
  <c r="A28776" i="1" s="1"/>
  <c r="A28777" i="1" s="1"/>
  <c r="A28778" i="1" s="1"/>
  <c r="A28779" i="1" s="1"/>
  <c r="A28780" i="1" s="1"/>
  <c r="A28781" i="1" s="1"/>
  <c r="A28782" i="1" s="1"/>
  <c r="A28783" i="1" s="1"/>
  <c r="A28784" i="1" s="1"/>
  <c r="A28785" i="1" s="1"/>
  <c r="A28786" i="1" s="1"/>
  <c r="A28787" i="1" s="1"/>
  <c r="A28788" i="1" s="1"/>
  <c r="A28789" i="1" s="1"/>
  <c r="A28790" i="1" s="1"/>
  <c r="A28791" i="1" s="1"/>
  <c r="A28792" i="1" s="1"/>
  <c r="A28793" i="1" s="1"/>
  <c r="A28794" i="1" s="1"/>
  <c r="A28795" i="1" s="1"/>
  <c r="A28796" i="1" s="1"/>
  <c r="A28797" i="1" s="1"/>
  <c r="A28798" i="1" s="1"/>
  <c r="A28799" i="1" s="1"/>
  <c r="A28800" i="1" s="1"/>
  <c r="A28801" i="1" s="1"/>
  <c r="A28802" i="1" s="1"/>
  <c r="A28803" i="1" s="1"/>
  <c r="A28804" i="1" s="1"/>
  <c r="A28805" i="1" s="1"/>
  <c r="A28806" i="1" s="1"/>
  <c r="A28807" i="1" s="1"/>
  <c r="A28808" i="1" s="1"/>
  <c r="A28809" i="1" s="1"/>
  <c r="A28810" i="1" s="1"/>
  <c r="A28811" i="1" s="1"/>
  <c r="A28812" i="1" s="1"/>
  <c r="A28813" i="1" s="1"/>
  <c r="A28814" i="1" s="1"/>
  <c r="A28815" i="1" s="1"/>
  <c r="A28816" i="1" s="1"/>
  <c r="A28817" i="1" s="1"/>
  <c r="A28818" i="1" s="1"/>
  <c r="A28819" i="1" s="1"/>
  <c r="A28820" i="1" s="1"/>
  <c r="A28821" i="1" s="1"/>
  <c r="A28822" i="1" s="1"/>
  <c r="A28823" i="1" s="1"/>
  <c r="A28824" i="1" s="1"/>
  <c r="A28825" i="1" s="1"/>
  <c r="A28826" i="1" s="1"/>
  <c r="A28827" i="1" s="1"/>
  <c r="A28828" i="1" s="1"/>
  <c r="A28829" i="1" s="1"/>
  <c r="A28830" i="1" s="1"/>
  <c r="A28831" i="1" s="1"/>
  <c r="A28832" i="1" s="1"/>
  <c r="A28833" i="1" s="1"/>
  <c r="A28834" i="1" s="1"/>
  <c r="A28835" i="1" s="1"/>
  <c r="A28836" i="1" s="1"/>
  <c r="A28837" i="1" s="1"/>
  <c r="A28838" i="1" s="1"/>
  <c r="A28839" i="1" s="1"/>
  <c r="A28840" i="1" s="1"/>
  <c r="A28841" i="1" s="1"/>
  <c r="A28842" i="1" s="1"/>
  <c r="A28843" i="1" s="1"/>
  <c r="A28844" i="1" s="1"/>
  <c r="A28845" i="1" s="1"/>
  <c r="A28846" i="1" s="1"/>
  <c r="A28847" i="1" s="1"/>
  <c r="A28848" i="1" s="1"/>
  <c r="A28849" i="1" s="1"/>
  <c r="A28850" i="1" s="1"/>
  <c r="A28851" i="1" s="1"/>
  <c r="A28852" i="1" s="1"/>
  <c r="A28853" i="1" s="1"/>
  <c r="A28854" i="1" s="1"/>
  <c r="A28855" i="1" s="1"/>
  <c r="A28856" i="1" s="1"/>
  <c r="A28857" i="1" s="1"/>
  <c r="A28858" i="1" s="1"/>
  <c r="A28859" i="1" s="1"/>
  <c r="A28860" i="1" s="1"/>
  <c r="A28861" i="1" s="1"/>
  <c r="A28862" i="1" s="1"/>
  <c r="A28863" i="1" s="1"/>
  <c r="A28864" i="1" s="1"/>
  <c r="A28865" i="1" s="1"/>
  <c r="A28866" i="1" s="1"/>
  <c r="A28867" i="1" s="1"/>
  <c r="A28868" i="1" s="1"/>
  <c r="A28869" i="1" s="1"/>
  <c r="A28870" i="1" s="1"/>
  <c r="A28871" i="1" s="1"/>
  <c r="A28872" i="1" s="1"/>
  <c r="A28873" i="1" s="1"/>
  <c r="A28874" i="1" s="1"/>
  <c r="A28875" i="1" s="1"/>
  <c r="A28876" i="1" s="1"/>
  <c r="A28877" i="1" s="1"/>
  <c r="A28878" i="1" s="1"/>
  <c r="A28879" i="1" s="1"/>
  <c r="A28880" i="1" s="1"/>
  <c r="A28881" i="1" s="1"/>
  <c r="A28882" i="1" s="1"/>
  <c r="A28883" i="1" s="1"/>
  <c r="A28884" i="1" s="1"/>
  <c r="A28885" i="1" s="1"/>
  <c r="A28886" i="1" s="1"/>
  <c r="A28887" i="1" s="1"/>
  <c r="A28888" i="1" s="1"/>
  <c r="A28889" i="1" s="1"/>
  <c r="A28890" i="1" s="1"/>
  <c r="A28891" i="1" s="1"/>
  <c r="A28892" i="1" s="1"/>
  <c r="A28893" i="1" s="1"/>
  <c r="A28894" i="1" s="1"/>
  <c r="A28895" i="1" s="1"/>
  <c r="A28896" i="1" s="1"/>
  <c r="A28897" i="1" s="1"/>
  <c r="A28898" i="1" s="1"/>
  <c r="A28899" i="1" s="1"/>
  <c r="A28900" i="1" s="1"/>
  <c r="A28901" i="1" s="1"/>
  <c r="A28902" i="1" s="1"/>
  <c r="A28903" i="1" s="1"/>
  <c r="A28904" i="1" s="1"/>
  <c r="A28905" i="1" s="1"/>
  <c r="A28906" i="1" s="1"/>
  <c r="A28907" i="1" s="1"/>
  <c r="A28908" i="1" s="1"/>
  <c r="A28909" i="1" s="1"/>
  <c r="A28910" i="1" s="1"/>
  <c r="A28911" i="1" s="1"/>
  <c r="A28912" i="1" s="1"/>
  <c r="A28913" i="1" s="1"/>
  <c r="A28914" i="1" s="1"/>
  <c r="A28915" i="1" s="1"/>
  <c r="A28916" i="1" s="1"/>
  <c r="A28917" i="1" s="1"/>
  <c r="A28918" i="1" s="1"/>
  <c r="A28919" i="1" s="1"/>
  <c r="A28920" i="1" s="1"/>
  <c r="A28921" i="1" s="1"/>
  <c r="A28922" i="1" s="1"/>
  <c r="A28923" i="1" s="1"/>
  <c r="A28924" i="1" s="1"/>
  <c r="A28925" i="1" s="1"/>
  <c r="A28926" i="1" s="1"/>
  <c r="A28927" i="1" s="1"/>
  <c r="A28928" i="1" s="1"/>
  <c r="A28929" i="1" s="1"/>
  <c r="A28930" i="1" s="1"/>
  <c r="A28931" i="1" s="1"/>
  <c r="A28932" i="1" s="1"/>
  <c r="A28933" i="1" s="1"/>
  <c r="A28934" i="1" s="1"/>
  <c r="A28935" i="1" s="1"/>
  <c r="A28936" i="1" s="1"/>
  <c r="A28937" i="1" s="1"/>
  <c r="A28938" i="1" s="1"/>
  <c r="A28939" i="1" s="1"/>
  <c r="A28940" i="1" s="1"/>
  <c r="A28941" i="1" s="1"/>
  <c r="A28942" i="1" s="1"/>
  <c r="A28943" i="1" s="1"/>
  <c r="A28944" i="1" s="1"/>
  <c r="A28945" i="1" s="1"/>
  <c r="A28946" i="1" s="1"/>
  <c r="A28947" i="1" s="1"/>
  <c r="A28948" i="1" s="1"/>
  <c r="A28949" i="1" s="1"/>
  <c r="A28950" i="1" s="1"/>
  <c r="A28951" i="1" s="1"/>
  <c r="A28952" i="1" s="1"/>
  <c r="A28953" i="1" s="1"/>
  <c r="A28954" i="1" s="1"/>
  <c r="A28955" i="1" s="1"/>
  <c r="A28956" i="1" s="1"/>
  <c r="A28957" i="1" s="1"/>
  <c r="A28958" i="1" s="1"/>
  <c r="A28959" i="1" s="1"/>
  <c r="A28960" i="1" s="1"/>
  <c r="A28961" i="1" s="1"/>
  <c r="A28962" i="1" s="1"/>
  <c r="A28963" i="1" s="1"/>
  <c r="A28964" i="1" s="1"/>
  <c r="A28965" i="1" s="1"/>
  <c r="A28966" i="1" s="1"/>
  <c r="A28967" i="1" s="1"/>
  <c r="A28968" i="1" s="1"/>
  <c r="A28969" i="1" s="1"/>
  <c r="A28970" i="1" s="1"/>
  <c r="A28971" i="1" s="1"/>
  <c r="A28972" i="1" s="1"/>
  <c r="A28973" i="1" s="1"/>
  <c r="A28974" i="1" s="1"/>
  <c r="A28975" i="1" s="1"/>
  <c r="A28976" i="1" s="1"/>
  <c r="A28977" i="1" s="1"/>
  <c r="A28978" i="1" s="1"/>
  <c r="A28979" i="1" s="1"/>
  <c r="A28980" i="1" s="1"/>
  <c r="A28981" i="1" s="1"/>
  <c r="A28982" i="1" s="1"/>
  <c r="A28983" i="1" s="1"/>
  <c r="A28984" i="1" s="1"/>
  <c r="A28985" i="1" s="1"/>
  <c r="A28986" i="1" s="1"/>
  <c r="A28987" i="1" s="1"/>
  <c r="A28988" i="1" s="1"/>
  <c r="A28989" i="1" s="1"/>
  <c r="A28990" i="1" s="1"/>
  <c r="A28991" i="1" s="1"/>
  <c r="A28992" i="1" s="1"/>
  <c r="A28993" i="1" s="1"/>
  <c r="A28994" i="1" s="1"/>
  <c r="A28995" i="1" s="1"/>
  <c r="A28996" i="1" s="1"/>
  <c r="A28997" i="1" s="1"/>
  <c r="A28998" i="1" s="1"/>
  <c r="A28999" i="1" s="1"/>
  <c r="A29000" i="1" s="1"/>
  <c r="A29001" i="1" s="1"/>
  <c r="A29002" i="1" s="1"/>
  <c r="A29003" i="1" s="1"/>
  <c r="A29004" i="1" s="1"/>
  <c r="A29005" i="1" s="1"/>
  <c r="A29006" i="1" s="1"/>
  <c r="A29007" i="1" s="1"/>
  <c r="A29008" i="1" s="1"/>
  <c r="A29009" i="1" s="1"/>
  <c r="A29010" i="1" s="1"/>
  <c r="A29011" i="1" s="1"/>
  <c r="A29012" i="1" s="1"/>
  <c r="A29013" i="1" s="1"/>
  <c r="A29014" i="1" s="1"/>
  <c r="A29015" i="1" s="1"/>
  <c r="A29016" i="1" s="1"/>
  <c r="A29017" i="1" s="1"/>
  <c r="A29018" i="1" s="1"/>
  <c r="A29019" i="1" s="1"/>
  <c r="A29020" i="1" s="1"/>
  <c r="A29021" i="1" s="1"/>
  <c r="A29022" i="1" s="1"/>
  <c r="A29023" i="1" s="1"/>
  <c r="A29024" i="1" s="1"/>
  <c r="A29025" i="1" s="1"/>
  <c r="A29026" i="1" s="1"/>
  <c r="A29027" i="1" s="1"/>
  <c r="A29028" i="1" s="1"/>
  <c r="A29029" i="1" s="1"/>
  <c r="A29030" i="1" s="1"/>
  <c r="A29031" i="1" s="1"/>
  <c r="A29032" i="1" s="1"/>
  <c r="A29033" i="1" s="1"/>
  <c r="A29034" i="1" s="1"/>
  <c r="A29035" i="1" s="1"/>
  <c r="A29036" i="1" s="1"/>
  <c r="A29037" i="1" s="1"/>
  <c r="A29038" i="1" s="1"/>
  <c r="A29039" i="1" s="1"/>
  <c r="A29040" i="1" s="1"/>
  <c r="A29041" i="1" s="1"/>
  <c r="A29042" i="1" s="1"/>
  <c r="A29043" i="1" s="1"/>
  <c r="A29044" i="1" s="1"/>
  <c r="A29045" i="1" s="1"/>
  <c r="A29046" i="1" s="1"/>
  <c r="A29047" i="1" s="1"/>
  <c r="A29048" i="1" s="1"/>
  <c r="A29049" i="1" s="1"/>
  <c r="A29050" i="1" s="1"/>
  <c r="A29051" i="1" s="1"/>
  <c r="A29052" i="1" s="1"/>
  <c r="A29053" i="1" s="1"/>
  <c r="A29054" i="1" s="1"/>
  <c r="A29055" i="1" s="1"/>
  <c r="A29056" i="1" s="1"/>
  <c r="A29057" i="1" s="1"/>
  <c r="A29058" i="1" s="1"/>
  <c r="A29059" i="1" s="1"/>
  <c r="A29060" i="1" s="1"/>
  <c r="A29061" i="1" s="1"/>
  <c r="A29062" i="1" s="1"/>
  <c r="A29063" i="1" s="1"/>
  <c r="A29064" i="1" s="1"/>
  <c r="A29065" i="1" s="1"/>
  <c r="A29066" i="1" s="1"/>
  <c r="A29067" i="1" s="1"/>
  <c r="A29068" i="1" s="1"/>
  <c r="A29069" i="1" s="1"/>
  <c r="A29070" i="1" s="1"/>
  <c r="A29071" i="1" s="1"/>
  <c r="A29072" i="1" s="1"/>
  <c r="A29073" i="1" s="1"/>
  <c r="A29074" i="1" s="1"/>
  <c r="A29075" i="1" s="1"/>
  <c r="A29076" i="1" s="1"/>
  <c r="A29077" i="1" s="1"/>
  <c r="A29078" i="1" s="1"/>
  <c r="A29079" i="1" s="1"/>
  <c r="A29080" i="1" s="1"/>
  <c r="A29081" i="1" s="1"/>
  <c r="A29082" i="1" s="1"/>
  <c r="A29083" i="1" s="1"/>
  <c r="A29084" i="1" s="1"/>
  <c r="A29085" i="1" s="1"/>
  <c r="A29086" i="1" s="1"/>
  <c r="A29087" i="1" s="1"/>
  <c r="A29088" i="1" s="1"/>
  <c r="A29089" i="1" s="1"/>
  <c r="A29090" i="1" s="1"/>
  <c r="A29091" i="1" s="1"/>
  <c r="A29092" i="1" s="1"/>
  <c r="A29093" i="1" s="1"/>
  <c r="A29094" i="1" s="1"/>
  <c r="A29095" i="1" s="1"/>
  <c r="A29096" i="1" s="1"/>
  <c r="A29097" i="1" s="1"/>
  <c r="A29098" i="1" s="1"/>
  <c r="A29099" i="1" s="1"/>
  <c r="A29100" i="1" s="1"/>
  <c r="A29101" i="1" s="1"/>
  <c r="A29102" i="1" s="1"/>
  <c r="A29103" i="1" s="1"/>
  <c r="A29104" i="1" s="1"/>
  <c r="A29105" i="1" s="1"/>
  <c r="A29106" i="1" s="1"/>
  <c r="A29107" i="1" s="1"/>
  <c r="A29108" i="1" s="1"/>
  <c r="A29109" i="1" s="1"/>
  <c r="A29110" i="1" s="1"/>
  <c r="A29111" i="1" s="1"/>
  <c r="A29112" i="1" s="1"/>
  <c r="A29113" i="1" s="1"/>
  <c r="A29114" i="1" s="1"/>
  <c r="A29115" i="1" s="1"/>
  <c r="A29116" i="1" s="1"/>
  <c r="A29117" i="1" s="1"/>
  <c r="A29118" i="1" s="1"/>
  <c r="A29119" i="1" s="1"/>
  <c r="A29120" i="1" s="1"/>
  <c r="A29121" i="1" s="1"/>
  <c r="A29122" i="1" s="1"/>
  <c r="A29123" i="1" s="1"/>
  <c r="A29124" i="1" s="1"/>
  <c r="A29125" i="1" s="1"/>
  <c r="A29126" i="1" s="1"/>
  <c r="A29127" i="1" s="1"/>
  <c r="A29128" i="1" s="1"/>
  <c r="A29129" i="1" s="1"/>
  <c r="A29130" i="1" s="1"/>
  <c r="A29131" i="1" s="1"/>
  <c r="A29132" i="1" s="1"/>
  <c r="A29133" i="1" s="1"/>
  <c r="A29134" i="1" s="1"/>
  <c r="A29135" i="1" s="1"/>
  <c r="A29136" i="1" s="1"/>
  <c r="A29137" i="1" s="1"/>
  <c r="A29138" i="1" s="1"/>
  <c r="A29139" i="1" s="1"/>
  <c r="A29140" i="1" s="1"/>
  <c r="A29141" i="1" s="1"/>
  <c r="A29142" i="1" s="1"/>
  <c r="A29143" i="1" s="1"/>
  <c r="A29144" i="1" s="1"/>
  <c r="A29145" i="1" s="1"/>
  <c r="A29146" i="1" s="1"/>
  <c r="A29147" i="1" s="1"/>
  <c r="A29148" i="1" s="1"/>
  <c r="A29149" i="1" s="1"/>
  <c r="A29150" i="1" s="1"/>
  <c r="A29151" i="1" s="1"/>
  <c r="A29152" i="1" s="1"/>
  <c r="A29153" i="1" s="1"/>
  <c r="A29154" i="1" s="1"/>
  <c r="A29155" i="1" s="1"/>
  <c r="A29156" i="1" s="1"/>
  <c r="A29157" i="1" s="1"/>
  <c r="A29158" i="1" s="1"/>
  <c r="A29159" i="1" s="1"/>
  <c r="A29160" i="1" s="1"/>
  <c r="A29161" i="1" s="1"/>
  <c r="A29162" i="1" s="1"/>
  <c r="A29163" i="1" s="1"/>
  <c r="A29164" i="1" s="1"/>
  <c r="A29165" i="1" s="1"/>
  <c r="A29166" i="1" s="1"/>
  <c r="A29167" i="1" s="1"/>
  <c r="A29168" i="1" s="1"/>
  <c r="A29169" i="1" s="1"/>
  <c r="A29170" i="1" s="1"/>
  <c r="A29171" i="1" s="1"/>
  <c r="A29172" i="1" s="1"/>
  <c r="A29173" i="1" s="1"/>
  <c r="A29174" i="1" s="1"/>
  <c r="A29175" i="1" s="1"/>
  <c r="A29176" i="1" s="1"/>
  <c r="A29177" i="1" s="1"/>
  <c r="A29178" i="1" s="1"/>
  <c r="A29179" i="1" s="1"/>
  <c r="A29180" i="1" s="1"/>
  <c r="A29181" i="1" s="1"/>
  <c r="A29182" i="1" s="1"/>
  <c r="A29183" i="1" s="1"/>
  <c r="A29184" i="1" s="1"/>
  <c r="A29185" i="1" s="1"/>
  <c r="A29186" i="1" s="1"/>
  <c r="A29187" i="1" s="1"/>
  <c r="A29188" i="1" s="1"/>
  <c r="A29189" i="1" s="1"/>
  <c r="A29190" i="1" s="1"/>
  <c r="A29191" i="1" s="1"/>
  <c r="A29192" i="1" s="1"/>
  <c r="A29193" i="1" s="1"/>
  <c r="A29194" i="1" s="1"/>
  <c r="A29195" i="1" s="1"/>
  <c r="A29196" i="1" s="1"/>
  <c r="A29197" i="1" s="1"/>
  <c r="A29198" i="1" s="1"/>
  <c r="A29199" i="1" s="1"/>
  <c r="A29200" i="1" s="1"/>
  <c r="A29201" i="1" s="1"/>
  <c r="A29202" i="1" s="1"/>
  <c r="A29203" i="1" s="1"/>
  <c r="A29204" i="1" s="1"/>
  <c r="A29205" i="1" s="1"/>
  <c r="A29206" i="1" s="1"/>
  <c r="A29207" i="1" s="1"/>
  <c r="A29208" i="1" s="1"/>
  <c r="A29209" i="1" s="1"/>
  <c r="A29210" i="1" s="1"/>
  <c r="A29211" i="1" s="1"/>
  <c r="A29212" i="1" s="1"/>
  <c r="A29213" i="1" s="1"/>
  <c r="A29214" i="1" s="1"/>
  <c r="A29215" i="1" s="1"/>
  <c r="A29216" i="1" s="1"/>
  <c r="A29217" i="1" s="1"/>
  <c r="A29218" i="1" s="1"/>
  <c r="A29219" i="1" s="1"/>
  <c r="A29220" i="1" s="1"/>
  <c r="A29221" i="1" s="1"/>
  <c r="A29222" i="1" s="1"/>
  <c r="A29223" i="1" s="1"/>
  <c r="A29224" i="1" s="1"/>
  <c r="A29225" i="1" s="1"/>
  <c r="A29226" i="1" s="1"/>
  <c r="A29227" i="1" s="1"/>
  <c r="A29228" i="1" s="1"/>
  <c r="A29229" i="1" s="1"/>
  <c r="A29230" i="1" s="1"/>
  <c r="A29231" i="1" s="1"/>
  <c r="A29232" i="1" s="1"/>
  <c r="A29233" i="1" s="1"/>
  <c r="A29234" i="1" s="1"/>
  <c r="A29235" i="1" s="1"/>
  <c r="A29236" i="1" s="1"/>
  <c r="A29237" i="1" s="1"/>
  <c r="A29238" i="1" s="1"/>
  <c r="A29239" i="1" s="1"/>
  <c r="A29240" i="1" s="1"/>
  <c r="A29241" i="1" s="1"/>
  <c r="A29242" i="1" s="1"/>
  <c r="A29243" i="1" s="1"/>
  <c r="A29244" i="1" s="1"/>
  <c r="A29245" i="1" s="1"/>
  <c r="A29246" i="1" s="1"/>
  <c r="A29247" i="1" s="1"/>
  <c r="A29248" i="1" s="1"/>
  <c r="A29249" i="1" s="1"/>
  <c r="A29250" i="1" s="1"/>
  <c r="A29251" i="1" s="1"/>
  <c r="A29252" i="1" s="1"/>
  <c r="A29253" i="1" s="1"/>
  <c r="A29254" i="1" s="1"/>
  <c r="A29255" i="1" s="1"/>
  <c r="A29256" i="1" s="1"/>
  <c r="A29257" i="1" s="1"/>
  <c r="A29258" i="1" s="1"/>
  <c r="A29259" i="1" s="1"/>
  <c r="A29260" i="1" s="1"/>
  <c r="A29261" i="1" s="1"/>
  <c r="A29262" i="1" s="1"/>
  <c r="A29263" i="1" s="1"/>
  <c r="A29264" i="1" s="1"/>
  <c r="A29265" i="1" s="1"/>
  <c r="A29266" i="1" s="1"/>
  <c r="A29267" i="1" s="1"/>
  <c r="A29268" i="1" s="1"/>
  <c r="A29269" i="1" s="1"/>
  <c r="A29270" i="1" s="1"/>
  <c r="A29271" i="1" s="1"/>
  <c r="A29272" i="1" s="1"/>
  <c r="A29273" i="1" s="1"/>
  <c r="A29274" i="1" s="1"/>
  <c r="A29275" i="1" s="1"/>
  <c r="A29276" i="1" s="1"/>
  <c r="A29277" i="1" s="1"/>
  <c r="A29278" i="1" s="1"/>
  <c r="A29279" i="1" s="1"/>
  <c r="A29280" i="1" s="1"/>
  <c r="A29281" i="1" s="1"/>
  <c r="A29282" i="1" s="1"/>
  <c r="A29283" i="1" s="1"/>
  <c r="A29284" i="1" s="1"/>
  <c r="A29285" i="1" s="1"/>
  <c r="A29286" i="1" s="1"/>
  <c r="A29287" i="1" s="1"/>
  <c r="A29288" i="1" s="1"/>
  <c r="A29289" i="1" s="1"/>
  <c r="A29290" i="1" s="1"/>
  <c r="A29291" i="1" s="1"/>
  <c r="A29292" i="1" s="1"/>
  <c r="A29293" i="1" s="1"/>
  <c r="A29294" i="1" s="1"/>
  <c r="A29295" i="1" s="1"/>
  <c r="A29296" i="1" s="1"/>
  <c r="A29297" i="1" s="1"/>
  <c r="A29298" i="1" s="1"/>
  <c r="A29299" i="1" s="1"/>
  <c r="A29300" i="1" s="1"/>
  <c r="A29301" i="1" s="1"/>
  <c r="A29302" i="1" s="1"/>
  <c r="A29303" i="1" s="1"/>
  <c r="A29304" i="1" s="1"/>
  <c r="A29305" i="1" s="1"/>
  <c r="A29306" i="1" s="1"/>
  <c r="A29307" i="1" s="1"/>
  <c r="A29308" i="1" s="1"/>
  <c r="A29309" i="1" s="1"/>
  <c r="A29310" i="1" s="1"/>
  <c r="A29311" i="1" s="1"/>
  <c r="A29312" i="1" s="1"/>
  <c r="A29313" i="1" s="1"/>
  <c r="A29314" i="1" s="1"/>
  <c r="A29315" i="1" s="1"/>
  <c r="A29316" i="1" s="1"/>
  <c r="A29317" i="1" s="1"/>
  <c r="A29318" i="1" s="1"/>
  <c r="A29319" i="1" s="1"/>
  <c r="A29320" i="1" s="1"/>
  <c r="A29321" i="1" s="1"/>
  <c r="A29322" i="1" s="1"/>
  <c r="A29323" i="1" s="1"/>
  <c r="A29324" i="1" s="1"/>
  <c r="A29325" i="1" s="1"/>
  <c r="A29326" i="1" s="1"/>
  <c r="A29327" i="1" s="1"/>
  <c r="A29328" i="1" s="1"/>
  <c r="A29329" i="1" s="1"/>
  <c r="A29330" i="1" s="1"/>
  <c r="A29331" i="1" s="1"/>
  <c r="A29332" i="1" s="1"/>
  <c r="A29333" i="1" s="1"/>
  <c r="A29334" i="1" s="1"/>
  <c r="A29335" i="1" s="1"/>
  <c r="A29336" i="1" s="1"/>
  <c r="A29337" i="1" s="1"/>
  <c r="A29338" i="1" s="1"/>
  <c r="A29339" i="1" s="1"/>
  <c r="A29340" i="1" s="1"/>
  <c r="A29341" i="1" s="1"/>
  <c r="A29342" i="1" s="1"/>
  <c r="A29343" i="1" s="1"/>
  <c r="A29344" i="1" s="1"/>
  <c r="A29345" i="1" s="1"/>
  <c r="A29346" i="1" s="1"/>
  <c r="A29347" i="1" s="1"/>
  <c r="A29348" i="1" s="1"/>
  <c r="A29349" i="1" s="1"/>
  <c r="A29350" i="1" s="1"/>
  <c r="A29351" i="1" s="1"/>
  <c r="A29352" i="1" s="1"/>
  <c r="A29353" i="1" s="1"/>
  <c r="A29354" i="1" s="1"/>
  <c r="A29355" i="1" s="1"/>
  <c r="A29356" i="1" s="1"/>
  <c r="A29357" i="1" s="1"/>
  <c r="A29358" i="1" s="1"/>
  <c r="A29359" i="1" s="1"/>
  <c r="A29360" i="1" s="1"/>
  <c r="A29361" i="1" s="1"/>
  <c r="A29362" i="1" s="1"/>
  <c r="A29363" i="1" s="1"/>
  <c r="A29364" i="1" s="1"/>
  <c r="A29365" i="1" s="1"/>
  <c r="A29366" i="1" s="1"/>
  <c r="A29367" i="1" s="1"/>
  <c r="A29368" i="1" s="1"/>
  <c r="A29369" i="1" s="1"/>
  <c r="A29370" i="1" s="1"/>
  <c r="A29371" i="1" s="1"/>
  <c r="A29372" i="1" s="1"/>
  <c r="A29373" i="1" s="1"/>
  <c r="A29374" i="1" s="1"/>
  <c r="A29375" i="1" s="1"/>
  <c r="A29376" i="1" s="1"/>
  <c r="A29377" i="1" s="1"/>
  <c r="A29378" i="1" s="1"/>
  <c r="A29379" i="1" s="1"/>
  <c r="A29380" i="1" s="1"/>
  <c r="A29381" i="1" s="1"/>
  <c r="A29382" i="1" s="1"/>
  <c r="A29383" i="1" s="1"/>
  <c r="A29384" i="1" s="1"/>
  <c r="A29385" i="1" s="1"/>
  <c r="A29386" i="1" s="1"/>
  <c r="A29387" i="1" s="1"/>
  <c r="A29388" i="1" s="1"/>
  <c r="A29389" i="1" s="1"/>
  <c r="A29390" i="1" s="1"/>
  <c r="A29391" i="1" s="1"/>
  <c r="A29392" i="1" s="1"/>
  <c r="A29393" i="1" s="1"/>
  <c r="A29394" i="1" s="1"/>
  <c r="A29395" i="1" s="1"/>
  <c r="A29396" i="1" s="1"/>
  <c r="A29397" i="1" s="1"/>
  <c r="A29398" i="1" s="1"/>
  <c r="A29399" i="1" s="1"/>
  <c r="A29400" i="1" s="1"/>
  <c r="A29401" i="1" s="1"/>
  <c r="A29402" i="1" s="1"/>
  <c r="A29403" i="1" s="1"/>
  <c r="A29404" i="1" s="1"/>
  <c r="A29405" i="1" s="1"/>
  <c r="A29406" i="1" s="1"/>
  <c r="A29407" i="1" s="1"/>
  <c r="A29408" i="1" s="1"/>
  <c r="A29409" i="1" s="1"/>
  <c r="A29410" i="1" s="1"/>
  <c r="A29411" i="1" s="1"/>
  <c r="A29412" i="1" s="1"/>
  <c r="A29413" i="1" s="1"/>
  <c r="A29414" i="1" s="1"/>
  <c r="A29415" i="1" s="1"/>
  <c r="A29416" i="1" s="1"/>
  <c r="A29417" i="1" s="1"/>
  <c r="A29418" i="1" s="1"/>
  <c r="A29419" i="1" s="1"/>
  <c r="A29420" i="1" s="1"/>
  <c r="A29421" i="1" s="1"/>
  <c r="A29422" i="1" s="1"/>
  <c r="A29423" i="1" s="1"/>
  <c r="A29424" i="1" s="1"/>
  <c r="A29425" i="1" s="1"/>
  <c r="A29426" i="1" s="1"/>
  <c r="A29427" i="1" s="1"/>
  <c r="A29428" i="1" s="1"/>
  <c r="A29429" i="1" s="1"/>
  <c r="A29430" i="1" s="1"/>
  <c r="A29431" i="1" s="1"/>
  <c r="A29432" i="1" s="1"/>
  <c r="A29433" i="1" s="1"/>
  <c r="A29434" i="1" s="1"/>
  <c r="A29435" i="1" s="1"/>
  <c r="A29436" i="1" s="1"/>
  <c r="A29437" i="1" s="1"/>
  <c r="A29438" i="1" s="1"/>
  <c r="A29439" i="1" s="1"/>
  <c r="A29440" i="1" s="1"/>
  <c r="A29441" i="1" s="1"/>
  <c r="A29442" i="1" s="1"/>
  <c r="A29443" i="1" s="1"/>
  <c r="A29444" i="1" s="1"/>
  <c r="A29445" i="1" s="1"/>
  <c r="A29446" i="1" s="1"/>
  <c r="A29447" i="1" s="1"/>
  <c r="A29448" i="1" s="1"/>
  <c r="A29449" i="1" s="1"/>
  <c r="A29450" i="1" s="1"/>
  <c r="A29451" i="1" s="1"/>
  <c r="A29452" i="1" s="1"/>
  <c r="A29453" i="1" s="1"/>
  <c r="A29454" i="1" s="1"/>
  <c r="A29455" i="1" s="1"/>
  <c r="A29456" i="1" s="1"/>
  <c r="A29457" i="1" s="1"/>
  <c r="A29458" i="1" s="1"/>
  <c r="A29459" i="1" s="1"/>
  <c r="A29460" i="1" s="1"/>
  <c r="A29461" i="1" s="1"/>
  <c r="A29462" i="1" s="1"/>
  <c r="A29463" i="1" s="1"/>
  <c r="A29464" i="1" s="1"/>
  <c r="A29465" i="1" s="1"/>
  <c r="A29466" i="1" s="1"/>
  <c r="A29467" i="1" s="1"/>
  <c r="A29468" i="1" s="1"/>
  <c r="A29469" i="1" s="1"/>
  <c r="A29470" i="1" s="1"/>
  <c r="A29471" i="1" s="1"/>
  <c r="A29472" i="1" s="1"/>
  <c r="A29473" i="1" s="1"/>
  <c r="A29474" i="1" s="1"/>
  <c r="A29475" i="1" s="1"/>
  <c r="A29476" i="1" s="1"/>
  <c r="A29477" i="1" s="1"/>
  <c r="A29478" i="1" s="1"/>
  <c r="A29479" i="1" s="1"/>
  <c r="A29480" i="1" s="1"/>
  <c r="A29481" i="1" s="1"/>
  <c r="A29482" i="1" s="1"/>
  <c r="A29483" i="1" s="1"/>
  <c r="A29484" i="1" s="1"/>
  <c r="A29485" i="1" s="1"/>
  <c r="A29486" i="1" s="1"/>
  <c r="A29487" i="1" s="1"/>
  <c r="A29488" i="1" s="1"/>
  <c r="A29489" i="1" s="1"/>
  <c r="A29490" i="1" s="1"/>
  <c r="A29491" i="1" s="1"/>
  <c r="A29492" i="1" s="1"/>
  <c r="A29493" i="1" s="1"/>
  <c r="A29494" i="1" s="1"/>
  <c r="A29495" i="1" s="1"/>
  <c r="A29496" i="1" s="1"/>
  <c r="A29497" i="1" s="1"/>
  <c r="A29498" i="1" s="1"/>
  <c r="A29499" i="1" s="1"/>
  <c r="A29500" i="1" s="1"/>
  <c r="A29501" i="1" s="1"/>
  <c r="A29502" i="1" s="1"/>
  <c r="A29503" i="1" s="1"/>
  <c r="A29504" i="1" s="1"/>
  <c r="A29505" i="1" s="1"/>
  <c r="A29506" i="1" s="1"/>
  <c r="A29507" i="1" s="1"/>
  <c r="A29508" i="1" s="1"/>
  <c r="A29509" i="1" s="1"/>
  <c r="A29510" i="1" s="1"/>
  <c r="A29511" i="1" s="1"/>
  <c r="A29512" i="1" s="1"/>
  <c r="A29513" i="1" s="1"/>
  <c r="A29514" i="1" s="1"/>
  <c r="A29515" i="1" s="1"/>
  <c r="A29516" i="1" s="1"/>
  <c r="A29517" i="1" s="1"/>
  <c r="A29518" i="1" s="1"/>
  <c r="A29519" i="1" s="1"/>
  <c r="A29520" i="1" s="1"/>
  <c r="A29521" i="1" s="1"/>
  <c r="A29522" i="1" s="1"/>
  <c r="A29523" i="1" s="1"/>
  <c r="A29524" i="1" s="1"/>
  <c r="A29525" i="1" s="1"/>
  <c r="A29526" i="1" s="1"/>
  <c r="A29527" i="1" s="1"/>
  <c r="A29528" i="1" s="1"/>
  <c r="A29529" i="1" s="1"/>
  <c r="A29530" i="1" s="1"/>
  <c r="A29531" i="1" s="1"/>
  <c r="A29532" i="1" s="1"/>
  <c r="A29533" i="1" s="1"/>
  <c r="A29534" i="1" s="1"/>
  <c r="A29535" i="1" s="1"/>
  <c r="A29536" i="1" s="1"/>
  <c r="A29537" i="1" s="1"/>
  <c r="A29538" i="1" s="1"/>
  <c r="A29539" i="1" s="1"/>
  <c r="A29540" i="1" s="1"/>
  <c r="A29541" i="1" s="1"/>
  <c r="A29542" i="1" s="1"/>
  <c r="A29543" i="1" s="1"/>
  <c r="A29544" i="1" s="1"/>
  <c r="A29545" i="1" s="1"/>
  <c r="A29546" i="1" s="1"/>
  <c r="A29547" i="1" s="1"/>
  <c r="A29548" i="1" s="1"/>
  <c r="A29549" i="1" s="1"/>
  <c r="A29550" i="1" s="1"/>
  <c r="A29551" i="1" s="1"/>
  <c r="A29552" i="1" s="1"/>
  <c r="A29553" i="1" s="1"/>
  <c r="A29554" i="1" s="1"/>
  <c r="A29555" i="1" s="1"/>
  <c r="A29556" i="1" s="1"/>
  <c r="A29557" i="1" s="1"/>
  <c r="A29558" i="1" s="1"/>
  <c r="A29559" i="1" s="1"/>
  <c r="A29560" i="1" s="1"/>
  <c r="A29561" i="1" s="1"/>
  <c r="A29562" i="1" s="1"/>
  <c r="A29563" i="1" s="1"/>
  <c r="A29564" i="1" s="1"/>
  <c r="A29565" i="1" s="1"/>
  <c r="A29566" i="1" s="1"/>
  <c r="A29567" i="1" s="1"/>
  <c r="A29568" i="1" s="1"/>
  <c r="A29569" i="1" s="1"/>
  <c r="A29570" i="1" s="1"/>
  <c r="A29571" i="1" s="1"/>
  <c r="A29572" i="1" s="1"/>
  <c r="A29573" i="1" s="1"/>
  <c r="A29574" i="1" s="1"/>
  <c r="A29575" i="1" s="1"/>
  <c r="A29576" i="1" s="1"/>
  <c r="A29577" i="1" s="1"/>
  <c r="A29578" i="1" s="1"/>
  <c r="A29579" i="1" s="1"/>
  <c r="A29580" i="1" s="1"/>
  <c r="A29581" i="1" s="1"/>
  <c r="A29582" i="1" s="1"/>
  <c r="A29583" i="1" s="1"/>
  <c r="A29584" i="1" s="1"/>
  <c r="A29585" i="1" s="1"/>
  <c r="A29586" i="1" s="1"/>
  <c r="A29587" i="1" s="1"/>
  <c r="A29588" i="1" s="1"/>
  <c r="A29589" i="1" s="1"/>
  <c r="A29590" i="1" s="1"/>
  <c r="A29591" i="1" s="1"/>
  <c r="A29592" i="1" s="1"/>
  <c r="A29593" i="1" s="1"/>
  <c r="A29594" i="1" s="1"/>
  <c r="A29595" i="1" s="1"/>
  <c r="A29596" i="1" s="1"/>
  <c r="A29597" i="1" s="1"/>
  <c r="A29598" i="1" s="1"/>
  <c r="A29599" i="1" s="1"/>
  <c r="A29600" i="1" s="1"/>
  <c r="A29601" i="1" s="1"/>
  <c r="A29602" i="1" s="1"/>
  <c r="A29603" i="1" s="1"/>
  <c r="A29604" i="1" s="1"/>
  <c r="A29605" i="1" s="1"/>
  <c r="A29606" i="1" s="1"/>
  <c r="A29607" i="1" s="1"/>
  <c r="A29608" i="1" s="1"/>
  <c r="A29609" i="1" s="1"/>
  <c r="A29610" i="1" s="1"/>
  <c r="A29611" i="1" s="1"/>
  <c r="A29612" i="1" s="1"/>
  <c r="A29613" i="1" s="1"/>
  <c r="A29614" i="1" s="1"/>
  <c r="A29615" i="1" s="1"/>
  <c r="A29616" i="1" s="1"/>
  <c r="A29617" i="1" s="1"/>
  <c r="A29618" i="1" s="1"/>
  <c r="A29619" i="1" s="1"/>
  <c r="A29620" i="1" s="1"/>
  <c r="A29621" i="1" s="1"/>
  <c r="A29622" i="1" s="1"/>
  <c r="A29623" i="1" s="1"/>
  <c r="A29624" i="1" s="1"/>
  <c r="A29625" i="1" s="1"/>
  <c r="A29626" i="1" s="1"/>
  <c r="A29627" i="1" s="1"/>
  <c r="A29628" i="1" s="1"/>
  <c r="A29629" i="1" s="1"/>
  <c r="A29630" i="1" s="1"/>
  <c r="A29631" i="1" s="1"/>
  <c r="A29632" i="1" s="1"/>
  <c r="A29633" i="1" s="1"/>
  <c r="A29634" i="1" s="1"/>
  <c r="A29635" i="1" s="1"/>
  <c r="A29636" i="1" s="1"/>
  <c r="A29637" i="1" s="1"/>
  <c r="A29638" i="1" s="1"/>
  <c r="A29639" i="1" s="1"/>
  <c r="A29640" i="1" s="1"/>
  <c r="A29641" i="1" s="1"/>
  <c r="A29642" i="1" s="1"/>
  <c r="A29643" i="1" s="1"/>
  <c r="A29644" i="1" s="1"/>
  <c r="A29645" i="1" s="1"/>
  <c r="A29646" i="1" s="1"/>
  <c r="A29647" i="1" s="1"/>
  <c r="A29648" i="1" s="1"/>
  <c r="A29649" i="1" s="1"/>
  <c r="A29650" i="1" s="1"/>
  <c r="A29651" i="1" s="1"/>
  <c r="A29652" i="1" s="1"/>
  <c r="A29653" i="1" s="1"/>
  <c r="A29654" i="1" s="1"/>
  <c r="A29655" i="1" s="1"/>
  <c r="A29656" i="1" s="1"/>
  <c r="A29657" i="1" s="1"/>
  <c r="A29658" i="1" s="1"/>
  <c r="A29659" i="1" s="1"/>
  <c r="A29660" i="1" s="1"/>
  <c r="A29661" i="1" s="1"/>
  <c r="A29662" i="1" s="1"/>
  <c r="A29663" i="1" s="1"/>
  <c r="A29664" i="1" s="1"/>
  <c r="A29665" i="1" s="1"/>
  <c r="A29666" i="1" s="1"/>
  <c r="A29667" i="1" s="1"/>
  <c r="A29668" i="1" s="1"/>
  <c r="A29669" i="1" s="1"/>
  <c r="A29670" i="1" s="1"/>
  <c r="A29671" i="1" s="1"/>
  <c r="A29672" i="1" s="1"/>
  <c r="A29673" i="1" s="1"/>
  <c r="A29674" i="1" s="1"/>
  <c r="A29675" i="1" s="1"/>
  <c r="A29676" i="1" s="1"/>
  <c r="A29677" i="1" s="1"/>
  <c r="A29678" i="1" s="1"/>
  <c r="A29679" i="1" s="1"/>
  <c r="A29680" i="1" s="1"/>
  <c r="A29681" i="1" s="1"/>
  <c r="A29682" i="1" s="1"/>
  <c r="A29683" i="1" s="1"/>
  <c r="A29684" i="1" s="1"/>
  <c r="A29685" i="1" s="1"/>
  <c r="A29686" i="1" s="1"/>
  <c r="A29687" i="1" s="1"/>
  <c r="A29688" i="1" s="1"/>
  <c r="A29689" i="1" s="1"/>
  <c r="A29690" i="1" s="1"/>
  <c r="A29691" i="1" s="1"/>
  <c r="A29692" i="1" s="1"/>
  <c r="A29693" i="1" s="1"/>
  <c r="A29694" i="1" s="1"/>
  <c r="A29695" i="1" s="1"/>
  <c r="A29696" i="1" s="1"/>
  <c r="A29697" i="1" s="1"/>
  <c r="A29698" i="1" s="1"/>
  <c r="A29699" i="1" s="1"/>
  <c r="A29700" i="1" s="1"/>
  <c r="A29701" i="1" s="1"/>
  <c r="A29702" i="1" s="1"/>
  <c r="A29703" i="1" s="1"/>
  <c r="A29704" i="1" s="1"/>
  <c r="A29705" i="1" s="1"/>
  <c r="A29706" i="1" s="1"/>
  <c r="A29707" i="1" s="1"/>
  <c r="A29708" i="1" s="1"/>
  <c r="A29709" i="1" s="1"/>
  <c r="A29710" i="1" s="1"/>
  <c r="A29711" i="1" s="1"/>
  <c r="A29712" i="1" s="1"/>
  <c r="A29713" i="1" s="1"/>
  <c r="A29714" i="1" s="1"/>
  <c r="A29715" i="1" s="1"/>
  <c r="A29716" i="1" s="1"/>
  <c r="A29717" i="1" s="1"/>
  <c r="A29718" i="1" s="1"/>
  <c r="A29719" i="1" s="1"/>
  <c r="A29720" i="1" s="1"/>
  <c r="A29721" i="1" s="1"/>
  <c r="A29722" i="1" s="1"/>
  <c r="A29723" i="1" s="1"/>
  <c r="A29724" i="1" s="1"/>
  <c r="A29725" i="1" s="1"/>
  <c r="A29726" i="1" s="1"/>
  <c r="A29727" i="1" s="1"/>
  <c r="A29728" i="1" s="1"/>
  <c r="A29729" i="1" s="1"/>
  <c r="A29730" i="1" s="1"/>
  <c r="A29731" i="1" s="1"/>
  <c r="A29732" i="1" s="1"/>
  <c r="A29733" i="1" s="1"/>
  <c r="A29734" i="1" s="1"/>
  <c r="A29735" i="1" s="1"/>
  <c r="A29736" i="1" s="1"/>
  <c r="A29737" i="1" s="1"/>
  <c r="A29738" i="1" s="1"/>
  <c r="A29739" i="1" s="1"/>
  <c r="A29740" i="1" s="1"/>
  <c r="A29741" i="1" s="1"/>
  <c r="A29742" i="1" s="1"/>
  <c r="A29743" i="1" s="1"/>
  <c r="A29744" i="1" s="1"/>
  <c r="A29745" i="1" s="1"/>
  <c r="A29746" i="1" s="1"/>
  <c r="A29747" i="1" s="1"/>
  <c r="A29748" i="1" s="1"/>
  <c r="A29749" i="1" s="1"/>
  <c r="A29750" i="1" s="1"/>
  <c r="A29751" i="1" s="1"/>
  <c r="A29752" i="1" s="1"/>
  <c r="A29753" i="1" s="1"/>
  <c r="A29754" i="1" s="1"/>
  <c r="A29755" i="1" s="1"/>
  <c r="A29756" i="1" s="1"/>
  <c r="A29757" i="1" s="1"/>
  <c r="A29758" i="1" s="1"/>
  <c r="A29759" i="1" s="1"/>
  <c r="A29760" i="1" s="1"/>
  <c r="A29761" i="1" s="1"/>
  <c r="A29762" i="1" s="1"/>
  <c r="A29763" i="1" s="1"/>
  <c r="A29764" i="1" s="1"/>
  <c r="A29765" i="1" s="1"/>
  <c r="A29766" i="1" s="1"/>
  <c r="A29767" i="1" s="1"/>
  <c r="A29768" i="1" s="1"/>
  <c r="A29769" i="1" s="1"/>
  <c r="A29770" i="1" s="1"/>
  <c r="A29771" i="1" s="1"/>
  <c r="A29772" i="1" s="1"/>
  <c r="A29773" i="1" s="1"/>
  <c r="A29774" i="1" s="1"/>
  <c r="A29775" i="1" s="1"/>
  <c r="A29776" i="1" s="1"/>
  <c r="A29777" i="1" s="1"/>
  <c r="A29778" i="1" s="1"/>
  <c r="A29779" i="1" s="1"/>
  <c r="A29780" i="1" s="1"/>
  <c r="A29781" i="1" s="1"/>
  <c r="A29782" i="1" s="1"/>
  <c r="A29783" i="1" s="1"/>
  <c r="A29784" i="1" s="1"/>
  <c r="A29785" i="1" s="1"/>
  <c r="A29786" i="1" s="1"/>
  <c r="A29787" i="1" s="1"/>
  <c r="A29788" i="1" s="1"/>
  <c r="A29789" i="1" s="1"/>
  <c r="A29790" i="1" s="1"/>
  <c r="A29791" i="1" s="1"/>
  <c r="A29792" i="1" s="1"/>
  <c r="A29793" i="1" s="1"/>
  <c r="A29794" i="1" s="1"/>
  <c r="A29795" i="1" s="1"/>
  <c r="A29796" i="1" s="1"/>
  <c r="A29797" i="1" s="1"/>
  <c r="A29798" i="1" s="1"/>
  <c r="A29799" i="1" s="1"/>
  <c r="A29800" i="1" s="1"/>
  <c r="A29801" i="1" s="1"/>
  <c r="A29802" i="1" s="1"/>
  <c r="A29803" i="1" s="1"/>
  <c r="A29804" i="1" s="1"/>
  <c r="A29805" i="1" s="1"/>
  <c r="A29806" i="1" s="1"/>
  <c r="A29807" i="1" s="1"/>
  <c r="A29808" i="1" s="1"/>
  <c r="A29809" i="1" s="1"/>
  <c r="A29810" i="1" s="1"/>
  <c r="A29811" i="1" s="1"/>
  <c r="A29812" i="1" s="1"/>
  <c r="A29813" i="1" s="1"/>
  <c r="A29814" i="1" s="1"/>
  <c r="A29815" i="1" s="1"/>
  <c r="A29816" i="1" s="1"/>
  <c r="A29817" i="1" s="1"/>
  <c r="A29818" i="1" s="1"/>
  <c r="A29819" i="1" s="1"/>
  <c r="A29820" i="1" s="1"/>
  <c r="A29821" i="1" s="1"/>
  <c r="A29822" i="1" s="1"/>
  <c r="A29823" i="1" s="1"/>
  <c r="A29824" i="1" s="1"/>
  <c r="A29825" i="1" s="1"/>
  <c r="A29826" i="1" s="1"/>
  <c r="A29827" i="1" s="1"/>
  <c r="A29828" i="1" s="1"/>
  <c r="A29829" i="1" s="1"/>
  <c r="A29830" i="1" s="1"/>
  <c r="A29831" i="1" s="1"/>
  <c r="A29832" i="1" s="1"/>
  <c r="A29833" i="1" s="1"/>
  <c r="A29834" i="1" s="1"/>
  <c r="A29835" i="1" s="1"/>
  <c r="A29836" i="1" s="1"/>
  <c r="A29837" i="1" s="1"/>
  <c r="A29838" i="1" s="1"/>
  <c r="A29839" i="1" s="1"/>
  <c r="A29840" i="1" s="1"/>
  <c r="A29841" i="1" s="1"/>
  <c r="A29842" i="1" s="1"/>
  <c r="A29843" i="1" s="1"/>
  <c r="A29844" i="1" s="1"/>
  <c r="A29845" i="1" s="1"/>
  <c r="A29846" i="1" s="1"/>
  <c r="A29847" i="1" s="1"/>
  <c r="A29848" i="1" s="1"/>
  <c r="A29849" i="1" s="1"/>
  <c r="A29850" i="1" s="1"/>
  <c r="A29851" i="1" s="1"/>
  <c r="A29852" i="1" s="1"/>
  <c r="A29853" i="1" s="1"/>
  <c r="A29854" i="1" s="1"/>
  <c r="A29855" i="1" s="1"/>
  <c r="A29856" i="1" s="1"/>
  <c r="A29857" i="1" s="1"/>
  <c r="A29858" i="1" s="1"/>
  <c r="A29859" i="1" s="1"/>
  <c r="A29860" i="1" s="1"/>
  <c r="A29861" i="1" s="1"/>
  <c r="A29862" i="1" s="1"/>
  <c r="A29863" i="1" s="1"/>
  <c r="A29864" i="1" s="1"/>
  <c r="A29865" i="1" s="1"/>
  <c r="A29866" i="1" s="1"/>
  <c r="A29867" i="1" s="1"/>
  <c r="A29868" i="1" s="1"/>
  <c r="A29869" i="1" s="1"/>
  <c r="A29870" i="1" s="1"/>
  <c r="A29871" i="1" s="1"/>
  <c r="A29872" i="1" s="1"/>
  <c r="A29873" i="1" s="1"/>
  <c r="A29874" i="1" s="1"/>
  <c r="A29875" i="1" s="1"/>
  <c r="A29876" i="1" s="1"/>
  <c r="A29877" i="1" s="1"/>
  <c r="A29878" i="1" s="1"/>
  <c r="A29879" i="1" s="1"/>
  <c r="A29880" i="1" s="1"/>
  <c r="A29881" i="1" s="1"/>
  <c r="A29882" i="1" s="1"/>
  <c r="A29883" i="1" s="1"/>
  <c r="A29884" i="1" s="1"/>
  <c r="A29885" i="1" s="1"/>
  <c r="A29886" i="1" s="1"/>
  <c r="A29887" i="1" s="1"/>
  <c r="A29888" i="1" s="1"/>
  <c r="A29889" i="1" s="1"/>
  <c r="A29890" i="1" s="1"/>
  <c r="A29891" i="1" s="1"/>
  <c r="A29892" i="1" s="1"/>
  <c r="A29893" i="1" s="1"/>
  <c r="A29894" i="1" s="1"/>
  <c r="A29895" i="1" s="1"/>
  <c r="A29896" i="1" s="1"/>
  <c r="A29897" i="1" s="1"/>
  <c r="A29898" i="1" s="1"/>
  <c r="A29899" i="1" s="1"/>
  <c r="A29900" i="1" s="1"/>
  <c r="A29901" i="1" s="1"/>
  <c r="A29902" i="1" s="1"/>
  <c r="A29903" i="1" s="1"/>
  <c r="A29904" i="1" s="1"/>
  <c r="A29905" i="1" s="1"/>
  <c r="A29906" i="1" s="1"/>
  <c r="A29907" i="1" s="1"/>
  <c r="A29908" i="1" s="1"/>
  <c r="A29909" i="1" s="1"/>
  <c r="A29910" i="1" s="1"/>
  <c r="A29911" i="1" s="1"/>
  <c r="A29912" i="1" s="1"/>
  <c r="A29913" i="1" s="1"/>
  <c r="A29914" i="1" s="1"/>
  <c r="A29915" i="1" s="1"/>
  <c r="A29916" i="1" s="1"/>
  <c r="A29917" i="1" s="1"/>
  <c r="A29918" i="1" s="1"/>
  <c r="A29919" i="1" s="1"/>
  <c r="A29920" i="1" s="1"/>
  <c r="A29921" i="1" s="1"/>
  <c r="A29922" i="1" s="1"/>
  <c r="A29923" i="1" s="1"/>
  <c r="A29924" i="1" s="1"/>
  <c r="A29925" i="1" s="1"/>
  <c r="A29926" i="1" s="1"/>
  <c r="A29927" i="1" s="1"/>
  <c r="A29928" i="1" s="1"/>
  <c r="A29929" i="1" s="1"/>
  <c r="A29930" i="1" s="1"/>
  <c r="A29931" i="1" s="1"/>
  <c r="A29932" i="1" s="1"/>
  <c r="A29933" i="1" s="1"/>
  <c r="A29934" i="1" s="1"/>
  <c r="A29935" i="1" s="1"/>
  <c r="A29936" i="1" s="1"/>
  <c r="A29937" i="1" s="1"/>
  <c r="A29938" i="1" s="1"/>
  <c r="A29939" i="1" s="1"/>
  <c r="A29940" i="1" s="1"/>
  <c r="A29941" i="1" s="1"/>
  <c r="A29942" i="1" s="1"/>
  <c r="A29943" i="1" s="1"/>
  <c r="A29944" i="1" s="1"/>
  <c r="A29945" i="1" s="1"/>
  <c r="A29946" i="1" s="1"/>
  <c r="A29947" i="1" s="1"/>
  <c r="A29948" i="1" s="1"/>
  <c r="A29949" i="1" s="1"/>
  <c r="A29950" i="1" s="1"/>
  <c r="A29951" i="1" s="1"/>
  <c r="A29952" i="1" s="1"/>
  <c r="A29953" i="1" s="1"/>
  <c r="A29954" i="1" s="1"/>
  <c r="A29955" i="1" s="1"/>
  <c r="A29956" i="1" s="1"/>
  <c r="A29957" i="1" s="1"/>
  <c r="A29958" i="1" s="1"/>
  <c r="A29959" i="1" s="1"/>
  <c r="A29960" i="1" s="1"/>
  <c r="A29961" i="1" s="1"/>
  <c r="A29962" i="1" s="1"/>
  <c r="A29963" i="1" s="1"/>
  <c r="A29964" i="1" s="1"/>
  <c r="A29965" i="1" s="1"/>
  <c r="A29966" i="1" s="1"/>
  <c r="A29967" i="1" s="1"/>
  <c r="A29968" i="1" s="1"/>
  <c r="A29969" i="1" s="1"/>
  <c r="A29970" i="1" s="1"/>
  <c r="A29971" i="1" s="1"/>
  <c r="A29972" i="1" s="1"/>
  <c r="A29973" i="1" s="1"/>
  <c r="A29974" i="1" s="1"/>
  <c r="A29975" i="1" s="1"/>
  <c r="A29976" i="1" s="1"/>
  <c r="A29977" i="1" s="1"/>
  <c r="A29978" i="1" s="1"/>
  <c r="A29979" i="1" s="1"/>
  <c r="A29980" i="1" s="1"/>
  <c r="A29981" i="1" s="1"/>
  <c r="A29982" i="1" s="1"/>
  <c r="A29983" i="1" s="1"/>
  <c r="A29984" i="1" s="1"/>
  <c r="A29985" i="1" s="1"/>
  <c r="A29986" i="1" s="1"/>
  <c r="A29987" i="1" s="1"/>
  <c r="A29988" i="1" s="1"/>
  <c r="A29989" i="1" s="1"/>
  <c r="A29990" i="1" s="1"/>
  <c r="A29991" i="1" s="1"/>
  <c r="A29992" i="1" s="1"/>
  <c r="A29993" i="1" s="1"/>
  <c r="A29994" i="1" s="1"/>
  <c r="A29995" i="1" s="1"/>
  <c r="A29996" i="1" s="1"/>
  <c r="A29997" i="1" s="1"/>
  <c r="A29998" i="1" s="1"/>
  <c r="A29999" i="1" s="1"/>
  <c r="A30000" i="1" s="1"/>
  <c r="A30001" i="1" s="1"/>
  <c r="A30002" i="1" s="1"/>
  <c r="A30003" i="1" s="1"/>
  <c r="A30004" i="1" s="1"/>
  <c r="A30005" i="1" s="1"/>
  <c r="A30006" i="1" s="1"/>
  <c r="A30007" i="1" s="1"/>
  <c r="A30008" i="1" s="1"/>
  <c r="A30009" i="1" s="1"/>
  <c r="A30010" i="1" s="1"/>
  <c r="A30011" i="1" s="1"/>
  <c r="A30012" i="1" s="1"/>
  <c r="A30013" i="1" s="1"/>
  <c r="A30014" i="1" s="1"/>
  <c r="A30015" i="1" s="1"/>
  <c r="A30016" i="1" s="1"/>
  <c r="A30017" i="1" s="1"/>
  <c r="A30018" i="1" s="1"/>
  <c r="A30019" i="1" s="1"/>
  <c r="A30020" i="1" s="1"/>
  <c r="A30021" i="1" s="1"/>
  <c r="A30022" i="1" s="1"/>
  <c r="A30023" i="1" s="1"/>
  <c r="A30024" i="1" s="1"/>
  <c r="A30025" i="1" s="1"/>
  <c r="A30026" i="1" s="1"/>
  <c r="A30027" i="1" s="1"/>
  <c r="A30028" i="1" s="1"/>
  <c r="A30029" i="1" s="1"/>
  <c r="A30030" i="1" s="1"/>
  <c r="A30031" i="1" s="1"/>
  <c r="A30032" i="1" s="1"/>
  <c r="A30033" i="1" s="1"/>
  <c r="A30034" i="1" s="1"/>
  <c r="A30035" i="1" s="1"/>
  <c r="A30036" i="1" s="1"/>
  <c r="A30037" i="1" s="1"/>
  <c r="A30038" i="1" s="1"/>
  <c r="A30039" i="1" s="1"/>
  <c r="A30040" i="1" s="1"/>
  <c r="A30041" i="1" s="1"/>
  <c r="A30042" i="1" s="1"/>
  <c r="A30043" i="1" s="1"/>
  <c r="A30044" i="1" s="1"/>
  <c r="A30045" i="1" s="1"/>
  <c r="A30046" i="1" s="1"/>
  <c r="A30047" i="1" s="1"/>
  <c r="A30048" i="1" s="1"/>
  <c r="A30049" i="1" s="1"/>
  <c r="A30050" i="1" s="1"/>
  <c r="A30051" i="1" s="1"/>
  <c r="A30052" i="1" s="1"/>
  <c r="A30053" i="1" s="1"/>
  <c r="A30054" i="1" s="1"/>
  <c r="A30055" i="1" s="1"/>
  <c r="A30056" i="1" s="1"/>
  <c r="A30057" i="1" s="1"/>
  <c r="A30058" i="1" s="1"/>
  <c r="A30059" i="1" s="1"/>
  <c r="A30060" i="1" s="1"/>
  <c r="A30061" i="1" s="1"/>
  <c r="A30062" i="1" s="1"/>
  <c r="A30063" i="1" s="1"/>
  <c r="A30064" i="1" s="1"/>
  <c r="A30065" i="1" s="1"/>
  <c r="A30066" i="1" s="1"/>
  <c r="A30067" i="1" s="1"/>
  <c r="A30068" i="1" s="1"/>
  <c r="A30069" i="1" s="1"/>
  <c r="A30070" i="1" s="1"/>
  <c r="A30071" i="1" s="1"/>
  <c r="A30072" i="1" s="1"/>
  <c r="A30073" i="1" s="1"/>
  <c r="A30074" i="1" s="1"/>
  <c r="A30075" i="1" s="1"/>
  <c r="A30076" i="1" s="1"/>
  <c r="A30077" i="1" s="1"/>
  <c r="A30078" i="1" s="1"/>
  <c r="A30079" i="1" s="1"/>
  <c r="A30080" i="1" s="1"/>
  <c r="A30081" i="1" s="1"/>
  <c r="A30082" i="1" s="1"/>
  <c r="A30083" i="1" s="1"/>
  <c r="A30084" i="1" s="1"/>
  <c r="A30085" i="1" s="1"/>
  <c r="A30086" i="1" s="1"/>
  <c r="A30087" i="1" s="1"/>
  <c r="A30088" i="1" s="1"/>
  <c r="A30089" i="1" s="1"/>
  <c r="A30090" i="1" s="1"/>
  <c r="A30091" i="1" s="1"/>
  <c r="A30092" i="1" s="1"/>
  <c r="A30093" i="1" s="1"/>
  <c r="A30094" i="1" s="1"/>
  <c r="A30095" i="1" s="1"/>
  <c r="A30096" i="1" s="1"/>
  <c r="A30097" i="1" s="1"/>
  <c r="A30098" i="1" s="1"/>
  <c r="A30099" i="1" s="1"/>
  <c r="A30100" i="1" s="1"/>
  <c r="A30101" i="1" s="1"/>
  <c r="A30102" i="1" s="1"/>
  <c r="A30103" i="1" s="1"/>
  <c r="A30104" i="1" s="1"/>
  <c r="A30105" i="1" s="1"/>
  <c r="A30106" i="1" s="1"/>
  <c r="A30107" i="1" s="1"/>
  <c r="A30108" i="1" s="1"/>
  <c r="A30109" i="1" s="1"/>
  <c r="A30110" i="1" s="1"/>
  <c r="A30111" i="1" s="1"/>
  <c r="A30112" i="1" s="1"/>
  <c r="A30113" i="1" s="1"/>
  <c r="A30114" i="1" s="1"/>
  <c r="A30115" i="1" s="1"/>
  <c r="A30116" i="1" s="1"/>
  <c r="A30117" i="1" s="1"/>
  <c r="A30118" i="1" s="1"/>
  <c r="A30119" i="1" s="1"/>
  <c r="A30120" i="1" s="1"/>
  <c r="A30121" i="1" s="1"/>
  <c r="A30122" i="1" s="1"/>
  <c r="A30123" i="1" s="1"/>
  <c r="A30124" i="1" s="1"/>
  <c r="A30125" i="1" s="1"/>
  <c r="A30126" i="1" s="1"/>
  <c r="A30127" i="1" s="1"/>
  <c r="A30128" i="1" s="1"/>
  <c r="A30129" i="1" s="1"/>
  <c r="A30130" i="1" s="1"/>
  <c r="A30131" i="1" s="1"/>
  <c r="A30132" i="1" s="1"/>
  <c r="A30133" i="1" s="1"/>
  <c r="A30134" i="1" s="1"/>
  <c r="A30135" i="1" s="1"/>
  <c r="A30136" i="1" s="1"/>
  <c r="A30137" i="1" s="1"/>
  <c r="A30138" i="1" s="1"/>
  <c r="A30139" i="1" s="1"/>
  <c r="A30140" i="1" s="1"/>
  <c r="A30141" i="1" s="1"/>
  <c r="A30142" i="1" s="1"/>
  <c r="A30143" i="1" s="1"/>
  <c r="A30144" i="1" s="1"/>
  <c r="A30145" i="1" s="1"/>
  <c r="A30146" i="1" s="1"/>
  <c r="A30147" i="1" s="1"/>
  <c r="A30148" i="1" s="1"/>
  <c r="A30149" i="1" s="1"/>
  <c r="A30150" i="1" s="1"/>
  <c r="A30151" i="1" s="1"/>
  <c r="A30152" i="1" s="1"/>
  <c r="A30153" i="1" s="1"/>
  <c r="A30154" i="1" s="1"/>
  <c r="A30155" i="1" s="1"/>
  <c r="A30156" i="1" s="1"/>
  <c r="A30157" i="1" s="1"/>
  <c r="A30158" i="1" s="1"/>
  <c r="A30159" i="1" s="1"/>
  <c r="A30160" i="1" s="1"/>
  <c r="A30161" i="1" s="1"/>
  <c r="A30162" i="1" s="1"/>
  <c r="A30163" i="1" s="1"/>
  <c r="A30164" i="1" s="1"/>
  <c r="A30165" i="1" s="1"/>
  <c r="A30166" i="1" s="1"/>
  <c r="A30167" i="1" s="1"/>
  <c r="A30168" i="1" s="1"/>
  <c r="A30169" i="1" s="1"/>
  <c r="A30170" i="1" s="1"/>
  <c r="A30171" i="1" s="1"/>
  <c r="A30172" i="1" s="1"/>
  <c r="A30173" i="1" s="1"/>
  <c r="A30174" i="1" s="1"/>
  <c r="A30175" i="1" s="1"/>
  <c r="A30176" i="1" s="1"/>
  <c r="A30177" i="1" s="1"/>
  <c r="A30178" i="1" s="1"/>
  <c r="A30179" i="1" s="1"/>
  <c r="A30180" i="1" s="1"/>
  <c r="A30181" i="1" s="1"/>
  <c r="A30182" i="1" s="1"/>
  <c r="A30183" i="1" s="1"/>
  <c r="A30184" i="1" s="1"/>
  <c r="A30185" i="1" s="1"/>
  <c r="A30186" i="1" s="1"/>
  <c r="A30187" i="1" s="1"/>
  <c r="A30188" i="1" s="1"/>
  <c r="A30189" i="1" s="1"/>
  <c r="A30190" i="1" s="1"/>
  <c r="A30191" i="1" s="1"/>
  <c r="A30192" i="1" s="1"/>
  <c r="A30193" i="1" s="1"/>
  <c r="A30194" i="1" s="1"/>
  <c r="A30195" i="1" s="1"/>
  <c r="A30196" i="1" s="1"/>
  <c r="A30197" i="1" s="1"/>
  <c r="A30198" i="1" s="1"/>
  <c r="A30199" i="1" s="1"/>
  <c r="A30200" i="1" s="1"/>
  <c r="A30201" i="1" s="1"/>
  <c r="A30202" i="1" s="1"/>
  <c r="A30203" i="1" s="1"/>
  <c r="A30204" i="1" s="1"/>
  <c r="A30205" i="1" s="1"/>
  <c r="A30206" i="1" s="1"/>
  <c r="A30207" i="1" s="1"/>
  <c r="A30208" i="1" s="1"/>
  <c r="A30209" i="1" s="1"/>
  <c r="A30210" i="1" s="1"/>
  <c r="A30211" i="1" s="1"/>
  <c r="A30212" i="1" s="1"/>
  <c r="A30213" i="1" s="1"/>
  <c r="A30214" i="1" s="1"/>
  <c r="A30215" i="1" s="1"/>
  <c r="A30216" i="1" s="1"/>
  <c r="A30217" i="1" s="1"/>
  <c r="A30218" i="1" s="1"/>
  <c r="A30219" i="1" s="1"/>
  <c r="A30220" i="1" s="1"/>
  <c r="A30221" i="1" s="1"/>
  <c r="A30222" i="1" s="1"/>
  <c r="A30223" i="1" s="1"/>
  <c r="A30224" i="1" s="1"/>
  <c r="A30225" i="1" s="1"/>
  <c r="A30226" i="1" s="1"/>
  <c r="A30227" i="1" s="1"/>
  <c r="A30228" i="1" s="1"/>
  <c r="A30229" i="1" s="1"/>
  <c r="A30230" i="1" s="1"/>
  <c r="A30231" i="1" s="1"/>
  <c r="A30232" i="1" s="1"/>
  <c r="A30233" i="1" s="1"/>
  <c r="A30234" i="1" s="1"/>
  <c r="A30235" i="1" s="1"/>
  <c r="A30236" i="1" s="1"/>
  <c r="A30237" i="1" s="1"/>
  <c r="A30238" i="1" s="1"/>
  <c r="A30239" i="1" s="1"/>
  <c r="A30240" i="1" s="1"/>
  <c r="A30241" i="1" s="1"/>
  <c r="A30242" i="1" s="1"/>
  <c r="A30243" i="1" s="1"/>
  <c r="A30244" i="1" s="1"/>
  <c r="A30245" i="1" s="1"/>
  <c r="A30246" i="1" s="1"/>
  <c r="A30247" i="1" s="1"/>
  <c r="A30248" i="1" s="1"/>
  <c r="A30249" i="1" s="1"/>
  <c r="A30250" i="1" s="1"/>
  <c r="A30251" i="1" s="1"/>
  <c r="A30252" i="1" s="1"/>
  <c r="A30253" i="1" s="1"/>
  <c r="A30254" i="1" s="1"/>
  <c r="A30255" i="1" s="1"/>
  <c r="A30256" i="1" s="1"/>
  <c r="A30257" i="1" s="1"/>
  <c r="A30258" i="1" s="1"/>
  <c r="A30259" i="1" s="1"/>
  <c r="A30260" i="1" s="1"/>
  <c r="A30261" i="1" s="1"/>
  <c r="A30262" i="1" s="1"/>
  <c r="A30263" i="1" s="1"/>
  <c r="A30264" i="1" s="1"/>
  <c r="A30265" i="1" s="1"/>
  <c r="A30266" i="1" s="1"/>
  <c r="A30267" i="1" s="1"/>
  <c r="A30268" i="1" s="1"/>
  <c r="A30269" i="1" s="1"/>
  <c r="A30270" i="1" s="1"/>
  <c r="A30271" i="1" s="1"/>
  <c r="A30272" i="1" s="1"/>
  <c r="A30273" i="1" s="1"/>
  <c r="A30274" i="1" s="1"/>
  <c r="A30275" i="1" s="1"/>
  <c r="A30276" i="1" s="1"/>
  <c r="A30277" i="1" s="1"/>
  <c r="A30278" i="1" s="1"/>
  <c r="A30279" i="1" s="1"/>
  <c r="A30280" i="1" s="1"/>
  <c r="A30281" i="1" s="1"/>
  <c r="A30282" i="1" s="1"/>
  <c r="A30283" i="1" s="1"/>
  <c r="A30284" i="1" s="1"/>
  <c r="A30285" i="1" s="1"/>
  <c r="A30286" i="1" s="1"/>
  <c r="A30287" i="1" s="1"/>
  <c r="A30288" i="1" s="1"/>
  <c r="A30289" i="1" s="1"/>
  <c r="A30290" i="1" s="1"/>
  <c r="A30291" i="1" s="1"/>
  <c r="A30292" i="1" s="1"/>
  <c r="A30293" i="1" s="1"/>
  <c r="A30294" i="1" s="1"/>
  <c r="A30295" i="1" s="1"/>
  <c r="A30296" i="1" s="1"/>
  <c r="A30297" i="1" s="1"/>
  <c r="A30298" i="1" s="1"/>
  <c r="A30299" i="1" s="1"/>
  <c r="A30300" i="1" s="1"/>
  <c r="A30301" i="1" s="1"/>
  <c r="A30302" i="1" s="1"/>
  <c r="A30303" i="1" s="1"/>
  <c r="A30304" i="1" s="1"/>
  <c r="A30305" i="1" s="1"/>
  <c r="A30306" i="1" s="1"/>
  <c r="A30307" i="1" s="1"/>
  <c r="A30308" i="1" s="1"/>
  <c r="A30309" i="1" s="1"/>
  <c r="A30310" i="1" s="1"/>
  <c r="A30311" i="1" s="1"/>
  <c r="A30312" i="1" s="1"/>
  <c r="A30313" i="1" s="1"/>
  <c r="A30314" i="1" s="1"/>
  <c r="A30315" i="1" s="1"/>
  <c r="A30316" i="1" s="1"/>
  <c r="A30317" i="1" s="1"/>
  <c r="A30318" i="1" s="1"/>
  <c r="A30319" i="1" s="1"/>
  <c r="A30320" i="1" s="1"/>
  <c r="A30321" i="1" s="1"/>
  <c r="A30322" i="1" s="1"/>
  <c r="A30323" i="1" s="1"/>
  <c r="A30324" i="1" s="1"/>
  <c r="A30325" i="1" s="1"/>
  <c r="A30326" i="1" s="1"/>
  <c r="A30327" i="1" s="1"/>
  <c r="A30328" i="1" s="1"/>
  <c r="A30329" i="1" s="1"/>
  <c r="A30330" i="1" s="1"/>
  <c r="A30331" i="1" s="1"/>
  <c r="A30332" i="1" s="1"/>
  <c r="A30333" i="1" s="1"/>
  <c r="A30334" i="1" s="1"/>
  <c r="A30335" i="1" s="1"/>
  <c r="A30336" i="1" s="1"/>
  <c r="A30337" i="1" s="1"/>
  <c r="A30338" i="1" s="1"/>
  <c r="A30339" i="1" s="1"/>
  <c r="A30340" i="1" s="1"/>
  <c r="A30341" i="1" s="1"/>
  <c r="A30342" i="1" s="1"/>
  <c r="A30343" i="1" s="1"/>
  <c r="A30344" i="1" s="1"/>
  <c r="A30345" i="1" s="1"/>
  <c r="A30346" i="1" s="1"/>
  <c r="A30347" i="1" s="1"/>
  <c r="A30348" i="1" s="1"/>
  <c r="A30349" i="1" s="1"/>
  <c r="A30350" i="1" s="1"/>
  <c r="A30351" i="1" s="1"/>
  <c r="A30352" i="1" s="1"/>
  <c r="A30353" i="1" s="1"/>
  <c r="A30354" i="1" s="1"/>
  <c r="A30355" i="1" s="1"/>
  <c r="A30356" i="1" s="1"/>
  <c r="A30357" i="1" s="1"/>
  <c r="A30358" i="1" s="1"/>
  <c r="A30359" i="1" s="1"/>
  <c r="A30360" i="1" s="1"/>
  <c r="A30361" i="1" s="1"/>
  <c r="A30362" i="1" s="1"/>
  <c r="A30363" i="1" s="1"/>
  <c r="A30364" i="1" s="1"/>
  <c r="A30365" i="1" s="1"/>
  <c r="A30366" i="1" s="1"/>
  <c r="A30367" i="1" s="1"/>
  <c r="A30368" i="1" s="1"/>
  <c r="A30369" i="1" s="1"/>
  <c r="A30370" i="1" s="1"/>
  <c r="A30371" i="1" s="1"/>
  <c r="A30372" i="1" s="1"/>
  <c r="A30373" i="1" s="1"/>
  <c r="A30374" i="1" s="1"/>
  <c r="A30375" i="1" s="1"/>
  <c r="A30376" i="1" s="1"/>
  <c r="A30377" i="1" s="1"/>
  <c r="A30378" i="1" s="1"/>
  <c r="A30379" i="1" s="1"/>
  <c r="A30380" i="1" s="1"/>
  <c r="A30381" i="1" s="1"/>
  <c r="A30382" i="1" s="1"/>
  <c r="A30383" i="1" s="1"/>
  <c r="A30384" i="1" s="1"/>
  <c r="A30385" i="1" s="1"/>
  <c r="A30386" i="1" s="1"/>
  <c r="A30387" i="1" s="1"/>
  <c r="A30388" i="1" s="1"/>
  <c r="A30389" i="1" s="1"/>
  <c r="A30390" i="1" s="1"/>
  <c r="A30391" i="1" s="1"/>
  <c r="A30392" i="1" s="1"/>
  <c r="A30393" i="1" s="1"/>
  <c r="A30394" i="1" s="1"/>
  <c r="A30395" i="1" s="1"/>
  <c r="A30396" i="1" s="1"/>
  <c r="A30397" i="1" s="1"/>
  <c r="A30398" i="1" s="1"/>
  <c r="A30399" i="1" s="1"/>
  <c r="A30400" i="1" s="1"/>
  <c r="A30401" i="1" s="1"/>
  <c r="A30402" i="1" s="1"/>
  <c r="A30403" i="1" s="1"/>
  <c r="A30404" i="1" s="1"/>
  <c r="A30405" i="1" s="1"/>
  <c r="A30406" i="1" s="1"/>
  <c r="A30407" i="1" s="1"/>
  <c r="A30408" i="1" s="1"/>
  <c r="A30409" i="1" s="1"/>
  <c r="A30410" i="1" s="1"/>
  <c r="A30411" i="1" s="1"/>
  <c r="A30412" i="1" s="1"/>
  <c r="A30413" i="1" s="1"/>
  <c r="A30414" i="1" s="1"/>
  <c r="A30415" i="1" s="1"/>
  <c r="A30416" i="1" s="1"/>
  <c r="A30417" i="1" s="1"/>
  <c r="A30418" i="1" s="1"/>
  <c r="A30419" i="1" s="1"/>
  <c r="A30420" i="1" s="1"/>
  <c r="A30421" i="1" s="1"/>
  <c r="A30422" i="1" s="1"/>
  <c r="A30423" i="1" s="1"/>
  <c r="A30424" i="1" s="1"/>
  <c r="A30425" i="1" s="1"/>
  <c r="A30426" i="1" s="1"/>
  <c r="A30427" i="1" s="1"/>
  <c r="A30428" i="1" s="1"/>
  <c r="A30429" i="1" s="1"/>
  <c r="A30430" i="1" s="1"/>
  <c r="A30431" i="1" s="1"/>
  <c r="A30432" i="1" s="1"/>
  <c r="A30433" i="1" s="1"/>
  <c r="A30434" i="1" s="1"/>
  <c r="A30435" i="1" s="1"/>
  <c r="A30436" i="1" s="1"/>
  <c r="A30437" i="1" s="1"/>
  <c r="A30438" i="1" s="1"/>
  <c r="A30439" i="1" s="1"/>
  <c r="A30440" i="1" s="1"/>
  <c r="A30441" i="1" s="1"/>
  <c r="A30442" i="1" s="1"/>
  <c r="A30443" i="1" s="1"/>
  <c r="A30444" i="1" s="1"/>
  <c r="A30445" i="1" s="1"/>
  <c r="A30446" i="1" s="1"/>
  <c r="A30447" i="1" s="1"/>
  <c r="A30448" i="1" s="1"/>
  <c r="A30449" i="1" s="1"/>
  <c r="A30450" i="1" s="1"/>
  <c r="A30451" i="1" s="1"/>
  <c r="A30452" i="1" s="1"/>
  <c r="A30453" i="1" s="1"/>
  <c r="A30454" i="1" s="1"/>
  <c r="A30455" i="1" s="1"/>
  <c r="A30456" i="1" s="1"/>
  <c r="A30457" i="1" s="1"/>
  <c r="A30458" i="1" s="1"/>
  <c r="A30459" i="1" s="1"/>
  <c r="A30460" i="1" s="1"/>
  <c r="A30461" i="1" s="1"/>
  <c r="A30462" i="1" s="1"/>
  <c r="A30463" i="1" s="1"/>
  <c r="A30464" i="1" s="1"/>
  <c r="A30465" i="1" s="1"/>
  <c r="A30466" i="1" s="1"/>
  <c r="A30467" i="1" s="1"/>
  <c r="A30468" i="1" s="1"/>
  <c r="A30469" i="1" s="1"/>
  <c r="A30470" i="1" s="1"/>
  <c r="A30471" i="1" s="1"/>
  <c r="A30472" i="1" s="1"/>
  <c r="A30473" i="1" s="1"/>
  <c r="A30474" i="1" s="1"/>
  <c r="A30475" i="1" s="1"/>
  <c r="A30476" i="1" s="1"/>
  <c r="A30477" i="1" s="1"/>
  <c r="A30478" i="1" s="1"/>
  <c r="A30479" i="1" s="1"/>
  <c r="A30480" i="1" s="1"/>
  <c r="A30481" i="1" s="1"/>
  <c r="A30482" i="1" s="1"/>
  <c r="A30483" i="1" s="1"/>
  <c r="A30484" i="1" s="1"/>
  <c r="A30485" i="1" s="1"/>
  <c r="A30486" i="1" s="1"/>
  <c r="A30487" i="1" s="1"/>
  <c r="A30488" i="1" s="1"/>
  <c r="A30489" i="1" s="1"/>
  <c r="A30490" i="1" s="1"/>
  <c r="A30491" i="1" s="1"/>
  <c r="A30492" i="1" s="1"/>
  <c r="A30493" i="1" s="1"/>
  <c r="A30494" i="1" s="1"/>
  <c r="A30495" i="1" s="1"/>
  <c r="A30496" i="1" s="1"/>
  <c r="A30497" i="1" s="1"/>
  <c r="A30498" i="1" s="1"/>
  <c r="A30499" i="1" s="1"/>
  <c r="A30500" i="1" s="1"/>
  <c r="A30501" i="1" s="1"/>
  <c r="A30502" i="1" s="1"/>
  <c r="A30503" i="1" s="1"/>
  <c r="A30504" i="1" s="1"/>
  <c r="A30505" i="1" s="1"/>
  <c r="A30506" i="1" s="1"/>
  <c r="A30507" i="1" s="1"/>
  <c r="A30508" i="1" s="1"/>
  <c r="A30509" i="1" s="1"/>
  <c r="A30510" i="1" s="1"/>
  <c r="A30511" i="1" s="1"/>
  <c r="A30512" i="1" s="1"/>
  <c r="A30513" i="1" s="1"/>
  <c r="A30514" i="1" s="1"/>
  <c r="A30515" i="1" s="1"/>
  <c r="A30516" i="1" s="1"/>
  <c r="A30517" i="1" s="1"/>
  <c r="A30518" i="1" s="1"/>
  <c r="A30519" i="1" s="1"/>
  <c r="A30520" i="1" s="1"/>
  <c r="A30521" i="1" s="1"/>
  <c r="A30522" i="1" s="1"/>
  <c r="A30523" i="1" s="1"/>
  <c r="A30524" i="1" s="1"/>
  <c r="A30525" i="1" s="1"/>
  <c r="A30526" i="1" s="1"/>
  <c r="A30527" i="1" s="1"/>
  <c r="A30528" i="1" s="1"/>
  <c r="A30529" i="1" s="1"/>
  <c r="A30530" i="1" s="1"/>
  <c r="A30531" i="1" s="1"/>
  <c r="A30532" i="1" s="1"/>
  <c r="A30533" i="1" s="1"/>
  <c r="A30534" i="1" s="1"/>
  <c r="A30535" i="1" s="1"/>
  <c r="A30536" i="1" s="1"/>
  <c r="A30537" i="1" s="1"/>
  <c r="A30538" i="1" s="1"/>
  <c r="A30539" i="1" s="1"/>
  <c r="A30540" i="1" s="1"/>
  <c r="A30541" i="1" s="1"/>
  <c r="A30542" i="1" s="1"/>
  <c r="A30543" i="1" s="1"/>
  <c r="A30544" i="1" s="1"/>
  <c r="A30545" i="1" s="1"/>
  <c r="A30546" i="1" s="1"/>
  <c r="A30547" i="1" s="1"/>
  <c r="A30548" i="1" s="1"/>
  <c r="A30549" i="1" s="1"/>
  <c r="A30550" i="1" s="1"/>
  <c r="A30551" i="1" s="1"/>
  <c r="A30552" i="1" s="1"/>
  <c r="A30553" i="1" s="1"/>
  <c r="A30554" i="1" s="1"/>
  <c r="A30555" i="1" s="1"/>
  <c r="A30556" i="1" s="1"/>
  <c r="A30557" i="1" s="1"/>
  <c r="A30558" i="1" s="1"/>
  <c r="A30559" i="1" s="1"/>
  <c r="A30560" i="1" s="1"/>
  <c r="A30561" i="1" s="1"/>
  <c r="A30562" i="1" s="1"/>
  <c r="A30563" i="1" s="1"/>
  <c r="A30564" i="1" s="1"/>
  <c r="A30565" i="1" s="1"/>
  <c r="A30566" i="1" s="1"/>
  <c r="A30567" i="1" s="1"/>
  <c r="A30568" i="1" s="1"/>
  <c r="A30569" i="1" s="1"/>
  <c r="A30570" i="1" s="1"/>
  <c r="A30571" i="1" s="1"/>
  <c r="A30572" i="1" s="1"/>
  <c r="A30573" i="1" s="1"/>
  <c r="A30574" i="1" s="1"/>
  <c r="A30575" i="1" s="1"/>
  <c r="A30576" i="1" s="1"/>
  <c r="A30577" i="1" s="1"/>
  <c r="A30578" i="1" s="1"/>
  <c r="A30579" i="1" s="1"/>
  <c r="A30580" i="1" s="1"/>
  <c r="A30581" i="1" s="1"/>
  <c r="A30582" i="1" s="1"/>
  <c r="A30583" i="1" s="1"/>
  <c r="A30584" i="1" s="1"/>
  <c r="A30585" i="1" s="1"/>
  <c r="A30586" i="1" s="1"/>
  <c r="A30587" i="1" s="1"/>
  <c r="A30588" i="1" s="1"/>
  <c r="A30589" i="1" s="1"/>
  <c r="A30590" i="1" s="1"/>
  <c r="A30591" i="1" s="1"/>
  <c r="A30592" i="1" s="1"/>
  <c r="A30593" i="1" s="1"/>
  <c r="A30594" i="1" s="1"/>
  <c r="A30595" i="1" s="1"/>
  <c r="A30596" i="1" s="1"/>
  <c r="A30597" i="1" s="1"/>
  <c r="A30598" i="1" s="1"/>
  <c r="A30599" i="1" s="1"/>
  <c r="A30600" i="1" s="1"/>
  <c r="A30601" i="1" s="1"/>
  <c r="A30602" i="1" s="1"/>
  <c r="A30603" i="1" s="1"/>
  <c r="A30604" i="1" s="1"/>
  <c r="A30605" i="1" s="1"/>
  <c r="A30606" i="1" s="1"/>
  <c r="A30607" i="1" s="1"/>
  <c r="A30608" i="1" s="1"/>
  <c r="A30609" i="1" s="1"/>
  <c r="A30610" i="1" s="1"/>
  <c r="A30611" i="1" s="1"/>
  <c r="A30612" i="1" s="1"/>
  <c r="A30613" i="1" s="1"/>
  <c r="A30614" i="1" s="1"/>
  <c r="A30615" i="1" s="1"/>
  <c r="A30616" i="1" s="1"/>
  <c r="A30617" i="1" s="1"/>
  <c r="A30618" i="1" s="1"/>
  <c r="A30619" i="1" s="1"/>
  <c r="A30620" i="1" s="1"/>
  <c r="A30621" i="1" s="1"/>
  <c r="A30622" i="1" s="1"/>
  <c r="A30623" i="1" s="1"/>
  <c r="A30624" i="1" s="1"/>
  <c r="A30625" i="1" s="1"/>
  <c r="A30626" i="1" s="1"/>
  <c r="A30627" i="1" s="1"/>
  <c r="A30628" i="1" s="1"/>
  <c r="A30629" i="1" s="1"/>
  <c r="A30630" i="1" s="1"/>
  <c r="A30631" i="1" s="1"/>
  <c r="A30632" i="1" s="1"/>
  <c r="A30633" i="1" s="1"/>
  <c r="A30634" i="1" s="1"/>
  <c r="A30635" i="1" s="1"/>
  <c r="A30636" i="1" s="1"/>
  <c r="A30637" i="1" s="1"/>
  <c r="A30638" i="1" s="1"/>
  <c r="A30639" i="1" s="1"/>
  <c r="A30640" i="1" s="1"/>
  <c r="A30641" i="1" s="1"/>
  <c r="A30642" i="1" s="1"/>
  <c r="A30643" i="1" s="1"/>
  <c r="A30644" i="1" s="1"/>
  <c r="A30645" i="1" s="1"/>
  <c r="A30646" i="1" s="1"/>
  <c r="A30647" i="1" s="1"/>
  <c r="A30648" i="1" s="1"/>
  <c r="A30649" i="1" s="1"/>
  <c r="A30650" i="1" s="1"/>
  <c r="A30651" i="1" s="1"/>
  <c r="A30652" i="1" s="1"/>
  <c r="A30653" i="1" s="1"/>
  <c r="A30654" i="1" s="1"/>
  <c r="A30655" i="1" s="1"/>
  <c r="A30656" i="1" s="1"/>
  <c r="A30657" i="1" s="1"/>
  <c r="A30658" i="1" s="1"/>
  <c r="A30659" i="1" s="1"/>
  <c r="A30660" i="1" s="1"/>
  <c r="A30661" i="1" s="1"/>
  <c r="A30662" i="1" s="1"/>
  <c r="A30663" i="1" s="1"/>
  <c r="A30664" i="1" s="1"/>
  <c r="A30665" i="1" s="1"/>
  <c r="A30666" i="1" s="1"/>
  <c r="A30667" i="1" s="1"/>
  <c r="A30668" i="1" s="1"/>
  <c r="A30669" i="1" s="1"/>
  <c r="A30670" i="1" s="1"/>
  <c r="A30671" i="1" s="1"/>
  <c r="A30672" i="1" s="1"/>
  <c r="A30673" i="1" s="1"/>
  <c r="A30674" i="1" s="1"/>
  <c r="A30675" i="1" s="1"/>
  <c r="A30676" i="1" s="1"/>
  <c r="A30677" i="1" s="1"/>
  <c r="A30678" i="1" s="1"/>
  <c r="A30679" i="1" s="1"/>
  <c r="A30680" i="1" s="1"/>
  <c r="A30681" i="1" s="1"/>
  <c r="A30682" i="1" s="1"/>
  <c r="A30683" i="1" s="1"/>
  <c r="A30684" i="1" s="1"/>
  <c r="A30685" i="1" s="1"/>
  <c r="A30686" i="1" s="1"/>
  <c r="A30687" i="1" s="1"/>
  <c r="A30688" i="1" s="1"/>
  <c r="A30689" i="1" s="1"/>
  <c r="A30690" i="1" s="1"/>
  <c r="A30691" i="1" s="1"/>
  <c r="A30692" i="1" s="1"/>
  <c r="A30693" i="1" s="1"/>
  <c r="A30694" i="1" s="1"/>
  <c r="A30695" i="1" s="1"/>
  <c r="A30696" i="1" s="1"/>
  <c r="A30697" i="1" s="1"/>
  <c r="A30698" i="1" s="1"/>
  <c r="A30699" i="1" s="1"/>
  <c r="A30700" i="1" s="1"/>
  <c r="A30701" i="1" s="1"/>
  <c r="A30702" i="1" s="1"/>
  <c r="A30703" i="1" s="1"/>
  <c r="A30704" i="1" s="1"/>
  <c r="A30705" i="1" s="1"/>
  <c r="A30706" i="1" s="1"/>
  <c r="A30707" i="1" s="1"/>
  <c r="A30708" i="1" s="1"/>
  <c r="A30709" i="1" s="1"/>
  <c r="A30710" i="1" s="1"/>
  <c r="A30711" i="1" s="1"/>
  <c r="A30712" i="1" s="1"/>
  <c r="A30713" i="1" s="1"/>
  <c r="A30714" i="1" s="1"/>
  <c r="A30715" i="1" s="1"/>
  <c r="A30716" i="1" s="1"/>
  <c r="A30717" i="1" s="1"/>
  <c r="A30718" i="1" s="1"/>
  <c r="A30719" i="1" s="1"/>
  <c r="A30720" i="1" s="1"/>
  <c r="A30721" i="1" s="1"/>
  <c r="A30722" i="1" s="1"/>
  <c r="A30723" i="1" s="1"/>
  <c r="A30724" i="1" s="1"/>
  <c r="A30725" i="1" s="1"/>
  <c r="A30726" i="1" s="1"/>
  <c r="A30727" i="1" s="1"/>
  <c r="A30728" i="1" s="1"/>
  <c r="A30729" i="1" s="1"/>
  <c r="A30730" i="1" s="1"/>
  <c r="A30731" i="1" s="1"/>
  <c r="A30732" i="1" s="1"/>
  <c r="A30733" i="1" s="1"/>
  <c r="A30734" i="1" s="1"/>
  <c r="A30735" i="1" s="1"/>
  <c r="A30736" i="1" s="1"/>
  <c r="A30737" i="1" s="1"/>
  <c r="A30738" i="1" s="1"/>
  <c r="A30739" i="1" s="1"/>
  <c r="A30740" i="1" s="1"/>
  <c r="A30741" i="1" s="1"/>
  <c r="A30742" i="1" s="1"/>
  <c r="A30743" i="1" s="1"/>
  <c r="A30744" i="1" s="1"/>
  <c r="A30745" i="1" s="1"/>
  <c r="A30746" i="1" s="1"/>
  <c r="A30747" i="1" s="1"/>
  <c r="A30748" i="1" s="1"/>
  <c r="A30749" i="1" s="1"/>
  <c r="A30750" i="1" s="1"/>
  <c r="A30751" i="1" s="1"/>
  <c r="A30752" i="1" s="1"/>
  <c r="A30753" i="1" s="1"/>
  <c r="A30754" i="1" s="1"/>
  <c r="A30755" i="1" s="1"/>
  <c r="A30756" i="1" s="1"/>
  <c r="A30757" i="1" s="1"/>
  <c r="A30758" i="1" s="1"/>
  <c r="A30759" i="1" s="1"/>
  <c r="A30760" i="1" s="1"/>
  <c r="A30761" i="1" s="1"/>
  <c r="A30762" i="1" s="1"/>
  <c r="A30763" i="1" s="1"/>
  <c r="A30764" i="1" s="1"/>
  <c r="A30765" i="1" s="1"/>
  <c r="A30766" i="1" s="1"/>
  <c r="A30767" i="1" s="1"/>
  <c r="A30768" i="1" s="1"/>
  <c r="A30769" i="1" s="1"/>
  <c r="A30770" i="1" s="1"/>
  <c r="A30771" i="1" s="1"/>
  <c r="A30772" i="1" s="1"/>
  <c r="A30773" i="1" s="1"/>
  <c r="A30774" i="1" s="1"/>
  <c r="A30775" i="1" s="1"/>
  <c r="A30776" i="1" s="1"/>
  <c r="A30777" i="1" s="1"/>
  <c r="A30778" i="1" s="1"/>
  <c r="A30779" i="1" s="1"/>
  <c r="A30780" i="1" s="1"/>
  <c r="A30781" i="1" s="1"/>
  <c r="A30782" i="1" s="1"/>
  <c r="A30783" i="1" s="1"/>
  <c r="A30784" i="1" s="1"/>
  <c r="A30785" i="1" s="1"/>
  <c r="A30786" i="1" s="1"/>
  <c r="A30787" i="1" s="1"/>
  <c r="A30788" i="1" s="1"/>
  <c r="A30789" i="1" s="1"/>
  <c r="A30790" i="1" s="1"/>
  <c r="A30791" i="1" s="1"/>
  <c r="A30792" i="1" s="1"/>
  <c r="A30793" i="1" s="1"/>
  <c r="A30794" i="1" s="1"/>
  <c r="A30795" i="1" s="1"/>
  <c r="A30796" i="1" s="1"/>
  <c r="A30797" i="1" s="1"/>
  <c r="A30798" i="1" s="1"/>
  <c r="A30799" i="1" s="1"/>
  <c r="A30800" i="1" s="1"/>
  <c r="A30801" i="1" s="1"/>
  <c r="A30802" i="1" s="1"/>
  <c r="A30803" i="1" s="1"/>
  <c r="A30804" i="1" s="1"/>
  <c r="A30805" i="1" s="1"/>
  <c r="A30806" i="1" s="1"/>
  <c r="A30807" i="1" s="1"/>
  <c r="A30808" i="1" s="1"/>
  <c r="A30809" i="1" s="1"/>
  <c r="A30810" i="1" s="1"/>
  <c r="A30811" i="1" s="1"/>
  <c r="A30812" i="1" s="1"/>
  <c r="A30813" i="1" s="1"/>
  <c r="A30814" i="1" s="1"/>
  <c r="A30815" i="1" s="1"/>
  <c r="A30816" i="1" s="1"/>
  <c r="A30817" i="1" s="1"/>
  <c r="A30818" i="1" s="1"/>
  <c r="A30819" i="1" s="1"/>
  <c r="A30820" i="1" s="1"/>
  <c r="A30821" i="1" s="1"/>
  <c r="A30822" i="1" s="1"/>
  <c r="A30823" i="1" s="1"/>
  <c r="A30824" i="1" s="1"/>
  <c r="A30825" i="1" s="1"/>
  <c r="A30826" i="1" s="1"/>
  <c r="A30827" i="1" s="1"/>
  <c r="A30828" i="1" s="1"/>
  <c r="A30829" i="1" s="1"/>
  <c r="A30830" i="1" s="1"/>
  <c r="A30831" i="1" s="1"/>
  <c r="A30832" i="1" s="1"/>
  <c r="A30833" i="1" s="1"/>
  <c r="A30834" i="1" s="1"/>
  <c r="A30835" i="1" s="1"/>
  <c r="A30836" i="1" s="1"/>
  <c r="A30837" i="1" s="1"/>
  <c r="A30838" i="1" s="1"/>
  <c r="A30839" i="1" s="1"/>
  <c r="A30840" i="1" s="1"/>
  <c r="A30841" i="1" s="1"/>
  <c r="A30842" i="1" s="1"/>
  <c r="A30843" i="1" s="1"/>
  <c r="A30844" i="1" s="1"/>
  <c r="A30845" i="1" s="1"/>
  <c r="A30846" i="1" s="1"/>
  <c r="A30847" i="1" s="1"/>
  <c r="A30848" i="1" s="1"/>
  <c r="A30849" i="1" s="1"/>
  <c r="A30850" i="1" s="1"/>
  <c r="A30851" i="1" s="1"/>
  <c r="A30852" i="1" s="1"/>
  <c r="A30853" i="1" s="1"/>
  <c r="A30854" i="1" s="1"/>
  <c r="A30855" i="1" s="1"/>
  <c r="A30856" i="1" s="1"/>
  <c r="A30857" i="1" s="1"/>
  <c r="A30858" i="1" s="1"/>
  <c r="A30859" i="1" s="1"/>
  <c r="A30860" i="1" s="1"/>
  <c r="A30861" i="1" s="1"/>
  <c r="A30862" i="1" s="1"/>
  <c r="A30863" i="1" s="1"/>
  <c r="A30864" i="1" s="1"/>
  <c r="A30865" i="1" s="1"/>
  <c r="A30866" i="1" s="1"/>
  <c r="A30867" i="1" s="1"/>
  <c r="A30868" i="1" s="1"/>
  <c r="A30869" i="1" s="1"/>
  <c r="A30870" i="1" s="1"/>
  <c r="A30871" i="1" s="1"/>
  <c r="A30872" i="1" s="1"/>
  <c r="A30873" i="1" s="1"/>
  <c r="A30874" i="1" s="1"/>
  <c r="A30875" i="1" s="1"/>
  <c r="A30876" i="1" s="1"/>
  <c r="A30877" i="1" s="1"/>
  <c r="A30878" i="1" s="1"/>
  <c r="A30879" i="1" s="1"/>
  <c r="A30880" i="1" s="1"/>
  <c r="A30881" i="1" s="1"/>
  <c r="A30882" i="1" s="1"/>
  <c r="A30883" i="1" s="1"/>
  <c r="A30884" i="1" s="1"/>
  <c r="A30885" i="1" s="1"/>
  <c r="A30886" i="1" s="1"/>
  <c r="A30887" i="1" s="1"/>
  <c r="A30888" i="1" s="1"/>
  <c r="A30889" i="1" s="1"/>
  <c r="A30890" i="1" s="1"/>
  <c r="A30891" i="1" s="1"/>
  <c r="A30892" i="1" s="1"/>
  <c r="A30893" i="1" s="1"/>
  <c r="A30894" i="1" s="1"/>
  <c r="A30895" i="1" s="1"/>
  <c r="A30896" i="1" s="1"/>
  <c r="A30897" i="1" s="1"/>
  <c r="A30898" i="1" s="1"/>
  <c r="A30899" i="1" s="1"/>
  <c r="A30900" i="1" s="1"/>
  <c r="A30901" i="1" s="1"/>
  <c r="A30902" i="1" s="1"/>
  <c r="A30903" i="1" s="1"/>
  <c r="A30904" i="1" s="1"/>
  <c r="A30905" i="1" s="1"/>
  <c r="A30906" i="1" s="1"/>
  <c r="A30907" i="1" s="1"/>
  <c r="A30908" i="1" s="1"/>
  <c r="A30909" i="1" s="1"/>
  <c r="A30910" i="1" s="1"/>
  <c r="A30911" i="1" s="1"/>
  <c r="A30912" i="1" s="1"/>
  <c r="A30913" i="1" s="1"/>
  <c r="A30914" i="1" s="1"/>
  <c r="A30915" i="1" s="1"/>
  <c r="A30916" i="1" s="1"/>
  <c r="A30917" i="1" s="1"/>
  <c r="A30918" i="1" s="1"/>
  <c r="A30919" i="1" s="1"/>
  <c r="A30920" i="1" s="1"/>
  <c r="A30921" i="1" s="1"/>
  <c r="A30922" i="1" s="1"/>
  <c r="A30923" i="1" s="1"/>
  <c r="A30924" i="1" s="1"/>
  <c r="A30925" i="1" s="1"/>
  <c r="A30926" i="1" s="1"/>
  <c r="A30927" i="1" s="1"/>
  <c r="A30928" i="1" s="1"/>
  <c r="A30929" i="1" s="1"/>
  <c r="A30930" i="1" s="1"/>
  <c r="A30931" i="1" s="1"/>
  <c r="A30932" i="1" s="1"/>
  <c r="A30933" i="1" s="1"/>
  <c r="A30934" i="1" s="1"/>
  <c r="A30935" i="1" s="1"/>
  <c r="A30936" i="1" s="1"/>
  <c r="A30937" i="1" s="1"/>
  <c r="A30938" i="1" s="1"/>
  <c r="A30939" i="1" s="1"/>
  <c r="A30940" i="1" s="1"/>
  <c r="A30941" i="1" s="1"/>
  <c r="A30942" i="1" s="1"/>
  <c r="A30943" i="1" s="1"/>
  <c r="A30944" i="1" s="1"/>
  <c r="A30945" i="1" s="1"/>
  <c r="A30946" i="1" s="1"/>
  <c r="A30947" i="1" s="1"/>
  <c r="A30948" i="1" s="1"/>
  <c r="A30949" i="1" s="1"/>
  <c r="A30950" i="1" s="1"/>
  <c r="A30951" i="1" s="1"/>
  <c r="A30952" i="1" s="1"/>
  <c r="A30953" i="1" s="1"/>
  <c r="A30954" i="1" s="1"/>
  <c r="A30955" i="1" s="1"/>
  <c r="A30956" i="1" s="1"/>
  <c r="A30957" i="1" s="1"/>
  <c r="A30958" i="1" s="1"/>
  <c r="A30959" i="1" s="1"/>
  <c r="A30960" i="1" s="1"/>
  <c r="A30961" i="1" s="1"/>
  <c r="A30962" i="1" s="1"/>
  <c r="A30963" i="1" s="1"/>
  <c r="A30964" i="1" s="1"/>
  <c r="A30965" i="1" s="1"/>
  <c r="A30966" i="1" s="1"/>
  <c r="A30967" i="1" s="1"/>
  <c r="A30968" i="1" s="1"/>
  <c r="A30969" i="1" s="1"/>
  <c r="A30970" i="1" s="1"/>
  <c r="A30971" i="1" s="1"/>
  <c r="A30972" i="1" s="1"/>
  <c r="A30973" i="1" s="1"/>
  <c r="A30974" i="1" s="1"/>
  <c r="A30975" i="1" s="1"/>
  <c r="A30976" i="1" s="1"/>
  <c r="A30977" i="1" s="1"/>
  <c r="A30978" i="1" s="1"/>
  <c r="A30979" i="1" s="1"/>
  <c r="A30980" i="1" s="1"/>
  <c r="A30981" i="1" s="1"/>
  <c r="A30982" i="1" s="1"/>
  <c r="A30983" i="1" s="1"/>
  <c r="A30984" i="1" s="1"/>
  <c r="A30985" i="1" s="1"/>
  <c r="A30986" i="1" s="1"/>
  <c r="A30987" i="1" s="1"/>
  <c r="A30988" i="1" s="1"/>
  <c r="A30989" i="1" s="1"/>
  <c r="A30990" i="1" s="1"/>
  <c r="A30991" i="1" s="1"/>
  <c r="A30992" i="1" s="1"/>
  <c r="A30993" i="1" s="1"/>
  <c r="A30994" i="1" s="1"/>
  <c r="A30995" i="1" s="1"/>
  <c r="A30996" i="1" s="1"/>
  <c r="A30997" i="1" s="1"/>
  <c r="A30998" i="1" s="1"/>
  <c r="A30999" i="1" s="1"/>
  <c r="A31000" i="1" s="1"/>
  <c r="A31001" i="1" s="1"/>
  <c r="A31002" i="1" s="1"/>
  <c r="A31003" i="1" s="1"/>
  <c r="A31004" i="1" s="1"/>
  <c r="A31005" i="1" s="1"/>
  <c r="A31006" i="1" s="1"/>
  <c r="A31007" i="1" s="1"/>
  <c r="A31008" i="1" s="1"/>
  <c r="A31009" i="1" s="1"/>
  <c r="A31010" i="1" s="1"/>
  <c r="A31011" i="1" s="1"/>
  <c r="A31012" i="1" s="1"/>
  <c r="A31013" i="1" s="1"/>
  <c r="A31014" i="1" s="1"/>
  <c r="A31015" i="1" s="1"/>
  <c r="A31016" i="1" s="1"/>
  <c r="A31017" i="1" s="1"/>
  <c r="A31018" i="1" s="1"/>
  <c r="A31019" i="1" s="1"/>
  <c r="A31020" i="1" s="1"/>
  <c r="A31021" i="1" s="1"/>
  <c r="A31022" i="1" s="1"/>
  <c r="A31023" i="1" s="1"/>
  <c r="A31024" i="1" s="1"/>
  <c r="A31025" i="1" s="1"/>
  <c r="A31026" i="1" s="1"/>
  <c r="A31027" i="1" s="1"/>
  <c r="A31028" i="1" s="1"/>
  <c r="A31029" i="1" s="1"/>
  <c r="A31030" i="1" s="1"/>
  <c r="A31031" i="1" s="1"/>
  <c r="A31032" i="1" s="1"/>
  <c r="A31033" i="1" s="1"/>
  <c r="A31034" i="1" s="1"/>
  <c r="A31035" i="1" s="1"/>
  <c r="A31036" i="1" s="1"/>
  <c r="A31037" i="1" s="1"/>
  <c r="A31038" i="1" s="1"/>
  <c r="A31039" i="1" s="1"/>
  <c r="A31040" i="1" s="1"/>
  <c r="A31041" i="1" s="1"/>
  <c r="A31042" i="1" s="1"/>
  <c r="A31043" i="1" s="1"/>
  <c r="A31044" i="1" s="1"/>
  <c r="A31045" i="1" s="1"/>
  <c r="A31046" i="1" s="1"/>
  <c r="A31047" i="1" s="1"/>
  <c r="A31048" i="1" s="1"/>
  <c r="A31049" i="1" s="1"/>
  <c r="A31050" i="1" s="1"/>
  <c r="A31051" i="1" s="1"/>
  <c r="A31052" i="1" s="1"/>
  <c r="A31053" i="1" s="1"/>
  <c r="A31054" i="1" s="1"/>
  <c r="A31055" i="1" s="1"/>
  <c r="A31056" i="1" s="1"/>
  <c r="A31057" i="1" s="1"/>
  <c r="A31058" i="1" s="1"/>
  <c r="A31059" i="1" s="1"/>
  <c r="A31060" i="1" s="1"/>
  <c r="A31061" i="1" s="1"/>
  <c r="A31062" i="1" s="1"/>
  <c r="A31063" i="1" s="1"/>
  <c r="A31064" i="1" s="1"/>
  <c r="A31065" i="1" s="1"/>
  <c r="A31066" i="1" s="1"/>
  <c r="A31067" i="1" s="1"/>
  <c r="A31068" i="1" s="1"/>
  <c r="A31069" i="1" s="1"/>
  <c r="A31070" i="1" s="1"/>
  <c r="A31071" i="1" s="1"/>
  <c r="A31072" i="1" s="1"/>
  <c r="A31073" i="1" s="1"/>
  <c r="A31074" i="1" s="1"/>
  <c r="A31075" i="1" s="1"/>
  <c r="A31076" i="1" s="1"/>
  <c r="A31077" i="1" s="1"/>
  <c r="A31078" i="1" s="1"/>
  <c r="A31079" i="1" s="1"/>
  <c r="A31080" i="1" s="1"/>
  <c r="A31081" i="1" s="1"/>
  <c r="A31082" i="1" s="1"/>
  <c r="A31083" i="1" s="1"/>
  <c r="A31084" i="1" s="1"/>
  <c r="A31085" i="1" s="1"/>
  <c r="A31086" i="1" s="1"/>
  <c r="A31087" i="1" s="1"/>
  <c r="A31088" i="1" s="1"/>
  <c r="A31089" i="1" s="1"/>
  <c r="A31090" i="1" s="1"/>
  <c r="A31091" i="1" s="1"/>
  <c r="A31092" i="1" s="1"/>
  <c r="A31093" i="1" s="1"/>
  <c r="A31094" i="1" s="1"/>
  <c r="A31095" i="1" s="1"/>
  <c r="A31096" i="1" s="1"/>
  <c r="A31097" i="1" s="1"/>
  <c r="A31098" i="1" s="1"/>
  <c r="A31099" i="1" s="1"/>
  <c r="A31100" i="1" s="1"/>
  <c r="A31101" i="1" s="1"/>
  <c r="A31102" i="1" s="1"/>
  <c r="A31103" i="1" s="1"/>
  <c r="A31104" i="1" s="1"/>
  <c r="A31105" i="1" s="1"/>
  <c r="A31106" i="1" s="1"/>
  <c r="A31107" i="1" s="1"/>
  <c r="A31108" i="1" s="1"/>
  <c r="A31109" i="1" s="1"/>
  <c r="A31110" i="1" s="1"/>
  <c r="A31111" i="1" s="1"/>
  <c r="A31112" i="1" s="1"/>
  <c r="A31113" i="1" s="1"/>
  <c r="A31114" i="1" s="1"/>
  <c r="A31115" i="1" s="1"/>
  <c r="A31116" i="1" s="1"/>
  <c r="A31117" i="1" s="1"/>
  <c r="A31118" i="1" s="1"/>
  <c r="A31119" i="1" s="1"/>
  <c r="A31120" i="1" s="1"/>
  <c r="A31121" i="1" s="1"/>
  <c r="A31122" i="1" s="1"/>
  <c r="A31123" i="1" s="1"/>
  <c r="A31124" i="1" s="1"/>
  <c r="A31125" i="1" s="1"/>
  <c r="A31126" i="1" s="1"/>
  <c r="A31127" i="1" s="1"/>
  <c r="A31128" i="1" s="1"/>
  <c r="A31129" i="1" s="1"/>
  <c r="A31130" i="1" s="1"/>
  <c r="A31131" i="1" s="1"/>
  <c r="A31132" i="1" s="1"/>
  <c r="A31133" i="1" s="1"/>
  <c r="A31134" i="1" s="1"/>
  <c r="A31135" i="1" s="1"/>
  <c r="A31136" i="1" s="1"/>
  <c r="A31137" i="1" s="1"/>
  <c r="A31138" i="1" s="1"/>
  <c r="A31139" i="1" s="1"/>
  <c r="A31140" i="1" s="1"/>
  <c r="A31141" i="1" s="1"/>
  <c r="A31142" i="1" s="1"/>
  <c r="A31143" i="1" s="1"/>
  <c r="A31144" i="1" s="1"/>
  <c r="A31145" i="1" s="1"/>
  <c r="A31146" i="1" s="1"/>
  <c r="A31147" i="1" s="1"/>
  <c r="A31148" i="1" s="1"/>
  <c r="A31149" i="1" s="1"/>
  <c r="A31150" i="1" s="1"/>
  <c r="A31151" i="1" s="1"/>
  <c r="A31152" i="1" s="1"/>
  <c r="A31153" i="1" s="1"/>
  <c r="A31154" i="1" s="1"/>
  <c r="A31155" i="1" s="1"/>
  <c r="A31156" i="1" s="1"/>
  <c r="A31157" i="1" s="1"/>
  <c r="A31158" i="1" s="1"/>
  <c r="A31159" i="1" s="1"/>
  <c r="A31160" i="1" s="1"/>
  <c r="A31161" i="1" s="1"/>
  <c r="A31162" i="1" s="1"/>
  <c r="A31163" i="1" s="1"/>
  <c r="A31164" i="1" s="1"/>
  <c r="A31165" i="1" s="1"/>
  <c r="A31166" i="1" s="1"/>
  <c r="A31167" i="1" s="1"/>
  <c r="A31168" i="1" s="1"/>
  <c r="A31169" i="1" s="1"/>
  <c r="A31170" i="1" s="1"/>
  <c r="A31171" i="1" s="1"/>
  <c r="A31172" i="1" s="1"/>
  <c r="A31173" i="1" s="1"/>
  <c r="A31174" i="1" s="1"/>
  <c r="A31175" i="1" s="1"/>
  <c r="A31176" i="1" s="1"/>
  <c r="A31177" i="1" s="1"/>
  <c r="A31178" i="1" s="1"/>
  <c r="A31179" i="1" s="1"/>
  <c r="A31180" i="1" s="1"/>
  <c r="A31181" i="1" s="1"/>
  <c r="A31182" i="1" s="1"/>
  <c r="A31183" i="1" s="1"/>
  <c r="A31184" i="1" s="1"/>
  <c r="A31185" i="1" s="1"/>
  <c r="A31186" i="1" s="1"/>
  <c r="A31187" i="1" s="1"/>
  <c r="A31188" i="1" s="1"/>
  <c r="A31189" i="1" s="1"/>
  <c r="A31190" i="1" s="1"/>
  <c r="A31191" i="1" s="1"/>
  <c r="A31192" i="1" s="1"/>
  <c r="A31193" i="1" s="1"/>
  <c r="A31194" i="1" s="1"/>
  <c r="A31195" i="1" s="1"/>
  <c r="A31196" i="1" s="1"/>
  <c r="A31197" i="1" s="1"/>
  <c r="A31198" i="1" s="1"/>
  <c r="A31199" i="1" s="1"/>
  <c r="A31200" i="1" s="1"/>
  <c r="A31201" i="1" s="1"/>
  <c r="A31202" i="1" s="1"/>
  <c r="A31203" i="1" s="1"/>
  <c r="A31204" i="1" s="1"/>
  <c r="A31205" i="1" s="1"/>
  <c r="A31206" i="1" s="1"/>
  <c r="A31207" i="1" s="1"/>
  <c r="A31208" i="1" s="1"/>
  <c r="A31209" i="1" s="1"/>
  <c r="A31210" i="1" s="1"/>
  <c r="A31211" i="1" s="1"/>
  <c r="A31212" i="1" s="1"/>
  <c r="A31213" i="1" s="1"/>
  <c r="A31214" i="1" s="1"/>
  <c r="A31215" i="1" s="1"/>
  <c r="A31216" i="1" s="1"/>
  <c r="A31217" i="1" s="1"/>
  <c r="A31218" i="1" s="1"/>
  <c r="A31219" i="1" s="1"/>
  <c r="A31220" i="1" s="1"/>
  <c r="A31221" i="1" s="1"/>
  <c r="A31222" i="1" s="1"/>
  <c r="A31223" i="1" s="1"/>
  <c r="A31224" i="1" s="1"/>
  <c r="A31225" i="1" s="1"/>
  <c r="A31226" i="1" s="1"/>
  <c r="A31227" i="1" s="1"/>
  <c r="A31228" i="1" s="1"/>
  <c r="A31229" i="1" s="1"/>
  <c r="A31230" i="1" s="1"/>
  <c r="A31231" i="1" s="1"/>
  <c r="A31232" i="1" s="1"/>
  <c r="A31233" i="1" s="1"/>
  <c r="A31234" i="1" s="1"/>
  <c r="A31235" i="1" s="1"/>
  <c r="A31236" i="1" s="1"/>
  <c r="A31237" i="1" s="1"/>
  <c r="A31238" i="1" s="1"/>
  <c r="A31239" i="1" s="1"/>
  <c r="A31240" i="1" s="1"/>
  <c r="A31241" i="1" s="1"/>
  <c r="A31242" i="1" s="1"/>
  <c r="A31243" i="1" s="1"/>
  <c r="A31244" i="1" s="1"/>
  <c r="A31245" i="1" s="1"/>
  <c r="A31246" i="1" s="1"/>
  <c r="A31247" i="1" s="1"/>
  <c r="A31248" i="1" s="1"/>
  <c r="A31249" i="1" s="1"/>
  <c r="A31250" i="1" s="1"/>
  <c r="A31251" i="1" s="1"/>
  <c r="A31252" i="1" s="1"/>
  <c r="A31253" i="1" s="1"/>
  <c r="A31254" i="1" s="1"/>
  <c r="A31255" i="1" s="1"/>
  <c r="A31256" i="1" s="1"/>
  <c r="A31257" i="1" s="1"/>
  <c r="A31258" i="1" s="1"/>
  <c r="A31259" i="1" s="1"/>
  <c r="A31260" i="1" s="1"/>
  <c r="A31261" i="1" s="1"/>
  <c r="A31262" i="1" s="1"/>
  <c r="A31263" i="1" s="1"/>
  <c r="A31264" i="1" s="1"/>
  <c r="A31265" i="1" s="1"/>
  <c r="A31266" i="1" s="1"/>
  <c r="A31267" i="1" s="1"/>
  <c r="A31268" i="1" s="1"/>
  <c r="A31269" i="1" s="1"/>
  <c r="A31270" i="1" s="1"/>
  <c r="A31271" i="1" s="1"/>
  <c r="A31272" i="1" s="1"/>
  <c r="A31273" i="1" s="1"/>
  <c r="A31274" i="1" s="1"/>
  <c r="A31275" i="1" s="1"/>
  <c r="A31276" i="1" s="1"/>
  <c r="A31277" i="1" s="1"/>
  <c r="A31278" i="1" s="1"/>
  <c r="A31279" i="1" s="1"/>
  <c r="A31280" i="1" s="1"/>
  <c r="A31281" i="1" s="1"/>
  <c r="A31282" i="1" s="1"/>
  <c r="A31283" i="1" s="1"/>
  <c r="A31284" i="1" s="1"/>
  <c r="A31285" i="1" s="1"/>
  <c r="A31286" i="1" s="1"/>
  <c r="A31287" i="1" s="1"/>
  <c r="A31288" i="1" s="1"/>
  <c r="A31289" i="1" s="1"/>
  <c r="A31290" i="1" s="1"/>
  <c r="A31291" i="1" s="1"/>
  <c r="A31292" i="1" s="1"/>
  <c r="A31293" i="1" s="1"/>
  <c r="A31294" i="1" s="1"/>
  <c r="A31295" i="1" s="1"/>
  <c r="A31296" i="1" s="1"/>
  <c r="A31297" i="1" s="1"/>
  <c r="A31298" i="1" s="1"/>
  <c r="A31299" i="1" s="1"/>
  <c r="A31300" i="1" s="1"/>
  <c r="A31301" i="1" s="1"/>
  <c r="A31302" i="1" s="1"/>
  <c r="A31303" i="1" s="1"/>
  <c r="A31304" i="1" s="1"/>
  <c r="A31305" i="1" s="1"/>
  <c r="A31306" i="1" s="1"/>
  <c r="A31307" i="1" s="1"/>
  <c r="A31308" i="1" s="1"/>
  <c r="A31309" i="1" s="1"/>
  <c r="A31310" i="1" s="1"/>
  <c r="A31311" i="1" s="1"/>
  <c r="A31312" i="1" s="1"/>
  <c r="A31313" i="1" s="1"/>
  <c r="A31314" i="1" s="1"/>
  <c r="A31315" i="1" s="1"/>
  <c r="A31316" i="1" s="1"/>
  <c r="A31317" i="1" s="1"/>
  <c r="A31318" i="1" s="1"/>
  <c r="A31319" i="1" s="1"/>
  <c r="A31320" i="1" s="1"/>
  <c r="A31321" i="1" s="1"/>
  <c r="A31322" i="1" s="1"/>
  <c r="A31323" i="1" s="1"/>
  <c r="A31324" i="1" s="1"/>
  <c r="A31325" i="1" s="1"/>
  <c r="A31326" i="1" s="1"/>
  <c r="A31327" i="1" s="1"/>
  <c r="A31328" i="1" s="1"/>
  <c r="A31329" i="1" s="1"/>
  <c r="A31330" i="1" s="1"/>
  <c r="A31331" i="1" s="1"/>
  <c r="A31332" i="1" s="1"/>
  <c r="A31333" i="1" s="1"/>
  <c r="A31334" i="1" s="1"/>
  <c r="A31335" i="1" s="1"/>
  <c r="A31336" i="1" s="1"/>
  <c r="A31337" i="1" s="1"/>
  <c r="A31338" i="1" s="1"/>
  <c r="A31339" i="1" s="1"/>
  <c r="A31340" i="1" s="1"/>
  <c r="A31341" i="1" s="1"/>
  <c r="A31342" i="1" s="1"/>
  <c r="A31343" i="1" s="1"/>
  <c r="A31344" i="1" s="1"/>
  <c r="A31345" i="1" s="1"/>
  <c r="A31346" i="1" s="1"/>
  <c r="A31347" i="1" s="1"/>
  <c r="A31348" i="1" s="1"/>
  <c r="A31349" i="1" s="1"/>
  <c r="A31350" i="1" s="1"/>
  <c r="A31351" i="1" s="1"/>
  <c r="A31352" i="1" s="1"/>
  <c r="A31353" i="1" s="1"/>
  <c r="A31354" i="1" s="1"/>
  <c r="A31355" i="1" s="1"/>
  <c r="A31356" i="1" s="1"/>
  <c r="A31357" i="1" s="1"/>
  <c r="A31358" i="1" s="1"/>
  <c r="A31359" i="1" s="1"/>
  <c r="A31360" i="1" s="1"/>
  <c r="A31361" i="1" s="1"/>
  <c r="A31362" i="1" s="1"/>
  <c r="A31363" i="1" s="1"/>
  <c r="A31364" i="1" s="1"/>
  <c r="A31365" i="1" s="1"/>
  <c r="A31366" i="1" s="1"/>
  <c r="A31367" i="1" s="1"/>
  <c r="A31368" i="1" s="1"/>
  <c r="A31369" i="1" s="1"/>
  <c r="A31370" i="1" s="1"/>
  <c r="A31371" i="1" s="1"/>
  <c r="A31372" i="1" s="1"/>
  <c r="A31373" i="1" s="1"/>
  <c r="A31374" i="1" s="1"/>
  <c r="A31375" i="1" s="1"/>
  <c r="A31376" i="1" s="1"/>
  <c r="A31377" i="1" s="1"/>
  <c r="A31378" i="1" s="1"/>
  <c r="A31379" i="1" s="1"/>
  <c r="A31380" i="1" s="1"/>
  <c r="A31381" i="1" s="1"/>
  <c r="A31382" i="1" s="1"/>
  <c r="A31383" i="1" s="1"/>
  <c r="A31384" i="1" s="1"/>
  <c r="A31385" i="1" s="1"/>
  <c r="A31386" i="1" s="1"/>
  <c r="A31387" i="1" s="1"/>
  <c r="A31388" i="1" s="1"/>
  <c r="A31389" i="1" s="1"/>
  <c r="A31390" i="1" s="1"/>
  <c r="A31391" i="1" s="1"/>
  <c r="A31392" i="1" s="1"/>
  <c r="A31393" i="1" s="1"/>
  <c r="A31394" i="1" s="1"/>
  <c r="A31395" i="1" s="1"/>
  <c r="A31396" i="1" s="1"/>
  <c r="A31397" i="1" s="1"/>
  <c r="A31398" i="1" s="1"/>
  <c r="A31399" i="1" s="1"/>
  <c r="A31400" i="1" s="1"/>
  <c r="A31401" i="1" s="1"/>
  <c r="A31402" i="1" s="1"/>
  <c r="A31403" i="1" s="1"/>
  <c r="A31404" i="1" s="1"/>
  <c r="A31405" i="1" s="1"/>
  <c r="A31406" i="1" s="1"/>
  <c r="A31407" i="1" s="1"/>
  <c r="A31408" i="1" s="1"/>
  <c r="A31409" i="1" s="1"/>
  <c r="A31410" i="1" s="1"/>
  <c r="A31411" i="1" s="1"/>
  <c r="A31412" i="1" s="1"/>
  <c r="A31413" i="1" s="1"/>
  <c r="A31414" i="1" s="1"/>
  <c r="A31415" i="1" s="1"/>
  <c r="A31416" i="1" s="1"/>
  <c r="A31417" i="1" s="1"/>
  <c r="A31418" i="1" s="1"/>
  <c r="A31419" i="1" s="1"/>
  <c r="A31420" i="1" s="1"/>
  <c r="A31421" i="1" s="1"/>
  <c r="A31422" i="1" s="1"/>
  <c r="A31423" i="1" s="1"/>
  <c r="A31424" i="1" s="1"/>
  <c r="A31425" i="1" s="1"/>
  <c r="A31426" i="1" s="1"/>
  <c r="A31427" i="1" s="1"/>
  <c r="A31428" i="1" s="1"/>
  <c r="A31429" i="1" s="1"/>
  <c r="A31430" i="1" s="1"/>
  <c r="A31431" i="1" s="1"/>
  <c r="A31432" i="1" s="1"/>
  <c r="A31433" i="1" s="1"/>
  <c r="A31434" i="1" s="1"/>
  <c r="A31435" i="1" s="1"/>
  <c r="A31436" i="1" s="1"/>
  <c r="A31437" i="1" s="1"/>
  <c r="A31438" i="1" s="1"/>
  <c r="A31439" i="1" s="1"/>
  <c r="A31440" i="1" s="1"/>
  <c r="A31441" i="1" s="1"/>
  <c r="A31442" i="1" s="1"/>
  <c r="A31443" i="1" s="1"/>
  <c r="A31444" i="1" s="1"/>
  <c r="A31445" i="1" s="1"/>
  <c r="A31446" i="1" s="1"/>
  <c r="A31447" i="1" s="1"/>
  <c r="A31448" i="1" s="1"/>
  <c r="A31449" i="1" s="1"/>
  <c r="A31450" i="1" s="1"/>
  <c r="A31451" i="1" s="1"/>
  <c r="A31452" i="1" s="1"/>
  <c r="A31453" i="1" s="1"/>
  <c r="A31454" i="1" s="1"/>
  <c r="A31455" i="1" s="1"/>
  <c r="A31456" i="1" s="1"/>
  <c r="A31457" i="1" s="1"/>
  <c r="A31458" i="1" s="1"/>
  <c r="A31459" i="1" s="1"/>
  <c r="A31460" i="1" s="1"/>
  <c r="A31461" i="1" s="1"/>
  <c r="A31462" i="1" s="1"/>
  <c r="A31463" i="1" s="1"/>
  <c r="A31464" i="1" s="1"/>
  <c r="A31465" i="1" s="1"/>
  <c r="A31466" i="1" s="1"/>
  <c r="A31467" i="1" s="1"/>
  <c r="A31468" i="1" s="1"/>
  <c r="A31469" i="1" s="1"/>
  <c r="A31470" i="1" s="1"/>
  <c r="A31471" i="1" s="1"/>
  <c r="A31472" i="1" s="1"/>
  <c r="A31473" i="1" s="1"/>
  <c r="A31474" i="1" s="1"/>
  <c r="A31475" i="1" s="1"/>
  <c r="A31476" i="1" s="1"/>
  <c r="A31477" i="1" s="1"/>
  <c r="A31478" i="1" s="1"/>
  <c r="A31479" i="1" s="1"/>
  <c r="A31480" i="1" s="1"/>
  <c r="A31481" i="1" s="1"/>
  <c r="A31482" i="1" s="1"/>
  <c r="A31483" i="1" s="1"/>
  <c r="A31484" i="1" s="1"/>
  <c r="A31485" i="1" s="1"/>
  <c r="A31486" i="1" s="1"/>
  <c r="A31487" i="1" s="1"/>
  <c r="A31488" i="1" s="1"/>
  <c r="A31489" i="1" s="1"/>
  <c r="A31490" i="1" s="1"/>
  <c r="A31491" i="1" s="1"/>
  <c r="A31492" i="1" s="1"/>
  <c r="A31493" i="1" s="1"/>
  <c r="A31494" i="1" s="1"/>
  <c r="A31495" i="1" s="1"/>
  <c r="A31496" i="1" s="1"/>
  <c r="A31497" i="1" s="1"/>
  <c r="A31498" i="1" s="1"/>
  <c r="A31499" i="1" s="1"/>
  <c r="A31500" i="1" s="1"/>
  <c r="A31501" i="1" s="1"/>
  <c r="A31502" i="1" s="1"/>
  <c r="A31503" i="1" s="1"/>
  <c r="A31504" i="1" s="1"/>
  <c r="A31505" i="1" s="1"/>
  <c r="A31506" i="1" s="1"/>
  <c r="A31507" i="1" s="1"/>
  <c r="A31508" i="1" s="1"/>
  <c r="A31509" i="1" s="1"/>
  <c r="A31510" i="1" s="1"/>
  <c r="A31511" i="1" s="1"/>
  <c r="A31512" i="1" s="1"/>
  <c r="A31513" i="1" s="1"/>
  <c r="A31514" i="1" s="1"/>
  <c r="A31515" i="1" s="1"/>
  <c r="A31516" i="1" s="1"/>
  <c r="A31517" i="1" s="1"/>
  <c r="A31518" i="1" s="1"/>
  <c r="A31519" i="1" s="1"/>
  <c r="A31520" i="1" s="1"/>
  <c r="A31521" i="1" s="1"/>
  <c r="A31522" i="1" s="1"/>
  <c r="A31523" i="1" s="1"/>
  <c r="A31524" i="1" s="1"/>
  <c r="A31525" i="1" s="1"/>
  <c r="A31526" i="1" s="1"/>
  <c r="A31527" i="1" s="1"/>
  <c r="A31528" i="1" s="1"/>
  <c r="A31529" i="1" s="1"/>
  <c r="A31530" i="1" s="1"/>
  <c r="A31531" i="1" s="1"/>
  <c r="A31532" i="1" s="1"/>
  <c r="A31533" i="1" s="1"/>
  <c r="A31534" i="1" s="1"/>
  <c r="A31535" i="1" s="1"/>
  <c r="A31536" i="1" s="1"/>
  <c r="A31537" i="1" s="1"/>
  <c r="A31538" i="1" s="1"/>
  <c r="A31539" i="1" s="1"/>
  <c r="A31540" i="1" s="1"/>
  <c r="A31541" i="1" s="1"/>
  <c r="A31542" i="1" s="1"/>
  <c r="A31543" i="1" s="1"/>
  <c r="A31544" i="1" s="1"/>
  <c r="A31545" i="1" s="1"/>
  <c r="A31546" i="1" s="1"/>
  <c r="A31547" i="1" s="1"/>
  <c r="A31548" i="1" s="1"/>
  <c r="A31549" i="1" s="1"/>
  <c r="A31550" i="1" s="1"/>
  <c r="A31551" i="1" s="1"/>
  <c r="A31552" i="1" s="1"/>
  <c r="A31553" i="1" s="1"/>
  <c r="A31554" i="1" s="1"/>
  <c r="A31555" i="1" s="1"/>
  <c r="A31556" i="1" s="1"/>
  <c r="A31557" i="1" s="1"/>
  <c r="A31558" i="1" s="1"/>
  <c r="A31559" i="1" s="1"/>
  <c r="A31560" i="1" s="1"/>
  <c r="A31561" i="1" s="1"/>
  <c r="A31562" i="1" s="1"/>
  <c r="A31563" i="1" s="1"/>
  <c r="A31564" i="1" s="1"/>
  <c r="A31565" i="1" s="1"/>
  <c r="A31566" i="1" s="1"/>
  <c r="A31567" i="1" s="1"/>
  <c r="A31568" i="1" s="1"/>
  <c r="A31569" i="1" s="1"/>
  <c r="A31570" i="1" s="1"/>
  <c r="A31571" i="1" s="1"/>
  <c r="A31572" i="1" s="1"/>
  <c r="A31573" i="1" s="1"/>
  <c r="A31574" i="1" s="1"/>
  <c r="A31575" i="1" s="1"/>
  <c r="A31576" i="1" s="1"/>
  <c r="A31577" i="1" s="1"/>
  <c r="A31578" i="1" s="1"/>
  <c r="A31579" i="1" s="1"/>
  <c r="A31580" i="1" s="1"/>
  <c r="A31581" i="1" s="1"/>
  <c r="A31582" i="1" s="1"/>
  <c r="A31583" i="1" s="1"/>
  <c r="A31584" i="1" s="1"/>
  <c r="A31585" i="1" s="1"/>
  <c r="A31586" i="1" s="1"/>
  <c r="A31587" i="1" s="1"/>
  <c r="A31588" i="1" s="1"/>
  <c r="A31589" i="1" s="1"/>
  <c r="A31590" i="1" s="1"/>
  <c r="A31591" i="1" s="1"/>
  <c r="A31592" i="1" s="1"/>
  <c r="A31593" i="1" s="1"/>
  <c r="A31594" i="1" s="1"/>
  <c r="A31595" i="1" s="1"/>
  <c r="A31596" i="1" s="1"/>
  <c r="A31597" i="1" s="1"/>
  <c r="A31598" i="1" s="1"/>
  <c r="A31599" i="1" s="1"/>
  <c r="A31600" i="1" s="1"/>
  <c r="A31601" i="1" s="1"/>
  <c r="A31602" i="1" s="1"/>
  <c r="A31603" i="1" s="1"/>
  <c r="A31604" i="1" s="1"/>
  <c r="A31605" i="1" s="1"/>
  <c r="A31606" i="1" s="1"/>
  <c r="A31607" i="1" s="1"/>
  <c r="A31608" i="1" s="1"/>
  <c r="A31609" i="1" s="1"/>
  <c r="A31610" i="1" s="1"/>
  <c r="A31611" i="1" s="1"/>
  <c r="A31612" i="1" s="1"/>
  <c r="A31613" i="1" s="1"/>
  <c r="A31614" i="1" s="1"/>
  <c r="A31615" i="1" s="1"/>
  <c r="A31616" i="1" s="1"/>
  <c r="A31617" i="1" s="1"/>
  <c r="A31618" i="1" s="1"/>
  <c r="A31619" i="1" s="1"/>
  <c r="A31620" i="1" s="1"/>
  <c r="A31621" i="1" s="1"/>
  <c r="A31622" i="1" s="1"/>
  <c r="A31623" i="1" s="1"/>
  <c r="A31624" i="1" s="1"/>
  <c r="A31625" i="1" s="1"/>
  <c r="A31626" i="1" s="1"/>
  <c r="A31627" i="1" s="1"/>
  <c r="A31628" i="1" s="1"/>
  <c r="A31629" i="1" s="1"/>
  <c r="A31630" i="1" s="1"/>
  <c r="A31631" i="1" s="1"/>
  <c r="A31632" i="1" s="1"/>
  <c r="A31633" i="1" s="1"/>
  <c r="A31634" i="1" s="1"/>
  <c r="A31635" i="1" s="1"/>
  <c r="A31636" i="1" s="1"/>
  <c r="A31637" i="1" s="1"/>
  <c r="A31638" i="1" s="1"/>
  <c r="A31639" i="1" s="1"/>
  <c r="A31640" i="1" s="1"/>
  <c r="A31641" i="1" s="1"/>
  <c r="A31642" i="1" s="1"/>
  <c r="A31643" i="1" s="1"/>
  <c r="A31644" i="1" s="1"/>
  <c r="A31645" i="1" s="1"/>
  <c r="A31646" i="1" s="1"/>
  <c r="A31647" i="1" s="1"/>
  <c r="A31648" i="1" s="1"/>
  <c r="A31649" i="1" s="1"/>
  <c r="A31650" i="1" s="1"/>
  <c r="A31651" i="1" s="1"/>
  <c r="A31652" i="1" s="1"/>
  <c r="A31653" i="1" s="1"/>
  <c r="A31654" i="1" s="1"/>
  <c r="A31655" i="1" s="1"/>
  <c r="A31656" i="1" s="1"/>
  <c r="A31657" i="1" s="1"/>
  <c r="A31658" i="1" s="1"/>
  <c r="A31659" i="1" s="1"/>
  <c r="A31660" i="1" s="1"/>
  <c r="A31661" i="1" s="1"/>
  <c r="A31662" i="1" s="1"/>
  <c r="A31663" i="1" s="1"/>
  <c r="A31664" i="1" s="1"/>
  <c r="A31665" i="1" s="1"/>
  <c r="A31666" i="1" s="1"/>
  <c r="A31667" i="1" s="1"/>
  <c r="A31668" i="1" s="1"/>
  <c r="A31669" i="1" s="1"/>
  <c r="A31670" i="1" s="1"/>
  <c r="A31671" i="1" s="1"/>
  <c r="A31672" i="1" s="1"/>
  <c r="A31673" i="1" s="1"/>
  <c r="A31674" i="1" s="1"/>
  <c r="A31675" i="1" s="1"/>
  <c r="A31676" i="1" s="1"/>
  <c r="A31677" i="1" s="1"/>
  <c r="A31678" i="1" s="1"/>
  <c r="A31679" i="1" s="1"/>
  <c r="A31680" i="1" s="1"/>
  <c r="A31681" i="1" s="1"/>
  <c r="A31682" i="1" s="1"/>
  <c r="A31683" i="1" s="1"/>
  <c r="A31684" i="1" s="1"/>
  <c r="A31685" i="1" s="1"/>
  <c r="A31686" i="1" s="1"/>
  <c r="A31687" i="1" s="1"/>
  <c r="A31688" i="1" s="1"/>
  <c r="A31689" i="1" s="1"/>
  <c r="A31690" i="1" s="1"/>
  <c r="A31691" i="1" s="1"/>
  <c r="A31692" i="1" s="1"/>
  <c r="A31693" i="1" s="1"/>
  <c r="A31694" i="1" s="1"/>
  <c r="A31695" i="1" s="1"/>
  <c r="A31696" i="1" s="1"/>
  <c r="A31697" i="1" s="1"/>
  <c r="A31698" i="1" s="1"/>
  <c r="A31699" i="1" s="1"/>
  <c r="A31700" i="1" s="1"/>
  <c r="A31701" i="1" s="1"/>
  <c r="A31702" i="1" s="1"/>
  <c r="A31703" i="1" s="1"/>
  <c r="A31704" i="1" s="1"/>
  <c r="A31705" i="1" s="1"/>
  <c r="A31706" i="1" s="1"/>
  <c r="A31707" i="1" s="1"/>
  <c r="A31708" i="1" s="1"/>
  <c r="A31709" i="1" s="1"/>
  <c r="A31710" i="1" s="1"/>
  <c r="A31711" i="1" s="1"/>
  <c r="A31712" i="1" s="1"/>
  <c r="A31713" i="1" s="1"/>
  <c r="A31714" i="1" s="1"/>
  <c r="A31715" i="1" s="1"/>
  <c r="A31716" i="1" s="1"/>
  <c r="A31717" i="1" s="1"/>
  <c r="A31718" i="1" s="1"/>
  <c r="A31719" i="1" s="1"/>
  <c r="A31720" i="1" s="1"/>
  <c r="A31721" i="1" s="1"/>
  <c r="A31722" i="1" s="1"/>
  <c r="A31723" i="1" s="1"/>
  <c r="A31724" i="1" s="1"/>
  <c r="A31725" i="1" s="1"/>
  <c r="A31726" i="1" s="1"/>
  <c r="A31727" i="1" s="1"/>
  <c r="A31728" i="1" s="1"/>
  <c r="A31729" i="1" s="1"/>
  <c r="A31730" i="1" s="1"/>
  <c r="A31731" i="1" s="1"/>
  <c r="A31732" i="1" s="1"/>
  <c r="A31733" i="1" s="1"/>
  <c r="A31734" i="1" s="1"/>
  <c r="A31735" i="1" s="1"/>
  <c r="A31736" i="1" s="1"/>
  <c r="A31737" i="1" s="1"/>
  <c r="A31738" i="1" s="1"/>
  <c r="A31739" i="1" s="1"/>
  <c r="A31740" i="1" s="1"/>
  <c r="A31741" i="1" s="1"/>
  <c r="A31742" i="1" s="1"/>
  <c r="A31743" i="1" s="1"/>
  <c r="A31744" i="1" s="1"/>
  <c r="A31745" i="1" s="1"/>
  <c r="A31746" i="1" s="1"/>
  <c r="A31747" i="1" s="1"/>
  <c r="A31748" i="1" s="1"/>
  <c r="A31749" i="1" s="1"/>
  <c r="A31750" i="1" s="1"/>
  <c r="A31751" i="1" s="1"/>
  <c r="A31752" i="1" s="1"/>
  <c r="A31753" i="1" s="1"/>
  <c r="A31754" i="1" s="1"/>
  <c r="A31755" i="1" s="1"/>
  <c r="A31756" i="1" s="1"/>
  <c r="A31757" i="1" s="1"/>
  <c r="A31758" i="1" s="1"/>
  <c r="A31759" i="1" s="1"/>
  <c r="A31760" i="1" s="1"/>
  <c r="A31761" i="1" s="1"/>
  <c r="A31762" i="1" s="1"/>
  <c r="A31763" i="1" s="1"/>
  <c r="A31764" i="1" s="1"/>
  <c r="A31765" i="1" s="1"/>
  <c r="A31766" i="1" s="1"/>
  <c r="A31767" i="1" s="1"/>
  <c r="A31768" i="1" s="1"/>
  <c r="A31769" i="1" s="1"/>
  <c r="A31770" i="1" s="1"/>
  <c r="A31771" i="1" s="1"/>
  <c r="A31772" i="1" s="1"/>
  <c r="A31773" i="1" s="1"/>
  <c r="A31774" i="1" s="1"/>
  <c r="A31775" i="1" s="1"/>
  <c r="A31776" i="1" s="1"/>
  <c r="A31777" i="1" s="1"/>
  <c r="A31778" i="1" s="1"/>
  <c r="A31779" i="1" s="1"/>
  <c r="A31780" i="1" s="1"/>
  <c r="A31781" i="1" s="1"/>
  <c r="A31782" i="1" s="1"/>
  <c r="A31783" i="1" s="1"/>
  <c r="A31784" i="1" s="1"/>
  <c r="A31785" i="1" s="1"/>
  <c r="A31786" i="1" s="1"/>
  <c r="A31787" i="1" s="1"/>
  <c r="A31788" i="1" s="1"/>
  <c r="A31789" i="1" s="1"/>
  <c r="A31790" i="1" s="1"/>
  <c r="A31791" i="1" s="1"/>
  <c r="A31792" i="1" s="1"/>
  <c r="A31793" i="1" s="1"/>
  <c r="A31794" i="1" s="1"/>
  <c r="A31795" i="1" s="1"/>
  <c r="A31796" i="1" s="1"/>
  <c r="A31797" i="1" s="1"/>
  <c r="A31798" i="1" s="1"/>
  <c r="A31799" i="1" s="1"/>
  <c r="A31800" i="1" s="1"/>
  <c r="A31801" i="1" s="1"/>
  <c r="A31802" i="1" s="1"/>
  <c r="A31803" i="1" s="1"/>
  <c r="A31804" i="1" s="1"/>
  <c r="A31805" i="1" s="1"/>
  <c r="A31806" i="1" s="1"/>
  <c r="A31807" i="1" s="1"/>
  <c r="A31808" i="1" s="1"/>
  <c r="A31809" i="1" s="1"/>
  <c r="A31810" i="1" s="1"/>
  <c r="A31811" i="1" s="1"/>
  <c r="A31812" i="1" s="1"/>
  <c r="A31813" i="1" s="1"/>
  <c r="A31814" i="1" s="1"/>
  <c r="A31815" i="1" s="1"/>
  <c r="A31816" i="1" s="1"/>
  <c r="A31817" i="1" s="1"/>
  <c r="A31818" i="1" s="1"/>
  <c r="A31819" i="1" s="1"/>
  <c r="A31820" i="1" s="1"/>
  <c r="A31821" i="1" s="1"/>
  <c r="A31822" i="1" s="1"/>
  <c r="A31823" i="1" s="1"/>
  <c r="A31824" i="1" s="1"/>
  <c r="A31825" i="1" s="1"/>
  <c r="A31826" i="1" s="1"/>
  <c r="A31827" i="1" s="1"/>
  <c r="A31828" i="1" s="1"/>
  <c r="A31829" i="1" s="1"/>
  <c r="A31830" i="1" s="1"/>
  <c r="A31831" i="1" s="1"/>
  <c r="A31832" i="1" s="1"/>
  <c r="A31833" i="1" s="1"/>
  <c r="A31834" i="1" s="1"/>
  <c r="A31835" i="1" s="1"/>
  <c r="A31836" i="1" s="1"/>
  <c r="A31837" i="1" s="1"/>
  <c r="A31838" i="1" s="1"/>
  <c r="A31839" i="1" s="1"/>
  <c r="A31840" i="1" s="1"/>
  <c r="A31841" i="1" s="1"/>
  <c r="A31842" i="1" s="1"/>
  <c r="A31843" i="1" s="1"/>
  <c r="A31844" i="1" s="1"/>
  <c r="A31845" i="1" s="1"/>
  <c r="A31846" i="1" s="1"/>
  <c r="A31847" i="1" s="1"/>
  <c r="A31848" i="1" s="1"/>
  <c r="A31849" i="1" s="1"/>
  <c r="A31850" i="1" s="1"/>
  <c r="A31851" i="1" s="1"/>
  <c r="A31852" i="1" s="1"/>
  <c r="A31853" i="1" s="1"/>
  <c r="A31854" i="1" s="1"/>
  <c r="A31855" i="1" s="1"/>
  <c r="A31856" i="1" s="1"/>
  <c r="A31857" i="1" s="1"/>
  <c r="A31858" i="1" s="1"/>
  <c r="A31859" i="1" s="1"/>
  <c r="A31860" i="1" s="1"/>
  <c r="A31861" i="1" s="1"/>
  <c r="A31862" i="1" s="1"/>
  <c r="A31863" i="1" s="1"/>
  <c r="A31864" i="1" s="1"/>
  <c r="A31865" i="1" s="1"/>
  <c r="A31866" i="1" s="1"/>
  <c r="A31867" i="1" s="1"/>
  <c r="A31868" i="1" s="1"/>
  <c r="A31869" i="1" s="1"/>
  <c r="A31870" i="1" s="1"/>
  <c r="A31871" i="1" s="1"/>
  <c r="A31872" i="1" s="1"/>
  <c r="A31873" i="1" s="1"/>
  <c r="A31874" i="1" s="1"/>
  <c r="A31875" i="1" s="1"/>
  <c r="A31876" i="1" s="1"/>
  <c r="A31877" i="1" s="1"/>
  <c r="A31878" i="1" s="1"/>
  <c r="A31879" i="1" s="1"/>
  <c r="A31880" i="1" s="1"/>
  <c r="A31881" i="1" s="1"/>
  <c r="A31882" i="1" s="1"/>
  <c r="A31883" i="1" s="1"/>
  <c r="A31884" i="1" s="1"/>
  <c r="A31885" i="1" s="1"/>
  <c r="A31886" i="1" s="1"/>
  <c r="A31887" i="1" s="1"/>
  <c r="A31888" i="1" s="1"/>
  <c r="A31889" i="1" s="1"/>
  <c r="A31890" i="1" s="1"/>
  <c r="A31891" i="1" s="1"/>
  <c r="A31892" i="1" s="1"/>
  <c r="A31893" i="1" s="1"/>
  <c r="A31894" i="1" s="1"/>
  <c r="A31895" i="1" s="1"/>
  <c r="A31896" i="1" s="1"/>
  <c r="A31897" i="1" s="1"/>
  <c r="A31898" i="1" s="1"/>
  <c r="A31899" i="1" s="1"/>
  <c r="A31900" i="1" s="1"/>
  <c r="A31901" i="1" s="1"/>
  <c r="A31902" i="1" s="1"/>
  <c r="A31903" i="1" s="1"/>
  <c r="A31904" i="1" s="1"/>
  <c r="A31905" i="1" s="1"/>
  <c r="A31906" i="1" s="1"/>
  <c r="A31907" i="1" s="1"/>
  <c r="A31908" i="1" s="1"/>
  <c r="A31909" i="1" s="1"/>
  <c r="A31910" i="1" s="1"/>
  <c r="A31911" i="1" s="1"/>
  <c r="A31912" i="1" s="1"/>
  <c r="A31913" i="1" s="1"/>
  <c r="A31914" i="1" s="1"/>
  <c r="A31915" i="1" s="1"/>
  <c r="A31916" i="1" s="1"/>
  <c r="A31917" i="1" s="1"/>
  <c r="A31918" i="1" s="1"/>
  <c r="A31919" i="1" s="1"/>
  <c r="A31920" i="1" s="1"/>
  <c r="A31921" i="1" s="1"/>
  <c r="A31922" i="1" s="1"/>
  <c r="A31923" i="1" s="1"/>
  <c r="A31924" i="1" s="1"/>
  <c r="A31925" i="1" s="1"/>
  <c r="A31926" i="1" s="1"/>
  <c r="A31927" i="1" s="1"/>
  <c r="A31928" i="1" s="1"/>
  <c r="A31929" i="1" s="1"/>
  <c r="A31930" i="1" s="1"/>
  <c r="A31931" i="1" s="1"/>
  <c r="A31932" i="1" s="1"/>
  <c r="A31933" i="1" s="1"/>
  <c r="A31934" i="1" s="1"/>
  <c r="A31935" i="1" s="1"/>
  <c r="A31936" i="1" s="1"/>
  <c r="A31937" i="1" s="1"/>
  <c r="A31938" i="1" s="1"/>
  <c r="A31939" i="1" s="1"/>
  <c r="A31940" i="1" s="1"/>
  <c r="A31941" i="1" s="1"/>
  <c r="A31942" i="1" s="1"/>
  <c r="A31943" i="1" s="1"/>
  <c r="A31944" i="1" s="1"/>
  <c r="A31945" i="1" s="1"/>
  <c r="A31946" i="1" s="1"/>
  <c r="A31947" i="1" s="1"/>
  <c r="A31948" i="1" s="1"/>
  <c r="A31949" i="1" s="1"/>
  <c r="A31950" i="1" s="1"/>
  <c r="A31951" i="1" s="1"/>
  <c r="A31952" i="1" s="1"/>
  <c r="A31953" i="1" s="1"/>
  <c r="A31954" i="1" s="1"/>
  <c r="A31955" i="1" s="1"/>
  <c r="A31956" i="1" s="1"/>
  <c r="A31957" i="1" s="1"/>
  <c r="A31958" i="1" s="1"/>
  <c r="A31959" i="1" s="1"/>
  <c r="A31960" i="1" s="1"/>
  <c r="A31961" i="1" s="1"/>
  <c r="A31962" i="1" s="1"/>
  <c r="A31963" i="1" s="1"/>
  <c r="A31964" i="1" s="1"/>
  <c r="A31965" i="1" s="1"/>
  <c r="A31966" i="1" s="1"/>
  <c r="A31967" i="1" s="1"/>
  <c r="A31968" i="1" s="1"/>
  <c r="A31969" i="1" s="1"/>
  <c r="A31970" i="1" s="1"/>
  <c r="A31971" i="1" s="1"/>
  <c r="A31972" i="1" s="1"/>
  <c r="A31973" i="1" s="1"/>
  <c r="A31974" i="1" s="1"/>
  <c r="A31975" i="1" s="1"/>
  <c r="A31976" i="1" s="1"/>
  <c r="A31977" i="1" s="1"/>
  <c r="A31978" i="1" s="1"/>
  <c r="A31979" i="1" s="1"/>
  <c r="A31980" i="1" s="1"/>
  <c r="A31981" i="1" s="1"/>
  <c r="A31982" i="1" s="1"/>
  <c r="A31983" i="1" s="1"/>
  <c r="A31984" i="1" s="1"/>
  <c r="A31985" i="1" s="1"/>
  <c r="A31986" i="1" s="1"/>
  <c r="A31987" i="1" s="1"/>
  <c r="A31988" i="1" s="1"/>
  <c r="A31989" i="1" s="1"/>
  <c r="A31990" i="1" s="1"/>
  <c r="A31991" i="1" s="1"/>
  <c r="A31992" i="1" s="1"/>
  <c r="A31993" i="1" s="1"/>
  <c r="A31994" i="1" s="1"/>
  <c r="A31995" i="1" s="1"/>
  <c r="A31996" i="1" s="1"/>
  <c r="A31997" i="1" s="1"/>
  <c r="A31998" i="1" s="1"/>
  <c r="A31999" i="1" s="1"/>
  <c r="A32000" i="1" s="1"/>
  <c r="A32001" i="1" s="1"/>
  <c r="A32002" i="1" s="1"/>
  <c r="A32003" i="1" s="1"/>
  <c r="A32004" i="1" s="1"/>
  <c r="A32005" i="1" s="1"/>
  <c r="A32006" i="1" s="1"/>
  <c r="A32007" i="1" s="1"/>
  <c r="A32008" i="1" s="1"/>
  <c r="A32009" i="1" s="1"/>
  <c r="A32010" i="1" s="1"/>
  <c r="A32011" i="1" s="1"/>
  <c r="A32012" i="1" s="1"/>
  <c r="A32013" i="1" s="1"/>
  <c r="A32014" i="1" s="1"/>
  <c r="A32015" i="1" s="1"/>
  <c r="A32016" i="1" s="1"/>
  <c r="A32017" i="1" s="1"/>
  <c r="A32018" i="1" s="1"/>
  <c r="A32019" i="1" s="1"/>
  <c r="A32020" i="1" s="1"/>
  <c r="A32021" i="1" s="1"/>
  <c r="A32022" i="1" s="1"/>
  <c r="A32023" i="1" s="1"/>
  <c r="A32024" i="1" s="1"/>
  <c r="A32025" i="1" s="1"/>
  <c r="A32026" i="1" s="1"/>
  <c r="A32027" i="1" s="1"/>
  <c r="A32028" i="1" s="1"/>
  <c r="A32029" i="1" s="1"/>
  <c r="A32030" i="1" s="1"/>
  <c r="A32031" i="1" s="1"/>
  <c r="A32032" i="1" s="1"/>
  <c r="A32033" i="1" s="1"/>
  <c r="A32034" i="1" s="1"/>
  <c r="A32035" i="1" s="1"/>
  <c r="A32036" i="1" s="1"/>
  <c r="A32037" i="1" s="1"/>
  <c r="A32038" i="1" s="1"/>
  <c r="A32039" i="1" s="1"/>
  <c r="A32040" i="1" s="1"/>
  <c r="A32041" i="1" s="1"/>
  <c r="A32042" i="1" s="1"/>
  <c r="A32043" i="1" s="1"/>
  <c r="A32044" i="1" s="1"/>
  <c r="A32045" i="1" s="1"/>
  <c r="A32046" i="1" s="1"/>
  <c r="A32047" i="1" s="1"/>
  <c r="A32048" i="1" s="1"/>
  <c r="A32049" i="1" s="1"/>
  <c r="A32050" i="1" s="1"/>
  <c r="A32051" i="1" s="1"/>
  <c r="A32052" i="1" s="1"/>
  <c r="A32053" i="1" s="1"/>
  <c r="A32054" i="1" s="1"/>
  <c r="A32055" i="1" s="1"/>
  <c r="A32056" i="1" s="1"/>
  <c r="A32057" i="1" s="1"/>
  <c r="A32058" i="1" s="1"/>
  <c r="A32059" i="1" s="1"/>
  <c r="A32060" i="1" s="1"/>
  <c r="A32061" i="1" s="1"/>
  <c r="A32062" i="1" s="1"/>
  <c r="A32063" i="1" s="1"/>
  <c r="A32064" i="1" s="1"/>
  <c r="A32065" i="1" s="1"/>
  <c r="A32066" i="1" s="1"/>
  <c r="A32067" i="1" s="1"/>
  <c r="A32068" i="1" s="1"/>
  <c r="A32069" i="1" s="1"/>
  <c r="A32070" i="1" s="1"/>
  <c r="A32071" i="1" s="1"/>
  <c r="A32072" i="1" s="1"/>
  <c r="A32073" i="1" s="1"/>
  <c r="A32074" i="1" s="1"/>
  <c r="A32075" i="1" s="1"/>
  <c r="A32076" i="1" s="1"/>
  <c r="A32077" i="1" s="1"/>
  <c r="A32078" i="1" s="1"/>
  <c r="A32079" i="1" s="1"/>
  <c r="A32080" i="1" s="1"/>
  <c r="A32081" i="1" s="1"/>
  <c r="A32082" i="1" s="1"/>
  <c r="A32083" i="1" s="1"/>
  <c r="A32084" i="1" s="1"/>
  <c r="A32085" i="1" s="1"/>
  <c r="A32086" i="1" s="1"/>
  <c r="A32087" i="1" s="1"/>
  <c r="A32088" i="1" s="1"/>
  <c r="A32089" i="1" s="1"/>
  <c r="A32090" i="1" s="1"/>
  <c r="A32091" i="1" s="1"/>
  <c r="A32092" i="1" s="1"/>
  <c r="A32093" i="1" s="1"/>
  <c r="A32094" i="1" s="1"/>
  <c r="A32095" i="1" s="1"/>
  <c r="A32096" i="1" s="1"/>
  <c r="A32097" i="1" s="1"/>
  <c r="A32098" i="1" s="1"/>
  <c r="A32099" i="1" s="1"/>
  <c r="A32100" i="1" s="1"/>
  <c r="A32101" i="1" s="1"/>
  <c r="A32102" i="1" s="1"/>
  <c r="A32103" i="1" s="1"/>
  <c r="A32104" i="1" s="1"/>
  <c r="A32105" i="1" s="1"/>
  <c r="A32106" i="1" s="1"/>
  <c r="A32107" i="1" s="1"/>
  <c r="A32108" i="1" s="1"/>
  <c r="A32109" i="1" s="1"/>
  <c r="A32110" i="1" s="1"/>
  <c r="A32111" i="1" s="1"/>
  <c r="A32112" i="1" s="1"/>
  <c r="A32113" i="1" s="1"/>
  <c r="A32114" i="1" s="1"/>
  <c r="A32115" i="1" s="1"/>
  <c r="A32116" i="1" s="1"/>
  <c r="A32117" i="1" s="1"/>
  <c r="A32118" i="1" s="1"/>
  <c r="A32119" i="1" s="1"/>
  <c r="A32120" i="1" s="1"/>
  <c r="A32121" i="1" s="1"/>
  <c r="A32122" i="1" s="1"/>
  <c r="A32123" i="1" s="1"/>
  <c r="A32124" i="1" s="1"/>
  <c r="A32125" i="1" s="1"/>
  <c r="A32126" i="1" s="1"/>
  <c r="A32127" i="1" s="1"/>
  <c r="A32128" i="1" s="1"/>
  <c r="A32129" i="1" s="1"/>
  <c r="A32130" i="1" s="1"/>
  <c r="A32131" i="1" s="1"/>
  <c r="A32132" i="1" s="1"/>
  <c r="A32133" i="1" s="1"/>
  <c r="A32134" i="1" s="1"/>
  <c r="A32135" i="1" s="1"/>
  <c r="A32136" i="1" s="1"/>
  <c r="A32137" i="1" s="1"/>
  <c r="A32138" i="1" s="1"/>
  <c r="A32139" i="1" s="1"/>
  <c r="A32140" i="1" s="1"/>
  <c r="A32141" i="1" s="1"/>
  <c r="A32142" i="1" s="1"/>
  <c r="A32143" i="1" s="1"/>
  <c r="A32144" i="1" s="1"/>
  <c r="A32145" i="1" s="1"/>
  <c r="A32146" i="1" s="1"/>
  <c r="A32147" i="1" s="1"/>
  <c r="A32148" i="1" s="1"/>
  <c r="A32149" i="1" s="1"/>
  <c r="A32150" i="1" s="1"/>
  <c r="A32151" i="1" s="1"/>
  <c r="A32152" i="1" s="1"/>
  <c r="A32153" i="1" s="1"/>
  <c r="A32154" i="1" s="1"/>
  <c r="A32155" i="1" s="1"/>
  <c r="A32156" i="1" s="1"/>
  <c r="A32157" i="1" s="1"/>
  <c r="A32158" i="1" s="1"/>
  <c r="A32159" i="1" s="1"/>
  <c r="A32160" i="1" s="1"/>
  <c r="A32161" i="1" s="1"/>
  <c r="A32162" i="1" s="1"/>
  <c r="A32163" i="1" s="1"/>
  <c r="A32164" i="1" s="1"/>
  <c r="A32165" i="1" s="1"/>
  <c r="A32166" i="1" s="1"/>
  <c r="A32167" i="1" s="1"/>
  <c r="A32168" i="1" s="1"/>
  <c r="A32169" i="1" s="1"/>
  <c r="A32170" i="1" s="1"/>
  <c r="A32171" i="1" s="1"/>
  <c r="A32172" i="1" s="1"/>
  <c r="A32173" i="1" s="1"/>
  <c r="A32174" i="1" s="1"/>
  <c r="A32175" i="1" s="1"/>
  <c r="A32176" i="1" s="1"/>
  <c r="A32177" i="1" s="1"/>
  <c r="A32178" i="1" s="1"/>
  <c r="A32179" i="1" s="1"/>
  <c r="A32180" i="1" s="1"/>
  <c r="A32181" i="1" s="1"/>
  <c r="A32182" i="1" s="1"/>
  <c r="A32183" i="1" s="1"/>
  <c r="A32184" i="1" s="1"/>
  <c r="A32185" i="1" s="1"/>
  <c r="A32186" i="1" s="1"/>
  <c r="A32187" i="1" s="1"/>
  <c r="A32188" i="1" s="1"/>
  <c r="A32189" i="1" s="1"/>
  <c r="A32190" i="1" s="1"/>
  <c r="A32191" i="1" s="1"/>
  <c r="A32192" i="1" s="1"/>
  <c r="A32193" i="1" s="1"/>
  <c r="A32194" i="1" s="1"/>
  <c r="A32195" i="1" s="1"/>
  <c r="A32196" i="1" s="1"/>
  <c r="A32197" i="1" s="1"/>
  <c r="A32198" i="1" s="1"/>
  <c r="A32199" i="1" s="1"/>
  <c r="A32200" i="1" s="1"/>
  <c r="A32201" i="1" s="1"/>
  <c r="A32202" i="1" s="1"/>
  <c r="A32203" i="1" s="1"/>
  <c r="A32204" i="1" s="1"/>
  <c r="A32205" i="1" s="1"/>
  <c r="A32206" i="1" s="1"/>
  <c r="A32207" i="1" s="1"/>
  <c r="A32208" i="1" s="1"/>
  <c r="A32209" i="1" s="1"/>
  <c r="A32210" i="1" s="1"/>
  <c r="A32211" i="1" s="1"/>
  <c r="A32212" i="1" s="1"/>
  <c r="A32213" i="1" s="1"/>
  <c r="A32214" i="1" s="1"/>
  <c r="A32215" i="1" s="1"/>
  <c r="A32216" i="1" s="1"/>
  <c r="A32217" i="1" s="1"/>
  <c r="A32218" i="1" s="1"/>
  <c r="A32219" i="1" s="1"/>
  <c r="A32220" i="1" s="1"/>
  <c r="A32221" i="1" s="1"/>
  <c r="A32222" i="1" s="1"/>
  <c r="A32223" i="1" s="1"/>
  <c r="A32224" i="1" s="1"/>
  <c r="A32225" i="1" s="1"/>
  <c r="A32226" i="1" s="1"/>
  <c r="A32227" i="1" s="1"/>
  <c r="A32228" i="1" s="1"/>
  <c r="A32229" i="1" s="1"/>
  <c r="A32230" i="1" s="1"/>
  <c r="A32231" i="1" s="1"/>
  <c r="A32232" i="1" s="1"/>
  <c r="A32233" i="1" s="1"/>
  <c r="A32234" i="1" s="1"/>
  <c r="A32235" i="1" s="1"/>
  <c r="A32236" i="1" s="1"/>
  <c r="A32237" i="1" s="1"/>
  <c r="A32238" i="1" s="1"/>
  <c r="A32239" i="1" s="1"/>
  <c r="A32240" i="1" s="1"/>
  <c r="A32241" i="1" s="1"/>
  <c r="A32242" i="1" s="1"/>
  <c r="A32243" i="1" s="1"/>
  <c r="A32244" i="1" s="1"/>
  <c r="A32245" i="1" s="1"/>
  <c r="A32246" i="1" s="1"/>
  <c r="A32247" i="1" s="1"/>
  <c r="A32248" i="1" s="1"/>
  <c r="A32249" i="1" s="1"/>
  <c r="A32250" i="1" s="1"/>
  <c r="A32251" i="1" s="1"/>
  <c r="A32252" i="1" s="1"/>
  <c r="A32253" i="1" s="1"/>
  <c r="A32254" i="1" s="1"/>
  <c r="A32255" i="1" s="1"/>
  <c r="A32256" i="1" s="1"/>
  <c r="A32257" i="1" s="1"/>
  <c r="A32258" i="1" s="1"/>
  <c r="A32259" i="1" s="1"/>
  <c r="A32260" i="1" s="1"/>
  <c r="A32261" i="1" s="1"/>
  <c r="A32262" i="1" s="1"/>
  <c r="A32263" i="1" s="1"/>
  <c r="A32264" i="1" s="1"/>
  <c r="A32265" i="1" s="1"/>
  <c r="A32266" i="1" s="1"/>
  <c r="A32267" i="1" s="1"/>
  <c r="A32268" i="1" s="1"/>
  <c r="A32269" i="1" s="1"/>
  <c r="A32270" i="1" s="1"/>
  <c r="A32271" i="1" s="1"/>
  <c r="A32272" i="1" s="1"/>
  <c r="A32273" i="1" s="1"/>
  <c r="A32274" i="1" s="1"/>
  <c r="A32275" i="1" s="1"/>
  <c r="A32276" i="1" s="1"/>
  <c r="A32277" i="1" s="1"/>
  <c r="A32278" i="1" s="1"/>
  <c r="A32279" i="1" s="1"/>
  <c r="A32280" i="1" s="1"/>
  <c r="A32281" i="1" s="1"/>
  <c r="A32282" i="1" s="1"/>
  <c r="A32283" i="1" s="1"/>
  <c r="A32284" i="1" s="1"/>
  <c r="A32285" i="1" s="1"/>
  <c r="A32286" i="1" s="1"/>
  <c r="A32287" i="1" s="1"/>
  <c r="A32288" i="1" s="1"/>
  <c r="A32289" i="1" s="1"/>
  <c r="A32290" i="1" s="1"/>
  <c r="A32291" i="1" s="1"/>
  <c r="A32292" i="1" s="1"/>
  <c r="A32293" i="1" s="1"/>
  <c r="A32294" i="1" s="1"/>
  <c r="A32295" i="1" s="1"/>
  <c r="A32296" i="1" s="1"/>
  <c r="A32297" i="1" s="1"/>
  <c r="A32298" i="1" s="1"/>
  <c r="A32299" i="1" s="1"/>
  <c r="A32300" i="1" s="1"/>
  <c r="A32301" i="1" s="1"/>
  <c r="A32302" i="1" s="1"/>
  <c r="A32303" i="1" s="1"/>
  <c r="A32304" i="1" s="1"/>
  <c r="A32305" i="1" s="1"/>
  <c r="A32306" i="1" s="1"/>
  <c r="A32307" i="1" s="1"/>
  <c r="A32308" i="1" s="1"/>
  <c r="A32309" i="1" s="1"/>
  <c r="A32310" i="1" s="1"/>
  <c r="A32311" i="1" s="1"/>
  <c r="A32312" i="1" s="1"/>
  <c r="A32313" i="1" s="1"/>
  <c r="A32314" i="1" s="1"/>
  <c r="A32315" i="1" s="1"/>
  <c r="A32316" i="1" s="1"/>
  <c r="A32317" i="1" s="1"/>
  <c r="A32318" i="1" s="1"/>
  <c r="A32319" i="1" s="1"/>
  <c r="A32320" i="1" s="1"/>
  <c r="A32321" i="1" s="1"/>
  <c r="A32322" i="1" s="1"/>
  <c r="A32323" i="1" s="1"/>
  <c r="A32324" i="1" s="1"/>
  <c r="A32325" i="1" s="1"/>
  <c r="A32326" i="1" s="1"/>
  <c r="A32327" i="1" s="1"/>
  <c r="A32328" i="1" s="1"/>
  <c r="A32329" i="1" s="1"/>
  <c r="A32330" i="1" s="1"/>
  <c r="A32331" i="1" s="1"/>
  <c r="A32332" i="1" s="1"/>
  <c r="A32333" i="1" s="1"/>
  <c r="A32334" i="1" s="1"/>
  <c r="A32335" i="1" s="1"/>
  <c r="A32336" i="1" s="1"/>
  <c r="A32337" i="1" s="1"/>
  <c r="A32338" i="1" s="1"/>
  <c r="A32339" i="1" s="1"/>
  <c r="A32340" i="1" s="1"/>
  <c r="A32341" i="1" s="1"/>
  <c r="A32342" i="1" s="1"/>
  <c r="A32343" i="1" s="1"/>
  <c r="A32344" i="1" s="1"/>
  <c r="A32345" i="1" s="1"/>
  <c r="A32346" i="1" s="1"/>
  <c r="A32347" i="1" s="1"/>
  <c r="A32348" i="1" s="1"/>
  <c r="A32349" i="1" s="1"/>
  <c r="A32350" i="1" s="1"/>
  <c r="A32351" i="1" s="1"/>
  <c r="A32352" i="1" s="1"/>
  <c r="A32353" i="1" s="1"/>
  <c r="A32354" i="1" s="1"/>
  <c r="A32355" i="1" s="1"/>
  <c r="A32356" i="1" s="1"/>
  <c r="A32357" i="1" s="1"/>
  <c r="A32358" i="1" s="1"/>
  <c r="A32359" i="1" s="1"/>
  <c r="A32360" i="1" s="1"/>
  <c r="A32361" i="1" s="1"/>
  <c r="A32362" i="1" s="1"/>
  <c r="A32363" i="1" s="1"/>
  <c r="A32364" i="1" s="1"/>
  <c r="A32365" i="1" s="1"/>
  <c r="A32366" i="1" s="1"/>
  <c r="A32367" i="1" s="1"/>
  <c r="A32368" i="1" s="1"/>
  <c r="A32369" i="1" s="1"/>
  <c r="A32370" i="1" s="1"/>
  <c r="A32371" i="1" s="1"/>
  <c r="A32372" i="1" s="1"/>
  <c r="A32373" i="1" s="1"/>
  <c r="A32374" i="1" s="1"/>
  <c r="A32375" i="1" s="1"/>
  <c r="A32376" i="1" s="1"/>
  <c r="A32377" i="1" s="1"/>
  <c r="A32378" i="1" s="1"/>
  <c r="A32379" i="1" s="1"/>
  <c r="A32380" i="1" s="1"/>
  <c r="A32381" i="1" s="1"/>
  <c r="A32382" i="1" s="1"/>
  <c r="A32383" i="1" s="1"/>
  <c r="A32384" i="1" s="1"/>
  <c r="A32385" i="1" s="1"/>
  <c r="A32386" i="1" s="1"/>
  <c r="A32387" i="1" s="1"/>
  <c r="A32388" i="1" s="1"/>
  <c r="A32389" i="1" s="1"/>
  <c r="A32390" i="1" s="1"/>
  <c r="A32391" i="1" s="1"/>
  <c r="A32392" i="1" s="1"/>
  <c r="A32393" i="1" s="1"/>
  <c r="A32394" i="1" s="1"/>
  <c r="A32395" i="1" s="1"/>
  <c r="A32396" i="1" s="1"/>
  <c r="A32397" i="1" s="1"/>
  <c r="A32398" i="1" s="1"/>
  <c r="A32399" i="1" s="1"/>
  <c r="A32400" i="1" s="1"/>
  <c r="A32401" i="1" s="1"/>
  <c r="A32402" i="1" s="1"/>
  <c r="A32403" i="1" s="1"/>
  <c r="A32404" i="1" s="1"/>
  <c r="A32405" i="1" s="1"/>
  <c r="A32406" i="1" s="1"/>
  <c r="A32407" i="1" s="1"/>
  <c r="A32408" i="1" s="1"/>
  <c r="A32409" i="1" s="1"/>
  <c r="A32410" i="1" s="1"/>
  <c r="A32411" i="1" s="1"/>
  <c r="A32412" i="1" s="1"/>
  <c r="A32413" i="1" s="1"/>
  <c r="A32414" i="1" s="1"/>
  <c r="A32415" i="1" s="1"/>
  <c r="A32416" i="1" s="1"/>
  <c r="A32417" i="1" s="1"/>
  <c r="A32418" i="1" s="1"/>
  <c r="A32419" i="1" s="1"/>
  <c r="A32420" i="1" s="1"/>
  <c r="A32421" i="1" s="1"/>
  <c r="A32422" i="1" s="1"/>
  <c r="A32423" i="1" s="1"/>
  <c r="A32424" i="1" s="1"/>
  <c r="A32425" i="1" s="1"/>
  <c r="A32426" i="1" s="1"/>
  <c r="A32427" i="1" s="1"/>
  <c r="A32428" i="1" s="1"/>
  <c r="A32429" i="1" s="1"/>
  <c r="A32430" i="1" s="1"/>
  <c r="A32431" i="1" s="1"/>
  <c r="A32432" i="1" s="1"/>
  <c r="A32433" i="1" s="1"/>
  <c r="A32434" i="1" s="1"/>
  <c r="A32435" i="1" s="1"/>
  <c r="A32436" i="1" s="1"/>
  <c r="A32437" i="1" s="1"/>
  <c r="A32438" i="1" s="1"/>
  <c r="A32439" i="1" s="1"/>
  <c r="A32440" i="1" s="1"/>
  <c r="A32441" i="1" s="1"/>
  <c r="A32442" i="1" s="1"/>
  <c r="A32443" i="1" s="1"/>
  <c r="A32444" i="1" s="1"/>
  <c r="A32445" i="1" s="1"/>
  <c r="A32446" i="1" s="1"/>
  <c r="A32447" i="1" s="1"/>
  <c r="A32448" i="1" s="1"/>
  <c r="A32449" i="1" s="1"/>
  <c r="A32450" i="1" s="1"/>
  <c r="A32451" i="1" s="1"/>
  <c r="A32452" i="1" s="1"/>
  <c r="A32453" i="1" s="1"/>
  <c r="A32454" i="1" s="1"/>
  <c r="A32455" i="1" s="1"/>
  <c r="A32456" i="1" s="1"/>
  <c r="A32457" i="1" s="1"/>
  <c r="A32458" i="1" s="1"/>
  <c r="A32459" i="1" s="1"/>
  <c r="A32460" i="1" s="1"/>
  <c r="A32461" i="1" s="1"/>
  <c r="A32462" i="1" s="1"/>
  <c r="A32463" i="1" s="1"/>
  <c r="A32464" i="1" s="1"/>
  <c r="A32465" i="1" s="1"/>
  <c r="A32466" i="1" s="1"/>
  <c r="A32467" i="1" s="1"/>
  <c r="A32468" i="1" s="1"/>
  <c r="A32469" i="1" s="1"/>
  <c r="A32470" i="1" s="1"/>
  <c r="A32471" i="1" s="1"/>
  <c r="A32472" i="1" s="1"/>
  <c r="A32473" i="1" s="1"/>
  <c r="A32474" i="1" s="1"/>
  <c r="A32475" i="1" s="1"/>
  <c r="A32476" i="1" s="1"/>
  <c r="A32477" i="1" s="1"/>
  <c r="A32478" i="1" s="1"/>
  <c r="A32479" i="1" s="1"/>
  <c r="A32480" i="1" s="1"/>
  <c r="A32481" i="1" s="1"/>
  <c r="A32482" i="1" s="1"/>
  <c r="A32483" i="1" s="1"/>
  <c r="A32484" i="1" s="1"/>
  <c r="A32485" i="1" s="1"/>
  <c r="A32486" i="1" s="1"/>
  <c r="A32487" i="1" s="1"/>
  <c r="A32488" i="1" s="1"/>
  <c r="A32489" i="1" s="1"/>
  <c r="A32490" i="1" s="1"/>
  <c r="A32491" i="1" s="1"/>
  <c r="A32492" i="1" s="1"/>
  <c r="A32493" i="1" s="1"/>
  <c r="A32494" i="1" s="1"/>
  <c r="A32495" i="1" s="1"/>
  <c r="A32496" i="1" s="1"/>
  <c r="A32497" i="1" s="1"/>
  <c r="A32498" i="1" s="1"/>
  <c r="A32499" i="1" s="1"/>
  <c r="A32500" i="1" s="1"/>
  <c r="A32501" i="1" s="1"/>
  <c r="A32502" i="1" s="1"/>
  <c r="A32503" i="1" s="1"/>
  <c r="A32504" i="1" s="1"/>
  <c r="A32505" i="1" s="1"/>
  <c r="A32506" i="1" s="1"/>
  <c r="A32507" i="1" s="1"/>
  <c r="A32508" i="1" s="1"/>
  <c r="A32509" i="1" s="1"/>
  <c r="A32510" i="1" s="1"/>
  <c r="A32511" i="1" s="1"/>
  <c r="A32512" i="1" s="1"/>
  <c r="A32513" i="1" s="1"/>
  <c r="A32514" i="1" s="1"/>
  <c r="A32515" i="1" s="1"/>
  <c r="A32516" i="1" s="1"/>
  <c r="A32517" i="1" s="1"/>
  <c r="A32518" i="1" s="1"/>
  <c r="A32519" i="1" s="1"/>
  <c r="A32520" i="1" s="1"/>
  <c r="A32521" i="1" s="1"/>
  <c r="A32522" i="1" s="1"/>
  <c r="A32523" i="1" s="1"/>
  <c r="A32524" i="1" s="1"/>
  <c r="A32525" i="1" s="1"/>
  <c r="A32526" i="1" s="1"/>
  <c r="A32527" i="1" s="1"/>
  <c r="A32528" i="1" s="1"/>
  <c r="A32529" i="1" s="1"/>
  <c r="A32530" i="1" s="1"/>
  <c r="A32531" i="1" s="1"/>
  <c r="A32532" i="1" s="1"/>
  <c r="A32533" i="1" s="1"/>
  <c r="A32534" i="1" s="1"/>
  <c r="A32535" i="1" s="1"/>
  <c r="A32536" i="1" s="1"/>
  <c r="A32537" i="1" s="1"/>
  <c r="A32538" i="1" s="1"/>
  <c r="A32539" i="1" s="1"/>
  <c r="A32540" i="1" s="1"/>
  <c r="A32541" i="1" s="1"/>
  <c r="A32542" i="1" s="1"/>
  <c r="A32543" i="1" s="1"/>
  <c r="A32544" i="1" s="1"/>
  <c r="A32545" i="1" s="1"/>
  <c r="A32546" i="1" s="1"/>
  <c r="A32547" i="1" s="1"/>
  <c r="A32548" i="1" s="1"/>
  <c r="A32549" i="1" s="1"/>
  <c r="A32550" i="1" s="1"/>
  <c r="A32551" i="1" s="1"/>
  <c r="A32552" i="1" s="1"/>
  <c r="A32553" i="1" s="1"/>
  <c r="A32554" i="1" s="1"/>
  <c r="A32555" i="1" s="1"/>
  <c r="A32556" i="1" s="1"/>
  <c r="A32557" i="1" s="1"/>
  <c r="A32558" i="1" s="1"/>
  <c r="A32559" i="1" s="1"/>
  <c r="A32560" i="1" s="1"/>
  <c r="A32561" i="1" s="1"/>
  <c r="A32562" i="1" s="1"/>
  <c r="A32563" i="1" s="1"/>
  <c r="A32564" i="1" s="1"/>
  <c r="A32565" i="1" s="1"/>
  <c r="A32566" i="1" s="1"/>
  <c r="A32567" i="1" s="1"/>
  <c r="A32568" i="1" s="1"/>
  <c r="A32569" i="1" s="1"/>
  <c r="A32570" i="1" s="1"/>
  <c r="A32571" i="1" s="1"/>
  <c r="A32572" i="1" s="1"/>
  <c r="A32573" i="1" s="1"/>
  <c r="A32574" i="1" s="1"/>
  <c r="A32575" i="1" s="1"/>
  <c r="A32576" i="1" s="1"/>
  <c r="A32577" i="1" s="1"/>
  <c r="A32578" i="1" s="1"/>
  <c r="A32579" i="1" s="1"/>
  <c r="A32580" i="1" s="1"/>
  <c r="A32581" i="1" s="1"/>
  <c r="A32582" i="1" s="1"/>
  <c r="A32583" i="1" s="1"/>
  <c r="A32584" i="1" s="1"/>
  <c r="A32585" i="1" s="1"/>
  <c r="A32586" i="1" s="1"/>
  <c r="A32587" i="1" s="1"/>
  <c r="A32588" i="1" s="1"/>
  <c r="A32589" i="1" s="1"/>
  <c r="A32590" i="1" s="1"/>
  <c r="A32591" i="1" s="1"/>
  <c r="A32592" i="1" s="1"/>
  <c r="A32593" i="1" s="1"/>
  <c r="A32594" i="1" s="1"/>
  <c r="A32595" i="1" s="1"/>
  <c r="A32596" i="1" s="1"/>
  <c r="A32597" i="1" s="1"/>
  <c r="A32598" i="1" s="1"/>
  <c r="A32599" i="1" s="1"/>
  <c r="A32600" i="1" s="1"/>
  <c r="A32601" i="1" s="1"/>
  <c r="A32602" i="1" s="1"/>
  <c r="A32603" i="1" s="1"/>
  <c r="A32604" i="1" s="1"/>
  <c r="A32605" i="1" s="1"/>
  <c r="A32606" i="1" s="1"/>
  <c r="A32607" i="1" s="1"/>
  <c r="A32608" i="1" s="1"/>
  <c r="A32609" i="1" s="1"/>
  <c r="A32610" i="1" s="1"/>
  <c r="A32611" i="1" s="1"/>
  <c r="A32612" i="1" s="1"/>
  <c r="A32613" i="1" s="1"/>
  <c r="A32614" i="1" s="1"/>
  <c r="A32615" i="1" s="1"/>
  <c r="A32616" i="1" s="1"/>
  <c r="A32617" i="1" s="1"/>
  <c r="A32618" i="1" s="1"/>
  <c r="A32619" i="1" s="1"/>
  <c r="A32620" i="1" s="1"/>
  <c r="A32621" i="1" s="1"/>
  <c r="A32622" i="1" s="1"/>
  <c r="A32623" i="1" s="1"/>
  <c r="A32624" i="1" s="1"/>
  <c r="A32625" i="1" s="1"/>
  <c r="A32626" i="1" s="1"/>
  <c r="A32627" i="1" s="1"/>
  <c r="A32628" i="1" s="1"/>
  <c r="A32629" i="1" s="1"/>
  <c r="A32630" i="1" s="1"/>
  <c r="A32631" i="1" s="1"/>
  <c r="A32632" i="1" s="1"/>
  <c r="A32633" i="1" s="1"/>
  <c r="A32634" i="1" s="1"/>
  <c r="A32635" i="1" s="1"/>
  <c r="A32636" i="1" s="1"/>
  <c r="A32637" i="1" s="1"/>
  <c r="A32638" i="1" s="1"/>
  <c r="A32639" i="1" s="1"/>
  <c r="A32640" i="1" s="1"/>
  <c r="A32641" i="1" s="1"/>
  <c r="A32642" i="1" s="1"/>
  <c r="A32643" i="1" s="1"/>
  <c r="A32644" i="1" s="1"/>
  <c r="A32645" i="1" s="1"/>
  <c r="A32646" i="1" s="1"/>
  <c r="A32647" i="1" s="1"/>
  <c r="A32648" i="1" s="1"/>
  <c r="A32649" i="1" s="1"/>
  <c r="A32650" i="1" s="1"/>
  <c r="A32651" i="1" s="1"/>
  <c r="A32652" i="1" s="1"/>
  <c r="A32653" i="1" s="1"/>
  <c r="A32654" i="1" s="1"/>
  <c r="A32655" i="1" s="1"/>
  <c r="A32656" i="1" s="1"/>
  <c r="A32657" i="1" s="1"/>
  <c r="A32658" i="1" s="1"/>
  <c r="A32659" i="1" s="1"/>
  <c r="A32660" i="1" s="1"/>
  <c r="A32661" i="1" s="1"/>
  <c r="A32662" i="1" s="1"/>
  <c r="A32663" i="1" s="1"/>
  <c r="A32664" i="1" s="1"/>
  <c r="A32665" i="1" s="1"/>
  <c r="A32666" i="1" s="1"/>
  <c r="A32667" i="1" s="1"/>
  <c r="A32668" i="1" s="1"/>
  <c r="A32669" i="1" s="1"/>
  <c r="A32670" i="1" s="1"/>
  <c r="A32671" i="1" s="1"/>
  <c r="A32672" i="1" s="1"/>
  <c r="A32673" i="1" s="1"/>
  <c r="A32674" i="1" s="1"/>
  <c r="A32675" i="1" s="1"/>
  <c r="A32676" i="1" s="1"/>
  <c r="A32677" i="1" s="1"/>
  <c r="A32678" i="1" s="1"/>
  <c r="A32679" i="1" s="1"/>
  <c r="A32680" i="1" s="1"/>
  <c r="A32681" i="1" s="1"/>
  <c r="A32682" i="1" s="1"/>
  <c r="A32683" i="1" s="1"/>
  <c r="A32684" i="1" s="1"/>
  <c r="A32685" i="1" s="1"/>
  <c r="A32686" i="1" s="1"/>
  <c r="A32687" i="1" s="1"/>
  <c r="A32688" i="1" s="1"/>
  <c r="A32689" i="1" s="1"/>
  <c r="A32690" i="1" s="1"/>
  <c r="A32691" i="1" s="1"/>
  <c r="A32692" i="1" s="1"/>
  <c r="A32693" i="1" s="1"/>
  <c r="A32694" i="1" s="1"/>
  <c r="A32695" i="1" s="1"/>
  <c r="A32696" i="1" s="1"/>
  <c r="A32697" i="1" s="1"/>
  <c r="A32698" i="1" s="1"/>
  <c r="A32699" i="1" s="1"/>
  <c r="A32700" i="1" s="1"/>
  <c r="A32701" i="1" s="1"/>
  <c r="A32702" i="1" s="1"/>
  <c r="A32703" i="1" s="1"/>
  <c r="A32704" i="1" s="1"/>
  <c r="A32705" i="1" s="1"/>
  <c r="A32706" i="1" s="1"/>
  <c r="A32707" i="1" s="1"/>
  <c r="A32708" i="1" s="1"/>
  <c r="A32709" i="1" s="1"/>
  <c r="A32710" i="1" s="1"/>
  <c r="A32711" i="1" s="1"/>
  <c r="A32712" i="1" s="1"/>
  <c r="A32713" i="1" s="1"/>
  <c r="A32714" i="1" s="1"/>
  <c r="A32715" i="1" s="1"/>
  <c r="A32716" i="1" s="1"/>
  <c r="A32717" i="1" s="1"/>
  <c r="A32718" i="1" s="1"/>
  <c r="A32719" i="1" s="1"/>
  <c r="A32720" i="1" s="1"/>
  <c r="A32721" i="1" s="1"/>
  <c r="A32722" i="1" s="1"/>
  <c r="A32723" i="1" s="1"/>
  <c r="A32724" i="1" s="1"/>
  <c r="A32725" i="1" s="1"/>
  <c r="A32726" i="1" s="1"/>
  <c r="A32727" i="1" s="1"/>
  <c r="A32728" i="1" s="1"/>
  <c r="A32729" i="1" s="1"/>
  <c r="A32730" i="1" s="1"/>
  <c r="A32731" i="1" s="1"/>
  <c r="A32732" i="1" s="1"/>
  <c r="A32733" i="1" s="1"/>
  <c r="A32734" i="1" s="1"/>
  <c r="A32735" i="1" s="1"/>
  <c r="A32736" i="1" s="1"/>
  <c r="A32737" i="1" s="1"/>
  <c r="A32738" i="1" s="1"/>
  <c r="A32739" i="1" s="1"/>
  <c r="A32740" i="1" s="1"/>
  <c r="A32741" i="1" s="1"/>
  <c r="A32742" i="1" s="1"/>
  <c r="A32743" i="1" s="1"/>
  <c r="A32744" i="1" s="1"/>
  <c r="A32745" i="1" s="1"/>
  <c r="A32746" i="1" s="1"/>
  <c r="A32747" i="1" s="1"/>
  <c r="A32748" i="1" s="1"/>
  <c r="A32749" i="1" s="1"/>
  <c r="A32750" i="1" s="1"/>
  <c r="A32751" i="1" s="1"/>
  <c r="A32752" i="1" s="1"/>
  <c r="A32753" i="1" s="1"/>
  <c r="A32754" i="1" s="1"/>
  <c r="A32755" i="1" s="1"/>
  <c r="A32756" i="1" s="1"/>
  <c r="A32757" i="1" s="1"/>
  <c r="A32758" i="1" s="1"/>
  <c r="A32759" i="1" s="1"/>
  <c r="A32760" i="1" s="1"/>
  <c r="A32761" i="1" s="1"/>
  <c r="A32762" i="1" s="1"/>
  <c r="A32763" i="1" s="1"/>
  <c r="A32764" i="1" s="1"/>
  <c r="A32765" i="1" s="1"/>
  <c r="A32766" i="1" s="1"/>
  <c r="A32767" i="1" s="1"/>
  <c r="A32768" i="1" s="1"/>
  <c r="A32769" i="1" s="1"/>
  <c r="A32770" i="1" s="1"/>
  <c r="A32771" i="1" s="1"/>
  <c r="A32772" i="1" s="1"/>
  <c r="A32773" i="1" s="1"/>
  <c r="A32774" i="1" s="1"/>
  <c r="A32775" i="1" s="1"/>
  <c r="A32776" i="1" s="1"/>
  <c r="A32777" i="1" s="1"/>
  <c r="A32778" i="1" s="1"/>
  <c r="A32779" i="1" s="1"/>
  <c r="A32780" i="1" s="1"/>
  <c r="A32781" i="1" s="1"/>
  <c r="A32782" i="1" s="1"/>
  <c r="A32783" i="1" s="1"/>
  <c r="A32784" i="1" s="1"/>
  <c r="A32785" i="1" s="1"/>
  <c r="A32786" i="1" s="1"/>
  <c r="A32787" i="1" s="1"/>
  <c r="A32788" i="1" s="1"/>
  <c r="A32789" i="1" s="1"/>
  <c r="A32790" i="1" s="1"/>
  <c r="A32791" i="1" s="1"/>
  <c r="A32792" i="1" s="1"/>
  <c r="A32793" i="1" s="1"/>
  <c r="A32794" i="1" s="1"/>
  <c r="A32795" i="1" s="1"/>
  <c r="A32796" i="1" s="1"/>
  <c r="A32797" i="1" s="1"/>
  <c r="A32798" i="1" s="1"/>
  <c r="A32799" i="1" s="1"/>
  <c r="A32800" i="1" s="1"/>
  <c r="A32801" i="1" s="1"/>
  <c r="A32802" i="1" s="1"/>
  <c r="A32803" i="1" s="1"/>
  <c r="A32804" i="1" s="1"/>
  <c r="A32805" i="1" s="1"/>
  <c r="A32806" i="1" s="1"/>
  <c r="A32807" i="1" s="1"/>
  <c r="A32808" i="1" s="1"/>
  <c r="A32809" i="1" s="1"/>
  <c r="A32810" i="1" s="1"/>
  <c r="A32811" i="1" s="1"/>
  <c r="A32812" i="1" s="1"/>
  <c r="A32813" i="1" s="1"/>
  <c r="A32814" i="1" s="1"/>
  <c r="A32815" i="1" s="1"/>
  <c r="A32816" i="1" s="1"/>
  <c r="A32817" i="1" s="1"/>
  <c r="A32818" i="1" s="1"/>
  <c r="A32819" i="1" s="1"/>
  <c r="A32820" i="1" s="1"/>
  <c r="A32821" i="1" s="1"/>
  <c r="A32822" i="1" s="1"/>
  <c r="A32823" i="1" s="1"/>
  <c r="A32824" i="1" s="1"/>
  <c r="A32825" i="1" s="1"/>
  <c r="A32826" i="1" s="1"/>
  <c r="A32827" i="1" s="1"/>
  <c r="A32828" i="1" s="1"/>
  <c r="A32829" i="1" s="1"/>
  <c r="A32830" i="1" s="1"/>
  <c r="A32831" i="1" s="1"/>
  <c r="A32832" i="1" s="1"/>
  <c r="A32833" i="1" s="1"/>
  <c r="A32834" i="1" s="1"/>
  <c r="A32835" i="1" s="1"/>
  <c r="A32836" i="1" s="1"/>
  <c r="A32837" i="1" s="1"/>
  <c r="A32838" i="1" s="1"/>
  <c r="A32839" i="1" s="1"/>
  <c r="A32840" i="1" s="1"/>
  <c r="A32841" i="1" s="1"/>
  <c r="A32842" i="1" s="1"/>
  <c r="A32843" i="1" s="1"/>
  <c r="A32844" i="1" s="1"/>
  <c r="A32845" i="1" s="1"/>
  <c r="A32846" i="1" s="1"/>
  <c r="A32847" i="1" s="1"/>
  <c r="A32848" i="1" s="1"/>
  <c r="A32849" i="1" s="1"/>
  <c r="A32850" i="1" s="1"/>
  <c r="A32851" i="1" s="1"/>
  <c r="A32852" i="1" s="1"/>
  <c r="A32853" i="1" s="1"/>
  <c r="A32854" i="1" s="1"/>
  <c r="A32855" i="1" s="1"/>
  <c r="A32856" i="1" s="1"/>
  <c r="A32857" i="1" s="1"/>
  <c r="A32858" i="1" s="1"/>
  <c r="A32859" i="1" s="1"/>
  <c r="A32860" i="1" s="1"/>
  <c r="A32861" i="1" s="1"/>
  <c r="A32862" i="1" s="1"/>
  <c r="A32863" i="1" s="1"/>
  <c r="A32864" i="1" s="1"/>
  <c r="A32865" i="1" s="1"/>
  <c r="A32866" i="1" s="1"/>
  <c r="A32867" i="1" s="1"/>
  <c r="A32868" i="1" s="1"/>
  <c r="A32869" i="1" s="1"/>
  <c r="A32870" i="1" s="1"/>
  <c r="A32871" i="1" s="1"/>
  <c r="A32872" i="1" s="1"/>
  <c r="A32873" i="1" s="1"/>
  <c r="A32874" i="1" s="1"/>
  <c r="A32875" i="1" s="1"/>
  <c r="A32876" i="1" s="1"/>
  <c r="A32877" i="1" s="1"/>
  <c r="A32878" i="1" s="1"/>
  <c r="A32879" i="1" s="1"/>
  <c r="A32880" i="1" s="1"/>
  <c r="A32881" i="1" s="1"/>
  <c r="A32882" i="1" s="1"/>
  <c r="A32883" i="1" s="1"/>
  <c r="A32884" i="1" s="1"/>
  <c r="A32885" i="1" s="1"/>
  <c r="A32886" i="1" s="1"/>
  <c r="A32887" i="1" s="1"/>
  <c r="A32888" i="1" s="1"/>
  <c r="A32889" i="1" s="1"/>
  <c r="A32890" i="1" s="1"/>
  <c r="A32891" i="1" s="1"/>
  <c r="A32892" i="1" s="1"/>
  <c r="A32893" i="1" s="1"/>
  <c r="A32894" i="1" s="1"/>
  <c r="A32895" i="1" s="1"/>
  <c r="A32896" i="1" s="1"/>
  <c r="A32897" i="1" s="1"/>
  <c r="A32898" i="1" s="1"/>
  <c r="A32899" i="1" s="1"/>
  <c r="A32900" i="1" s="1"/>
  <c r="A32901" i="1" s="1"/>
  <c r="A32902" i="1" s="1"/>
  <c r="A32903" i="1" s="1"/>
  <c r="A32904" i="1" s="1"/>
  <c r="A32905" i="1" s="1"/>
  <c r="A32906" i="1" s="1"/>
  <c r="A32907" i="1" s="1"/>
  <c r="A32908" i="1" s="1"/>
  <c r="A32909" i="1" s="1"/>
  <c r="A32910" i="1" s="1"/>
  <c r="A32911" i="1" s="1"/>
  <c r="A32912" i="1" s="1"/>
  <c r="A32913" i="1" s="1"/>
  <c r="A32914" i="1" s="1"/>
  <c r="A32915" i="1" s="1"/>
  <c r="A32916" i="1" s="1"/>
  <c r="A32917" i="1" s="1"/>
  <c r="A32918" i="1" s="1"/>
  <c r="A32919" i="1" s="1"/>
  <c r="A32920" i="1" s="1"/>
  <c r="A32921" i="1" s="1"/>
  <c r="A32922" i="1" s="1"/>
  <c r="A32923" i="1" s="1"/>
  <c r="A32924" i="1" s="1"/>
  <c r="A32925" i="1" s="1"/>
  <c r="A32926" i="1" s="1"/>
  <c r="A32927" i="1" s="1"/>
  <c r="A32928" i="1" s="1"/>
  <c r="A32929" i="1" s="1"/>
  <c r="A32930" i="1" s="1"/>
  <c r="A32931" i="1" s="1"/>
  <c r="A32932" i="1" s="1"/>
  <c r="A32933" i="1" s="1"/>
  <c r="A32934" i="1" s="1"/>
  <c r="A32935" i="1" s="1"/>
  <c r="A32936" i="1" s="1"/>
  <c r="A32937" i="1" s="1"/>
  <c r="A32938" i="1" s="1"/>
  <c r="A32939" i="1" s="1"/>
  <c r="A32940" i="1" s="1"/>
  <c r="A32941" i="1" s="1"/>
  <c r="A32942" i="1" s="1"/>
  <c r="A32943" i="1" s="1"/>
  <c r="A32944" i="1" s="1"/>
  <c r="A32945" i="1" s="1"/>
  <c r="A32946" i="1" s="1"/>
  <c r="A32947" i="1" s="1"/>
  <c r="A32948" i="1" s="1"/>
  <c r="A32949" i="1" s="1"/>
  <c r="A32950" i="1" s="1"/>
  <c r="A32951" i="1" s="1"/>
  <c r="A32952" i="1" s="1"/>
  <c r="A32953" i="1" s="1"/>
  <c r="A32954" i="1" s="1"/>
  <c r="A32955" i="1" s="1"/>
  <c r="A32956" i="1" s="1"/>
  <c r="A32957" i="1" s="1"/>
  <c r="A32958" i="1" s="1"/>
  <c r="A32959" i="1" s="1"/>
  <c r="A32960" i="1" s="1"/>
  <c r="A32961" i="1" s="1"/>
  <c r="A32962" i="1" s="1"/>
  <c r="A32963" i="1" s="1"/>
  <c r="A32964" i="1" s="1"/>
  <c r="A32965" i="1" s="1"/>
  <c r="A32966" i="1" s="1"/>
  <c r="A32967" i="1" s="1"/>
  <c r="A32968" i="1" s="1"/>
  <c r="A32969" i="1" s="1"/>
  <c r="A32970" i="1" s="1"/>
  <c r="A32971" i="1" s="1"/>
  <c r="A32972" i="1" s="1"/>
  <c r="A32973" i="1" s="1"/>
  <c r="A32974" i="1" s="1"/>
  <c r="A32975" i="1" s="1"/>
  <c r="A32976" i="1" s="1"/>
  <c r="A32977" i="1" s="1"/>
  <c r="A32978" i="1" s="1"/>
  <c r="A32979" i="1" s="1"/>
  <c r="A32980" i="1" s="1"/>
  <c r="A32981" i="1" s="1"/>
  <c r="A32982" i="1" s="1"/>
  <c r="A32983" i="1" s="1"/>
  <c r="A32984" i="1" s="1"/>
  <c r="A32985" i="1" s="1"/>
  <c r="A32986" i="1" s="1"/>
  <c r="A32987" i="1" s="1"/>
  <c r="A32988" i="1" s="1"/>
  <c r="A32989" i="1" s="1"/>
  <c r="A32990" i="1" s="1"/>
  <c r="A32991" i="1" s="1"/>
  <c r="A32992" i="1" s="1"/>
  <c r="A32993" i="1" s="1"/>
  <c r="A32994" i="1" s="1"/>
  <c r="A32995" i="1" s="1"/>
  <c r="A32996" i="1" s="1"/>
  <c r="A32997" i="1" s="1"/>
  <c r="A32998" i="1" s="1"/>
  <c r="A32999" i="1" s="1"/>
  <c r="A33000" i="1" s="1"/>
  <c r="A33001" i="1" s="1"/>
  <c r="A33002" i="1" s="1"/>
  <c r="A33003" i="1" s="1"/>
  <c r="A33004" i="1" s="1"/>
  <c r="A33005" i="1" s="1"/>
  <c r="A33006" i="1" s="1"/>
  <c r="A33007" i="1" s="1"/>
  <c r="A33008" i="1" s="1"/>
  <c r="A33009" i="1" s="1"/>
  <c r="A33010" i="1" s="1"/>
  <c r="A33011" i="1" s="1"/>
  <c r="A33012" i="1" s="1"/>
  <c r="A33013" i="1" s="1"/>
  <c r="A33014" i="1" s="1"/>
  <c r="A33015" i="1" s="1"/>
  <c r="A33016" i="1" s="1"/>
  <c r="A33017" i="1" s="1"/>
  <c r="A33018" i="1" s="1"/>
  <c r="A33019" i="1" s="1"/>
  <c r="A33020" i="1" s="1"/>
  <c r="A33021" i="1" s="1"/>
  <c r="A33022" i="1" s="1"/>
  <c r="A33023" i="1" s="1"/>
  <c r="A33024" i="1" s="1"/>
  <c r="A33025" i="1" s="1"/>
  <c r="A33026" i="1" s="1"/>
  <c r="A33027" i="1" s="1"/>
  <c r="A33028" i="1" s="1"/>
  <c r="A33029" i="1" s="1"/>
  <c r="A33030" i="1" s="1"/>
  <c r="A33031" i="1" s="1"/>
  <c r="A33032" i="1" s="1"/>
  <c r="A33033" i="1" s="1"/>
  <c r="A33034" i="1" s="1"/>
  <c r="A33035" i="1" s="1"/>
  <c r="A33036" i="1" s="1"/>
  <c r="A33037" i="1" s="1"/>
  <c r="A33038" i="1" s="1"/>
  <c r="A33039" i="1" s="1"/>
  <c r="A33040" i="1" s="1"/>
  <c r="A33041" i="1" s="1"/>
  <c r="A33042" i="1" s="1"/>
  <c r="A33043" i="1" s="1"/>
  <c r="A33044" i="1" s="1"/>
  <c r="A33045" i="1" s="1"/>
  <c r="A33046" i="1" s="1"/>
  <c r="A33047" i="1" s="1"/>
  <c r="A33048" i="1" s="1"/>
  <c r="A33049" i="1" s="1"/>
  <c r="A33050" i="1" s="1"/>
  <c r="A33051" i="1" s="1"/>
  <c r="A33052" i="1" s="1"/>
  <c r="A33053" i="1" s="1"/>
  <c r="A33054" i="1" s="1"/>
  <c r="A33055" i="1" s="1"/>
  <c r="A33056" i="1" s="1"/>
  <c r="A33057" i="1" s="1"/>
  <c r="A33058" i="1" s="1"/>
  <c r="A33059" i="1" s="1"/>
  <c r="A33060" i="1" s="1"/>
  <c r="A33061" i="1" s="1"/>
  <c r="A33062" i="1" s="1"/>
  <c r="A33063" i="1" s="1"/>
  <c r="A33064" i="1" s="1"/>
  <c r="A33065" i="1" s="1"/>
  <c r="A33066" i="1" s="1"/>
  <c r="A33067" i="1" s="1"/>
  <c r="A33068" i="1" s="1"/>
  <c r="A33069" i="1" s="1"/>
  <c r="A33070" i="1" s="1"/>
  <c r="A33071" i="1" s="1"/>
  <c r="A33072" i="1" s="1"/>
  <c r="A33073" i="1" s="1"/>
  <c r="A33074" i="1" s="1"/>
  <c r="A33075" i="1" s="1"/>
  <c r="A33076" i="1" s="1"/>
  <c r="A33077" i="1" s="1"/>
  <c r="A33078" i="1" s="1"/>
  <c r="A33079" i="1" s="1"/>
  <c r="A33080" i="1" s="1"/>
  <c r="A33081" i="1" s="1"/>
  <c r="A33082" i="1" s="1"/>
  <c r="A33083" i="1" s="1"/>
  <c r="A33084" i="1" s="1"/>
  <c r="A33085" i="1" s="1"/>
  <c r="A33086" i="1" s="1"/>
  <c r="A33087" i="1" s="1"/>
  <c r="A33088" i="1" s="1"/>
  <c r="A33089" i="1" s="1"/>
  <c r="A33090" i="1" s="1"/>
  <c r="A33091" i="1" s="1"/>
  <c r="A33092" i="1" s="1"/>
  <c r="A33093" i="1" s="1"/>
  <c r="A33094" i="1" s="1"/>
  <c r="A33095" i="1" s="1"/>
  <c r="A33096" i="1" s="1"/>
  <c r="A33097" i="1" s="1"/>
  <c r="A33098" i="1" s="1"/>
  <c r="A33099" i="1" s="1"/>
  <c r="A33100" i="1" s="1"/>
  <c r="A33101" i="1" s="1"/>
  <c r="A33102" i="1" s="1"/>
  <c r="A33103" i="1" s="1"/>
  <c r="A33104" i="1" s="1"/>
  <c r="A33105" i="1" s="1"/>
  <c r="A33106" i="1" s="1"/>
  <c r="A33107" i="1" s="1"/>
  <c r="A33108" i="1" s="1"/>
  <c r="A33109" i="1" s="1"/>
  <c r="A33110" i="1" s="1"/>
  <c r="A33111" i="1" s="1"/>
  <c r="A33112" i="1" s="1"/>
  <c r="A33113" i="1" s="1"/>
  <c r="A33114" i="1" s="1"/>
  <c r="A33115" i="1" s="1"/>
  <c r="A33116" i="1" s="1"/>
  <c r="A33117" i="1" s="1"/>
  <c r="A33118" i="1" s="1"/>
  <c r="A33119" i="1" s="1"/>
  <c r="A33120" i="1" s="1"/>
  <c r="A33121" i="1" s="1"/>
  <c r="A33122" i="1" s="1"/>
  <c r="A33123" i="1" s="1"/>
  <c r="A33124" i="1" s="1"/>
  <c r="A33125" i="1" s="1"/>
  <c r="A33126" i="1" s="1"/>
  <c r="A33127" i="1" s="1"/>
  <c r="A33128" i="1" s="1"/>
  <c r="A33129" i="1" s="1"/>
  <c r="A33130" i="1" s="1"/>
  <c r="A33131" i="1" s="1"/>
  <c r="A33132" i="1" s="1"/>
  <c r="A33133" i="1" s="1"/>
  <c r="A33134" i="1" s="1"/>
  <c r="A33135" i="1" s="1"/>
  <c r="A33136" i="1" s="1"/>
  <c r="A33137" i="1" s="1"/>
  <c r="A33138" i="1" s="1"/>
  <c r="A33139" i="1" s="1"/>
  <c r="A33140" i="1" s="1"/>
  <c r="A33141" i="1" s="1"/>
  <c r="A33142" i="1" s="1"/>
  <c r="A33143" i="1" s="1"/>
  <c r="A33144" i="1" s="1"/>
  <c r="A33145" i="1" s="1"/>
  <c r="A33146" i="1" s="1"/>
  <c r="A33147" i="1" s="1"/>
  <c r="A33148" i="1" s="1"/>
  <c r="A33149" i="1" s="1"/>
  <c r="A33150" i="1" s="1"/>
  <c r="A33151" i="1" s="1"/>
  <c r="A33152" i="1" s="1"/>
  <c r="A33153" i="1" s="1"/>
  <c r="A33154" i="1" s="1"/>
  <c r="A33155" i="1" s="1"/>
  <c r="A33156" i="1" s="1"/>
  <c r="A33157" i="1" s="1"/>
  <c r="A33158" i="1" s="1"/>
  <c r="A33159" i="1" s="1"/>
  <c r="A33160" i="1" s="1"/>
  <c r="A33161" i="1" s="1"/>
  <c r="A33162" i="1" s="1"/>
  <c r="A33163" i="1" s="1"/>
  <c r="A33164" i="1" s="1"/>
  <c r="A33165" i="1" s="1"/>
  <c r="A33166" i="1" s="1"/>
  <c r="A33167" i="1" s="1"/>
  <c r="A33168" i="1" s="1"/>
  <c r="A33169" i="1" s="1"/>
  <c r="A33170" i="1" s="1"/>
  <c r="A33171" i="1" s="1"/>
  <c r="A33172" i="1" s="1"/>
  <c r="A33173" i="1" s="1"/>
  <c r="A33174" i="1" s="1"/>
  <c r="A33175" i="1" s="1"/>
  <c r="A33176" i="1" s="1"/>
  <c r="A33177" i="1" s="1"/>
  <c r="A33178" i="1" s="1"/>
  <c r="A33179" i="1" s="1"/>
  <c r="A33180" i="1" s="1"/>
  <c r="A33181" i="1" s="1"/>
  <c r="A33182" i="1" s="1"/>
  <c r="A33183" i="1" s="1"/>
  <c r="A33184" i="1" s="1"/>
  <c r="A33185" i="1" s="1"/>
  <c r="A33186" i="1" s="1"/>
  <c r="A33187" i="1" s="1"/>
  <c r="A33188" i="1" s="1"/>
  <c r="A33189" i="1" s="1"/>
  <c r="A33190" i="1" s="1"/>
  <c r="A33191" i="1" s="1"/>
  <c r="A33192" i="1" s="1"/>
  <c r="A33193" i="1" s="1"/>
  <c r="A33194" i="1" s="1"/>
  <c r="A33195" i="1" s="1"/>
  <c r="A33196" i="1" s="1"/>
  <c r="A33197" i="1" s="1"/>
  <c r="A33198" i="1" s="1"/>
  <c r="A33199" i="1" s="1"/>
  <c r="A33200" i="1" s="1"/>
  <c r="A33201" i="1" s="1"/>
  <c r="A33202" i="1" s="1"/>
  <c r="A33203" i="1" s="1"/>
  <c r="A33204" i="1" s="1"/>
  <c r="A33205" i="1" s="1"/>
  <c r="A33206" i="1" s="1"/>
  <c r="A33207" i="1" s="1"/>
  <c r="A33208" i="1" s="1"/>
  <c r="A33209" i="1" s="1"/>
  <c r="A33210" i="1" s="1"/>
  <c r="A33211" i="1" s="1"/>
  <c r="A33212" i="1" s="1"/>
  <c r="A33213" i="1" s="1"/>
  <c r="A33214" i="1" s="1"/>
  <c r="A33215" i="1" s="1"/>
  <c r="A33216" i="1" s="1"/>
  <c r="A33217" i="1" s="1"/>
  <c r="A33218" i="1" s="1"/>
  <c r="A33219" i="1" s="1"/>
  <c r="A33220" i="1" s="1"/>
  <c r="A33221" i="1" s="1"/>
  <c r="A33222" i="1" s="1"/>
  <c r="A33223" i="1" s="1"/>
  <c r="A33224" i="1" s="1"/>
  <c r="A33225" i="1" s="1"/>
  <c r="A33226" i="1" s="1"/>
  <c r="A33227" i="1" s="1"/>
  <c r="A33228" i="1" s="1"/>
  <c r="A33229" i="1" s="1"/>
  <c r="A33230" i="1" s="1"/>
  <c r="A33231" i="1" s="1"/>
  <c r="A33232" i="1" s="1"/>
  <c r="A33233" i="1" s="1"/>
  <c r="A33234" i="1" s="1"/>
  <c r="A33235" i="1" s="1"/>
  <c r="A33236" i="1" s="1"/>
  <c r="A33237" i="1" s="1"/>
  <c r="A33238" i="1" s="1"/>
  <c r="A33239" i="1" s="1"/>
  <c r="A33240" i="1" s="1"/>
  <c r="A33241" i="1" s="1"/>
  <c r="A33242" i="1" s="1"/>
  <c r="A33243" i="1" s="1"/>
  <c r="A33244" i="1" s="1"/>
  <c r="A33245" i="1" s="1"/>
  <c r="A33246" i="1" s="1"/>
  <c r="A33247" i="1" s="1"/>
  <c r="A33248" i="1" s="1"/>
  <c r="A33249" i="1" s="1"/>
  <c r="A33250" i="1" s="1"/>
  <c r="A33251" i="1" s="1"/>
  <c r="A33252" i="1" s="1"/>
  <c r="A33253" i="1" s="1"/>
  <c r="A33254" i="1" s="1"/>
  <c r="A33255" i="1" s="1"/>
  <c r="A33256" i="1" s="1"/>
  <c r="A33257" i="1" s="1"/>
  <c r="A33258" i="1" s="1"/>
  <c r="A33259" i="1" s="1"/>
  <c r="A33260" i="1" s="1"/>
  <c r="A33261" i="1" s="1"/>
  <c r="A33262" i="1" s="1"/>
  <c r="A33263" i="1" s="1"/>
  <c r="A33264" i="1" s="1"/>
  <c r="A33265" i="1" s="1"/>
  <c r="A33266" i="1" s="1"/>
  <c r="A33267" i="1" s="1"/>
  <c r="A33268" i="1" s="1"/>
  <c r="A33269" i="1" s="1"/>
  <c r="A33270" i="1" s="1"/>
  <c r="A33271" i="1" s="1"/>
  <c r="A33272" i="1" s="1"/>
  <c r="A33273" i="1" s="1"/>
  <c r="A33274" i="1" s="1"/>
  <c r="A33275" i="1" s="1"/>
  <c r="A33276" i="1" s="1"/>
  <c r="A33277" i="1" s="1"/>
  <c r="A33278" i="1" s="1"/>
  <c r="A33279" i="1" s="1"/>
  <c r="A33280" i="1" s="1"/>
  <c r="A33281" i="1" s="1"/>
  <c r="A33282" i="1" s="1"/>
  <c r="A33283" i="1" s="1"/>
  <c r="A33284" i="1" s="1"/>
  <c r="A33285" i="1" s="1"/>
  <c r="A33286" i="1" s="1"/>
  <c r="A33287" i="1" s="1"/>
  <c r="A33288" i="1" s="1"/>
  <c r="A33289" i="1" s="1"/>
  <c r="A33290" i="1" s="1"/>
  <c r="A33291" i="1" s="1"/>
  <c r="A33292" i="1" s="1"/>
  <c r="A33293" i="1" s="1"/>
  <c r="A33294" i="1" s="1"/>
  <c r="A33295" i="1" s="1"/>
  <c r="A33296" i="1" s="1"/>
  <c r="A33297" i="1" s="1"/>
  <c r="A33298" i="1" s="1"/>
  <c r="A33299" i="1" s="1"/>
  <c r="A33300" i="1" s="1"/>
  <c r="A33301" i="1" s="1"/>
  <c r="A33302" i="1" s="1"/>
  <c r="A33303" i="1" s="1"/>
  <c r="A33304" i="1" s="1"/>
  <c r="A33305" i="1" s="1"/>
  <c r="A33306" i="1" s="1"/>
  <c r="A33307" i="1" s="1"/>
  <c r="A33308" i="1" s="1"/>
  <c r="A33309" i="1" s="1"/>
  <c r="A33310" i="1" s="1"/>
  <c r="A33311" i="1" s="1"/>
  <c r="A33312" i="1" s="1"/>
  <c r="A33313" i="1" s="1"/>
  <c r="A33314" i="1" s="1"/>
  <c r="A33315" i="1" s="1"/>
  <c r="A33316" i="1" s="1"/>
  <c r="A33317" i="1" s="1"/>
  <c r="A33318" i="1" s="1"/>
  <c r="A33319" i="1" s="1"/>
  <c r="A33320" i="1" s="1"/>
  <c r="A33321" i="1" s="1"/>
  <c r="A33322" i="1" s="1"/>
  <c r="A33323" i="1" s="1"/>
  <c r="A33324" i="1" s="1"/>
  <c r="A33325" i="1" s="1"/>
  <c r="A33326" i="1" s="1"/>
  <c r="A33327" i="1" s="1"/>
  <c r="A33328" i="1" s="1"/>
  <c r="A33329" i="1" s="1"/>
  <c r="A33330" i="1" s="1"/>
  <c r="A33331" i="1" s="1"/>
  <c r="A33332" i="1" s="1"/>
  <c r="A33333" i="1" s="1"/>
  <c r="A33334" i="1" s="1"/>
  <c r="A33335" i="1" s="1"/>
  <c r="A33336" i="1" s="1"/>
  <c r="A33337" i="1" s="1"/>
  <c r="A33338" i="1" s="1"/>
  <c r="A33339" i="1" s="1"/>
  <c r="A33340" i="1" s="1"/>
  <c r="A33341" i="1" s="1"/>
  <c r="A33342" i="1" s="1"/>
  <c r="A33343" i="1" s="1"/>
  <c r="A33344" i="1" s="1"/>
  <c r="A33345" i="1" s="1"/>
  <c r="A33346" i="1" s="1"/>
  <c r="A33347" i="1" s="1"/>
  <c r="A33348" i="1" s="1"/>
  <c r="A33349" i="1" s="1"/>
  <c r="A33350" i="1" s="1"/>
  <c r="A33351" i="1" s="1"/>
  <c r="A33352" i="1" s="1"/>
  <c r="A33353" i="1" s="1"/>
  <c r="A33354" i="1" s="1"/>
  <c r="A33355" i="1" s="1"/>
  <c r="A33356" i="1" s="1"/>
  <c r="A33357" i="1" s="1"/>
  <c r="A33358" i="1" s="1"/>
  <c r="A33359" i="1" s="1"/>
  <c r="A33360" i="1" s="1"/>
  <c r="A33361" i="1" s="1"/>
  <c r="A33362" i="1" s="1"/>
  <c r="A33363" i="1" s="1"/>
  <c r="A33364" i="1" s="1"/>
  <c r="A33365" i="1" s="1"/>
  <c r="A33366" i="1" s="1"/>
  <c r="A33367" i="1" s="1"/>
  <c r="A33368" i="1" s="1"/>
  <c r="A33369" i="1" s="1"/>
  <c r="A33370" i="1" s="1"/>
  <c r="A33371" i="1" s="1"/>
  <c r="A33372" i="1" s="1"/>
  <c r="A33373" i="1" s="1"/>
  <c r="A33374" i="1" s="1"/>
  <c r="A33375" i="1" s="1"/>
  <c r="A33376" i="1" s="1"/>
  <c r="A33377" i="1" s="1"/>
  <c r="A33378" i="1" s="1"/>
  <c r="A33379" i="1" s="1"/>
  <c r="A33380" i="1" s="1"/>
  <c r="A33381" i="1" s="1"/>
  <c r="A33382" i="1" s="1"/>
  <c r="A33383" i="1" s="1"/>
  <c r="A33384" i="1" s="1"/>
  <c r="A33385" i="1" s="1"/>
  <c r="A33386" i="1" s="1"/>
  <c r="A33387" i="1" s="1"/>
  <c r="A33388" i="1" s="1"/>
  <c r="A33389" i="1" s="1"/>
  <c r="A33390" i="1" s="1"/>
  <c r="A33391" i="1" s="1"/>
  <c r="A33392" i="1" s="1"/>
  <c r="A33393" i="1" s="1"/>
  <c r="A33394" i="1" s="1"/>
  <c r="A33395" i="1" s="1"/>
  <c r="A33396" i="1" s="1"/>
  <c r="A33397" i="1" s="1"/>
  <c r="A33398" i="1" s="1"/>
  <c r="A33399" i="1" s="1"/>
  <c r="A33400" i="1" s="1"/>
  <c r="A33401" i="1" s="1"/>
  <c r="A33402" i="1" s="1"/>
  <c r="A33403" i="1" s="1"/>
  <c r="A33404" i="1" s="1"/>
  <c r="A33405" i="1" s="1"/>
  <c r="A33406" i="1" s="1"/>
  <c r="A33407" i="1" s="1"/>
  <c r="A33408" i="1" s="1"/>
  <c r="A33409" i="1" s="1"/>
  <c r="A33410" i="1" s="1"/>
  <c r="A33411" i="1" s="1"/>
  <c r="A33412" i="1" s="1"/>
  <c r="A33413" i="1" s="1"/>
  <c r="A33414" i="1" s="1"/>
  <c r="A33415" i="1" s="1"/>
  <c r="A33416" i="1" s="1"/>
  <c r="A33417" i="1" s="1"/>
  <c r="A33418" i="1" s="1"/>
  <c r="A33419" i="1" s="1"/>
  <c r="A33420" i="1" s="1"/>
  <c r="A33421" i="1" s="1"/>
  <c r="A33422" i="1" s="1"/>
  <c r="A33423" i="1" s="1"/>
  <c r="A33424" i="1" s="1"/>
  <c r="A33425" i="1" s="1"/>
  <c r="A33426" i="1" s="1"/>
  <c r="A33427" i="1" s="1"/>
  <c r="A33428" i="1" s="1"/>
  <c r="A33429" i="1" s="1"/>
  <c r="A33430" i="1" s="1"/>
  <c r="A33431" i="1" s="1"/>
  <c r="A33432" i="1" s="1"/>
  <c r="A33433" i="1" s="1"/>
  <c r="A33434" i="1" s="1"/>
  <c r="A33435" i="1" s="1"/>
  <c r="A33436" i="1" s="1"/>
  <c r="A33437" i="1" s="1"/>
  <c r="A33438" i="1" s="1"/>
  <c r="A33439" i="1" s="1"/>
  <c r="A33440" i="1" s="1"/>
  <c r="A33441" i="1" s="1"/>
  <c r="A33442" i="1" s="1"/>
  <c r="A33443" i="1" s="1"/>
  <c r="A33444" i="1" s="1"/>
  <c r="A33445" i="1" s="1"/>
  <c r="A33446" i="1" s="1"/>
  <c r="A33447" i="1" s="1"/>
  <c r="A33448" i="1" s="1"/>
  <c r="A33449" i="1" s="1"/>
  <c r="A33450" i="1" s="1"/>
  <c r="A33451" i="1" s="1"/>
  <c r="A33452" i="1" s="1"/>
  <c r="A33453" i="1" s="1"/>
  <c r="A33454" i="1" s="1"/>
  <c r="A33455" i="1" s="1"/>
  <c r="A33456" i="1" s="1"/>
  <c r="A33457" i="1" s="1"/>
  <c r="A33458" i="1" s="1"/>
  <c r="A33459" i="1" s="1"/>
  <c r="A33460" i="1" s="1"/>
  <c r="A33461" i="1" s="1"/>
  <c r="A33462" i="1" s="1"/>
  <c r="A33463" i="1" s="1"/>
  <c r="A33464" i="1" s="1"/>
  <c r="A33465" i="1" s="1"/>
  <c r="A33466" i="1" s="1"/>
  <c r="A33467" i="1" s="1"/>
  <c r="A33468" i="1" s="1"/>
  <c r="A33469" i="1" s="1"/>
  <c r="A33470" i="1" s="1"/>
  <c r="A33471" i="1" s="1"/>
  <c r="A33472" i="1" s="1"/>
  <c r="A33473" i="1" s="1"/>
  <c r="A33474" i="1" s="1"/>
  <c r="A33475" i="1" s="1"/>
  <c r="A33476" i="1" s="1"/>
  <c r="A33477" i="1" s="1"/>
  <c r="A33478" i="1" s="1"/>
  <c r="A33479" i="1" s="1"/>
  <c r="A33480" i="1" s="1"/>
  <c r="A33481" i="1" s="1"/>
  <c r="A33482" i="1" s="1"/>
  <c r="A33483" i="1" s="1"/>
  <c r="A33484" i="1" s="1"/>
  <c r="A33485" i="1" s="1"/>
  <c r="A33486" i="1" s="1"/>
  <c r="A33487" i="1" s="1"/>
  <c r="A33488" i="1" s="1"/>
  <c r="A33489" i="1" s="1"/>
  <c r="A33490" i="1" s="1"/>
  <c r="A33491" i="1" s="1"/>
  <c r="A33492" i="1" s="1"/>
  <c r="A33493" i="1" s="1"/>
  <c r="A33494" i="1" s="1"/>
  <c r="A33495" i="1" s="1"/>
  <c r="A33496" i="1" s="1"/>
  <c r="A33497" i="1" s="1"/>
  <c r="A33498" i="1" s="1"/>
  <c r="A33499" i="1" s="1"/>
  <c r="A33500" i="1" s="1"/>
  <c r="A33501" i="1" s="1"/>
  <c r="A33502" i="1" s="1"/>
  <c r="A33503" i="1" s="1"/>
  <c r="A33504" i="1" s="1"/>
  <c r="A33505" i="1" s="1"/>
  <c r="A33506" i="1" s="1"/>
  <c r="A33507" i="1" s="1"/>
  <c r="A33508" i="1" s="1"/>
  <c r="A33509" i="1" s="1"/>
  <c r="A33510" i="1" s="1"/>
  <c r="A33511" i="1" s="1"/>
  <c r="A33512" i="1" s="1"/>
  <c r="A33513" i="1" s="1"/>
  <c r="A33514" i="1" s="1"/>
  <c r="A33515" i="1" s="1"/>
  <c r="A33516" i="1" s="1"/>
  <c r="A33517" i="1" s="1"/>
  <c r="A33518" i="1" s="1"/>
  <c r="A33519" i="1" s="1"/>
  <c r="A33520" i="1" s="1"/>
  <c r="A33521" i="1" s="1"/>
  <c r="A33522" i="1" s="1"/>
  <c r="A33523" i="1" s="1"/>
  <c r="A33524" i="1" s="1"/>
  <c r="A33525" i="1" s="1"/>
  <c r="A33526" i="1" s="1"/>
  <c r="A33527" i="1" s="1"/>
  <c r="A33528" i="1" s="1"/>
  <c r="A33529" i="1" s="1"/>
  <c r="A33530" i="1" s="1"/>
  <c r="A33531" i="1" s="1"/>
  <c r="A33532" i="1" s="1"/>
  <c r="A33533" i="1" s="1"/>
  <c r="A33534" i="1" s="1"/>
  <c r="A33535" i="1" s="1"/>
  <c r="A33536" i="1" s="1"/>
  <c r="A33537" i="1" s="1"/>
  <c r="A33538" i="1" s="1"/>
  <c r="A33539" i="1" s="1"/>
  <c r="A33540" i="1" s="1"/>
  <c r="A33541" i="1" s="1"/>
  <c r="A33542" i="1" s="1"/>
  <c r="A33543" i="1" s="1"/>
  <c r="A33544" i="1" s="1"/>
  <c r="A33545" i="1" s="1"/>
  <c r="A33546" i="1" s="1"/>
  <c r="A33547" i="1" s="1"/>
  <c r="A33548" i="1" s="1"/>
  <c r="A33549" i="1" s="1"/>
  <c r="A33550" i="1" s="1"/>
  <c r="A33551" i="1" s="1"/>
  <c r="A33552" i="1" s="1"/>
  <c r="A33553" i="1" s="1"/>
  <c r="A33554" i="1" s="1"/>
  <c r="A33555" i="1" s="1"/>
  <c r="A33556" i="1" s="1"/>
  <c r="A33557" i="1" s="1"/>
  <c r="A33558" i="1" s="1"/>
  <c r="A33559" i="1" s="1"/>
  <c r="A33560" i="1" s="1"/>
  <c r="A33561" i="1" s="1"/>
  <c r="A33562" i="1" s="1"/>
  <c r="A33563" i="1" s="1"/>
  <c r="A33564" i="1" s="1"/>
  <c r="A33565" i="1" s="1"/>
  <c r="A33566" i="1" s="1"/>
  <c r="A33567" i="1" s="1"/>
  <c r="A33568" i="1" s="1"/>
  <c r="A33569" i="1" s="1"/>
  <c r="A33570" i="1" s="1"/>
  <c r="A33571" i="1" s="1"/>
  <c r="A33572" i="1" s="1"/>
  <c r="A33573" i="1" s="1"/>
  <c r="A33574" i="1" s="1"/>
  <c r="A33575" i="1" s="1"/>
  <c r="A33576" i="1" s="1"/>
  <c r="A33577" i="1" s="1"/>
  <c r="A33578" i="1" s="1"/>
  <c r="A33579" i="1" s="1"/>
  <c r="A33580" i="1" s="1"/>
  <c r="A33581" i="1" s="1"/>
  <c r="A33582" i="1" s="1"/>
  <c r="A33583" i="1" s="1"/>
  <c r="A33584" i="1" s="1"/>
  <c r="A33585" i="1" s="1"/>
  <c r="A33586" i="1" s="1"/>
  <c r="A33587" i="1" s="1"/>
  <c r="A33588" i="1" s="1"/>
  <c r="A33589" i="1" s="1"/>
  <c r="A33590" i="1" s="1"/>
  <c r="A33591" i="1" s="1"/>
  <c r="A33592" i="1" s="1"/>
  <c r="A33593" i="1" s="1"/>
  <c r="A33594" i="1" s="1"/>
  <c r="A33595" i="1" s="1"/>
  <c r="A33596" i="1" s="1"/>
  <c r="A33597" i="1" s="1"/>
  <c r="A33598" i="1" s="1"/>
  <c r="A33599" i="1" s="1"/>
  <c r="A33600" i="1" s="1"/>
  <c r="A33601" i="1" s="1"/>
  <c r="A33602" i="1" s="1"/>
  <c r="A33603" i="1" s="1"/>
  <c r="A33604" i="1" s="1"/>
  <c r="A33605" i="1" s="1"/>
  <c r="A33606" i="1" s="1"/>
  <c r="A33607" i="1" s="1"/>
  <c r="A33608" i="1" s="1"/>
  <c r="A33609" i="1" s="1"/>
  <c r="A33610" i="1" s="1"/>
  <c r="A33611" i="1" s="1"/>
  <c r="A33612" i="1" s="1"/>
  <c r="A33613" i="1" s="1"/>
  <c r="A33614" i="1" s="1"/>
  <c r="A33615" i="1" s="1"/>
  <c r="A33616" i="1" s="1"/>
  <c r="A33617" i="1" s="1"/>
  <c r="A33618" i="1" s="1"/>
  <c r="A33619" i="1" s="1"/>
  <c r="A33620" i="1" s="1"/>
  <c r="A33621" i="1" s="1"/>
  <c r="A33622" i="1" s="1"/>
  <c r="A33623" i="1" s="1"/>
  <c r="A33624" i="1" s="1"/>
  <c r="A33625" i="1" s="1"/>
  <c r="A33626" i="1" s="1"/>
  <c r="A33627" i="1" s="1"/>
  <c r="A33628" i="1" s="1"/>
  <c r="A33629" i="1" s="1"/>
  <c r="A33630" i="1" s="1"/>
  <c r="A33631" i="1" s="1"/>
  <c r="A33632" i="1" s="1"/>
  <c r="A33633" i="1" s="1"/>
  <c r="A33634" i="1" s="1"/>
  <c r="A33635" i="1" s="1"/>
  <c r="A33636" i="1" s="1"/>
  <c r="A33637" i="1" s="1"/>
  <c r="A33638" i="1" s="1"/>
  <c r="A33639" i="1" s="1"/>
  <c r="A33640" i="1" s="1"/>
  <c r="A33641" i="1" s="1"/>
  <c r="A33642" i="1" s="1"/>
  <c r="A33643" i="1" s="1"/>
  <c r="A33644" i="1" s="1"/>
  <c r="A33645" i="1" s="1"/>
  <c r="A33646" i="1" s="1"/>
  <c r="A33647" i="1" s="1"/>
  <c r="A33648" i="1" s="1"/>
  <c r="A33649" i="1" s="1"/>
  <c r="A33650" i="1" s="1"/>
  <c r="A33651" i="1" s="1"/>
  <c r="A33652" i="1" s="1"/>
  <c r="A33653" i="1" s="1"/>
  <c r="A33654" i="1" s="1"/>
  <c r="A33655" i="1" s="1"/>
  <c r="A33656" i="1" s="1"/>
  <c r="A33657" i="1" s="1"/>
  <c r="A33658" i="1" s="1"/>
  <c r="A33659" i="1" s="1"/>
  <c r="A33660" i="1" s="1"/>
  <c r="A33661" i="1" s="1"/>
  <c r="A33662" i="1" s="1"/>
  <c r="A33663" i="1" s="1"/>
  <c r="A33664" i="1" s="1"/>
  <c r="A33665" i="1" s="1"/>
  <c r="A33666" i="1" s="1"/>
  <c r="A33667" i="1" s="1"/>
  <c r="A33668" i="1" s="1"/>
  <c r="A33669" i="1" s="1"/>
  <c r="A33670" i="1" s="1"/>
  <c r="A33671" i="1" s="1"/>
  <c r="A33672" i="1" s="1"/>
  <c r="A33673" i="1" s="1"/>
  <c r="A33674" i="1" s="1"/>
  <c r="A33675" i="1" s="1"/>
  <c r="A33676" i="1" s="1"/>
  <c r="A33677" i="1" s="1"/>
  <c r="A33678" i="1" s="1"/>
  <c r="A33679" i="1" s="1"/>
  <c r="A33680" i="1" s="1"/>
  <c r="A33681" i="1" s="1"/>
  <c r="A33682" i="1" s="1"/>
  <c r="A33683" i="1" s="1"/>
  <c r="A33684" i="1" s="1"/>
  <c r="A33685" i="1" s="1"/>
  <c r="A33686" i="1" s="1"/>
  <c r="A33687" i="1" s="1"/>
  <c r="A33688" i="1" s="1"/>
  <c r="A33689" i="1" s="1"/>
  <c r="A33690" i="1" s="1"/>
  <c r="A33691" i="1" s="1"/>
  <c r="A33692" i="1" s="1"/>
  <c r="A33693" i="1" s="1"/>
  <c r="A33694" i="1" s="1"/>
  <c r="A33695" i="1" s="1"/>
  <c r="A33696" i="1" s="1"/>
  <c r="A33697" i="1" s="1"/>
  <c r="A33698" i="1" s="1"/>
  <c r="A33699" i="1" s="1"/>
  <c r="A33700" i="1" s="1"/>
  <c r="A33701" i="1" s="1"/>
  <c r="A33702" i="1" s="1"/>
  <c r="A33703" i="1" s="1"/>
  <c r="A33704" i="1" s="1"/>
  <c r="A33705" i="1" s="1"/>
  <c r="A33706" i="1" s="1"/>
  <c r="A33707" i="1" s="1"/>
  <c r="A33708" i="1" s="1"/>
  <c r="A33709" i="1" s="1"/>
  <c r="A33710" i="1" s="1"/>
  <c r="A33711" i="1" s="1"/>
  <c r="A33712" i="1" s="1"/>
  <c r="A33713" i="1" s="1"/>
  <c r="A33714" i="1" s="1"/>
  <c r="A33715" i="1" s="1"/>
  <c r="A33716" i="1" s="1"/>
  <c r="A33717" i="1" s="1"/>
  <c r="A33718" i="1" s="1"/>
  <c r="A33719" i="1" s="1"/>
  <c r="A33720" i="1" s="1"/>
  <c r="A33721" i="1" s="1"/>
  <c r="A33722" i="1" s="1"/>
  <c r="A33723" i="1" s="1"/>
  <c r="A33724" i="1" s="1"/>
  <c r="A33725" i="1" s="1"/>
  <c r="A33726" i="1" s="1"/>
  <c r="A33727" i="1" s="1"/>
  <c r="A33728" i="1" s="1"/>
  <c r="A33729" i="1" s="1"/>
  <c r="A33730" i="1" s="1"/>
  <c r="A33731" i="1" s="1"/>
  <c r="A33732" i="1" s="1"/>
  <c r="A33733" i="1" s="1"/>
  <c r="A33734" i="1" s="1"/>
  <c r="A33735" i="1" s="1"/>
  <c r="A33736" i="1" s="1"/>
  <c r="A33737" i="1" s="1"/>
  <c r="A33738" i="1" s="1"/>
  <c r="A33739" i="1" s="1"/>
  <c r="A33740" i="1" s="1"/>
  <c r="A33741" i="1" s="1"/>
  <c r="A33742" i="1" s="1"/>
  <c r="A33743" i="1" s="1"/>
  <c r="A33744" i="1" s="1"/>
  <c r="A33745" i="1" s="1"/>
  <c r="A33746" i="1" s="1"/>
  <c r="A33747" i="1" s="1"/>
  <c r="A33748" i="1" s="1"/>
  <c r="A33749" i="1" s="1"/>
  <c r="A33750" i="1" s="1"/>
  <c r="A33751" i="1" s="1"/>
  <c r="A33752" i="1" s="1"/>
  <c r="A33753" i="1" s="1"/>
  <c r="A33754" i="1" s="1"/>
  <c r="A33755" i="1" s="1"/>
  <c r="A33756" i="1" s="1"/>
  <c r="A33757" i="1" s="1"/>
  <c r="A33758" i="1" s="1"/>
  <c r="A33759" i="1" s="1"/>
  <c r="A33760" i="1" s="1"/>
  <c r="A33761" i="1" s="1"/>
  <c r="A33762" i="1" s="1"/>
  <c r="A33763" i="1" s="1"/>
  <c r="A33764" i="1" s="1"/>
  <c r="A33765" i="1" s="1"/>
  <c r="A33766" i="1" s="1"/>
  <c r="A33767" i="1" s="1"/>
  <c r="A33768" i="1" s="1"/>
  <c r="A33769" i="1" s="1"/>
  <c r="A33770" i="1" s="1"/>
  <c r="A33771" i="1" s="1"/>
  <c r="A33772" i="1" s="1"/>
  <c r="A33773" i="1" s="1"/>
  <c r="A33774" i="1" s="1"/>
  <c r="A33775" i="1" s="1"/>
  <c r="A33776" i="1" s="1"/>
  <c r="A33777" i="1" s="1"/>
  <c r="A33778" i="1" s="1"/>
  <c r="A33779" i="1" s="1"/>
  <c r="A33780" i="1" s="1"/>
  <c r="A33781" i="1" s="1"/>
  <c r="A33782" i="1" s="1"/>
  <c r="A33783" i="1" s="1"/>
  <c r="A33784" i="1" s="1"/>
  <c r="A33785" i="1" s="1"/>
  <c r="A33786" i="1" s="1"/>
  <c r="A33787" i="1" s="1"/>
  <c r="A33788" i="1" s="1"/>
  <c r="A33789" i="1" s="1"/>
  <c r="A33790" i="1" s="1"/>
  <c r="A33791" i="1" s="1"/>
  <c r="A33792" i="1" s="1"/>
  <c r="A33793" i="1" s="1"/>
  <c r="A33794" i="1" s="1"/>
  <c r="A33795" i="1" s="1"/>
  <c r="A33796" i="1" s="1"/>
  <c r="A33797" i="1" s="1"/>
  <c r="A33798" i="1" s="1"/>
  <c r="A33799" i="1" s="1"/>
  <c r="A33800" i="1" s="1"/>
  <c r="A33801" i="1" s="1"/>
  <c r="A33802" i="1" s="1"/>
  <c r="A33803" i="1" s="1"/>
  <c r="A33804" i="1" s="1"/>
  <c r="A33805" i="1" s="1"/>
  <c r="A33806" i="1" s="1"/>
  <c r="A33807" i="1" s="1"/>
  <c r="A33808" i="1" s="1"/>
  <c r="A33809" i="1" s="1"/>
  <c r="A33810" i="1" s="1"/>
  <c r="A33811" i="1" s="1"/>
  <c r="A33812" i="1" s="1"/>
  <c r="A33813" i="1" s="1"/>
  <c r="A33814" i="1" s="1"/>
  <c r="A33815" i="1" s="1"/>
  <c r="A33816" i="1" s="1"/>
  <c r="A33817" i="1" s="1"/>
  <c r="A33818" i="1" s="1"/>
  <c r="A33819" i="1" s="1"/>
  <c r="A33820" i="1" s="1"/>
  <c r="A33821" i="1" s="1"/>
  <c r="A33822" i="1" s="1"/>
  <c r="A33823" i="1" s="1"/>
  <c r="A33824" i="1" s="1"/>
  <c r="A33825" i="1" s="1"/>
  <c r="A33826" i="1" s="1"/>
  <c r="A33827" i="1" s="1"/>
  <c r="A33828" i="1" s="1"/>
  <c r="A33829" i="1" s="1"/>
  <c r="A33830" i="1" s="1"/>
  <c r="A33831" i="1" s="1"/>
  <c r="A33832" i="1" s="1"/>
  <c r="A33833" i="1" s="1"/>
  <c r="A33834" i="1" s="1"/>
  <c r="A33835" i="1" s="1"/>
  <c r="A33836" i="1" s="1"/>
  <c r="A33837" i="1" s="1"/>
  <c r="A33838" i="1" s="1"/>
  <c r="A33839" i="1" s="1"/>
  <c r="A33840" i="1" s="1"/>
  <c r="A33841" i="1" s="1"/>
  <c r="A33842" i="1" s="1"/>
  <c r="A33843" i="1" s="1"/>
  <c r="A33844" i="1" s="1"/>
  <c r="A33845" i="1" s="1"/>
  <c r="A33846" i="1" s="1"/>
  <c r="A33847" i="1" s="1"/>
  <c r="A33848" i="1" s="1"/>
  <c r="A33849" i="1" s="1"/>
  <c r="A33850" i="1" s="1"/>
  <c r="A33851" i="1" s="1"/>
  <c r="A33852" i="1" s="1"/>
  <c r="A33853" i="1" s="1"/>
  <c r="A33854" i="1" s="1"/>
  <c r="A33855" i="1" s="1"/>
  <c r="A33856" i="1" s="1"/>
  <c r="A33857" i="1" s="1"/>
  <c r="A33858" i="1" s="1"/>
  <c r="A33859" i="1" s="1"/>
  <c r="A33860" i="1" s="1"/>
  <c r="A33861" i="1" s="1"/>
  <c r="A33862" i="1" s="1"/>
  <c r="A33863" i="1" s="1"/>
  <c r="A33864" i="1" s="1"/>
  <c r="A33865" i="1" s="1"/>
  <c r="A33866" i="1" s="1"/>
  <c r="A33867" i="1" s="1"/>
  <c r="A33868" i="1" s="1"/>
  <c r="A33869" i="1" s="1"/>
  <c r="A33870" i="1" s="1"/>
  <c r="A33871" i="1" s="1"/>
  <c r="A33872" i="1" s="1"/>
  <c r="A33873" i="1" s="1"/>
  <c r="A33874" i="1" s="1"/>
  <c r="A33875" i="1" s="1"/>
  <c r="A33876" i="1" s="1"/>
  <c r="A33877" i="1" s="1"/>
  <c r="A33878" i="1" s="1"/>
  <c r="A33879" i="1" s="1"/>
  <c r="A33880" i="1" s="1"/>
  <c r="A33881" i="1" s="1"/>
  <c r="A33882" i="1" s="1"/>
  <c r="A33883" i="1" s="1"/>
  <c r="A33884" i="1" s="1"/>
  <c r="A33885" i="1" s="1"/>
  <c r="A33886" i="1" s="1"/>
  <c r="A33887" i="1" s="1"/>
  <c r="A33888" i="1" s="1"/>
  <c r="A33889" i="1" s="1"/>
  <c r="A33890" i="1" s="1"/>
  <c r="A33891" i="1" s="1"/>
  <c r="A33892" i="1" s="1"/>
  <c r="A33893" i="1" s="1"/>
  <c r="A33894" i="1" s="1"/>
  <c r="A33895" i="1" s="1"/>
  <c r="A33896" i="1" s="1"/>
  <c r="A33897" i="1" s="1"/>
  <c r="A33898" i="1" s="1"/>
  <c r="A33899" i="1" s="1"/>
  <c r="A33900" i="1" s="1"/>
  <c r="A33901" i="1" s="1"/>
  <c r="A33902" i="1" s="1"/>
  <c r="A33903" i="1" s="1"/>
  <c r="A33904" i="1" s="1"/>
  <c r="A33905" i="1" s="1"/>
  <c r="A33906" i="1" s="1"/>
  <c r="A33907" i="1" s="1"/>
  <c r="A33908" i="1" s="1"/>
  <c r="A33909" i="1" s="1"/>
  <c r="A33910" i="1" s="1"/>
  <c r="A33911" i="1" s="1"/>
  <c r="A33912" i="1" s="1"/>
  <c r="A33913" i="1" s="1"/>
  <c r="A33914" i="1" s="1"/>
  <c r="A33915" i="1" s="1"/>
  <c r="A33916" i="1" s="1"/>
  <c r="A33917" i="1" s="1"/>
  <c r="A33918" i="1" s="1"/>
  <c r="A33919" i="1" s="1"/>
  <c r="A33920" i="1" s="1"/>
  <c r="A33921" i="1" s="1"/>
  <c r="A33922" i="1" s="1"/>
  <c r="A33923" i="1" s="1"/>
  <c r="A33924" i="1" s="1"/>
  <c r="A33925" i="1" s="1"/>
  <c r="A33926" i="1" s="1"/>
  <c r="A33927" i="1" s="1"/>
  <c r="A33928" i="1" s="1"/>
  <c r="A33929" i="1" s="1"/>
  <c r="A33930" i="1" s="1"/>
  <c r="A33931" i="1" s="1"/>
  <c r="A33932" i="1" s="1"/>
  <c r="A33933" i="1" s="1"/>
  <c r="A33934" i="1" s="1"/>
  <c r="A33935" i="1" s="1"/>
  <c r="A33936" i="1" s="1"/>
  <c r="A33937" i="1" s="1"/>
  <c r="A33938" i="1" s="1"/>
  <c r="A33939" i="1" s="1"/>
  <c r="A33940" i="1" s="1"/>
  <c r="A33941" i="1" s="1"/>
  <c r="A33942" i="1" s="1"/>
  <c r="A33943" i="1" s="1"/>
  <c r="A33944" i="1" s="1"/>
  <c r="A33945" i="1" s="1"/>
  <c r="A33946" i="1" s="1"/>
  <c r="A33947" i="1" s="1"/>
  <c r="A33948" i="1" s="1"/>
  <c r="A33949" i="1" s="1"/>
  <c r="A33950" i="1" s="1"/>
  <c r="A33951" i="1" s="1"/>
  <c r="A33952" i="1" s="1"/>
  <c r="A33953" i="1" s="1"/>
  <c r="A33954" i="1" s="1"/>
  <c r="A33955" i="1" s="1"/>
  <c r="A33956" i="1" s="1"/>
  <c r="A33957" i="1" s="1"/>
  <c r="A33958" i="1" s="1"/>
  <c r="A33959" i="1" s="1"/>
  <c r="A33960" i="1" s="1"/>
  <c r="A33961" i="1" s="1"/>
  <c r="A33962" i="1" s="1"/>
  <c r="A33963" i="1" s="1"/>
  <c r="A33964" i="1" s="1"/>
  <c r="A33965" i="1" s="1"/>
  <c r="A33966" i="1" s="1"/>
  <c r="A33967" i="1" s="1"/>
  <c r="A33968" i="1" s="1"/>
  <c r="A33969" i="1" s="1"/>
  <c r="A33970" i="1" s="1"/>
  <c r="A33971" i="1" s="1"/>
  <c r="A33972" i="1" s="1"/>
  <c r="A33973" i="1" s="1"/>
  <c r="A33974" i="1" s="1"/>
  <c r="A33975" i="1" s="1"/>
  <c r="A33976" i="1" s="1"/>
  <c r="A33977" i="1" s="1"/>
  <c r="A33978" i="1" s="1"/>
  <c r="A33979" i="1" s="1"/>
  <c r="A33980" i="1" s="1"/>
  <c r="A33981" i="1" s="1"/>
  <c r="A33982" i="1" s="1"/>
  <c r="A33983" i="1" s="1"/>
  <c r="A33984" i="1" s="1"/>
  <c r="A33985" i="1" s="1"/>
  <c r="A33986" i="1" s="1"/>
  <c r="A33987" i="1" s="1"/>
  <c r="A33988" i="1" s="1"/>
  <c r="A33989" i="1" s="1"/>
  <c r="A33990" i="1" s="1"/>
  <c r="A33991" i="1" s="1"/>
  <c r="A33992" i="1" s="1"/>
  <c r="A33993" i="1" s="1"/>
  <c r="A33994" i="1" s="1"/>
  <c r="A33995" i="1" s="1"/>
  <c r="A33996" i="1" s="1"/>
  <c r="A33997" i="1" s="1"/>
  <c r="A33998" i="1" s="1"/>
  <c r="A33999" i="1" s="1"/>
  <c r="A34000" i="1" s="1"/>
  <c r="A34001" i="1" s="1"/>
  <c r="A34002" i="1" s="1"/>
  <c r="A34003" i="1" s="1"/>
  <c r="A34004" i="1" s="1"/>
  <c r="A34005" i="1" s="1"/>
  <c r="A34006" i="1" s="1"/>
  <c r="A34007" i="1" s="1"/>
  <c r="A34008" i="1" s="1"/>
  <c r="A34009" i="1" s="1"/>
  <c r="A34010" i="1" s="1"/>
  <c r="A34011" i="1" s="1"/>
  <c r="A34012" i="1" s="1"/>
  <c r="A34013" i="1" s="1"/>
  <c r="A34014" i="1" s="1"/>
  <c r="A34015" i="1" s="1"/>
  <c r="A34016" i="1" s="1"/>
  <c r="A34017" i="1" s="1"/>
  <c r="A34018" i="1" s="1"/>
  <c r="A34019" i="1" s="1"/>
  <c r="A34020" i="1" s="1"/>
  <c r="A34021" i="1" s="1"/>
  <c r="A34022" i="1" s="1"/>
  <c r="A34023" i="1" s="1"/>
  <c r="A34024" i="1" s="1"/>
  <c r="A34025" i="1" s="1"/>
  <c r="A34026" i="1" s="1"/>
  <c r="A34027" i="1" s="1"/>
  <c r="A34028" i="1" s="1"/>
  <c r="A34029" i="1" s="1"/>
  <c r="A34030" i="1" s="1"/>
  <c r="A34031" i="1" s="1"/>
  <c r="A34032" i="1" s="1"/>
  <c r="A34033" i="1" s="1"/>
  <c r="A34034" i="1" s="1"/>
  <c r="A34035" i="1" s="1"/>
  <c r="A34036" i="1" s="1"/>
  <c r="A34037" i="1" s="1"/>
  <c r="A34038" i="1" s="1"/>
  <c r="A34039" i="1" s="1"/>
  <c r="A34040" i="1" s="1"/>
  <c r="A34041" i="1" s="1"/>
  <c r="A34042" i="1" s="1"/>
  <c r="A34043" i="1" s="1"/>
  <c r="A34044" i="1" s="1"/>
  <c r="A34045" i="1" s="1"/>
  <c r="A34046" i="1" s="1"/>
  <c r="A34047" i="1" s="1"/>
  <c r="A34048" i="1" s="1"/>
  <c r="A34049" i="1" s="1"/>
  <c r="A34050" i="1" s="1"/>
  <c r="A34051" i="1" s="1"/>
  <c r="A34052" i="1" s="1"/>
  <c r="A34053" i="1" s="1"/>
  <c r="A34054" i="1" s="1"/>
  <c r="A34055" i="1" s="1"/>
  <c r="A34056" i="1" s="1"/>
  <c r="A34057" i="1" s="1"/>
  <c r="A34058" i="1" s="1"/>
  <c r="A34059" i="1" s="1"/>
  <c r="A34060" i="1" s="1"/>
  <c r="A34061" i="1" s="1"/>
  <c r="A34062" i="1" s="1"/>
  <c r="A34063" i="1" s="1"/>
  <c r="A34064" i="1" s="1"/>
  <c r="A34065" i="1" s="1"/>
  <c r="A34066" i="1" s="1"/>
  <c r="A34067" i="1" s="1"/>
  <c r="A34068" i="1" s="1"/>
  <c r="A34069" i="1" s="1"/>
  <c r="A34070" i="1" s="1"/>
  <c r="A34071" i="1" s="1"/>
  <c r="A34072" i="1" s="1"/>
  <c r="A34073" i="1" s="1"/>
  <c r="A34074" i="1" s="1"/>
  <c r="A34075" i="1" s="1"/>
  <c r="A34076" i="1" s="1"/>
  <c r="A34077" i="1" s="1"/>
  <c r="A34078" i="1" s="1"/>
  <c r="A34079" i="1" s="1"/>
  <c r="A34080" i="1" s="1"/>
  <c r="A34081" i="1" s="1"/>
  <c r="A34082" i="1" s="1"/>
  <c r="A34083" i="1" s="1"/>
  <c r="A34084" i="1" s="1"/>
  <c r="A34085" i="1" s="1"/>
  <c r="A34086" i="1" s="1"/>
  <c r="A34087" i="1" s="1"/>
  <c r="A34088" i="1" s="1"/>
  <c r="A34089" i="1" s="1"/>
  <c r="A34090" i="1" s="1"/>
  <c r="A34091" i="1" s="1"/>
  <c r="A34092" i="1" s="1"/>
  <c r="A34093" i="1" s="1"/>
  <c r="A34094" i="1" s="1"/>
  <c r="A34095" i="1" s="1"/>
  <c r="A34096" i="1" s="1"/>
  <c r="A34097" i="1" s="1"/>
  <c r="A34098" i="1" s="1"/>
  <c r="A34099" i="1" s="1"/>
  <c r="A34100" i="1" s="1"/>
  <c r="A34101" i="1" s="1"/>
  <c r="A34102" i="1" s="1"/>
  <c r="A34103" i="1" s="1"/>
  <c r="A34104" i="1" s="1"/>
  <c r="A34105" i="1" s="1"/>
  <c r="A34106" i="1" s="1"/>
  <c r="A34107" i="1" s="1"/>
  <c r="A34108" i="1" s="1"/>
  <c r="A34109" i="1" s="1"/>
  <c r="A34110" i="1" s="1"/>
  <c r="A34111" i="1" s="1"/>
  <c r="A34112" i="1" s="1"/>
  <c r="A34113" i="1" s="1"/>
  <c r="A34114" i="1" s="1"/>
  <c r="A34115" i="1" s="1"/>
  <c r="A34116" i="1" s="1"/>
  <c r="A34117" i="1" s="1"/>
  <c r="A34118" i="1" s="1"/>
  <c r="A34119" i="1" s="1"/>
  <c r="A34120" i="1" s="1"/>
  <c r="A34121" i="1" s="1"/>
  <c r="A34122" i="1" s="1"/>
  <c r="A34123" i="1" s="1"/>
  <c r="A34124" i="1" s="1"/>
  <c r="A34125" i="1" s="1"/>
  <c r="A34126" i="1" s="1"/>
  <c r="A34127" i="1" s="1"/>
  <c r="A34128" i="1" s="1"/>
  <c r="A34129" i="1" s="1"/>
  <c r="A34130" i="1" s="1"/>
  <c r="A34131" i="1" s="1"/>
  <c r="A34132" i="1" s="1"/>
  <c r="A34133" i="1" s="1"/>
  <c r="A34134" i="1" s="1"/>
  <c r="A34135" i="1" s="1"/>
  <c r="A34136" i="1" s="1"/>
  <c r="A34137" i="1" s="1"/>
  <c r="A34138" i="1" s="1"/>
  <c r="A34139" i="1" s="1"/>
  <c r="A34140" i="1" s="1"/>
  <c r="A34141" i="1" s="1"/>
  <c r="A34142" i="1" s="1"/>
  <c r="A34143" i="1" s="1"/>
  <c r="A34144" i="1" s="1"/>
  <c r="A34145" i="1" s="1"/>
  <c r="A34146" i="1" s="1"/>
  <c r="A34147" i="1" s="1"/>
  <c r="A34148" i="1" s="1"/>
  <c r="A34149" i="1" s="1"/>
  <c r="A34150" i="1" s="1"/>
  <c r="A34151" i="1" s="1"/>
  <c r="A34152" i="1" s="1"/>
  <c r="A34153" i="1" s="1"/>
  <c r="A34154" i="1" s="1"/>
  <c r="A34155" i="1" s="1"/>
  <c r="A34156" i="1" s="1"/>
  <c r="A34157" i="1" s="1"/>
  <c r="A34158" i="1" s="1"/>
  <c r="A34159" i="1" s="1"/>
  <c r="A34160" i="1" s="1"/>
  <c r="A34161" i="1" s="1"/>
  <c r="A34162" i="1" s="1"/>
  <c r="A34163" i="1" s="1"/>
  <c r="A34164" i="1" s="1"/>
  <c r="A34165" i="1" s="1"/>
  <c r="A34166" i="1" s="1"/>
  <c r="A34167" i="1" s="1"/>
  <c r="A34168" i="1" s="1"/>
  <c r="A34169" i="1" s="1"/>
  <c r="A34170" i="1" s="1"/>
  <c r="A34171" i="1" s="1"/>
  <c r="A34172" i="1" s="1"/>
  <c r="A34173" i="1" s="1"/>
  <c r="A34174" i="1" s="1"/>
  <c r="A34175" i="1" s="1"/>
  <c r="A34176" i="1" s="1"/>
  <c r="A34177" i="1" s="1"/>
  <c r="A34178" i="1" s="1"/>
  <c r="A34179" i="1" s="1"/>
  <c r="A34180" i="1" s="1"/>
  <c r="A34181" i="1" s="1"/>
  <c r="A34182" i="1" s="1"/>
  <c r="A34183" i="1" s="1"/>
  <c r="A34184" i="1" s="1"/>
  <c r="A34185" i="1" s="1"/>
  <c r="A34186" i="1" s="1"/>
  <c r="A34187" i="1" s="1"/>
  <c r="A34188" i="1" s="1"/>
  <c r="A34189" i="1" s="1"/>
  <c r="A34190" i="1" s="1"/>
  <c r="A34191" i="1" s="1"/>
  <c r="A34192" i="1" s="1"/>
  <c r="A34193" i="1" s="1"/>
  <c r="A34194" i="1" s="1"/>
  <c r="A34195" i="1" s="1"/>
  <c r="A34196" i="1" s="1"/>
  <c r="A34197" i="1" s="1"/>
  <c r="A34198" i="1" s="1"/>
  <c r="A34199" i="1" s="1"/>
  <c r="A34200" i="1" s="1"/>
  <c r="A34201" i="1" s="1"/>
  <c r="A34202" i="1" s="1"/>
  <c r="A34203" i="1" s="1"/>
  <c r="A34204" i="1" s="1"/>
  <c r="A34205" i="1" s="1"/>
  <c r="A34206" i="1" s="1"/>
  <c r="A34207" i="1" s="1"/>
  <c r="A34208" i="1" s="1"/>
  <c r="A34209" i="1" s="1"/>
  <c r="A34210" i="1" s="1"/>
  <c r="A34211" i="1" s="1"/>
  <c r="A34212" i="1" s="1"/>
  <c r="A34213" i="1" s="1"/>
  <c r="A34214" i="1" s="1"/>
  <c r="A34215" i="1" s="1"/>
  <c r="A34216" i="1" s="1"/>
  <c r="A34217" i="1" s="1"/>
  <c r="A34218" i="1" s="1"/>
  <c r="A34219" i="1" s="1"/>
  <c r="A34220" i="1" s="1"/>
  <c r="A34221" i="1" s="1"/>
  <c r="A34222" i="1" s="1"/>
  <c r="A34223" i="1" s="1"/>
  <c r="A34224" i="1" s="1"/>
  <c r="A34225" i="1" s="1"/>
  <c r="A34226" i="1" s="1"/>
  <c r="A34227" i="1" s="1"/>
  <c r="A34228" i="1" s="1"/>
  <c r="A34229" i="1" s="1"/>
  <c r="A34230" i="1" s="1"/>
  <c r="A34231" i="1" s="1"/>
  <c r="A34232" i="1" s="1"/>
  <c r="A34233" i="1" s="1"/>
  <c r="A34234" i="1" s="1"/>
  <c r="A34235" i="1" s="1"/>
  <c r="A34236" i="1" s="1"/>
  <c r="A34237" i="1" s="1"/>
  <c r="A34238" i="1" s="1"/>
  <c r="A34239" i="1" s="1"/>
  <c r="A34240" i="1" s="1"/>
  <c r="A34241" i="1" s="1"/>
  <c r="A34242" i="1" s="1"/>
  <c r="A34243" i="1" s="1"/>
  <c r="A34244" i="1" s="1"/>
  <c r="A34245" i="1" s="1"/>
  <c r="A34246" i="1" s="1"/>
  <c r="A34247" i="1" s="1"/>
  <c r="A34248" i="1" s="1"/>
  <c r="A34249" i="1" s="1"/>
  <c r="A34250" i="1" s="1"/>
  <c r="A34251" i="1" s="1"/>
  <c r="A34252" i="1" s="1"/>
  <c r="A34253" i="1" s="1"/>
  <c r="A34254" i="1" s="1"/>
  <c r="A34255" i="1" s="1"/>
  <c r="A34256" i="1" s="1"/>
  <c r="A34257" i="1" s="1"/>
  <c r="A34258" i="1" s="1"/>
  <c r="A34259" i="1" s="1"/>
  <c r="A34260" i="1" s="1"/>
  <c r="A34261" i="1" s="1"/>
  <c r="A34262" i="1" s="1"/>
  <c r="A34263" i="1" s="1"/>
  <c r="A34264" i="1" s="1"/>
  <c r="A34265" i="1" s="1"/>
  <c r="A34266" i="1" s="1"/>
  <c r="A34267" i="1" s="1"/>
  <c r="A34268" i="1" s="1"/>
  <c r="A34269" i="1" s="1"/>
  <c r="A34270" i="1" s="1"/>
  <c r="A34271" i="1" s="1"/>
  <c r="A34272" i="1" s="1"/>
  <c r="A34273" i="1" s="1"/>
  <c r="A34274" i="1" s="1"/>
  <c r="A34275" i="1" s="1"/>
  <c r="A34276" i="1" s="1"/>
  <c r="A34277" i="1" s="1"/>
  <c r="A34278" i="1" s="1"/>
  <c r="A34279" i="1" s="1"/>
  <c r="A34280" i="1" s="1"/>
  <c r="A34281" i="1" s="1"/>
  <c r="A34282" i="1" s="1"/>
  <c r="A34283" i="1" s="1"/>
  <c r="A34284" i="1" s="1"/>
  <c r="A34285" i="1" s="1"/>
  <c r="A34286" i="1" s="1"/>
  <c r="A34287" i="1" s="1"/>
  <c r="A34288" i="1" s="1"/>
  <c r="A34289" i="1" s="1"/>
  <c r="A34290" i="1" s="1"/>
  <c r="A34291" i="1" s="1"/>
  <c r="A34292" i="1" s="1"/>
  <c r="A34293" i="1" s="1"/>
  <c r="A34294" i="1" s="1"/>
  <c r="A34295" i="1" s="1"/>
  <c r="A34296" i="1" s="1"/>
  <c r="A34297" i="1" s="1"/>
  <c r="A34298" i="1" s="1"/>
  <c r="A34299" i="1" s="1"/>
  <c r="A34300" i="1" s="1"/>
  <c r="A34301" i="1" s="1"/>
  <c r="A34302" i="1" s="1"/>
  <c r="A34303" i="1" s="1"/>
  <c r="A34304" i="1" s="1"/>
  <c r="A34305" i="1" s="1"/>
  <c r="A34306" i="1" s="1"/>
  <c r="A34307" i="1" s="1"/>
  <c r="A34308" i="1" s="1"/>
  <c r="A34309" i="1" s="1"/>
  <c r="A34310" i="1" s="1"/>
  <c r="A34311" i="1" s="1"/>
  <c r="A34312" i="1" s="1"/>
  <c r="A34313" i="1" s="1"/>
  <c r="A34314" i="1" s="1"/>
  <c r="A34315" i="1" s="1"/>
  <c r="A34316" i="1" s="1"/>
  <c r="A34317" i="1" s="1"/>
  <c r="A34318" i="1" s="1"/>
  <c r="A34319" i="1" s="1"/>
  <c r="A34320" i="1" s="1"/>
  <c r="A34321" i="1" s="1"/>
  <c r="A34322" i="1" s="1"/>
  <c r="A34323" i="1" s="1"/>
  <c r="A34324" i="1" s="1"/>
  <c r="A34325" i="1" s="1"/>
  <c r="A34326" i="1" s="1"/>
  <c r="A34327" i="1" s="1"/>
  <c r="A34328" i="1" s="1"/>
  <c r="A34329" i="1" s="1"/>
  <c r="A34330" i="1" s="1"/>
  <c r="A34331" i="1" s="1"/>
  <c r="A34332" i="1" s="1"/>
  <c r="A34333" i="1" s="1"/>
  <c r="A34334" i="1" s="1"/>
  <c r="A34335" i="1" s="1"/>
  <c r="A34336" i="1" s="1"/>
  <c r="A34337" i="1" s="1"/>
  <c r="A34338" i="1" s="1"/>
  <c r="A34339" i="1" s="1"/>
  <c r="A34340" i="1" s="1"/>
  <c r="A34341" i="1" s="1"/>
  <c r="A34342" i="1" s="1"/>
  <c r="A34343" i="1" s="1"/>
  <c r="A34344" i="1" s="1"/>
  <c r="A34345" i="1" s="1"/>
  <c r="A34346" i="1" s="1"/>
  <c r="A34347" i="1" s="1"/>
  <c r="A34348" i="1" s="1"/>
  <c r="A34349" i="1" s="1"/>
  <c r="A34350" i="1" s="1"/>
  <c r="A34351" i="1" s="1"/>
  <c r="A34352" i="1" s="1"/>
  <c r="A34353" i="1" s="1"/>
  <c r="A34354" i="1" s="1"/>
  <c r="A34355" i="1" s="1"/>
  <c r="A34356" i="1" s="1"/>
  <c r="A34357" i="1" s="1"/>
  <c r="A34358" i="1" s="1"/>
  <c r="A34359" i="1" s="1"/>
  <c r="A34360" i="1" s="1"/>
  <c r="A34361" i="1" s="1"/>
  <c r="A34362" i="1" s="1"/>
  <c r="A34363" i="1" s="1"/>
  <c r="A34364" i="1" s="1"/>
  <c r="A34365" i="1" s="1"/>
  <c r="A34366" i="1" s="1"/>
  <c r="A34367" i="1" s="1"/>
  <c r="A34368" i="1" s="1"/>
  <c r="A34369" i="1" s="1"/>
  <c r="A34370" i="1" s="1"/>
  <c r="A34371" i="1" s="1"/>
  <c r="A34372" i="1" s="1"/>
  <c r="A34373" i="1" s="1"/>
  <c r="A34374" i="1" s="1"/>
  <c r="A34375" i="1" s="1"/>
  <c r="A34376" i="1" s="1"/>
  <c r="A34377" i="1" s="1"/>
  <c r="A34378" i="1" s="1"/>
  <c r="A34379" i="1" s="1"/>
  <c r="A34380" i="1" s="1"/>
  <c r="A34381" i="1" s="1"/>
  <c r="A34382" i="1" s="1"/>
  <c r="A34383" i="1" s="1"/>
  <c r="A34384" i="1" s="1"/>
  <c r="A34385" i="1" s="1"/>
  <c r="A34386" i="1" s="1"/>
  <c r="A34387" i="1" s="1"/>
  <c r="A34388" i="1" s="1"/>
  <c r="A34389" i="1" s="1"/>
  <c r="A34390" i="1" s="1"/>
  <c r="A34391" i="1" s="1"/>
  <c r="A34392" i="1" s="1"/>
  <c r="A34393" i="1" s="1"/>
  <c r="A34394" i="1" s="1"/>
  <c r="A34395" i="1" s="1"/>
  <c r="A34396" i="1" s="1"/>
  <c r="A34397" i="1" s="1"/>
  <c r="A34398" i="1" s="1"/>
  <c r="A34399" i="1" s="1"/>
  <c r="A34400" i="1" s="1"/>
  <c r="A34401" i="1" s="1"/>
  <c r="A34402" i="1" s="1"/>
  <c r="A34403" i="1" s="1"/>
  <c r="A34404" i="1" s="1"/>
  <c r="A34405" i="1" s="1"/>
  <c r="A34406" i="1" s="1"/>
  <c r="A34407" i="1" s="1"/>
  <c r="A34408" i="1" s="1"/>
  <c r="A34409" i="1" s="1"/>
  <c r="A34410" i="1" s="1"/>
  <c r="A34411" i="1" s="1"/>
  <c r="A34412" i="1" s="1"/>
  <c r="A34413" i="1" s="1"/>
  <c r="A34414" i="1" s="1"/>
  <c r="A34415" i="1" s="1"/>
  <c r="A34416" i="1" s="1"/>
  <c r="A34417" i="1" s="1"/>
  <c r="A34418" i="1" s="1"/>
  <c r="A34419" i="1" s="1"/>
  <c r="A34420" i="1" s="1"/>
  <c r="A34421" i="1" s="1"/>
  <c r="A34422" i="1" s="1"/>
  <c r="A34423" i="1" s="1"/>
  <c r="A34424" i="1" s="1"/>
  <c r="A34425" i="1" s="1"/>
  <c r="A34426" i="1" s="1"/>
  <c r="A34427" i="1" s="1"/>
  <c r="A34428" i="1" s="1"/>
  <c r="A34429" i="1" s="1"/>
  <c r="A34430" i="1" s="1"/>
  <c r="A34431" i="1" s="1"/>
  <c r="A34432" i="1" s="1"/>
  <c r="A34433" i="1" s="1"/>
  <c r="A34434" i="1" s="1"/>
  <c r="A34435" i="1" s="1"/>
  <c r="A34436" i="1" s="1"/>
  <c r="A34437" i="1" s="1"/>
  <c r="A34438" i="1" s="1"/>
  <c r="A34439" i="1" s="1"/>
  <c r="A34440" i="1" s="1"/>
  <c r="A34441" i="1" s="1"/>
  <c r="A34442" i="1" s="1"/>
  <c r="A34443" i="1" s="1"/>
  <c r="A34444" i="1" s="1"/>
  <c r="A34445" i="1" s="1"/>
  <c r="A34446" i="1" s="1"/>
  <c r="A34447" i="1" s="1"/>
  <c r="A34448" i="1" s="1"/>
  <c r="A34449" i="1" s="1"/>
  <c r="A34450" i="1" s="1"/>
  <c r="A34451" i="1" s="1"/>
  <c r="A34452" i="1" s="1"/>
  <c r="A34453" i="1" s="1"/>
  <c r="A34454" i="1" s="1"/>
  <c r="A34455" i="1" s="1"/>
  <c r="A34456" i="1" s="1"/>
  <c r="A34457" i="1" s="1"/>
  <c r="A34458" i="1" s="1"/>
  <c r="A34459" i="1" s="1"/>
  <c r="A34460" i="1" s="1"/>
  <c r="A34461" i="1" s="1"/>
  <c r="A34462" i="1" s="1"/>
  <c r="A34463" i="1" s="1"/>
  <c r="A34464" i="1" s="1"/>
  <c r="A34465" i="1" s="1"/>
  <c r="A34466" i="1" s="1"/>
  <c r="A34467" i="1" s="1"/>
  <c r="A34468" i="1" s="1"/>
  <c r="A34469" i="1" s="1"/>
  <c r="A34470" i="1" s="1"/>
  <c r="A34471" i="1" s="1"/>
  <c r="A34472" i="1" s="1"/>
  <c r="A34473" i="1" s="1"/>
  <c r="A34474" i="1" s="1"/>
  <c r="A34475" i="1" s="1"/>
  <c r="A34476" i="1" s="1"/>
  <c r="A34477" i="1" s="1"/>
  <c r="A34478" i="1" s="1"/>
  <c r="A34479" i="1" s="1"/>
  <c r="A34480" i="1" s="1"/>
  <c r="A34481" i="1" s="1"/>
  <c r="A34482" i="1" s="1"/>
  <c r="A34483" i="1" s="1"/>
  <c r="A34484" i="1" s="1"/>
  <c r="A34485" i="1" s="1"/>
  <c r="A34486" i="1" s="1"/>
  <c r="A34487" i="1" s="1"/>
  <c r="A34488" i="1" s="1"/>
  <c r="A34489" i="1" s="1"/>
  <c r="A34490" i="1" s="1"/>
  <c r="A34491" i="1" s="1"/>
  <c r="A34492" i="1" s="1"/>
  <c r="A34493" i="1" s="1"/>
  <c r="A34494" i="1" s="1"/>
  <c r="A34495" i="1" s="1"/>
  <c r="A34496" i="1" s="1"/>
  <c r="A34497" i="1" s="1"/>
  <c r="A34498" i="1" s="1"/>
  <c r="A34499" i="1" s="1"/>
  <c r="A34500" i="1" s="1"/>
  <c r="A34501" i="1" s="1"/>
  <c r="A34502" i="1" s="1"/>
  <c r="A34503" i="1" s="1"/>
  <c r="A34504" i="1" s="1"/>
  <c r="A34505" i="1" s="1"/>
  <c r="A34506" i="1" s="1"/>
  <c r="A34507" i="1" s="1"/>
  <c r="A34508" i="1" s="1"/>
  <c r="A34509" i="1" s="1"/>
  <c r="A34510" i="1" s="1"/>
  <c r="A34511" i="1" s="1"/>
  <c r="A34512" i="1" s="1"/>
  <c r="A34513" i="1" s="1"/>
  <c r="A34514" i="1" s="1"/>
  <c r="A34515" i="1" s="1"/>
  <c r="A34516" i="1" s="1"/>
  <c r="A34517" i="1" s="1"/>
  <c r="A34518" i="1" s="1"/>
  <c r="A34519" i="1" s="1"/>
  <c r="A34520" i="1" s="1"/>
  <c r="A34521" i="1" s="1"/>
  <c r="A34522" i="1" s="1"/>
  <c r="A34523" i="1" s="1"/>
  <c r="A34524" i="1" s="1"/>
  <c r="A34525" i="1" s="1"/>
  <c r="A34526" i="1" s="1"/>
  <c r="A34527" i="1" s="1"/>
  <c r="A34528" i="1" s="1"/>
  <c r="A34529" i="1" s="1"/>
  <c r="A34530" i="1" s="1"/>
  <c r="A34531" i="1" s="1"/>
  <c r="A34532" i="1" s="1"/>
  <c r="A34533" i="1" s="1"/>
  <c r="A34534" i="1" s="1"/>
  <c r="A34535" i="1" s="1"/>
  <c r="A34536" i="1" s="1"/>
  <c r="A34537" i="1" s="1"/>
  <c r="A34538" i="1" s="1"/>
  <c r="A34539" i="1" s="1"/>
  <c r="A34540" i="1" s="1"/>
  <c r="A34541" i="1" s="1"/>
  <c r="A34542" i="1" s="1"/>
  <c r="A34543" i="1" s="1"/>
  <c r="A34544" i="1" s="1"/>
  <c r="A34545" i="1" s="1"/>
  <c r="A34546" i="1" s="1"/>
  <c r="A34547" i="1" s="1"/>
  <c r="A34548" i="1" s="1"/>
  <c r="A34549" i="1" s="1"/>
  <c r="A34550" i="1" s="1"/>
  <c r="A34551" i="1" s="1"/>
  <c r="A34552" i="1" s="1"/>
  <c r="A34553" i="1" s="1"/>
  <c r="A34554" i="1" s="1"/>
  <c r="A34555" i="1" s="1"/>
  <c r="A34556" i="1" s="1"/>
  <c r="A34557" i="1" s="1"/>
  <c r="A34558" i="1" s="1"/>
  <c r="A34559" i="1" s="1"/>
  <c r="A34560" i="1" s="1"/>
  <c r="A34561" i="1" s="1"/>
  <c r="A34562" i="1" s="1"/>
  <c r="A34563" i="1" s="1"/>
  <c r="A34564" i="1" s="1"/>
  <c r="A34565" i="1" s="1"/>
  <c r="A34566" i="1" s="1"/>
  <c r="A34567" i="1" s="1"/>
  <c r="A34568" i="1" s="1"/>
  <c r="A34569" i="1" s="1"/>
  <c r="A34570" i="1" s="1"/>
  <c r="A34571" i="1" s="1"/>
  <c r="A34572" i="1" s="1"/>
  <c r="A34573" i="1" s="1"/>
  <c r="A34574" i="1" s="1"/>
  <c r="A34575" i="1" s="1"/>
  <c r="A34576" i="1" s="1"/>
  <c r="A34577" i="1" s="1"/>
  <c r="A34578" i="1" s="1"/>
  <c r="A34579" i="1" s="1"/>
  <c r="A34580" i="1" s="1"/>
  <c r="A34581" i="1" s="1"/>
  <c r="A34582" i="1" s="1"/>
  <c r="A34583" i="1" s="1"/>
  <c r="A34584" i="1" s="1"/>
  <c r="A34585" i="1" s="1"/>
  <c r="A34586" i="1" s="1"/>
  <c r="A34587" i="1" s="1"/>
  <c r="A34588" i="1" s="1"/>
  <c r="A34589" i="1" s="1"/>
  <c r="A34590" i="1" s="1"/>
  <c r="A34591" i="1" s="1"/>
  <c r="A34592" i="1" s="1"/>
  <c r="A34593" i="1" s="1"/>
  <c r="A34594" i="1" s="1"/>
  <c r="A34595" i="1" s="1"/>
  <c r="A34596" i="1" s="1"/>
  <c r="A34597" i="1" s="1"/>
  <c r="A34598" i="1" s="1"/>
  <c r="A34599" i="1" s="1"/>
  <c r="A34600" i="1" s="1"/>
  <c r="A34601" i="1" s="1"/>
  <c r="A34602" i="1" s="1"/>
  <c r="A34603" i="1" s="1"/>
  <c r="A34604" i="1" s="1"/>
  <c r="A34605" i="1" s="1"/>
  <c r="A34606" i="1" s="1"/>
  <c r="A34607" i="1" s="1"/>
  <c r="A34608" i="1" s="1"/>
  <c r="A34609" i="1" s="1"/>
  <c r="A34610" i="1" s="1"/>
  <c r="A34611" i="1" s="1"/>
  <c r="A34612" i="1" s="1"/>
  <c r="A34613" i="1" s="1"/>
  <c r="A34614" i="1" s="1"/>
  <c r="A34615" i="1" s="1"/>
  <c r="A34616" i="1" s="1"/>
  <c r="A34617" i="1" s="1"/>
  <c r="A34618" i="1" s="1"/>
  <c r="A34619" i="1" s="1"/>
  <c r="A34620" i="1" s="1"/>
  <c r="A34621" i="1" s="1"/>
  <c r="A34622" i="1" s="1"/>
  <c r="A34623" i="1" s="1"/>
  <c r="A34624" i="1" s="1"/>
  <c r="A34625" i="1" s="1"/>
  <c r="A34626" i="1" s="1"/>
  <c r="A34627" i="1" s="1"/>
  <c r="A34628" i="1" s="1"/>
  <c r="A34629" i="1" s="1"/>
  <c r="A34630" i="1" s="1"/>
  <c r="A34631" i="1" s="1"/>
  <c r="A34632" i="1" s="1"/>
  <c r="A34633" i="1" s="1"/>
  <c r="A34634" i="1" s="1"/>
  <c r="A34635" i="1" s="1"/>
  <c r="A34636" i="1" s="1"/>
  <c r="A34637" i="1" s="1"/>
  <c r="A34638" i="1" s="1"/>
  <c r="A34639" i="1" s="1"/>
  <c r="A34640" i="1" s="1"/>
  <c r="A34641" i="1" s="1"/>
  <c r="A34642" i="1" s="1"/>
  <c r="A34643" i="1" s="1"/>
  <c r="A34644" i="1" s="1"/>
  <c r="A34645" i="1" s="1"/>
  <c r="A34646" i="1" s="1"/>
  <c r="A34647" i="1" s="1"/>
  <c r="A34648" i="1" s="1"/>
  <c r="A34649" i="1" s="1"/>
  <c r="A34650" i="1" s="1"/>
  <c r="A34651" i="1" s="1"/>
  <c r="A34652" i="1" s="1"/>
  <c r="A34653" i="1" s="1"/>
  <c r="A34654" i="1" s="1"/>
  <c r="A34655" i="1" s="1"/>
  <c r="A34656" i="1" s="1"/>
  <c r="A34657" i="1" s="1"/>
  <c r="A34658" i="1" s="1"/>
  <c r="A34659" i="1" s="1"/>
  <c r="A34660" i="1" s="1"/>
  <c r="A34661" i="1" s="1"/>
  <c r="A34662" i="1" s="1"/>
  <c r="A34663" i="1" s="1"/>
  <c r="A34664" i="1" s="1"/>
  <c r="A34665" i="1" s="1"/>
  <c r="A34666" i="1" s="1"/>
  <c r="A34667" i="1" s="1"/>
  <c r="A34668" i="1" s="1"/>
  <c r="A34669" i="1" s="1"/>
  <c r="A34670" i="1" s="1"/>
  <c r="A34671" i="1" s="1"/>
  <c r="A34672" i="1" s="1"/>
  <c r="A34673" i="1" s="1"/>
  <c r="A34674" i="1" s="1"/>
  <c r="A34675" i="1" s="1"/>
  <c r="A34676" i="1" s="1"/>
  <c r="A34677" i="1" s="1"/>
  <c r="A34678" i="1" s="1"/>
  <c r="A34679" i="1" s="1"/>
  <c r="A34680" i="1" s="1"/>
  <c r="A34681" i="1" s="1"/>
  <c r="A34682" i="1" s="1"/>
  <c r="A34683" i="1" s="1"/>
  <c r="A34684" i="1" s="1"/>
  <c r="A34685" i="1" s="1"/>
  <c r="A34686" i="1" s="1"/>
  <c r="A34687" i="1" s="1"/>
  <c r="A34688" i="1" s="1"/>
  <c r="A34689" i="1" s="1"/>
  <c r="A34690" i="1" s="1"/>
  <c r="A34691" i="1" s="1"/>
  <c r="A34692" i="1" s="1"/>
  <c r="A34693" i="1" s="1"/>
  <c r="A34694" i="1" s="1"/>
  <c r="A34695" i="1" s="1"/>
  <c r="A34696" i="1" s="1"/>
  <c r="A34697" i="1" s="1"/>
  <c r="A34698" i="1" s="1"/>
  <c r="A34699" i="1" s="1"/>
  <c r="A34700" i="1" s="1"/>
  <c r="A34701" i="1" s="1"/>
  <c r="A34702" i="1" s="1"/>
  <c r="A34703" i="1" s="1"/>
  <c r="A34704" i="1" s="1"/>
  <c r="A34705" i="1" s="1"/>
  <c r="A34706" i="1" s="1"/>
  <c r="A34707" i="1" s="1"/>
  <c r="A34708" i="1" s="1"/>
  <c r="A34709" i="1" s="1"/>
  <c r="A34710" i="1" s="1"/>
  <c r="A34711" i="1" s="1"/>
  <c r="A34712" i="1" s="1"/>
  <c r="A34713" i="1" s="1"/>
  <c r="A34714" i="1" s="1"/>
  <c r="A34715" i="1" s="1"/>
  <c r="A34716" i="1" s="1"/>
  <c r="A34717" i="1" s="1"/>
  <c r="A34718" i="1" s="1"/>
  <c r="A34719" i="1" s="1"/>
  <c r="A34720" i="1" s="1"/>
  <c r="A34721" i="1" s="1"/>
  <c r="A34722" i="1" s="1"/>
  <c r="A34723" i="1" s="1"/>
  <c r="A34724" i="1" s="1"/>
  <c r="A34725" i="1" s="1"/>
  <c r="A34726" i="1" s="1"/>
  <c r="A34727" i="1" s="1"/>
  <c r="A34728" i="1" s="1"/>
  <c r="A34729" i="1" s="1"/>
  <c r="A34730" i="1" s="1"/>
  <c r="A34731" i="1" s="1"/>
  <c r="A34732" i="1" s="1"/>
  <c r="A34733" i="1" s="1"/>
  <c r="A34734" i="1" s="1"/>
  <c r="A34735" i="1" s="1"/>
  <c r="A34736" i="1" s="1"/>
  <c r="A34737" i="1" s="1"/>
  <c r="A34738" i="1" s="1"/>
  <c r="A34739" i="1" s="1"/>
  <c r="A34740" i="1" s="1"/>
  <c r="A34741" i="1" s="1"/>
  <c r="A34742" i="1" s="1"/>
  <c r="A34743" i="1" s="1"/>
  <c r="A34744" i="1" s="1"/>
  <c r="A34745" i="1" s="1"/>
  <c r="A34746" i="1" s="1"/>
  <c r="A34747" i="1" s="1"/>
  <c r="A34748" i="1" s="1"/>
  <c r="A34749" i="1" s="1"/>
  <c r="A34750" i="1" s="1"/>
  <c r="A34751" i="1" s="1"/>
  <c r="A34752" i="1" s="1"/>
  <c r="A34753" i="1" s="1"/>
  <c r="A34754" i="1" s="1"/>
  <c r="A34755" i="1" s="1"/>
  <c r="A34756" i="1" s="1"/>
  <c r="A34757" i="1" s="1"/>
  <c r="A34758" i="1" s="1"/>
  <c r="A34759" i="1" s="1"/>
  <c r="A34760" i="1" s="1"/>
  <c r="A34761" i="1" s="1"/>
  <c r="A34762" i="1" s="1"/>
  <c r="A34763" i="1" s="1"/>
  <c r="A34764" i="1" s="1"/>
  <c r="A34765" i="1" s="1"/>
  <c r="A34766" i="1" s="1"/>
  <c r="A34767" i="1" s="1"/>
  <c r="A34768" i="1" s="1"/>
  <c r="A34769" i="1" s="1"/>
  <c r="A34770" i="1" s="1"/>
  <c r="A34771" i="1" s="1"/>
  <c r="A34772" i="1" s="1"/>
  <c r="A34773" i="1" s="1"/>
  <c r="A34774" i="1" s="1"/>
  <c r="A34775" i="1" s="1"/>
  <c r="A34776" i="1" s="1"/>
  <c r="A34777" i="1" s="1"/>
  <c r="A34778" i="1" s="1"/>
  <c r="A34779" i="1" s="1"/>
  <c r="A34780" i="1" s="1"/>
  <c r="A34781" i="1" s="1"/>
  <c r="A34782" i="1" s="1"/>
  <c r="A34783" i="1" s="1"/>
  <c r="A34784" i="1" s="1"/>
  <c r="A34785" i="1" s="1"/>
  <c r="A34786" i="1" s="1"/>
  <c r="A34787" i="1" s="1"/>
  <c r="A34788" i="1" s="1"/>
  <c r="A34789" i="1" s="1"/>
  <c r="A34790" i="1" s="1"/>
  <c r="A34791" i="1" s="1"/>
  <c r="A34792" i="1" s="1"/>
  <c r="A34793" i="1" s="1"/>
  <c r="A34794" i="1" s="1"/>
  <c r="A34795" i="1" s="1"/>
  <c r="A34796" i="1" s="1"/>
  <c r="A34797" i="1" s="1"/>
  <c r="A34798" i="1" s="1"/>
  <c r="A34799" i="1" s="1"/>
  <c r="A34800" i="1" s="1"/>
  <c r="A34801" i="1" s="1"/>
  <c r="A34802" i="1" s="1"/>
  <c r="A34803" i="1" s="1"/>
  <c r="A34804" i="1" s="1"/>
  <c r="A34805" i="1" s="1"/>
  <c r="A34806" i="1" s="1"/>
  <c r="A34807" i="1" s="1"/>
  <c r="A34808" i="1" s="1"/>
  <c r="A34809" i="1" s="1"/>
  <c r="A34810" i="1" s="1"/>
  <c r="A34811" i="1" s="1"/>
  <c r="A34812" i="1" s="1"/>
  <c r="A34813" i="1" s="1"/>
  <c r="A34814" i="1" s="1"/>
  <c r="A34815" i="1" s="1"/>
  <c r="A34816" i="1" s="1"/>
  <c r="A34817" i="1" s="1"/>
  <c r="A34818" i="1" s="1"/>
  <c r="A34819" i="1" s="1"/>
  <c r="A34820" i="1" s="1"/>
  <c r="A34821" i="1" s="1"/>
  <c r="A34822" i="1" s="1"/>
  <c r="A34823" i="1" s="1"/>
  <c r="A34824" i="1" s="1"/>
  <c r="A34825" i="1" s="1"/>
  <c r="A34826" i="1" s="1"/>
  <c r="A34827" i="1" s="1"/>
  <c r="A34828" i="1" s="1"/>
  <c r="A34829" i="1" s="1"/>
  <c r="A34830" i="1" s="1"/>
  <c r="A34831" i="1" s="1"/>
  <c r="A34832" i="1" s="1"/>
  <c r="A34833" i="1" s="1"/>
  <c r="A34834" i="1" s="1"/>
  <c r="A34835" i="1" s="1"/>
  <c r="A34836" i="1" s="1"/>
  <c r="A34837" i="1" s="1"/>
  <c r="A34838" i="1" s="1"/>
  <c r="A34839" i="1" s="1"/>
  <c r="A34840" i="1" s="1"/>
  <c r="A34841" i="1" s="1"/>
  <c r="A34842" i="1" s="1"/>
  <c r="A34843" i="1" s="1"/>
  <c r="A34844" i="1" s="1"/>
  <c r="A34845" i="1" s="1"/>
  <c r="A34846" i="1" s="1"/>
  <c r="A34847" i="1" s="1"/>
  <c r="A34848" i="1" s="1"/>
  <c r="A34849" i="1" s="1"/>
  <c r="A34850" i="1" s="1"/>
  <c r="A34851" i="1" s="1"/>
  <c r="A34852" i="1" s="1"/>
  <c r="A34853" i="1" s="1"/>
  <c r="A34854" i="1" s="1"/>
  <c r="A34855" i="1" s="1"/>
  <c r="A34856" i="1" s="1"/>
  <c r="A34857" i="1" s="1"/>
  <c r="A34858" i="1" s="1"/>
  <c r="A34859" i="1" s="1"/>
  <c r="A34860" i="1" s="1"/>
  <c r="A34861" i="1" s="1"/>
  <c r="A34862" i="1" s="1"/>
  <c r="A34863" i="1" s="1"/>
  <c r="A34864" i="1" s="1"/>
  <c r="A34865" i="1" s="1"/>
  <c r="A34866" i="1" s="1"/>
  <c r="A34867" i="1" s="1"/>
  <c r="A34868" i="1" s="1"/>
  <c r="A34869" i="1" s="1"/>
  <c r="A34870" i="1" s="1"/>
  <c r="A34871" i="1" s="1"/>
  <c r="A34872" i="1" s="1"/>
  <c r="A34873" i="1" s="1"/>
  <c r="A34874" i="1" s="1"/>
  <c r="A34875" i="1" s="1"/>
  <c r="A34876" i="1" s="1"/>
  <c r="A34877" i="1" s="1"/>
  <c r="A34878" i="1" s="1"/>
  <c r="A34879" i="1" s="1"/>
  <c r="A34880" i="1" s="1"/>
  <c r="A34881" i="1" s="1"/>
  <c r="A34882" i="1" s="1"/>
  <c r="A34883" i="1" s="1"/>
  <c r="A34884" i="1" s="1"/>
  <c r="A34885" i="1" s="1"/>
  <c r="A34886" i="1" s="1"/>
  <c r="A34887" i="1" s="1"/>
  <c r="A34888" i="1" s="1"/>
  <c r="A34889" i="1" s="1"/>
  <c r="A34890" i="1" s="1"/>
  <c r="A34891" i="1" s="1"/>
  <c r="A34892" i="1" s="1"/>
  <c r="A34893" i="1" s="1"/>
  <c r="A34894" i="1" s="1"/>
  <c r="A34895" i="1" s="1"/>
  <c r="A34896" i="1" s="1"/>
  <c r="A34897" i="1" s="1"/>
  <c r="A34898" i="1" s="1"/>
  <c r="A34899" i="1" s="1"/>
  <c r="A34900" i="1" s="1"/>
  <c r="A34901" i="1" s="1"/>
  <c r="A34902" i="1" s="1"/>
  <c r="A34903" i="1" s="1"/>
  <c r="A34904" i="1" s="1"/>
  <c r="A34905" i="1" s="1"/>
  <c r="A34906" i="1" s="1"/>
  <c r="A34907" i="1" s="1"/>
  <c r="A34908" i="1" s="1"/>
  <c r="A34909" i="1" s="1"/>
  <c r="A34910" i="1" s="1"/>
  <c r="A34911" i="1" s="1"/>
  <c r="A34912" i="1" s="1"/>
  <c r="A34913" i="1" s="1"/>
  <c r="A34914" i="1" s="1"/>
  <c r="A34915" i="1" s="1"/>
  <c r="A34916" i="1" s="1"/>
  <c r="A34917" i="1" s="1"/>
  <c r="A34918" i="1" s="1"/>
  <c r="A34919" i="1" s="1"/>
  <c r="A34920" i="1" s="1"/>
  <c r="A34921" i="1" s="1"/>
  <c r="A34922" i="1" s="1"/>
  <c r="A34923" i="1" s="1"/>
  <c r="A34924" i="1" s="1"/>
  <c r="A34925" i="1" s="1"/>
  <c r="A34926" i="1" s="1"/>
  <c r="A34927" i="1" s="1"/>
  <c r="A34928" i="1" s="1"/>
  <c r="A34929" i="1" s="1"/>
  <c r="A34930" i="1" s="1"/>
  <c r="A34931" i="1" s="1"/>
  <c r="A34932" i="1" s="1"/>
  <c r="A34933" i="1" s="1"/>
  <c r="A34934" i="1" s="1"/>
  <c r="A34935" i="1" s="1"/>
  <c r="A34936" i="1" s="1"/>
  <c r="A34937" i="1" s="1"/>
  <c r="A34938" i="1" s="1"/>
  <c r="A34939" i="1" s="1"/>
  <c r="A34940" i="1" s="1"/>
  <c r="A34941" i="1" s="1"/>
  <c r="A34942" i="1" s="1"/>
  <c r="A34943" i="1" s="1"/>
  <c r="A34944" i="1" s="1"/>
  <c r="A34945" i="1" s="1"/>
  <c r="A34946" i="1" s="1"/>
  <c r="A34947" i="1" s="1"/>
  <c r="A34948" i="1" s="1"/>
  <c r="A34949" i="1" s="1"/>
  <c r="A34950" i="1" s="1"/>
  <c r="A34951" i="1" s="1"/>
  <c r="A34952" i="1" s="1"/>
  <c r="A34953" i="1" s="1"/>
  <c r="A34954" i="1" s="1"/>
  <c r="A34955" i="1" s="1"/>
  <c r="A34956" i="1" s="1"/>
  <c r="A34957" i="1" s="1"/>
  <c r="A34958" i="1" s="1"/>
  <c r="A34959" i="1" s="1"/>
  <c r="A34960" i="1" s="1"/>
  <c r="A34961" i="1" s="1"/>
  <c r="A34962" i="1" s="1"/>
  <c r="A34963" i="1" s="1"/>
  <c r="A34964" i="1" s="1"/>
  <c r="A34965" i="1" s="1"/>
  <c r="A34966" i="1" s="1"/>
  <c r="A34967" i="1" s="1"/>
  <c r="A34968" i="1" s="1"/>
  <c r="A34969" i="1" s="1"/>
  <c r="A34970" i="1" s="1"/>
  <c r="A34971" i="1" s="1"/>
  <c r="A34972" i="1" s="1"/>
  <c r="A34973" i="1" s="1"/>
  <c r="A34974" i="1" s="1"/>
  <c r="A34975" i="1" s="1"/>
  <c r="A34976" i="1" s="1"/>
  <c r="A34977" i="1" s="1"/>
  <c r="A34978" i="1" s="1"/>
  <c r="A34979" i="1" s="1"/>
  <c r="A34980" i="1" s="1"/>
  <c r="A34981" i="1" s="1"/>
  <c r="A34982" i="1" s="1"/>
  <c r="A34983" i="1" s="1"/>
  <c r="A34984" i="1" s="1"/>
  <c r="A34985" i="1" s="1"/>
  <c r="A34986" i="1" s="1"/>
  <c r="A34987" i="1" s="1"/>
  <c r="A34988" i="1" s="1"/>
  <c r="A34989" i="1" s="1"/>
  <c r="A34990" i="1" s="1"/>
  <c r="A34991" i="1" s="1"/>
  <c r="A34992" i="1" s="1"/>
  <c r="A34993" i="1" s="1"/>
  <c r="A34994" i="1" s="1"/>
  <c r="A34995" i="1" s="1"/>
  <c r="A34996" i="1" s="1"/>
  <c r="A34997" i="1" s="1"/>
  <c r="A34998" i="1" s="1"/>
  <c r="A34999" i="1" s="1"/>
  <c r="A35000" i="1" s="1"/>
  <c r="A35001" i="1" s="1"/>
  <c r="A35002" i="1" s="1"/>
  <c r="A35003" i="1" s="1"/>
  <c r="A35004" i="1" s="1"/>
  <c r="A35005" i="1" s="1"/>
  <c r="A35006" i="1" s="1"/>
  <c r="A35007" i="1" s="1"/>
  <c r="A35008" i="1" s="1"/>
  <c r="A35009" i="1" s="1"/>
  <c r="A35010" i="1" s="1"/>
  <c r="A35011" i="1" s="1"/>
  <c r="A35012" i="1" s="1"/>
  <c r="A35013" i="1" s="1"/>
  <c r="A35014" i="1" s="1"/>
  <c r="A35015" i="1" s="1"/>
  <c r="A35016" i="1" s="1"/>
  <c r="A35017" i="1" s="1"/>
  <c r="A35018" i="1" s="1"/>
  <c r="A35019" i="1" s="1"/>
  <c r="A35020" i="1" s="1"/>
  <c r="A35021" i="1" s="1"/>
  <c r="A35022" i="1" s="1"/>
  <c r="A35023" i="1" s="1"/>
  <c r="A35024" i="1" s="1"/>
  <c r="A35025" i="1" s="1"/>
  <c r="A35026" i="1" s="1"/>
  <c r="A35027" i="1" s="1"/>
  <c r="A35028" i="1" s="1"/>
  <c r="A35029" i="1" s="1"/>
  <c r="A35030" i="1" s="1"/>
  <c r="A35031" i="1" s="1"/>
  <c r="A35032" i="1" s="1"/>
  <c r="A35033" i="1" s="1"/>
  <c r="A35034" i="1" s="1"/>
  <c r="A35035" i="1" s="1"/>
  <c r="A35036" i="1" s="1"/>
  <c r="A35037" i="1" s="1"/>
  <c r="A35038" i="1" s="1"/>
  <c r="A35039" i="1" s="1"/>
  <c r="A35040" i="1" s="1"/>
  <c r="A35041" i="1" s="1"/>
  <c r="A35042" i="1" s="1"/>
  <c r="A35043" i="1" s="1"/>
  <c r="A35044" i="1" s="1"/>
  <c r="A35045" i="1" s="1"/>
  <c r="A35046" i="1" s="1"/>
  <c r="A35047" i="1" s="1"/>
  <c r="A35048" i="1" s="1"/>
  <c r="A35049" i="1" s="1"/>
  <c r="A35050" i="1" s="1"/>
  <c r="A35051" i="1" s="1"/>
  <c r="A35052" i="1" s="1"/>
  <c r="A35053" i="1" s="1"/>
  <c r="A35054" i="1" s="1"/>
  <c r="A35055" i="1" s="1"/>
  <c r="A35056" i="1" s="1"/>
  <c r="A35057" i="1" s="1"/>
  <c r="A35058" i="1" s="1"/>
  <c r="A35059" i="1" s="1"/>
  <c r="A35060" i="1" s="1"/>
  <c r="A35061" i="1" s="1"/>
  <c r="A35062" i="1" s="1"/>
  <c r="A35063" i="1" s="1"/>
  <c r="A35064" i="1" s="1"/>
  <c r="A35065" i="1" s="1"/>
  <c r="A35066" i="1" s="1"/>
  <c r="A35067" i="1" s="1"/>
  <c r="A35068" i="1" s="1"/>
  <c r="A35069" i="1" s="1"/>
  <c r="A35070" i="1" s="1"/>
  <c r="A35071" i="1" s="1"/>
  <c r="A35072" i="1" s="1"/>
  <c r="A35073" i="1" s="1"/>
  <c r="A35074" i="1" s="1"/>
  <c r="A35075" i="1" s="1"/>
  <c r="A35076" i="1" s="1"/>
  <c r="A35077" i="1" s="1"/>
  <c r="A35078" i="1" s="1"/>
  <c r="A35079" i="1" s="1"/>
  <c r="A35080" i="1" s="1"/>
  <c r="A35081" i="1" s="1"/>
  <c r="A35082" i="1" s="1"/>
  <c r="A35083" i="1" s="1"/>
  <c r="A35084" i="1" s="1"/>
  <c r="A35085" i="1" s="1"/>
  <c r="A35086" i="1" s="1"/>
  <c r="A35087" i="1" s="1"/>
  <c r="A35088" i="1" s="1"/>
  <c r="A35089" i="1" s="1"/>
  <c r="A35090" i="1" s="1"/>
  <c r="A35091" i="1" s="1"/>
  <c r="A35092" i="1" s="1"/>
  <c r="A35093" i="1" s="1"/>
  <c r="A35094" i="1" s="1"/>
  <c r="A35095" i="1" s="1"/>
  <c r="A35096" i="1" s="1"/>
  <c r="A35097" i="1" s="1"/>
  <c r="A35098" i="1" s="1"/>
  <c r="A35099" i="1" s="1"/>
  <c r="A35100" i="1" s="1"/>
  <c r="A35101" i="1" s="1"/>
  <c r="A35102" i="1" s="1"/>
  <c r="A35103" i="1" s="1"/>
  <c r="A35104" i="1" s="1"/>
  <c r="A35105" i="1" s="1"/>
  <c r="A35106" i="1" s="1"/>
  <c r="A35107" i="1" s="1"/>
  <c r="A35108" i="1" s="1"/>
  <c r="A35109" i="1" s="1"/>
  <c r="A35110" i="1" s="1"/>
  <c r="A35111" i="1" s="1"/>
  <c r="A35112" i="1" s="1"/>
  <c r="A35113" i="1" s="1"/>
  <c r="A35114" i="1" s="1"/>
  <c r="A35115" i="1" s="1"/>
  <c r="A35116" i="1" s="1"/>
  <c r="A35117" i="1" s="1"/>
  <c r="A35118" i="1" s="1"/>
  <c r="A35119" i="1" s="1"/>
  <c r="A35120" i="1" s="1"/>
  <c r="A35121" i="1" s="1"/>
  <c r="A35122" i="1" s="1"/>
  <c r="A35123" i="1" s="1"/>
  <c r="A35124" i="1" s="1"/>
  <c r="A35125" i="1" s="1"/>
  <c r="A35126" i="1" s="1"/>
  <c r="A35127" i="1" s="1"/>
  <c r="A35128" i="1" s="1"/>
  <c r="A35129" i="1" s="1"/>
  <c r="A35130" i="1" s="1"/>
  <c r="A35131" i="1" s="1"/>
  <c r="A35132" i="1" s="1"/>
  <c r="A35133" i="1" s="1"/>
  <c r="A35134" i="1" s="1"/>
  <c r="A35135" i="1" s="1"/>
  <c r="A35136" i="1" s="1"/>
  <c r="A35137" i="1" s="1"/>
  <c r="A35138" i="1" s="1"/>
  <c r="A35139" i="1" s="1"/>
  <c r="A35140" i="1" s="1"/>
  <c r="A35141" i="1" s="1"/>
  <c r="A35142" i="1" s="1"/>
  <c r="A35143" i="1" s="1"/>
  <c r="A35144" i="1" s="1"/>
  <c r="A35145" i="1" s="1"/>
  <c r="A35146" i="1" s="1"/>
  <c r="A35147" i="1" s="1"/>
  <c r="A35148" i="1" s="1"/>
  <c r="A35149" i="1" s="1"/>
  <c r="A35150" i="1" s="1"/>
  <c r="A35151" i="1" s="1"/>
  <c r="A35152" i="1" s="1"/>
  <c r="A35153" i="1" s="1"/>
  <c r="A35154" i="1" s="1"/>
  <c r="A35155" i="1" s="1"/>
  <c r="A35156" i="1" s="1"/>
  <c r="A35157" i="1" s="1"/>
  <c r="A35158" i="1" s="1"/>
  <c r="A35159" i="1" s="1"/>
  <c r="A35160" i="1" s="1"/>
  <c r="A35161" i="1" s="1"/>
  <c r="A35162" i="1" s="1"/>
  <c r="A35163" i="1" s="1"/>
  <c r="A35164" i="1" s="1"/>
  <c r="A35165" i="1" s="1"/>
  <c r="A35166" i="1" s="1"/>
  <c r="A35167" i="1" s="1"/>
  <c r="A35168" i="1" s="1"/>
  <c r="A35169" i="1" s="1"/>
  <c r="A35170" i="1" s="1"/>
  <c r="A35171" i="1" s="1"/>
  <c r="A35172" i="1" s="1"/>
  <c r="A35173" i="1" s="1"/>
  <c r="A35174" i="1" s="1"/>
  <c r="A35175" i="1" s="1"/>
  <c r="A35176" i="1" s="1"/>
  <c r="A35177" i="1" s="1"/>
  <c r="A35178" i="1" s="1"/>
  <c r="A35179" i="1" s="1"/>
  <c r="A35180" i="1" s="1"/>
  <c r="A35181" i="1" s="1"/>
  <c r="A35182" i="1" s="1"/>
  <c r="A35183" i="1" s="1"/>
  <c r="A35184" i="1" s="1"/>
  <c r="A35185" i="1" s="1"/>
  <c r="A35186" i="1" s="1"/>
  <c r="A35187" i="1" s="1"/>
  <c r="A35188" i="1" s="1"/>
  <c r="A35189" i="1" s="1"/>
  <c r="A35190" i="1" s="1"/>
  <c r="A35191" i="1" s="1"/>
  <c r="A35192" i="1" s="1"/>
  <c r="A35193" i="1" s="1"/>
  <c r="A35194" i="1" s="1"/>
  <c r="A35195" i="1" s="1"/>
  <c r="A35196" i="1" s="1"/>
  <c r="A35197" i="1" s="1"/>
  <c r="A35198" i="1" s="1"/>
  <c r="A35199" i="1" s="1"/>
  <c r="A35200" i="1" s="1"/>
  <c r="A35201" i="1" s="1"/>
  <c r="A35202" i="1" s="1"/>
  <c r="A35203" i="1" s="1"/>
  <c r="A35204" i="1" s="1"/>
  <c r="A35205" i="1" s="1"/>
  <c r="A35206" i="1" s="1"/>
  <c r="A35207" i="1" s="1"/>
  <c r="A35208" i="1" s="1"/>
  <c r="A35209" i="1" s="1"/>
  <c r="A35210" i="1" s="1"/>
  <c r="A35211" i="1" s="1"/>
  <c r="A35212" i="1" s="1"/>
  <c r="A35213" i="1" s="1"/>
  <c r="A35214" i="1" s="1"/>
  <c r="A35215" i="1" s="1"/>
  <c r="A35216" i="1" s="1"/>
  <c r="A35217" i="1" s="1"/>
  <c r="A35218" i="1" s="1"/>
  <c r="A35219" i="1" s="1"/>
  <c r="A35220" i="1" s="1"/>
  <c r="A35221" i="1" s="1"/>
  <c r="A35222" i="1" s="1"/>
  <c r="A35223" i="1" s="1"/>
  <c r="A35224" i="1" s="1"/>
  <c r="A35225" i="1" s="1"/>
  <c r="A35226" i="1" s="1"/>
  <c r="A35227" i="1" s="1"/>
  <c r="A35228" i="1" s="1"/>
  <c r="A35229" i="1" s="1"/>
  <c r="A35230" i="1" s="1"/>
  <c r="A35231" i="1" s="1"/>
  <c r="A35232" i="1" s="1"/>
  <c r="A35233" i="1" s="1"/>
  <c r="A35234" i="1" s="1"/>
  <c r="A35235" i="1" s="1"/>
  <c r="A35236" i="1" s="1"/>
  <c r="A35237" i="1" s="1"/>
  <c r="A35238" i="1" s="1"/>
  <c r="A35239" i="1" s="1"/>
  <c r="A35240" i="1" s="1"/>
  <c r="A35241" i="1" s="1"/>
  <c r="A35242" i="1" s="1"/>
  <c r="A35243" i="1" s="1"/>
  <c r="A35244" i="1" s="1"/>
  <c r="A35245" i="1" s="1"/>
  <c r="A35246" i="1" s="1"/>
  <c r="A35247" i="1" s="1"/>
  <c r="A35248" i="1" s="1"/>
  <c r="A35249" i="1" s="1"/>
  <c r="A35250" i="1" s="1"/>
  <c r="A35251" i="1" s="1"/>
  <c r="A35252" i="1" s="1"/>
  <c r="A35253" i="1" s="1"/>
  <c r="A35254" i="1" s="1"/>
  <c r="A35255" i="1" s="1"/>
  <c r="A35256" i="1" s="1"/>
  <c r="A35257" i="1" s="1"/>
  <c r="A35258" i="1" s="1"/>
  <c r="A35259" i="1" s="1"/>
  <c r="A35260" i="1" s="1"/>
  <c r="A35261" i="1" s="1"/>
  <c r="A35262" i="1" s="1"/>
  <c r="A35263" i="1" s="1"/>
  <c r="A35264" i="1" s="1"/>
  <c r="A35265" i="1" s="1"/>
  <c r="A35266" i="1" s="1"/>
  <c r="A35267" i="1" s="1"/>
  <c r="A35268" i="1" s="1"/>
  <c r="A35269" i="1" s="1"/>
  <c r="A35270" i="1" s="1"/>
  <c r="A35271" i="1" s="1"/>
  <c r="A35272" i="1" s="1"/>
  <c r="A35273" i="1" s="1"/>
  <c r="A35274" i="1" s="1"/>
  <c r="A35275" i="1" s="1"/>
  <c r="A35276" i="1" s="1"/>
  <c r="A35277" i="1" s="1"/>
  <c r="A35278" i="1" s="1"/>
  <c r="A35279" i="1" s="1"/>
  <c r="A35280" i="1" s="1"/>
  <c r="A35281" i="1" s="1"/>
  <c r="A35282" i="1" s="1"/>
  <c r="A35283" i="1" s="1"/>
  <c r="A35284" i="1" s="1"/>
  <c r="A35285" i="1" s="1"/>
  <c r="A35286" i="1" s="1"/>
  <c r="A35287" i="1" s="1"/>
  <c r="A35288" i="1" s="1"/>
  <c r="A35289" i="1" s="1"/>
  <c r="A35290" i="1" s="1"/>
  <c r="A35291" i="1" s="1"/>
  <c r="A35292" i="1" s="1"/>
  <c r="A35293" i="1" s="1"/>
  <c r="A35294" i="1" s="1"/>
  <c r="A35295" i="1" s="1"/>
  <c r="A35296" i="1" s="1"/>
  <c r="A35297" i="1" s="1"/>
  <c r="A35298" i="1" s="1"/>
  <c r="A35299" i="1" s="1"/>
  <c r="A35300" i="1" s="1"/>
  <c r="A35301" i="1" s="1"/>
  <c r="A35302" i="1" s="1"/>
  <c r="A35303" i="1" s="1"/>
  <c r="A35304" i="1" s="1"/>
  <c r="A35305" i="1" s="1"/>
  <c r="A35306" i="1" s="1"/>
  <c r="A35307" i="1" s="1"/>
  <c r="A35308" i="1" s="1"/>
  <c r="A35309" i="1" s="1"/>
  <c r="A35310" i="1" s="1"/>
  <c r="A35311" i="1" s="1"/>
  <c r="A35312" i="1" s="1"/>
  <c r="A35313" i="1" s="1"/>
  <c r="A35314" i="1" s="1"/>
  <c r="A35315" i="1" s="1"/>
  <c r="A35316" i="1" s="1"/>
  <c r="A35317" i="1" s="1"/>
  <c r="A35318" i="1" s="1"/>
  <c r="A35319" i="1" s="1"/>
  <c r="A35320" i="1" s="1"/>
  <c r="A35321" i="1" s="1"/>
  <c r="A35322" i="1" s="1"/>
  <c r="A35323" i="1" s="1"/>
  <c r="A35324" i="1" s="1"/>
  <c r="A35325" i="1" s="1"/>
  <c r="A35326" i="1" s="1"/>
  <c r="A35327" i="1" s="1"/>
  <c r="A35328" i="1" s="1"/>
  <c r="A35329" i="1" s="1"/>
  <c r="A35330" i="1" s="1"/>
  <c r="A35331" i="1" s="1"/>
  <c r="A35332" i="1" s="1"/>
  <c r="A35333" i="1" s="1"/>
  <c r="A35334" i="1" s="1"/>
  <c r="A35335" i="1" s="1"/>
  <c r="A35336" i="1" s="1"/>
  <c r="A35337" i="1" s="1"/>
  <c r="A35338" i="1" s="1"/>
  <c r="A35339" i="1" s="1"/>
  <c r="A35340" i="1" s="1"/>
  <c r="A35341" i="1" s="1"/>
  <c r="A35342" i="1" s="1"/>
  <c r="A35343" i="1" s="1"/>
  <c r="A35344" i="1" s="1"/>
  <c r="A35345" i="1" s="1"/>
  <c r="A35346" i="1" s="1"/>
  <c r="A35347" i="1" s="1"/>
  <c r="A35348" i="1" s="1"/>
  <c r="A35349" i="1" s="1"/>
  <c r="A35350" i="1" s="1"/>
  <c r="A35351" i="1" s="1"/>
  <c r="A35352" i="1" s="1"/>
  <c r="A35353" i="1" s="1"/>
  <c r="A35354" i="1" s="1"/>
  <c r="A35355" i="1" s="1"/>
  <c r="A35356" i="1" s="1"/>
  <c r="A35357" i="1" s="1"/>
  <c r="A35358" i="1" s="1"/>
  <c r="A35359" i="1" s="1"/>
  <c r="A35360" i="1" s="1"/>
  <c r="A35361" i="1" s="1"/>
  <c r="A35362" i="1" s="1"/>
  <c r="A35363" i="1" s="1"/>
  <c r="A35364" i="1" s="1"/>
  <c r="A35365" i="1" s="1"/>
  <c r="A35366" i="1" s="1"/>
  <c r="A35367" i="1" s="1"/>
  <c r="A35368" i="1" s="1"/>
  <c r="A35369" i="1" s="1"/>
  <c r="A35370" i="1" s="1"/>
  <c r="A35371" i="1" s="1"/>
  <c r="A35372" i="1" s="1"/>
  <c r="A35373" i="1" s="1"/>
  <c r="A35374" i="1" s="1"/>
  <c r="A35375" i="1" s="1"/>
  <c r="A35376" i="1" s="1"/>
  <c r="A35377" i="1" s="1"/>
  <c r="A35378" i="1" s="1"/>
  <c r="A35379" i="1" s="1"/>
  <c r="A35380" i="1" s="1"/>
  <c r="A35381" i="1" s="1"/>
  <c r="A35382" i="1" s="1"/>
  <c r="A35383" i="1" s="1"/>
  <c r="A35384" i="1" s="1"/>
  <c r="A35385" i="1" s="1"/>
  <c r="A35386" i="1" s="1"/>
  <c r="A35387" i="1" s="1"/>
  <c r="A35388" i="1" s="1"/>
  <c r="A35389" i="1" s="1"/>
  <c r="A35390" i="1" s="1"/>
  <c r="A35391" i="1" s="1"/>
  <c r="A35392" i="1" s="1"/>
  <c r="A35393" i="1" s="1"/>
  <c r="A35394" i="1" s="1"/>
  <c r="A35395" i="1" s="1"/>
  <c r="A35396" i="1" s="1"/>
  <c r="A35397" i="1" s="1"/>
  <c r="A35398" i="1" s="1"/>
  <c r="A35399" i="1" s="1"/>
  <c r="A35400" i="1" s="1"/>
  <c r="A35401" i="1" s="1"/>
  <c r="A35402" i="1" s="1"/>
  <c r="A35403" i="1" s="1"/>
  <c r="A35404" i="1" s="1"/>
  <c r="A35405" i="1" s="1"/>
  <c r="A35406" i="1" s="1"/>
  <c r="A35407" i="1" s="1"/>
  <c r="A35408" i="1" s="1"/>
  <c r="A35409" i="1" s="1"/>
  <c r="A35410" i="1" s="1"/>
  <c r="A35411" i="1" s="1"/>
  <c r="A35412" i="1" s="1"/>
  <c r="A35413" i="1" s="1"/>
  <c r="A35414" i="1" s="1"/>
  <c r="A35415" i="1" s="1"/>
  <c r="A35416" i="1" s="1"/>
  <c r="A35417" i="1" s="1"/>
  <c r="A35418" i="1" s="1"/>
  <c r="A35419" i="1" s="1"/>
  <c r="A35420" i="1" s="1"/>
  <c r="A35421" i="1" s="1"/>
  <c r="A35422" i="1" s="1"/>
  <c r="A35423" i="1" s="1"/>
  <c r="A35424" i="1" s="1"/>
  <c r="A35425" i="1" s="1"/>
  <c r="A35426" i="1" s="1"/>
  <c r="A35427" i="1" s="1"/>
  <c r="A35428" i="1" s="1"/>
  <c r="A35429" i="1" s="1"/>
  <c r="A35430" i="1" s="1"/>
  <c r="A35431" i="1" s="1"/>
  <c r="A35432" i="1" s="1"/>
  <c r="A35433" i="1" s="1"/>
  <c r="A35434" i="1" s="1"/>
  <c r="A35435" i="1" s="1"/>
  <c r="A35436" i="1" s="1"/>
  <c r="A35437" i="1" s="1"/>
  <c r="A35438" i="1" s="1"/>
  <c r="A35439" i="1" s="1"/>
  <c r="A35440" i="1" s="1"/>
  <c r="A35441" i="1" s="1"/>
  <c r="A35442" i="1" s="1"/>
  <c r="A35443" i="1" s="1"/>
  <c r="A35444" i="1" s="1"/>
  <c r="A35445" i="1" s="1"/>
  <c r="A35446" i="1" s="1"/>
  <c r="A35447" i="1" s="1"/>
  <c r="A35448" i="1" s="1"/>
  <c r="A35449" i="1" s="1"/>
  <c r="A35450" i="1" s="1"/>
  <c r="A35451" i="1" s="1"/>
  <c r="A35452" i="1" s="1"/>
  <c r="A35453" i="1" s="1"/>
  <c r="A35454" i="1" s="1"/>
  <c r="A35455" i="1" s="1"/>
  <c r="A35456" i="1" s="1"/>
  <c r="A35457" i="1" s="1"/>
  <c r="A35458" i="1" s="1"/>
  <c r="A35459" i="1" s="1"/>
  <c r="A35460" i="1" s="1"/>
  <c r="A35461" i="1" s="1"/>
  <c r="A35462" i="1" s="1"/>
  <c r="A35463" i="1" s="1"/>
  <c r="A35464" i="1" s="1"/>
  <c r="A35465" i="1" s="1"/>
  <c r="A35466" i="1" s="1"/>
  <c r="A35467" i="1" s="1"/>
  <c r="A35468" i="1" s="1"/>
  <c r="A35469" i="1" s="1"/>
  <c r="A35470" i="1" s="1"/>
  <c r="A35471" i="1" s="1"/>
  <c r="A35472" i="1" s="1"/>
  <c r="A35473" i="1" s="1"/>
  <c r="A35474" i="1" s="1"/>
  <c r="A35475" i="1" s="1"/>
  <c r="A35476" i="1" s="1"/>
  <c r="A35477" i="1" s="1"/>
  <c r="A35478" i="1" s="1"/>
  <c r="A35479" i="1" s="1"/>
  <c r="A35480" i="1" s="1"/>
  <c r="A35481" i="1" s="1"/>
  <c r="A35482" i="1" s="1"/>
  <c r="A35483" i="1" s="1"/>
  <c r="A35484" i="1" s="1"/>
  <c r="A35485" i="1" s="1"/>
  <c r="A35486" i="1" s="1"/>
  <c r="A35487" i="1" s="1"/>
  <c r="A35488" i="1" s="1"/>
  <c r="A35489" i="1" s="1"/>
  <c r="A35490" i="1" s="1"/>
  <c r="A35491" i="1" s="1"/>
  <c r="A35492" i="1" s="1"/>
  <c r="A35493" i="1" s="1"/>
  <c r="A35494" i="1" s="1"/>
  <c r="A35495" i="1" s="1"/>
  <c r="A35496" i="1" s="1"/>
  <c r="A35497" i="1" s="1"/>
  <c r="A35498" i="1" s="1"/>
  <c r="A35499" i="1" s="1"/>
  <c r="A35500" i="1" s="1"/>
  <c r="A35501" i="1" s="1"/>
  <c r="A35502" i="1" s="1"/>
  <c r="A35503" i="1" s="1"/>
  <c r="A35504" i="1" s="1"/>
  <c r="A35505" i="1" s="1"/>
  <c r="A35506" i="1" s="1"/>
  <c r="A35507" i="1" s="1"/>
  <c r="A35508" i="1" s="1"/>
  <c r="A35509" i="1" s="1"/>
  <c r="A35510" i="1" s="1"/>
  <c r="A35511" i="1" s="1"/>
  <c r="A35512" i="1" s="1"/>
  <c r="A35513" i="1" s="1"/>
  <c r="A35514" i="1" s="1"/>
  <c r="A35515" i="1" s="1"/>
  <c r="A35516" i="1" s="1"/>
  <c r="A35517" i="1" s="1"/>
  <c r="A35518" i="1" s="1"/>
  <c r="A35519" i="1" s="1"/>
  <c r="A35520" i="1" s="1"/>
  <c r="A35521" i="1" s="1"/>
  <c r="A35522" i="1" s="1"/>
  <c r="A35523" i="1" s="1"/>
  <c r="A35524" i="1" s="1"/>
  <c r="A35525" i="1" s="1"/>
  <c r="A35526" i="1" s="1"/>
  <c r="A35527" i="1" s="1"/>
  <c r="A35528" i="1" s="1"/>
  <c r="A35529" i="1" s="1"/>
  <c r="A35530" i="1" s="1"/>
  <c r="A35531" i="1" s="1"/>
  <c r="A35532" i="1" s="1"/>
  <c r="A35533" i="1" s="1"/>
  <c r="A35534" i="1" s="1"/>
  <c r="A35535" i="1" s="1"/>
  <c r="A35536" i="1" s="1"/>
  <c r="A35537" i="1" s="1"/>
  <c r="A35538" i="1" s="1"/>
  <c r="A35539" i="1" s="1"/>
  <c r="A35540" i="1" s="1"/>
  <c r="A35541" i="1" s="1"/>
  <c r="A35542" i="1" s="1"/>
  <c r="A35543" i="1" s="1"/>
  <c r="A35544" i="1" s="1"/>
  <c r="A35545" i="1" s="1"/>
  <c r="A35546" i="1" s="1"/>
  <c r="A35547" i="1" s="1"/>
  <c r="A35548" i="1" s="1"/>
  <c r="A35549" i="1" s="1"/>
  <c r="A35550" i="1" s="1"/>
  <c r="A35551" i="1" s="1"/>
  <c r="A35552" i="1" s="1"/>
  <c r="A35553" i="1" s="1"/>
  <c r="A35554" i="1" s="1"/>
  <c r="A35555" i="1" s="1"/>
  <c r="A35556" i="1" s="1"/>
  <c r="A35557" i="1" s="1"/>
  <c r="A35558" i="1" s="1"/>
  <c r="A35559" i="1" s="1"/>
  <c r="A35560" i="1" s="1"/>
  <c r="A35561" i="1" s="1"/>
  <c r="A35562" i="1" s="1"/>
  <c r="A35563" i="1" s="1"/>
  <c r="A35564" i="1" s="1"/>
  <c r="A35565" i="1" s="1"/>
  <c r="A35566" i="1" s="1"/>
  <c r="A35567" i="1" s="1"/>
  <c r="A35568" i="1" s="1"/>
  <c r="A35569" i="1" s="1"/>
  <c r="A35570" i="1" s="1"/>
  <c r="A35571" i="1" s="1"/>
  <c r="A35572" i="1" s="1"/>
  <c r="A35573" i="1" s="1"/>
  <c r="A35574" i="1" s="1"/>
  <c r="A35575" i="1" s="1"/>
  <c r="A35576" i="1" s="1"/>
  <c r="A35577" i="1" s="1"/>
  <c r="A35578" i="1" s="1"/>
  <c r="A35579" i="1" s="1"/>
  <c r="A35580" i="1" s="1"/>
  <c r="A35581" i="1" s="1"/>
  <c r="A35582" i="1" s="1"/>
  <c r="A35583" i="1" s="1"/>
  <c r="A35584" i="1" s="1"/>
  <c r="A35585" i="1" s="1"/>
  <c r="A35586" i="1" s="1"/>
  <c r="A35587" i="1" s="1"/>
  <c r="A35588" i="1" s="1"/>
  <c r="A35589" i="1" s="1"/>
  <c r="A35590" i="1" s="1"/>
  <c r="A35591" i="1" s="1"/>
  <c r="A35592" i="1" s="1"/>
  <c r="A35593" i="1" s="1"/>
  <c r="A35594" i="1" s="1"/>
  <c r="A35595" i="1" s="1"/>
  <c r="A35596" i="1" s="1"/>
  <c r="A35597" i="1" s="1"/>
  <c r="A35598" i="1" s="1"/>
  <c r="A35599" i="1" s="1"/>
  <c r="A35600" i="1" s="1"/>
  <c r="A35601" i="1" s="1"/>
  <c r="A35602" i="1" s="1"/>
  <c r="A35603" i="1" s="1"/>
  <c r="A35604" i="1" s="1"/>
  <c r="A35605" i="1" s="1"/>
  <c r="A35606" i="1" s="1"/>
  <c r="A35607" i="1" s="1"/>
  <c r="A35608" i="1" s="1"/>
  <c r="A35609" i="1" s="1"/>
  <c r="A35610" i="1" s="1"/>
  <c r="A35611" i="1" s="1"/>
  <c r="A35612" i="1" s="1"/>
  <c r="A35613" i="1" s="1"/>
  <c r="A35614" i="1" s="1"/>
  <c r="A35615" i="1" s="1"/>
  <c r="A35616" i="1" s="1"/>
  <c r="A35617" i="1" s="1"/>
  <c r="A35618" i="1" s="1"/>
  <c r="A35619" i="1" s="1"/>
  <c r="A35620" i="1" s="1"/>
  <c r="A35621" i="1" s="1"/>
  <c r="A35622" i="1" s="1"/>
  <c r="A35623" i="1" s="1"/>
  <c r="A35624" i="1" s="1"/>
  <c r="A35625" i="1" s="1"/>
  <c r="A35626" i="1" s="1"/>
  <c r="A35627" i="1" s="1"/>
  <c r="A35628" i="1" s="1"/>
  <c r="A35629" i="1" s="1"/>
  <c r="A35630" i="1" s="1"/>
  <c r="A35631" i="1" s="1"/>
  <c r="A35632" i="1" s="1"/>
  <c r="A35633" i="1" s="1"/>
  <c r="A35634" i="1" s="1"/>
  <c r="A35635" i="1" s="1"/>
  <c r="A35636" i="1" s="1"/>
  <c r="A35637" i="1" s="1"/>
  <c r="A35638" i="1" s="1"/>
  <c r="A35639" i="1" s="1"/>
  <c r="A35640" i="1" s="1"/>
  <c r="A35641" i="1" s="1"/>
  <c r="A35642" i="1" s="1"/>
  <c r="A35643" i="1" s="1"/>
  <c r="A35644" i="1" s="1"/>
  <c r="A35645" i="1" s="1"/>
  <c r="A35646" i="1" s="1"/>
  <c r="A35647" i="1" s="1"/>
  <c r="A35648" i="1" s="1"/>
  <c r="A35649" i="1" s="1"/>
  <c r="A35650" i="1" s="1"/>
  <c r="A35651" i="1" s="1"/>
  <c r="A35652" i="1" s="1"/>
  <c r="A35653" i="1" s="1"/>
  <c r="A35654" i="1" s="1"/>
  <c r="A35655" i="1" s="1"/>
  <c r="A35656" i="1" s="1"/>
  <c r="A35657" i="1" s="1"/>
  <c r="A35658" i="1" s="1"/>
  <c r="A35659" i="1" s="1"/>
  <c r="A35660" i="1" s="1"/>
  <c r="A35661" i="1" s="1"/>
  <c r="A35662" i="1" s="1"/>
  <c r="A35663" i="1" s="1"/>
  <c r="A35664" i="1" s="1"/>
  <c r="A35665" i="1" s="1"/>
  <c r="A35666" i="1" s="1"/>
  <c r="A35667" i="1" s="1"/>
  <c r="A35668" i="1" s="1"/>
  <c r="A35669" i="1" s="1"/>
  <c r="A35670" i="1" s="1"/>
  <c r="A35671" i="1" s="1"/>
  <c r="A35672" i="1" s="1"/>
  <c r="A35673" i="1" s="1"/>
  <c r="A35674" i="1" s="1"/>
  <c r="A35675" i="1" s="1"/>
  <c r="A35676" i="1" s="1"/>
  <c r="A35677" i="1" s="1"/>
  <c r="A35678" i="1" s="1"/>
  <c r="A35679" i="1" s="1"/>
  <c r="A35680" i="1" s="1"/>
  <c r="A35681" i="1" s="1"/>
  <c r="A35682" i="1" s="1"/>
  <c r="A35683" i="1" s="1"/>
  <c r="A35684" i="1" s="1"/>
  <c r="A35685" i="1" s="1"/>
  <c r="A35686" i="1" s="1"/>
  <c r="A35687" i="1" s="1"/>
  <c r="A35688" i="1" s="1"/>
  <c r="A35689" i="1" s="1"/>
  <c r="A35690" i="1" s="1"/>
  <c r="A35691" i="1" s="1"/>
  <c r="A35692" i="1" s="1"/>
  <c r="A35693" i="1" s="1"/>
  <c r="A35694" i="1" s="1"/>
  <c r="A35695" i="1" s="1"/>
  <c r="A35696" i="1" s="1"/>
  <c r="A35697" i="1" s="1"/>
  <c r="A35698" i="1" s="1"/>
  <c r="A35699" i="1" s="1"/>
  <c r="A35700" i="1" s="1"/>
  <c r="A35701" i="1" s="1"/>
  <c r="A35702" i="1" s="1"/>
  <c r="A35703" i="1" s="1"/>
  <c r="A35704" i="1" s="1"/>
  <c r="A35705" i="1" s="1"/>
  <c r="A35706" i="1" s="1"/>
  <c r="A35707" i="1" s="1"/>
  <c r="A35708" i="1" s="1"/>
  <c r="A35709" i="1" s="1"/>
  <c r="A35710" i="1" s="1"/>
  <c r="A35711" i="1" s="1"/>
  <c r="A35712" i="1" s="1"/>
  <c r="A35713" i="1" s="1"/>
  <c r="A35714" i="1" s="1"/>
  <c r="A35715" i="1" s="1"/>
  <c r="A35716" i="1" s="1"/>
  <c r="A35717" i="1" s="1"/>
  <c r="A35718" i="1" s="1"/>
  <c r="A35719" i="1" s="1"/>
  <c r="A35720" i="1" s="1"/>
  <c r="A35721" i="1" s="1"/>
  <c r="A35722" i="1" s="1"/>
  <c r="A35723" i="1" s="1"/>
  <c r="A35724" i="1" s="1"/>
  <c r="A35725" i="1" s="1"/>
  <c r="A35726" i="1" s="1"/>
  <c r="A35727" i="1" s="1"/>
  <c r="A35728" i="1" s="1"/>
  <c r="A35729" i="1" s="1"/>
  <c r="A35730" i="1" s="1"/>
  <c r="A35731" i="1" s="1"/>
  <c r="A35732" i="1" s="1"/>
  <c r="A35733" i="1" s="1"/>
  <c r="A35734" i="1" s="1"/>
  <c r="A35735" i="1" s="1"/>
  <c r="A35736" i="1" s="1"/>
  <c r="A35737" i="1" s="1"/>
  <c r="A35738" i="1" s="1"/>
  <c r="A35739" i="1" s="1"/>
  <c r="A35740" i="1" s="1"/>
  <c r="A35741" i="1" s="1"/>
  <c r="A35742" i="1" s="1"/>
  <c r="A35743" i="1" s="1"/>
  <c r="A35744" i="1" s="1"/>
  <c r="A35745" i="1" s="1"/>
  <c r="A35746" i="1" s="1"/>
  <c r="A35747" i="1" s="1"/>
  <c r="A35748" i="1" s="1"/>
  <c r="A35749" i="1" s="1"/>
  <c r="A35750" i="1" s="1"/>
  <c r="A35751" i="1" s="1"/>
  <c r="A35752" i="1" s="1"/>
  <c r="A35753" i="1" s="1"/>
  <c r="A35754" i="1" s="1"/>
  <c r="A35755" i="1" s="1"/>
  <c r="A35756" i="1" s="1"/>
  <c r="A35757" i="1" s="1"/>
  <c r="A35758" i="1" s="1"/>
  <c r="A35759" i="1" s="1"/>
  <c r="A35760" i="1" s="1"/>
  <c r="A35761" i="1" s="1"/>
  <c r="A35762" i="1" s="1"/>
  <c r="A35763" i="1" s="1"/>
  <c r="A35764" i="1" s="1"/>
  <c r="A35765" i="1" s="1"/>
  <c r="A35766" i="1" s="1"/>
  <c r="A35767" i="1" s="1"/>
  <c r="A35768" i="1" s="1"/>
  <c r="A35769" i="1" s="1"/>
  <c r="A35770" i="1" s="1"/>
  <c r="A35771" i="1" s="1"/>
  <c r="A35772" i="1" s="1"/>
  <c r="A35773" i="1" s="1"/>
  <c r="A35774" i="1" s="1"/>
  <c r="A35775" i="1" s="1"/>
  <c r="A35776" i="1" s="1"/>
  <c r="A35777" i="1" s="1"/>
  <c r="A35778" i="1" s="1"/>
  <c r="A35779" i="1" s="1"/>
  <c r="A35780" i="1" s="1"/>
  <c r="A35781" i="1" s="1"/>
  <c r="A35782" i="1" s="1"/>
  <c r="A35783" i="1" s="1"/>
  <c r="A35784" i="1" s="1"/>
  <c r="A35785" i="1" s="1"/>
  <c r="A35786" i="1" s="1"/>
  <c r="A35787" i="1" s="1"/>
  <c r="A35788" i="1" s="1"/>
  <c r="A35789" i="1" s="1"/>
  <c r="A35790" i="1" s="1"/>
  <c r="A35791" i="1" s="1"/>
  <c r="A35792" i="1" s="1"/>
  <c r="A35793" i="1" s="1"/>
  <c r="A35794" i="1" s="1"/>
  <c r="A35795" i="1" s="1"/>
  <c r="A35796" i="1" s="1"/>
  <c r="A35797" i="1" s="1"/>
  <c r="A35798" i="1" s="1"/>
  <c r="A35799" i="1" s="1"/>
  <c r="A35800" i="1" s="1"/>
  <c r="A35801" i="1" s="1"/>
  <c r="A35802" i="1" s="1"/>
  <c r="A35803" i="1" s="1"/>
  <c r="A35804" i="1" s="1"/>
  <c r="A35805" i="1" s="1"/>
  <c r="A35806" i="1" s="1"/>
  <c r="A35807" i="1" s="1"/>
  <c r="A35808" i="1" s="1"/>
  <c r="A35809" i="1" s="1"/>
  <c r="A35810" i="1" s="1"/>
  <c r="A35811" i="1" s="1"/>
  <c r="A35812" i="1" s="1"/>
  <c r="A35813" i="1" s="1"/>
  <c r="A35814" i="1" s="1"/>
  <c r="A35815" i="1" s="1"/>
  <c r="A35816" i="1" s="1"/>
  <c r="A35817" i="1" s="1"/>
  <c r="A35818" i="1" s="1"/>
  <c r="A35819" i="1" s="1"/>
  <c r="A35820" i="1" s="1"/>
  <c r="A35821" i="1" s="1"/>
  <c r="A35822" i="1" s="1"/>
  <c r="A35823" i="1" s="1"/>
  <c r="A35824" i="1" s="1"/>
  <c r="A35825" i="1" s="1"/>
  <c r="A35826" i="1" s="1"/>
  <c r="A35827" i="1" s="1"/>
  <c r="A35828" i="1" s="1"/>
  <c r="A35829" i="1" s="1"/>
  <c r="A35830" i="1" s="1"/>
  <c r="A35831" i="1" s="1"/>
  <c r="A35832" i="1" s="1"/>
  <c r="A35833" i="1" s="1"/>
  <c r="A35834" i="1" s="1"/>
  <c r="A35835" i="1" s="1"/>
  <c r="A35836" i="1" s="1"/>
  <c r="A35837" i="1" s="1"/>
  <c r="A35838" i="1" s="1"/>
  <c r="A35839" i="1" s="1"/>
  <c r="A35840" i="1" s="1"/>
  <c r="A35841" i="1" s="1"/>
  <c r="A35842" i="1" s="1"/>
  <c r="A35843" i="1" s="1"/>
  <c r="A35844" i="1" s="1"/>
  <c r="A35845" i="1" s="1"/>
  <c r="A35846" i="1" s="1"/>
  <c r="A35847" i="1" s="1"/>
  <c r="A35848" i="1" s="1"/>
  <c r="A35849" i="1" s="1"/>
  <c r="A35850" i="1" s="1"/>
  <c r="A35851" i="1" s="1"/>
  <c r="A35852" i="1" s="1"/>
  <c r="A35853" i="1" s="1"/>
  <c r="A35854" i="1" s="1"/>
  <c r="A35855" i="1" s="1"/>
  <c r="A35856" i="1" s="1"/>
  <c r="A35857" i="1" s="1"/>
  <c r="A35858" i="1" s="1"/>
  <c r="A35859" i="1" s="1"/>
  <c r="A35860" i="1" s="1"/>
  <c r="A35861" i="1" s="1"/>
  <c r="A35862" i="1" s="1"/>
  <c r="A35863" i="1" s="1"/>
  <c r="A35864" i="1" s="1"/>
  <c r="A35865" i="1" s="1"/>
  <c r="A35866" i="1" s="1"/>
  <c r="A35867" i="1" s="1"/>
  <c r="A35868" i="1" s="1"/>
  <c r="A35869" i="1" s="1"/>
  <c r="A35870" i="1" s="1"/>
  <c r="A35871" i="1" s="1"/>
  <c r="A35872" i="1" s="1"/>
  <c r="A35873" i="1" s="1"/>
  <c r="A35874" i="1" s="1"/>
  <c r="A35875" i="1" s="1"/>
  <c r="A35876" i="1" s="1"/>
  <c r="A35877" i="1" s="1"/>
  <c r="A35878" i="1" s="1"/>
  <c r="A35879" i="1" s="1"/>
  <c r="A35880" i="1" s="1"/>
  <c r="A35881" i="1" s="1"/>
  <c r="A35882" i="1" s="1"/>
  <c r="A35883" i="1" s="1"/>
  <c r="A35884" i="1" s="1"/>
  <c r="A35885" i="1" s="1"/>
  <c r="A35886" i="1" s="1"/>
  <c r="A35887" i="1" s="1"/>
  <c r="A35888" i="1" s="1"/>
  <c r="A35889" i="1" s="1"/>
  <c r="A35890" i="1" s="1"/>
  <c r="A35891" i="1" s="1"/>
  <c r="A35892" i="1" s="1"/>
  <c r="A35893" i="1" s="1"/>
  <c r="A35894" i="1" s="1"/>
  <c r="A35895" i="1" s="1"/>
  <c r="A35896" i="1" s="1"/>
  <c r="A35897" i="1" s="1"/>
  <c r="A35898" i="1" s="1"/>
  <c r="A35899" i="1" s="1"/>
  <c r="A35900" i="1" s="1"/>
  <c r="A35901" i="1" s="1"/>
  <c r="A35902" i="1" s="1"/>
  <c r="A35903" i="1" s="1"/>
  <c r="A35904" i="1" s="1"/>
  <c r="A35905" i="1" s="1"/>
  <c r="A35906" i="1" s="1"/>
  <c r="A35907" i="1" s="1"/>
  <c r="A35908" i="1" s="1"/>
  <c r="A35909" i="1" s="1"/>
  <c r="A35910" i="1" s="1"/>
  <c r="A35911" i="1" s="1"/>
  <c r="A35912" i="1" s="1"/>
  <c r="A35913" i="1" s="1"/>
  <c r="A35914" i="1" s="1"/>
  <c r="A35915" i="1" s="1"/>
  <c r="A35916" i="1" s="1"/>
  <c r="A35917" i="1" s="1"/>
  <c r="A35918" i="1" s="1"/>
  <c r="A35919" i="1" s="1"/>
  <c r="A35920" i="1" s="1"/>
  <c r="A35921" i="1" s="1"/>
  <c r="A35922" i="1" s="1"/>
  <c r="A35923" i="1" s="1"/>
  <c r="A35924" i="1" s="1"/>
  <c r="A35925" i="1" s="1"/>
  <c r="A35926" i="1" s="1"/>
  <c r="A35927" i="1" s="1"/>
  <c r="A35928" i="1" s="1"/>
  <c r="A35929" i="1" s="1"/>
  <c r="A35930" i="1" s="1"/>
  <c r="A35931" i="1" s="1"/>
  <c r="A35932" i="1" s="1"/>
  <c r="A35933" i="1" s="1"/>
  <c r="A35934" i="1" s="1"/>
  <c r="A35935" i="1" s="1"/>
  <c r="A35936" i="1" s="1"/>
  <c r="A35937" i="1" s="1"/>
  <c r="A35938" i="1" s="1"/>
  <c r="A35939" i="1" s="1"/>
  <c r="A35940" i="1" s="1"/>
  <c r="A35941" i="1" s="1"/>
  <c r="A35942" i="1" s="1"/>
  <c r="A35943" i="1" s="1"/>
  <c r="A35944" i="1" s="1"/>
  <c r="A35945" i="1" s="1"/>
  <c r="A35946" i="1" s="1"/>
  <c r="A35947" i="1" s="1"/>
  <c r="A35948" i="1" s="1"/>
  <c r="A35949" i="1" s="1"/>
  <c r="A35950" i="1" s="1"/>
  <c r="A35951" i="1" s="1"/>
  <c r="A35952" i="1" s="1"/>
  <c r="A35953" i="1" s="1"/>
  <c r="A35954" i="1" s="1"/>
  <c r="A35955" i="1" s="1"/>
  <c r="A35956" i="1" s="1"/>
  <c r="A35957" i="1" s="1"/>
  <c r="A35958" i="1" s="1"/>
  <c r="A35959" i="1" s="1"/>
  <c r="A35960" i="1" s="1"/>
  <c r="A35961" i="1" s="1"/>
  <c r="A35962" i="1" s="1"/>
  <c r="A35963" i="1" s="1"/>
  <c r="A35964" i="1" s="1"/>
  <c r="A35965" i="1" s="1"/>
  <c r="A35966" i="1" s="1"/>
  <c r="A35967" i="1" s="1"/>
  <c r="A35968" i="1" s="1"/>
  <c r="A35969" i="1" s="1"/>
  <c r="A35970" i="1" s="1"/>
  <c r="A35971" i="1" s="1"/>
  <c r="A35972" i="1" s="1"/>
  <c r="A35973" i="1" s="1"/>
  <c r="A35974" i="1" s="1"/>
  <c r="A35975" i="1" s="1"/>
  <c r="A35976" i="1" s="1"/>
  <c r="A35977" i="1" s="1"/>
  <c r="A35978" i="1" s="1"/>
  <c r="A35979" i="1" s="1"/>
  <c r="A35980" i="1" s="1"/>
  <c r="A35981" i="1" s="1"/>
  <c r="A35982" i="1" s="1"/>
  <c r="A35983" i="1" s="1"/>
  <c r="A35984" i="1" s="1"/>
  <c r="A35985" i="1" s="1"/>
  <c r="A35986" i="1" s="1"/>
  <c r="A35987" i="1" s="1"/>
  <c r="A35988" i="1" s="1"/>
  <c r="A35989" i="1" s="1"/>
  <c r="A35990" i="1" s="1"/>
  <c r="A35991" i="1" s="1"/>
  <c r="A35992" i="1" s="1"/>
  <c r="A35993" i="1" s="1"/>
  <c r="A35994" i="1" s="1"/>
  <c r="A35995" i="1" s="1"/>
  <c r="A35996" i="1" s="1"/>
  <c r="A35997" i="1" s="1"/>
  <c r="A35998" i="1" s="1"/>
  <c r="A35999" i="1" s="1"/>
  <c r="A36000" i="1" s="1"/>
  <c r="A36001" i="1" s="1"/>
  <c r="A36002" i="1" s="1"/>
  <c r="A36003" i="1" s="1"/>
  <c r="A36004" i="1" s="1"/>
  <c r="A36005" i="1" s="1"/>
  <c r="A36006" i="1" s="1"/>
  <c r="A36007" i="1" s="1"/>
  <c r="A36008" i="1" s="1"/>
  <c r="A36009" i="1" s="1"/>
  <c r="A36010" i="1" s="1"/>
  <c r="A36011" i="1" s="1"/>
  <c r="A36012" i="1" s="1"/>
  <c r="A36013" i="1" s="1"/>
  <c r="A36014" i="1" s="1"/>
  <c r="A36015" i="1" s="1"/>
  <c r="A36016" i="1" s="1"/>
  <c r="A36017" i="1" s="1"/>
  <c r="A36018" i="1" s="1"/>
  <c r="A36019" i="1" s="1"/>
  <c r="A36020" i="1" s="1"/>
  <c r="A36021" i="1" s="1"/>
  <c r="A36022" i="1" s="1"/>
  <c r="A36023" i="1" s="1"/>
  <c r="A36024" i="1" s="1"/>
  <c r="A36025" i="1" s="1"/>
  <c r="A36026" i="1" s="1"/>
  <c r="A36027" i="1" s="1"/>
  <c r="A36028" i="1" s="1"/>
  <c r="A36029" i="1" s="1"/>
  <c r="A36030" i="1" s="1"/>
  <c r="A36031" i="1" s="1"/>
  <c r="A36032" i="1" s="1"/>
  <c r="A36033" i="1" s="1"/>
  <c r="A36034" i="1" s="1"/>
  <c r="A36035" i="1" s="1"/>
  <c r="A36036" i="1" s="1"/>
  <c r="A36037" i="1" s="1"/>
  <c r="A36038" i="1" s="1"/>
  <c r="A36039" i="1" s="1"/>
  <c r="A36040" i="1" s="1"/>
  <c r="A36041" i="1" s="1"/>
  <c r="A36042" i="1" s="1"/>
  <c r="A36043" i="1" s="1"/>
  <c r="A36044" i="1" s="1"/>
  <c r="A36045" i="1" s="1"/>
  <c r="A36046" i="1" s="1"/>
  <c r="A36047" i="1" s="1"/>
  <c r="A36048" i="1" s="1"/>
  <c r="A36049" i="1" s="1"/>
  <c r="A36050" i="1" s="1"/>
  <c r="A36051" i="1" s="1"/>
  <c r="A36052" i="1" s="1"/>
  <c r="A36053" i="1" s="1"/>
  <c r="A36054" i="1" s="1"/>
  <c r="A36055" i="1" s="1"/>
  <c r="A36056" i="1" s="1"/>
  <c r="A36057" i="1" s="1"/>
  <c r="A36058" i="1" s="1"/>
  <c r="A36059" i="1" s="1"/>
  <c r="A36060" i="1" s="1"/>
  <c r="A36061" i="1" s="1"/>
  <c r="A36062" i="1" s="1"/>
  <c r="A36063" i="1" s="1"/>
  <c r="A36064" i="1" s="1"/>
  <c r="A36065" i="1" s="1"/>
  <c r="A36066" i="1" s="1"/>
  <c r="A36067" i="1" s="1"/>
  <c r="A36068" i="1" s="1"/>
  <c r="A36069" i="1" s="1"/>
  <c r="A36070" i="1" s="1"/>
  <c r="A36071" i="1" s="1"/>
  <c r="A36072" i="1" s="1"/>
  <c r="A36073" i="1" s="1"/>
  <c r="A36074" i="1" s="1"/>
  <c r="A36075" i="1" s="1"/>
  <c r="A36076" i="1" s="1"/>
  <c r="A36077" i="1" s="1"/>
  <c r="A36078" i="1" s="1"/>
  <c r="A36079" i="1" s="1"/>
  <c r="A36080" i="1" s="1"/>
  <c r="A36081" i="1" s="1"/>
  <c r="A36082" i="1" s="1"/>
  <c r="A36083" i="1" s="1"/>
  <c r="A36084" i="1" s="1"/>
  <c r="A36085" i="1" s="1"/>
  <c r="A36086" i="1" s="1"/>
  <c r="A36087" i="1" s="1"/>
  <c r="A36088" i="1" s="1"/>
  <c r="A36089" i="1" s="1"/>
  <c r="A36090" i="1" s="1"/>
  <c r="A36091" i="1" s="1"/>
  <c r="A36092" i="1" s="1"/>
  <c r="A36093" i="1" s="1"/>
  <c r="A36094" i="1" s="1"/>
  <c r="A36095" i="1" s="1"/>
  <c r="A36096" i="1" s="1"/>
  <c r="A36097" i="1" s="1"/>
  <c r="A36098" i="1" s="1"/>
  <c r="A36099" i="1" s="1"/>
  <c r="A36100" i="1" s="1"/>
  <c r="A36101" i="1" s="1"/>
  <c r="A36102" i="1" s="1"/>
  <c r="A36103" i="1" s="1"/>
  <c r="A36104" i="1" s="1"/>
  <c r="A36105" i="1" s="1"/>
  <c r="A36106" i="1" s="1"/>
  <c r="A36107" i="1" s="1"/>
  <c r="A36108" i="1" s="1"/>
  <c r="A36109" i="1" s="1"/>
  <c r="A36110" i="1" s="1"/>
  <c r="A36111" i="1" s="1"/>
  <c r="A36112" i="1" s="1"/>
  <c r="A36113" i="1" s="1"/>
  <c r="A36114" i="1" s="1"/>
  <c r="A36115" i="1" s="1"/>
  <c r="A36116" i="1" s="1"/>
  <c r="A36117" i="1" s="1"/>
  <c r="A36118" i="1" s="1"/>
  <c r="A36119" i="1" s="1"/>
  <c r="A36120" i="1" s="1"/>
  <c r="A36121" i="1" s="1"/>
  <c r="A36122" i="1" s="1"/>
  <c r="A36123" i="1" s="1"/>
  <c r="A36124" i="1" s="1"/>
  <c r="A36125" i="1" s="1"/>
  <c r="A36126" i="1" s="1"/>
  <c r="A36127" i="1" s="1"/>
  <c r="A36128" i="1" s="1"/>
  <c r="A36129" i="1" s="1"/>
  <c r="A36130" i="1" s="1"/>
  <c r="A36131" i="1" s="1"/>
  <c r="A36132" i="1" s="1"/>
  <c r="A36133" i="1" s="1"/>
  <c r="A36134" i="1" s="1"/>
  <c r="A36135" i="1" s="1"/>
  <c r="A36136" i="1" s="1"/>
  <c r="A36137" i="1" s="1"/>
  <c r="A36138" i="1" s="1"/>
  <c r="A36139" i="1" s="1"/>
  <c r="A36140" i="1" s="1"/>
  <c r="A36141" i="1" s="1"/>
  <c r="A36142" i="1" s="1"/>
  <c r="A36143" i="1" s="1"/>
  <c r="A36144" i="1" s="1"/>
  <c r="A36145" i="1" s="1"/>
  <c r="A36146" i="1" s="1"/>
  <c r="A36147" i="1" s="1"/>
  <c r="A36148" i="1" s="1"/>
  <c r="A36149" i="1" s="1"/>
  <c r="A36150" i="1" s="1"/>
  <c r="A36151" i="1" s="1"/>
  <c r="A36152" i="1" s="1"/>
  <c r="A36153" i="1" s="1"/>
  <c r="A36154" i="1" s="1"/>
  <c r="A36155" i="1" s="1"/>
  <c r="A36156" i="1" s="1"/>
  <c r="A36157" i="1" s="1"/>
  <c r="A36158" i="1" s="1"/>
  <c r="A36159" i="1" s="1"/>
  <c r="A36160" i="1" s="1"/>
  <c r="A36161" i="1" s="1"/>
  <c r="A36162" i="1" s="1"/>
  <c r="A36163" i="1" s="1"/>
  <c r="A36164" i="1" s="1"/>
  <c r="A36165" i="1" s="1"/>
  <c r="A36166" i="1" s="1"/>
  <c r="A36167" i="1" s="1"/>
  <c r="A36168" i="1" s="1"/>
  <c r="A36169" i="1" s="1"/>
  <c r="A36170" i="1" s="1"/>
  <c r="A36171" i="1" s="1"/>
  <c r="A36172" i="1" s="1"/>
  <c r="A36173" i="1" s="1"/>
  <c r="A36174" i="1" s="1"/>
  <c r="A36175" i="1" s="1"/>
  <c r="A36176" i="1" s="1"/>
  <c r="A36177" i="1" s="1"/>
  <c r="A36178" i="1" s="1"/>
  <c r="A36179" i="1" s="1"/>
  <c r="A36180" i="1" s="1"/>
  <c r="A36181" i="1" s="1"/>
  <c r="A36182" i="1" s="1"/>
  <c r="A36183" i="1" s="1"/>
  <c r="A36184" i="1" s="1"/>
  <c r="A36185" i="1" s="1"/>
  <c r="A36186" i="1" s="1"/>
  <c r="A36187" i="1" s="1"/>
  <c r="A36188" i="1" s="1"/>
  <c r="A36189" i="1" s="1"/>
  <c r="A36190" i="1" s="1"/>
  <c r="A36191" i="1" s="1"/>
  <c r="A36192" i="1" s="1"/>
  <c r="A36193" i="1" s="1"/>
  <c r="A36194" i="1" s="1"/>
  <c r="A36195" i="1" s="1"/>
  <c r="A36196" i="1" s="1"/>
  <c r="A36197" i="1" s="1"/>
  <c r="A36198" i="1" s="1"/>
  <c r="A36199" i="1" s="1"/>
  <c r="A36200" i="1" s="1"/>
  <c r="A36201" i="1" s="1"/>
  <c r="A36202" i="1" s="1"/>
  <c r="A36203" i="1" s="1"/>
  <c r="A36204" i="1" s="1"/>
  <c r="A36205" i="1" s="1"/>
  <c r="A36206" i="1" s="1"/>
  <c r="A36207" i="1" s="1"/>
  <c r="A36208" i="1" s="1"/>
  <c r="A36209" i="1" s="1"/>
  <c r="A36210" i="1" s="1"/>
  <c r="A36211" i="1" s="1"/>
  <c r="A36212" i="1" s="1"/>
  <c r="A36213" i="1" s="1"/>
  <c r="A36214" i="1" s="1"/>
  <c r="A36215" i="1" s="1"/>
  <c r="A36216" i="1" s="1"/>
  <c r="A36217" i="1" s="1"/>
  <c r="A36218" i="1" s="1"/>
  <c r="A36219" i="1" s="1"/>
  <c r="A36220" i="1" s="1"/>
  <c r="A36221" i="1" s="1"/>
  <c r="A36222" i="1" s="1"/>
  <c r="A36223" i="1" s="1"/>
  <c r="A36224" i="1" s="1"/>
  <c r="A36225" i="1" s="1"/>
  <c r="A36226" i="1" s="1"/>
  <c r="A36227" i="1" s="1"/>
  <c r="A36228" i="1" s="1"/>
  <c r="A36229" i="1" s="1"/>
  <c r="A36230" i="1" s="1"/>
  <c r="A36231" i="1" s="1"/>
  <c r="A36232" i="1" s="1"/>
  <c r="A36233" i="1" s="1"/>
  <c r="A36234" i="1" s="1"/>
  <c r="A36235" i="1" s="1"/>
  <c r="A36236" i="1" s="1"/>
  <c r="A36237" i="1" s="1"/>
  <c r="A36238" i="1" s="1"/>
  <c r="A36239" i="1" s="1"/>
  <c r="A36240" i="1" s="1"/>
  <c r="A36241" i="1" s="1"/>
  <c r="A36242" i="1" s="1"/>
  <c r="A36243" i="1" s="1"/>
  <c r="A36244" i="1" s="1"/>
  <c r="A36245" i="1" s="1"/>
  <c r="A36246" i="1" s="1"/>
  <c r="A36247" i="1" s="1"/>
  <c r="A36248" i="1" s="1"/>
  <c r="A36249" i="1" s="1"/>
  <c r="A36250" i="1" s="1"/>
  <c r="A36251" i="1" s="1"/>
  <c r="A36252" i="1" s="1"/>
  <c r="A36253" i="1" s="1"/>
  <c r="A36254" i="1" s="1"/>
  <c r="A36255" i="1" s="1"/>
  <c r="A36256" i="1" s="1"/>
  <c r="A36257" i="1" s="1"/>
  <c r="A36258" i="1" s="1"/>
  <c r="A36259" i="1" s="1"/>
  <c r="A36260" i="1" s="1"/>
  <c r="A36261" i="1" s="1"/>
  <c r="A36262" i="1" s="1"/>
  <c r="A36263" i="1" s="1"/>
  <c r="A36264" i="1" s="1"/>
  <c r="A36265" i="1" s="1"/>
  <c r="A36266" i="1" s="1"/>
  <c r="A36267" i="1" s="1"/>
  <c r="A36268" i="1" s="1"/>
  <c r="A36269" i="1" s="1"/>
  <c r="A36270" i="1" s="1"/>
  <c r="A36271" i="1" s="1"/>
  <c r="A36272" i="1" s="1"/>
  <c r="A36273" i="1" s="1"/>
  <c r="A36274" i="1" s="1"/>
  <c r="A36275" i="1" s="1"/>
  <c r="A36276" i="1" s="1"/>
  <c r="A36277" i="1" s="1"/>
  <c r="A36278" i="1" s="1"/>
  <c r="A36279" i="1" s="1"/>
  <c r="A36280" i="1" s="1"/>
  <c r="A36281" i="1" s="1"/>
  <c r="A36282" i="1" s="1"/>
  <c r="A36283" i="1" s="1"/>
  <c r="A36284" i="1" s="1"/>
  <c r="A36285" i="1" s="1"/>
  <c r="A36286" i="1" s="1"/>
  <c r="A36287" i="1" s="1"/>
  <c r="A36288" i="1" s="1"/>
  <c r="A36289" i="1" s="1"/>
  <c r="A36290" i="1" s="1"/>
  <c r="A36291" i="1" s="1"/>
  <c r="A36292" i="1" s="1"/>
  <c r="A36293" i="1" s="1"/>
  <c r="A36294" i="1" s="1"/>
  <c r="A36295" i="1" s="1"/>
  <c r="A36296" i="1" s="1"/>
  <c r="A36297" i="1" s="1"/>
  <c r="A36298" i="1" s="1"/>
  <c r="A36299" i="1" s="1"/>
  <c r="A36300" i="1" s="1"/>
  <c r="A36301" i="1" s="1"/>
  <c r="A36302" i="1" s="1"/>
  <c r="A36303" i="1" s="1"/>
  <c r="A36304" i="1" s="1"/>
  <c r="A36305" i="1" s="1"/>
  <c r="A36306" i="1" s="1"/>
  <c r="A36307" i="1" s="1"/>
  <c r="A36308" i="1" s="1"/>
  <c r="A36309" i="1" s="1"/>
  <c r="A36310" i="1" s="1"/>
  <c r="A36311" i="1" s="1"/>
  <c r="A36312" i="1" s="1"/>
  <c r="A36313" i="1" s="1"/>
  <c r="A36314" i="1" s="1"/>
  <c r="A36315" i="1" s="1"/>
  <c r="A36316" i="1" s="1"/>
  <c r="A36317" i="1" s="1"/>
  <c r="A36318" i="1" s="1"/>
  <c r="A36319" i="1" s="1"/>
  <c r="A36320" i="1" s="1"/>
  <c r="A36321" i="1" s="1"/>
  <c r="A36322" i="1" s="1"/>
  <c r="A36323" i="1" s="1"/>
  <c r="A36324" i="1" s="1"/>
  <c r="A36325" i="1" s="1"/>
  <c r="A36326" i="1" s="1"/>
  <c r="A36327" i="1" s="1"/>
  <c r="A36328" i="1" s="1"/>
  <c r="A36329" i="1" s="1"/>
  <c r="A36330" i="1" s="1"/>
  <c r="A36331" i="1" s="1"/>
  <c r="A36332" i="1" s="1"/>
  <c r="A36333" i="1" s="1"/>
  <c r="A36334" i="1" s="1"/>
  <c r="A36335" i="1" s="1"/>
  <c r="A36336" i="1" s="1"/>
  <c r="A36337" i="1" s="1"/>
  <c r="A36338" i="1" s="1"/>
  <c r="A36339" i="1" s="1"/>
  <c r="A36340" i="1" s="1"/>
  <c r="A36341" i="1" s="1"/>
  <c r="A36342" i="1" s="1"/>
  <c r="A36343" i="1" s="1"/>
  <c r="A36344" i="1" s="1"/>
  <c r="A36345" i="1" s="1"/>
  <c r="A36346" i="1" s="1"/>
  <c r="A36347" i="1" s="1"/>
  <c r="A36348" i="1" s="1"/>
  <c r="A36349" i="1" s="1"/>
  <c r="A36350" i="1" s="1"/>
  <c r="A36351" i="1" s="1"/>
  <c r="A36352" i="1" s="1"/>
  <c r="A36353" i="1" s="1"/>
  <c r="A36354" i="1" s="1"/>
  <c r="A36355" i="1" s="1"/>
  <c r="A36356" i="1" s="1"/>
  <c r="A36357" i="1" s="1"/>
  <c r="A36358" i="1" s="1"/>
  <c r="A36359" i="1" s="1"/>
  <c r="A36360" i="1" s="1"/>
  <c r="A36361" i="1" s="1"/>
  <c r="A36362" i="1" s="1"/>
  <c r="A36363" i="1" s="1"/>
  <c r="A36364" i="1" s="1"/>
  <c r="A36365" i="1" s="1"/>
  <c r="A36366" i="1" s="1"/>
  <c r="A36367" i="1" s="1"/>
  <c r="A36368" i="1" s="1"/>
  <c r="A36369" i="1" s="1"/>
  <c r="A36370" i="1" s="1"/>
  <c r="A36371" i="1" s="1"/>
  <c r="A36372" i="1" s="1"/>
  <c r="A36373" i="1" s="1"/>
  <c r="A36374" i="1" s="1"/>
  <c r="A36375" i="1" s="1"/>
  <c r="A36376" i="1" s="1"/>
  <c r="A36377" i="1" s="1"/>
  <c r="A36378" i="1" s="1"/>
  <c r="A36379" i="1" s="1"/>
  <c r="A36380" i="1" s="1"/>
  <c r="A36381" i="1" s="1"/>
  <c r="A36382" i="1" s="1"/>
  <c r="A36383" i="1" s="1"/>
  <c r="A36384" i="1" s="1"/>
  <c r="A36385" i="1" s="1"/>
  <c r="A36386" i="1" s="1"/>
  <c r="A36387" i="1" s="1"/>
  <c r="A36388" i="1" s="1"/>
  <c r="A36389" i="1" s="1"/>
  <c r="A36390" i="1" s="1"/>
  <c r="A36391" i="1" s="1"/>
  <c r="A36392" i="1" s="1"/>
  <c r="A36393" i="1" s="1"/>
  <c r="A36394" i="1" s="1"/>
  <c r="A36395" i="1" s="1"/>
  <c r="A36396" i="1" s="1"/>
  <c r="A36397" i="1" s="1"/>
  <c r="A36398" i="1" s="1"/>
  <c r="A36399" i="1" s="1"/>
  <c r="A36400" i="1" s="1"/>
  <c r="A36401" i="1" s="1"/>
  <c r="A36402" i="1" s="1"/>
  <c r="A36403" i="1" s="1"/>
  <c r="A36404" i="1" s="1"/>
  <c r="A36405" i="1" s="1"/>
  <c r="A36406" i="1" s="1"/>
  <c r="A36407" i="1" s="1"/>
  <c r="A36408" i="1" s="1"/>
  <c r="A36409" i="1" s="1"/>
  <c r="A36410" i="1" s="1"/>
  <c r="A36411" i="1" s="1"/>
  <c r="A36412" i="1" s="1"/>
  <c r="A36413" i="1" s="1"/>
  <c r="A36414" i="1" s="1"/>
  <c r="A36415" i="1" s="1"/>
  <c r="A36416" i="1" s="1"/>
  <c r="A36417" i="1" s="1"/>
  <c r="A36418" i="1" s="1"/>
  <c r="A36419" i="1" s="1"/>
  <c r="A36420" i="1" s="1"/>
  <c r="A36421" i="1" s="1"/>
  <c r="A36422" i="1" s="1"/>
  <c r="A36423" i="1" s="1"/>
  <c r="A36424" i="1" s="1"/>
  <c r="A36425" i="1" s="1"/>
  <c r="A36426" i="1" s="1"/>
  <c r="A36427" i="1" s="1"/>
  <c r="A36428" i="1" s="1"/>
  <c r="A36429" i="1" s="1"/>
  <c r="A36430" i="1" s="1"/>
  <c r="A36431" i="1" s="1"/>
  <c r="A36432" i="1" s="1"/>
  <c r="A36433" i="1" s="1"/>
  <c r="A36434" i="1" s="1"/>
  <c r="A36435" i="1" s="1"/>
  <c r="A36436" i="1" s="1"/>
  <c r="A36437" i="1" s="1"/>
  <c r="A36438" i="1" s="1"/>
  <c r="A36439" i="1" s="1"/>
  <c r="A36440" i="1" s="1"/>
  <c r="A36441" i="1" s="1"/>
  <c r="A36442" i="1" s="1"/>
  <c r="A36443" i="1" s="1"/>
  <c r="A36444" i="1" s="1"/>
  <c r="A36445" i="1" s="1"/>
  <c r="A36446" i="1" s="1"/>
  <c r="A36447" i="1" s="1"/>
  <c r="A36448" i="1" s="1"/>
  <c r="A36449" i="1" s="1"/>
  <c r="A36450" i="1" s="1"/>
  <c r="A36451" i="1" s="1"/>
  <c r="A36452" i="1" s="1"/>
  <c r="A36453" i="1" s="1"/>
  <c r="A36454" i="1" s="1"/>
  <c r="A36455" i="1" s="1"/>
  <c r="A36456" i="1" s="1"/>
  <c r="A36457" i="1" s="1"/>
  <c r="A36458" i="1" s="1"/>
  <c r="A36459" i="1" s="1"/>
  <c r="A36460" i="1" s="1"/>
  <c r="A36461" i="1" s="1"/>
  <c r="A36462" i="1" s="1"/>
  <c r="A36463" i="1" s="1"/>
  <c r="A36464" i="1" s="1"/>
  <c r="A36465" i="1" s="1"/>
  <c r="A36466" i="1" s="1"/>
  <c r="A36467" i="1" s="1"/>
  <c r="A36468" i="1" s="1"/>
  <c r="A36469" i="1" s="1"/>
  <c r="A36470" i="1" s="1"/>
  <c r="A36471" i="1" s="1"/>
  <c r="A36472" i="1" s="1"/>
  <c r="A36473" i="1" s="1"/>
  <c r="A36474" i="1" s="1"/>
  <c r="A36475" i="1" s="1"/>
  <c r="A36476" i="1" s="1"/>
  <c r="A36477" i="1" s="1"/>
  <c r="A36478" i="1" s="1"/>
  <c r="A36479" i="1" s="1"/>
  <c r="A36480" i="1" s="1"/>
  <c r="A36481" i="1" s="1"/>
  <c r="A36482" i="1" s="1"/>
  <c r="A36483" i="1" s="1"/>
  <c r="A36484" i="1" s="1"/>
  <c r="A36485" i="1" s="1"/>
  <c r="A36486" i="1" s="1"/>
  <c r="A36487" i="1" s="1"/>
  <c r="A36488" i="1" s="1"/>
  <c r="A36489" i="1" s="1"/>
  <c r="A36490" i="1" s="1"/>
  <c r="A36491" i="1" s="1"/>
  <c r="A36492" i="1" s="1"/>
  <c r="A36493" i="1" s="1"/>
  <c r="A36494" i="1" s="1"/>
  <c r="A36495" i="1" s="1"/>
  <c r="A36496" i="1" s="1"/>
  <c r="A36497" i="1" s="1"/>
  <c r="A36498" i="1" s="1"/>
  <c r="A36499" i="1" s="1"/>
  <c r="A36500" i="1" s="1"/>
  <c r="A36501" i="1" s="1"/>
  <c r="A36502" i="1" s="1"/>
  <c r="A36503" i="1" s="1"/>
  <c r="A36504" i="1" s="1"/>
  <c r="A36505" i="1" s="1"/>
  <c r="A36506" i="1" s="1"/>
  <c r="A36507" i="1" s="1"/>
  <c r="A36508" i="1" s="1"/>
  <c r="A36509" i="1" s="1"/>
  <c r="A36510" i="1" s="1"/>
  <c r="A36511" i="1" s="1"/>
  <c r="A36512" i="1" s="1"/>
  <c r="A36513" i="1" s="1"/>
  <c r="A36514" i="1" s="1"/>
  <c r="A36515" i="1" s="1"/>
  <c r="A36516" i="1" s="1"/>
  <c r="A36517" i="1" s="1"/>
  <c r="A36518" i="1" s="1"/>
  <c r="A36519" i="1" s="1"/>
  <c r="A36520" i="1" s="1"/>
  <c r="A36521" i="1" s="1"/>
  <c r="A36522" i="1" s="1"/>
  <c r="A36523" i="1" s="1"/>
  <c r="A36524" i="1" s="1"/>
  <c r="A36525" i="1" s="1"/>
  <c r="A36526" i="1" s="1"/>
  <c r="A36527" i="1" s="1"/>
  <c r="A36528" i="1" s="1"/>
  <c r="A36529" i="1" s="1"/>
  <c r="A36530" i="1" s="1"/>
  <c r="A36531" i="1" s="1"/>
  <c r="A36532" i="1" s="1"/>
  <c r="A36533" i="1" s="1"/>
  <c r="A36534" i="1" s="1"/>
  <c r="A36535" i="1" s="1"/>
  <c r="A36536" i="1" s="1"/>
  <c r="A36537" i="1" s="1"/>
  <c r="A36538" i="1" s="1"/>
  <c r="A36539" i="1" s="1"/>
  <c r="A36540" i="1" s="1"/>
  <c r="A36541" i="1" s="1"/>
  <c r="A36542" i="1" s="1"/>
  <c r="A36543" i="1" s="1"/>
  <c r="A36544" i="1" s="1"/>
  <c r="A36545" i="1" s="1"/>
  <c r="A36546" i="1" s="1"/>
  <c r="A36547" i="1" s="1"/>
  <c r="A36548" i="1" s="1"/>
  <c r="A36549" i="1" s="1"/>
  <c r="A36550" i="1" s="1"/>
  <c r="A36551" i="1" s="1"/>
  <c r="A36552" i="1" s="1"/>
  <c r="A36553" i="1" s="1"/>
  <c r="A36554" i="1" s="1"/>
  <c r="A36555" i="1" s="1"/>
  <c r="A36556" i="1" s="1"/>
  <c r="A36557" i="1" s="1"/>
  <c r="A36558" i="1" s="1"/>
  <c r="A36559" i="1" s="1"/>
  <c r="A36560" i="1" s="1"/>
  <c r="A36561" i="1" s="1"/>
  <c r="A36562" i="1" s="1"/>
  <c r="A36563" i="1" s="1"/>
  <c r="A36564" i="1" s="1"/>
  <c r="A36565" i="1" s="1"/>
  <c r="A36566" i="1" s="1"/>
  <c r="A36567" i="1" s="1"/>
  <c r="A36568" i="1" s="1"/>
  <c r="A36569" i="1" s="1"/>
  <c r="A36570" i="1" s="1"/>
  <c r="A36571" i="1" s="1"/>
  <c r="A36572" i="1" s="1"/>
  <c r="A36573" i="1" s="1"/>
  <c r="A36574" i="1" s="1"/>
  <c r="A36575" i="1" s="1"/>
  <c r="A36576" i="1" s="1"/>
  <c r="A36577" i="1" s="1"/>
  <c r="A36578" i="1" s="1"/>
  <c r="A36579" i="1" s="1"/>
  <c r="A36580" i="1" s="1"/>
  <c r="A36581" i="1" s="1"/>
  <c r="A36582" i="1" s="1"/>
  <c r="A36583" i="1" s="1"/>
  <c r="A36584" i="1" s="1"/>
  <c r="A36585" i="1" s="1"/>
  <c r="A36586" i="1" s="1"/>
  <c r="A36587" i="1" s="1"/>
  <c r="A36588" i="1" s="1"/>
  <c r="A36589" i="1" s="1"/>
  <c r="A36590" i="1" s="1"/>
  <c r="A36591" i="1" s="1"/>
  <c r="A36592" i="1" s="1"/>
  <c r="A36593" i="1" s="1"/>
  <c r="A36594" i="1" s="1"/>
  <c r="A36595" i="1" s="1"/>
  <c r="A36596" i="1" s="1"/>
  <c r="A36597" i="1" s="1"/>
  <c r="A36598" i="1" s="1"/>
  <c r="A36599" i="1" s="1"/>
  <c r="A36600" i="1" s="1"/>
  <c r="A36601" i="1" s="1"/>
  <c r="A36602" i="1" s="1"/>
  <c r="A36603" i="1" s="1"/>
  <c r="A36604" i="1" s="1"/>
  <c r="A36605" i="1" s="1"/>
  <c r="A36606" i="1" s="1"/>
  <c r="A36607" i="1" s="1"/>
  <c r="A36608" i="1" s="1"/>
  <c r="A36609" i="1" s="1"/>
  <c r="A36610" i="1" s="1"/>
  <c r="A36611" i="1" s="1"/>
  <c r="A36612" i="1" s="1"/>
  <c r="A36613" i="1" s="1"/>
  <c r="A36614" i="1" s="1"/>
  <c r="A36615" i="1" s="1"/>
  <c r="A36616" i="1" s="1"/>
  <c r="A36617" i="1" s="1"/>
  <c r="A36618" i="1" s="1"/>
  <c r="A36619" i="1" s="1"/>
  <c r="A36620" i="1" s="1"/>
  <c r="A36621" i="1" s="1"/>
  <c r="A36622" i="1" s="1"/>
  <c r="A36623" i="1" s="1"/>
  <c r="A36624" i="1" s="1"/>
  <c r="A36625" i="1" s="1"/>
  <c r="A36626" i="1" s="1"/>
  <c r="A36627" i="1" s="1"/>
  <c r="A36628" i="1" s="1"/>
  <c r="A36629" i="1" s="1"/>
  <c r="A36630" i="1" s="1"/>
  <c r="A36631" i="1" s="1"/>
  <c r="A36632" i="1" s="1"/>
  <c r="A36633" i="1" s="1"/>
  <c r="A36634" i="1" s="1"/>
  <c r="A36635" i="1" s="1"/>
  <c r="A36636" i="1" s="1"/>
  <c r="A36637" i="1" s="1"/>
  <c r="A36638" i="1" s="1"/>
  <c r="A36639" i="1" s="1"/>
  <c r="A36640" i="1" s="1"/>
  <c r="A36641" i="1" s="1"/>
  <c r="A36642" i="1" s="1"/>
  <c r="A36643" i="1" s="1"/>
  <c r="A36644" i="1" s="1"/>
  <c r="A36645" i="1" s="1"/>
  <c r="A36646" i="1" s="1"/>
  <c r="A36647" i="1" s="1"/>
  <c r="A36648" i="1" s="1"/>
  <c r="A36649" i="1" s="1"/>
  <c r="A36650" i="1" s="1"/>
  <c r="A36651" i="1" s="1"/>
  <c r="A36652" i="1" s="1"/>
  <c r="A36653" i="1" s="1"/>
  <c r="A36654" i="1" s="1"/>
  <c r="A36655" i="1" s="1"/>
  <c r="A36656" i="1" s="1"/>
  <c r="A36657" i="1" s="1"/>
  <c r="A36658" i="1" s="1"/>
  <c r="A36659" i="1" s="1"/>
  <c r="A36660" i="1" s="1"/>
  <c r="A36661" i="1" s="1"/>
  <c r="A36662" i="1" s="1"/>
  <c r="A36663" i="1" s="1"/>
  <c r="A36664" i="1" s="1"/>
  <c r="A36665" i="1" s="1"/>
  <c r="A36666" i="1" s="1"/>
  <c r="A36667" i="1" s="1"/>
  <c r="A36668" i="1" s="1"/>
  <c r="A36669" i="1" s="1"/>
  <c r="A36670" i="1" s="1"/>
  <c r="A36671" i="1" s="1"/>
  <c r="A36672" i="1" s="1"/>
  <c r="A36673" i="1" s="1"/>
  <c r="A36674" i="1" s="1"/>
  <c r="A36675" i="1" s="1"/>
  <c r="A36676" i="1" s="1"/>
  <c r="A36677" i="1" s="1"/>
  <c r="A36678" i="1" s="1"/>
  <c r="A36679" i="1" s="1"/>
  <c r="A36680" i="1" s="1"/>
  <c r="A36681" i="1" s="1"/>
  <c r="A36682" i="1" s="1"/>
  <c r="A36683" i="1" s="1"/>
  <c r="A36684" i="1" s="1"/>
  <c r="A36685" i="1" s="1"/>
  <c r="A36686" i="1" s="1"/>
  <c r="A36687" i="1" s="1"/>
  <c r="A36688" i="1" s="1"/>
  <c r="A36689" i="1" s="1"/>
  <c r="A36690" i="1" s="1"/>
  <c r="A36691" i="1" s="1"/>
  <c r="A36692" i="1" s="1"/>
  <c r="A36693" i="1" s="1"/>
  <c r="A36694" i="1" s="1"/>
  <c r="A36695" i="1" s="1"/>
  <c r="A36696" i="1" s="1"/>
  <c r="A36697" i="1" s="1"/>
  <c r="A36698" i="1" s="1"/>
  <c r="A36699" i="1" s="1"/>
  <c r="A36700" i="1" s="1"/>
  <c r="A36701" i="1" s="1"/>
  <c r="A36702" i="1" s="1"/>
  <c r="A36703" i="1" s="1"/>
  <c r="A36704" i="1" s="1"/>
  <c r="A36705" i="1" s="1"/>
  <c r="A36706" i="1" s="1"/>
  <c r="A36707" i="1" s="1"/>
  <c r="A36708" i="1" s="1"/>
  <c r="A36709" i="1" s="1"/>
  <c r="A36710" i="1" s="1"/>
  <c r="A36711" i="1" s="1"/>
  <c r="A36712" i="1" s="1"/>
  <c r="A36713" i="1" s="1"/>
  <c r="A36714" i="1" s="1"/>
  <c r="A36715" i="1" s="1"/>
  <c r="A36716" i="1" s="1"/>
  <c r="A36717" i="1" s="1"/>
  <c r="A36718" i="1" s="1"/>
  <c r="A36719" i="1" s="1"/>
  <c r="A36720" i="1" s="1"/>
  <c r="A36721" i="1" s="1"/>
  <c r="A36722" i="1" s="1"/>
  <c r="A36723" i="1" s="1"/>
  <c r="A36724" i="1" s="1"/>
  <c r="A36725" i="1" s="1"/>
  <c r="A36726" i="1" s="1"/>
  <c r="A36727" i="1" s="1"/>
  <c r="A36728" i="1" s="1"/>
  <c r="A36729" i="1" s="1"/>
  <c r="A36730" i="1" s="1"/>
  <c r="A36731" i="1" s="1"/>
  <c r="A36732" i="1" s="1"/>
  <c r="A36733" i="1" s="1"/>
  <c r="A36734" i="1" s="1"/>
  <c r="A36735" i="1" s="1"/>
  <c r="A36736" i="1" s="1"/>
  <c r="A36737" i="1" s="1"/>
  <c r="A36738" i="1" s="1"/>
  <c r="A36739" i="1" s="1"/>
  <c r="A36740" i="1" s="1"/>
  <c r="A36741" i="1" s="1"/>
  <c r="A36742" i="1" s="1"/>
  <c r="A36743" i="1" s="1"/>
  <c r="A36744" i="1" s="1"/>
  <c r="A36745" i="1" s="1"/>
  <c r="A36746" i="1" s="1"/>
  <c r="A36747" i="1" s="1"/>
  <c r="A36748" i="1" s="1"/>
  <c r="A36749" i="1" s="1"/>
  <c r="A36750" i="1" s="1"/>
  <c r="A36751" i="1" s="1"/>
  <c r="A36752" i="1" s="1"/>
  <c r="A36753" i="1" s="1"/>
  <c r="A36754" i="1" s="1"/>
  <c r="A36755" i="1" s="1"/>
  <c r="A36756" i="1" s="1"/>
  <c r="A36757" i="1" s="1"/>
  <c r="A36758" i="1" s="1"/>
  <c r="A36759" i="1" s="1"/>
  <c r="A36760" i="1" s="1"/>
  <c r="A36761" i="1" s="1"/>
  <c r="A36762" i="1" s="1"/>
  <c r="A36763" i="1" s="1"/>
  <c r="A36764" i="1" s="1"/>
  <c r="A36765" i="1" s="1"/>
  <c r="A36766" i="1" s="1"/>
  <c r="A36767" i="1" s="1"/>
  <c r="A36768" i="1" s="1"/>
  <c r="A36769" i="1" s="1"/>
  <c r="A36770" i="1" s="1"/>
  <c r="A36771" i="1" s="1"/>
  <c r="A36772" i="1" s="1"/>
  <c r="A36773" i="1" s="1"/>
  <c r="A36774" i="1" s="1"/>
  <c r="A36775" i="1" s="1"/>
  <c r="A36776" i="1" s="1"/>
  <c r="A36777" i="1" s="1"/>
  <c r="A36778" i="1" s="1"/>
  <c r="A36779" i="1" s="1"/>
  <c r="A36780" i="1" s="1"/>
  <c r="A36781" i="1" s="1"/>
  <c r="A36782" i="1" s="1"/>
  <c r="A36783" i="1" s="1"/>
  <c r="A36784" i="1" s="1"/>
  <c r="A36785" i="1" s="1"/>
  <c r="A36786" i="1" s="1"/>
  <c r="A36787" i="1" s="1"/>
  <c r="A36788" i="1" s="1"/>
  <c r="A36789" i="1" s="1"/>
  <c r="A36790" i="1" s="1"/>
  <c r="A36791" i="1" s="1"/>
  <c r="A36792" i="1" s="1"/>
  <c r="A36793" i="1" s="1"/>
  <c r="A36794" i="1" s="1"/>
  <c r="A36795" i="1" s="1"/>
  <c r="A36796" i="1" s="1"/>
  <c r="A36797" i="1" s="1"/>
  <c r="A36798" i="1" s="1"/>
  <c r="A36799" i="1" s="1"/>
  <c r="A36800" i="1" s="1"/>
  <c r="A36801" i="1" s="1"/>
  <c r="A36802" i="1" s="1"/>
  <c r="A36803" i="1" s="1"/>
  <c r="A36804" i="1" s="1"/>
  <c r="A36805" i="1" s="1"/>
  <c r="A36806" i="1" s="1"/>
  <c r="A36807" i="1" s="1"/>
  <c r="A36808" i="1" s="1"/>
  <c r="A36809" i="1" s="1"/>
  <c r="A36810" i="1" s="1"/>
  <c r="A36811" i="1" s="1"/>
  <c r="A36812" i="1" s="1"/>
  <c r="A36813" i="1" s="1"/>
  <c r="A36814" i="1" s="1"/>
  <c r="A36815" i="1" s="1"/>
  <c r="A36816" i="1" s="1"/>
  <c r="A36817" i="1" s="1"/>
  <c r="A36818" i="1" s="1"/>
  <c r="A36819" i="1" s="1"/>
  <c r="A36820" i="1" s="1"/>
  <c r="A36821" i="1" s="1"/>
  <c r="A36822" i="1" s="1"/>
  <c r="A36823" i="1" s="1"/>
  <c r="A36824" i="1" s="1"/>
  <c r="A36825" i="1" s="1"/>
  <c r="A36826" i="1" s="1"/>
  <c r="A36827" i="1" s="1"/>
  <c r="A36828" i="1" s="1"/>
  <c r="A36829" i="1" s="1"/>
  <c r="A36830" i="1" s="1"/>
  <c r="A36831" i="1" s="1"/>
  <c r="A36832" i="1" s="1"/>
  <c r="A36833" i="1" s="1"/>
  <c r="A36834" i="1" s="1"/>
  <c r="A36835" i="1" s="1"/>
  <c r="A36836" i="1" s="1"/>
  <c r="A36837" i="1" s="1"/>
  <c r="A36838" i="1" s="1"/>
  <c r="A36839" i="1" s="1"/>
  <c r="A36840" i="1" s="1"/>
  <c r="A36841" i="1" s="1"/>
  <c r="A36842" i="1" s="1"/>
  <c r="A36843" i="1" s="1"/>
  <c r="A36844" i="1" s="1"/>
  <c r="A36845" i="1" s="1"/>
  <c r="A36846" i="1" s="1"/>
  <c r="A36847" i="1" s="1"/>
  <c r="A36848" i="1" s="1"/>
  <c r="A36849" i="1" s="1"/>
  <c r="A36850" i="1" s="1"/>
  <c r="A36851" i="1" s="1"/>
  <c r="A36852" i="1" s="1"/>
  <c r="A36853" i="1" s="1"/>
  <c r="A36854" i="1" s="1"/>
  <c r="A36855" i="1" s="1"/>
  <c r="A36856" i="1" s="1"/>
  <c r="A36857" i="1" s="1"/>
  <c r="A36858" i="1" s="1"/>
  <c r="A36859" i="1" s="1"/>
  <c r="A36860" i="1" s="1"/>
  <c r="A36861" i="1" s="1"/>
  <c r="A36862" i="1" s="1"/>
  <c r="A36863" i="1" s="1"/>
  <c r="A36864" i="1" s="1"/>
  <c r="A36865" i="1" s="1"/>
  <c r="A36866" i="1" s="1"/>
  <c r="A36867" i="1" s="1"/>
  <c r="A36868" i="1" s="1"/>
  <c r="A36869" i="1" s="1"/>
  <c r="A36870" i="1" s="1"/>
  <c r="A36871" i="1" s="1"/>
  <c r="A36872" i="1" s="1"/>
  <c r="A36873" i="1" s="1"/>
  <c r="A36874" i="1" s="1"/>
  <c r="A36875" i="1" s="1"/>
  <c r="A36876" i="1" s="1"/>
  <c r="A36877" i="1" s="1"/>
  <c r="A36878" i="1" s="1"/>
  <c r="A36879" i="1" s="1"/>
  <c r="A36880" i="1" s="1"/>
  <c r="A36881" i="1" s="1"/>
  <c r="A36882" i="1" s="1"/>
  <c r="A36883" i="1" s="1"/>
  <c r="A36884" i="1" s="1"/>
  <c r="A36885" i="1" s="1"/>
  <c r="A36886" i="1" s="1"/>
  <c r="A36887" i="1" s="1"/>
  <c r="A36888" i="1" s="1"/>
  <c r="A36889" i="1" s="1"/>
  <c r="A36890" i="1" s="1"/>
  <c r="A36891" i="1" s="1"/>
  <c r="A36892" i="1" s="1"/>
  <c r="A36893" i="1" s="1"/>
  <c r="A36894" i="1" s="1"/>
  <c r="A36895" i="1" s="1"/>
  <c r="A36896" i="1" s="1"/>
  <c r="A36897" i="1" s="1"/>
  <c r="A36898" i="1" s="1"/>
  <c r="A36899" i="1" s="1"/>
  <c r="A36900" i="1" s="1"/>
  <c r="A36901" i="1" s="1"/>
  <c r="A36902" i="1" s="1"/>
  <c r="A36903" i="1" s="1"/>
  <c r="A36904" i="1" s="1"/>
  <c r="A36905" i="1" s="1"/>
  <c r="A36906" i="1" s="1"/>
  <c r="A36907" i="1" s="1"/>
  <c r="A36908" i="1" s="1"/>
  <c r="A36909" i="1" s="1"/>
  <c r="A36910" i="1" s="1"/>
  <c r="A36911" i="1" s="1"/>
  <c r="A36912" i="1" s="1"/>
  <c r="A36913" i="1" s="1"/>
  <c r="A36914" i="1" s="1"/>
  <c r="A36915" i="1" s="1"/>
  <c r="A36916" i="1" s="1"/>
  <c r="A36917" i="1" s="1"/>
  <c r="A36918" i="1" s="1"/>
  <c r="A36919" i="1" s="1"/>
  <c r="A36920" i="1" s="1"/>
  <c r="A36921" i="1" s="1"/>
  <c r="A36922" i="1" s="1"/>
  <c r="A36923" i="1" s="1"/>
  <c r="A36924" i="1" s="1"/>
  <c r="A36925" i="1" s="1"/>
  <c r="A36926" i="1" s="1"/>
  <c r="A36927" i="1" s="1"/>
  <c r="A36928" i="1" s="1"/>
  <c r="A36929" i="1" s="1"/>
  <c r="A36930" i="1" s="1"/>
  <c r="A36931" i="1" s="1"/>
  <c r="A36932" i="1" s="1"/>
  <c r="A36933" i="1" s="1"/>
  <c r="A36934" i="1" s="1"/>
  <c r="A36935" i="1" s="1"/>
  <c r="A36936" i="1" s="1"/>
  <c r="A36937" i="1" s="1"/>
  <c r="A36938" i="1" s="1"/>
  <c r="A36939" i="1" s="1"/>
  <c r="A36940" i="1" s="1"/>
  <c r="A36941" i="1" s="1"/>
  <c r="A36942" i="1" s="1"/>
  <c r="A36943" i="1" s="1"/>
  <c r="A36944" i="1" s="1"/>
  <c r="A36945" i="1" s="1"/>
  <c r="A36946" i="1" s="1"/>
  <c r="A36947" i="1" s="1"/>
  <c r="A36948" i="1" s="1"/>
  <c r="A36949" i="1" s="1"/>
  <c r="A36950" i="1" s="1"/>
  <c r="A36951" i="1" s="1"/>
  <c r="A36952" i="1" s="1"/>
  <c r="A36953" i="1" s="1"/>
  <c r="A36954" i="1" s="1"/>
  <c r="A36955" i="1" s="1"/>
  <c r="A36956" i="1" s="1"/>
  <c r="A36957" i="1" s="1"/>
  <c r="A36958" i="1" s="1"/>
  <c r="A36959" i="1" s="1"/>
  <c r="A36960" i="1" s="1"/>
  <c r="A36961" i="1" s="1"/>
  <c r="A36962" i="1" s="1"/>
  <c r="A36963" i="1" s="1"/>
  <c r="A36964" i="1" s="1"/>
  <c r="A36965" i="1" s="1"/>
  <c r="A36966" i="1" s="1"/>
  <c r="A36967" i="1" s="1"/>
  <c r="A36968" i="1" s="1"/>
  <c r="A36969" i="1" s="1"/>
  <c r="A36970" i="1" s="1"/>
  <c r="A36971" i="1" s="1"/>
  <c r="A36972" i="1" s="1"/>
  <c r="A36973" i="1" s="1"/>
  <c r="A36974" i="1" s="1"/>
  <c r="A36975" i="1" s="1"/>
  <c r="A36976" i="1" s="1"/>
  <c r="A36977" i="1" s="1"/>
  <c r="A36978" i="1" s="1"/>
  <c r="A36979" i="1" s="1"/>
  <c r="A36980" i="1" s="1"/>
  <c r="A36981" i="1" s="1"/>
  <c r="A36982" i="1" s="1"/>
  <c r="A36983" i="1" s="1"/>
  <c r="A36984" i="1" s="1"/>
  <c r="A36985" i="1" s="1"/>
  <c r="A36986" i="1" s="1"/>
  <c r="A36987" i="1" s="1"/>
  <c r="A36988" i="1" s="1"/>
  <c r="A36989" i="1" s="1"/>
  <c r="A36990" i="1" s="1"/>
  <c r="A36991" i="1" s="1"/>
  <c r="A36992" i="1" s="1"/>
  <c r="A36993" i="1" s="1"/>
  <c r="A36994" i="1" s="1"/>
  <c r="A36995" i="1" s="1"/>
  <c r="A36996" i="1" s="1"/>
  <c r="A36997" i="1" s="1"/>
  <c r="A36998" i="1" s="1"/>
  <c r="A36999" i="1" s="1"/>
  <c r="A37000" i="1" s="1"/>
  <c r="A37001" i="1" s="1"/>
  <c r="A37002" i="1" s="1"/>
  <c r="A37003" i="1" s="1"/>
  <c r="A37004" i="1" s="1"/>
  <c r="A37005" i="1" s="1"/>
  <c r="A37006" i="1" s="1"/>
  <c r="A37007" i="1" s="1"/>
  <c r="A37008" i="1" s="1"/>
  <c r="A37009" i="1" s="1"/>
  <c r="A37010" i="1" s="1"/>
  <c r="A37011" i="1" s="1"/>
  <c r="A37012" i="1" s="1"/>
  <c r="A37013" i="1" s="1"/>
  <c r="A37014" i="1" s="1"/>
  <c r="A37015" i="1" s="1"/>
  <c r="A37016" i="1" s="1"/>
  <c r="A37017" i="1" s="1"/>
  <c r="A37018" i="1" s="1"/>
  <c r="A37019" i="1" s="1"/>
  <c r="A37020" i="1" s="1"/>
  <c r="A37021" i="1" s="1"/>
  <c r="A37022" i="1" s="1"/>
  <c r="A37023" i="1" s="1"/>
  <c r="A37024" i="1" s="1"/>
  <c r="A37025" i="1" s="1"/>
  <c r="A37026" i="1" s="1"/>
  <c r="A37027" i="1" s="1"/>
  <c r="A37028" i="1" s="1"/>
  <c r="A37029" i="1" s="1"/>
  <c r="A37030" i="1" s="1"/>
  <c r="A37031" i="1" s="1"/>
  <c r="A37032" i="1" s="1"/>
  <c r="A37033" i="1" s="1"/>
  <c r="A37034" i="1" s="1"/>
  <c r="A37035" i="1" s="1"/>
  <c r="A37036" i="1" s="1"/>
  <c r="A37037" i="1" s="1"/>
  <c r="A37038" i="1" s="1"/>
  <c r="A37039" i="1" s="1"/>
  <c r="A37040" i="1" s="1"/>
  <c r="A37041" i="1" s="1"/>
  <c r="A37042" i="1" s="1"/>
  <c r="A37043" i="1" s="1"/>
  <c r="A37044" i="1" s="1"/>
  <c r="A37045" i="1" s="1"/>
  <c r="A37046" i="1" s="1"/>
  <c r="A37047" i="1" s="1"/>
  <c r="A37048" i="1" s="1"/>
  <c r="A37049" i="1" s="1"/>
  <c r="A37050" i="1" s="1"/>
  <c r="A37051" i="1" s="1"/>
  <c r="A37052" i="1" s="1"/>
  <c r="A37053" i="1" s="1"/>
  <c r="A37054" i="1" s="1"/>
  <c r="A37055" i="1" s="1"/>
  <c r="A37056" i="1" s="1"/>
  <c r="A37057" i="1" s="1"/>
  <c r="A37058" i="1" s="1"/>
  <c r="A37059" i="1" s="1"/>
  <c r="A37060" i="1" s="1"/>
  <c r="A37061" i="1" s="1"/>
  <c r="A37062" i="1" s="1"/>
  <c r="A37063" i="1" s="1"/>
  <c r="A37064" i="1" s="1"/>
  <c r="A37065" i="1" s="1"/>
  <c r="A37066" i="1" s="1"/>
  <c r="A37067" i="1" s="1"/>
  <c r="A37068" i="1" s="1"/>
  <c r="A37069" i="1" s="1"/>
  <c r="A37070" i="1" s="1"/>
  <c r="A37071" i="1" s="1"/>
  <c r="A37072" i="1" s="1"/>
  <c r="A37073" i="1" s="1"/>
  <c r="A37074" i="1" s="1"/>
  <c r="A37075" i="1" s="1"/>
  <c r="A37076" i="1" s="1"/>
  <c r="A37077" i="1" s="1"/>
  <c r="A37078" i="1" s="1"/>
  <c r="A37079" i="1" s="1"/>
  <c r="A37080" i="1" s="1"/>
  <c r="A37081" i="1" s="1"/>
  <c r="A37082" i="1" s="1"/>
  <c r="A37083" i="1" s="1"/>
  <c r="A37084" i="1" s="1"/>
  <c r="A37085" i="1" s="1"/>
  <c r="A37086" i="1" s="1"/>
  <c r="A37087" i="1" s="1"/>
  <c r="A37088" i="1" s="1"/>
  <c r="A37089" i="1" s="1"/>
  <c r="A37090" i="1" s="1"/>
  <c r="A37091" i="1" s="1"/>
  <c r="A37092" i="1" s="1"/>
  <c r="A37093" i="1" s="1"/>
  <c r="A37094" i="1" s="1"/>
  <c r="A37095" i="1" s="1"/>
  <c r="A37096" i="1" s="1"/>
  <c r="A37097" i="1" s="1"/>
  <c r="A37098" i="1" s="1"/>
  <c r="A37099" i="1" s="1"/>
  <c r="A37100" i="1" s="1"/>
  <c r="A37101" i="1" s="1"/>
  <c r="A37102" i="1" s="1"/>
  <c r="A37103" i="1" s="1"/>
  <c r="A37104" i="1" s="1"/>
  <c r="A37105" i="1" s="1"/>
  <c r="A37106" i="1" s="1"/>
  <c r="A37107" i="1" s="1"/>
  <c r="A37108" i="1" s="1"/>
  <c r="A37109" i="1" s="1"/>
  <c r="A37110" i="1" s="1"/>
  <c r="A37111" i="1" s="1"/>
  <c r="A37112" i="1" s="1"/>
  <c r="A37113" i="1" s="1"/>
  <c r="A37114" i="1" s="1"/>
  <c r="A37115" i="1" s="1"/>
  <c r="A37116" i="1" s="1"/>
  <c r="A37117" i="1" s="1"/>
  <c r="A37118" i="1" s="1"/>
  <c r="A37119" i="1" s="1"/>
  <c r="A37120" i="1" s="1"/>
  <c r="A37121" i="1" s="1"/>
  <c r="A37122" i="1" s="1"/>
  <c r="A37123" i="1" s="1"/>
  <c r="A37124" i="1" s="1"/>
  <c r="A37125" i="1" s="1"/>
  <c r="A37126" i="1" s="1"/>
  <c r="A37127" i="1" s="1"/>
  <c r="A37128" i="1" s="1"/>
  <c r="A37129" i="1" s="1"/>
  <c r="A37130" i="1" s="1"/>
  <c r="A37131" i="1" s="1"/>
  <c r="A37132" i="1" s="1"/>
  <c r="A37133" i="1" s="1"/>
  <c r="A37134" i="1" s="1"/>
  <c r="A37135" i="1" s="1"/>
  <c r="A37136" i="1" s="1"/>
  <c r="A37137" i="1" s="1"/>
  <c r="A37138" i="1" s="1"/>
  <c r="A37139" i="1" s="1"/>
  <c r="A37140" i="1" s="1"/>
  <c r="A37141" i="1" s="1"/>
  <c r="A37142" i="1" s="1"/>
  <c r="A37143" i="1" s="1"/>
  <c r="A37144" i="1" s="1"/>
  <c r="A37145" i="1" s="1"/>
  <c r="A37146" i="1" s="1"/>
  <c r="A37147" i="1" s="1"/>
  <c r="A37148" i="1" s="1"/>
  <c r="A37149" i="1" s="1"/>
  <c r="A37150" i="1" s="1"/>
  <c r="A37151" i="1" s="1"/>
  <c r="A37152" i="1" s="1"/>
  <c r="A37153" i="1" s="1"/>
  <c r="A37154" i="1" s="1"/>
  <c r="A37155" i="1" s="1"/>
  <c r="A37156" i="1" s="1"/>
  <c r="A37157" i="1" s="1"/>
  <c r="A37158" i="1" s="1"/>
  <c r="A37159" i="1" s="1"/>
  <c r="A37160" i="1" s="1"/>
  <c r="A37161" i="1" s="1"/>
  <c r="A37162" i="1" s="1"/>
  <c r="A37163" i="1" s="1"/>
  <c r="A37164" i="1" s="1"/>
  <c r="A37165" i="1" s="1"/>
  <c r="A37166" i="1" s="1"/>
  <c r="A37167" i="1" s="1"/>
  <c r="A37168" i="1" s="1"/>
  <c r="A37169" i="1" s="1"/>
  <c r="A37170" i="1" s="1"/>
  <c r="A37171" i="1" s="1"/>
  <c r="A37172" i="1" s="1"/>
  <c r="A37173" i="1" s="1"/>
  <c r="A37174" i="1" s="1"/>
  <c r="A37175" i="1" s="1"/>
  <c r="A37176" i="1" s="1"/>
  <c r="A37177" i="1" s="1"/>
  <c r="A37178" i="1" s="1"/>
  <c r="A37179" i="1" s="1"/>
  <c r="A37180" i="1" s="1"/>
  <c r="A37181" i="1" s="1"/>
  <c r="A37182" i="1" s="1"/>
  <c r="A37183" i="1" s="1"/>
  <c r="A37184" i="1" s="1"/>
  <c r="A37185" i="1" s="1"/>
  <c r="A37186" i="1" s="1"/>
  <c r="A37187" i="1" s="1"/>
  <c r="A37188" i="1" s="1"/>
  <c r="A37189" i="1" s="1"/>
  <c r="A37190" i="1" s="1"/>
  <c r="A37191" i="1" s="1"/>
  <c r="A37192" i="1" s="1"/>
  <c r="A37193" i="1" s="1"/>
  <c r="A37194" i="1" s="1"/>
  <c r="A37195" i="1" s="1"/>
  <c r="A37196" i="1" s="1"/>
  <c r="A37197" i="1" s="1"/>
  <c r="A37198" i="1" s="1"/>
  <c r="A37199" i="1" s="1"/>
  <c r="A37200" i="1" s="1"/>
  <c r="A37201" i="1" s="1"/>
  <c r="A37202" i="1" s="1"/>
  <c r="A37203" i="1" s="1"/>
  <c r="A37204" i="1" s="1"/>
  <c r="A37205" i="1" s="1"/>
  <c r="A37206" i="1" s="1"/>
  <c r="A37207" i="1" s="1"/>
  <c r="A37208" i="1" s="1"/>
  <c r="A37209" i="1" s="1"/>
  <c r="A37210" i="1" s="1"/>
  <c r="A37211" i="1" s="1"/>
  <c r="A37212" i="1" s="1"/>
  <c r="A37213" i="1" s="1"/>
  <c r="A37214" i="1" s="1"/>
  <c r="A37215" i="1" s="1"/>
  <c r="A37216" i="1" s="1"/>
  <c r="A37217" i="1" s="1"/>
  <c r="A37218" i="1" s="1"/>
  <c r="A37219" i="1" s="1"/>
  <c r="A37220" i="1" s="1"/>
  <c r="A37221" i="1" s="1"/>
  <c r="A37222" i="1" s="1"/>
  <c r="A37223" i="1" s="1"/>
  <c r="A37224" i="1" s="1"/>
  <c r="A37225" i="1" s="1"/>
  <c r="A37226" i="1" s="1"/>
  <c r="A37227" i="1" s="1"/>
  <c r="A37228" i="1" s="1"/>
  <c r="A37229" i="1" s="1"/>
  <c r="A37230" i="1" s="1"/>
  <c r="A37231" i="1" s="1"/>
  <c r="A37232" i="1" s="1"/>
  <c r="A37233" i="1" s="1"/>
  <c r="A37234" i="1" s="1"/>
  <c r="A37235" i="1" s="1"/>
  <c r="A37236" i="1" s="1"/>
  <c r="A37237" i="1" s="1"/>
  <c r="A37238" i="1" s="1"/>
  <c r="A37239" i="1" s="1"/>
  <c r="A37240" i="1" s="1"/>
  <c r="A37241" i="1" s="1"/>
  <c r="A37242" i="1" s="1"/>
  <c r="A37243" i="1" s="1"/>
  <c r="A37244" i="1" s="1"/>
  <c r="A37245" i="1" s="1"/>
  <c r="A37246" i="1" s="1"/>
  <c r="A37247" i="1" s="1"/>
  <c r="A37248" i="1" s="1"/>
  <c r="A37249" i="1" s="1"/>
  <c r="A37250" i="1" s="1"/>
  <c r="A37251" i="1" s="1"/>
  <c r="A37252" i="1" s="1"/>
  <c r="A37253" i="1" s="1"/>
  <c r="A37254" i="1" s="1"/>
  <c r="A37255" i="1" s="1"/>
  <c r="A37256" i="1" s="1"/>
  <c r="A37257" i="1" s="1"/>
  <c r="A37258" i="1" s="1"/>
  <c r="A37259" i="1" s="1"/>
  <c r="A37260" i="1" s="1"/>
  <c r="A37261" i="1" s="1"/>
  <c r="A37262" i="1" s="1"/>
  <c r="A37263" i="1" s="1"/>
  <c r="A37264" i="1" s="1"/>
  <c r="A37265" i="1" s="1"/>
  <c r="A37266" i="1" s="1"/>
  <c r="A37267" i="1" s="1"/>
  <c r="A37268" i="1" s="1"/>
  <c r="A37269" i="1" s="1"/>
  <c r="A37270" i="1" s="1"/>
  <c r="A37271" i="1" s="1"/>
  <c r="A37272" i="1" s="1"/>
  <c r="A37273" i="1" s="1"/>
  <c r="A37274" i="1" s="1"/>
  <c r="A37275" i="1" s="1"/>
  <c r="A37276" i="1" s="1"/>
  <c r="A37277" i="1" s="1"/>
  <c r="A37278" i="1" s="1"/>
  <c r="A37279" i="1" s="1"/>
  <c r="A37280" i="1" s="1"/>
  <c r="A37281" i="1" s="1"/>
  <c r="A37282" i="1" s="1"/>
  <c r="A37283" i="1" s="1"/>
  <c r="A37284" i="1" s="1"/>
  <c r="A37285" i="1" s="1"/>
  <c r="A37286" i="1" s="1"/>
  <c r="A37287" i="1" s="1"/>
  <c r="A37288" i="1" s="1"/>
  <c r="A37289" i="1" s="1"/>
  <c r="A37290" i="1" s="1"/>
  <c r="A37291" i="1" s="1"/>
  <c r="A37292" i="1" s="1"/>
  <c r="A37293" i="1" s="1"/>
  <c r="A37294" i="1" s="1"/>
  <c r="A37295" i="1" s="1"/>
  <c r="A37296" i="1" s="1"/>
  <c r="A37297" i="1" s="1"/>
  <c r="A37298" i="1" s="1"/>
  <c r="A37299" i="1" s="1"/>
  <c r="A37300" i="1" s="1"/>
  <c r="A37301" i="1" s="1"/>
  <c r="A37302" i="1" s="1"/>
  <c r="A37303" i="1" s="1"/>
  <c r="A37304" i="1" s="1"/>
  <c r="A37305" i="1" s="1"/>
  <c r="A37306" i="1" s="1"/>
  <c r="A37307" i="1" s="1"/>
  <c r="A37308" i="1" s="1"/>
  <c r="A37309" i="1" s="1"/>
  <c r="A37310" i="1" s="1"/>
  <c r="A37311" i="1" s="1"/>
  <c r="A37312" i="1" s="1"/>
  <c r="A37313" i="1" s="1"/>
  <c r="A37314" i="1" s="1"/>
  <c r="A37315" i="1" s="1"/>
  <c r="A37316" i="1" s="1"/>
  <c r="A37317" i="1" s="1"/>
  <c r="A37318" i="1" s="1"/>
  <c r="A37319" i="1" s="1"/>
  <c r="A37320" i="1" s="1"/>
  <c r="A37321" i="1" s="1"/>
  <c r="A37322" i="1" s="1"/>
  <c r="A37323" i="1" s="1"/>
  <c r="A37324" i="1" s="1"/>
  <c r="A37325" i="1" s="1"/>
  <c r="A37326" i="1" s="1"/>
  <c r="A37327" i="1" s="1"/>
  <c r="A37328" i="1" s="1"/>
  <c r="A37329" i="1" s="1"/>
  <c r="A37330" i="1" s="1"/>
  <c r="A37331" i="1" s="1"/>
  <c r="A37332" i="1" s="1"/>
  <c r="A37333" i="1" s="1"/>
  <c r="A37334" i="1" s="1"/>
  <c r="A37335" i="1" s="1"/>
  <c r="A37336" i="1" s="1"/>
  <c r="A37337" i="1" s="1"/>
  <c r="A37338" i="1" s="1"/>
  <c r="A37339" i="1" s="1"/>
  <c r="A37340" i="1" s="1"/>
  <c r="A37341" i="1" s="1"/>
  <c r="A37342" i="1" s="1"/>
  <c r="A37343" i="1" s="1"/>
  <c r="A37344" i="1" s="1"/>
  <c r="A37345" i="1" s="1"/>
  <c r="A37346" i="1" s="1"/>
  <c r="A37347" i="1" s="1"/>
  <c r="A37348" i="1" s="1"/>
  <c r="A37349" i="1" s="1"/>
  <c r="A37350" i="1" s="1"/>
  <c r="A37351" i="1" s="1"/>
  <c r="A37352" i="1" s="1"/>
  <c r="A37353" i="1" s="1"/>
  <c r="A37354" i="1" s="1"/>
  <c r="A37355" i="1" s="1"/>
  <c r="A37356" i="1" s="1"/>
  <c r="A37357" i="1" s="1"/>
  <c r="A37358" i="1" s="1"/>
  <c r="A37359" i="1" s="1"/>
  <c r="A37360" i="1" s="1"/>
  <c r="A37361" i="1" s="1"/>
  <c r="A37362" i="1" s="1"/>
  <c r="A37363" i="1" s="1"/>
  <c r="A37364" i="1" s="1"/>
  <c r="A37365" i="1" s="1"/>
  <c r="A37366" i="1" s="1"/>
  <c r="A37367" i="1" s="1"/>
  <c r="A37368" i="1" s="1"/>
  <c r="A37369" i="1" s="1"/>
  <c r="A37370" i="1" s="1"/>
  <c r="A37371" i="1" s="1"/>
  <c r="A37372" i="1" s="1"/>
  <c r="A37373" i="1" s="1"/>
  <c r="A37374" i="1" s="1"/>
  <c r="A37375" i="1" s="1"/>
  <c r="A37376" i="1" s="1"/>
  <c r="A37377" i="1" s="1"/>
  <c r="A37378" i="1" s="1"/>
  <c r="A37379" i="1" s="1"/>
  <c r="A37380" i="1" s="1"/>
  <c r="A37381" i="1" s="1"/>
  <c r="A37382" i="1" s="1"/>
  <c r="A37383" i="1" s="1"/>
  <c r="A37384" i="1" s="1"/>
  <c r="A37385" i="1" s="1"/>
  <c r="A37386" i="1" s="1"/>
  <c r="A37387" i="1" s="1"/>
  <c r="A37388" i="1" s="1"/>
  <c r="A37389" i="1" s="1"/>
  <c r="A37390" i="1" s="1"/>
  <c r="A37391" i="1" s="1"/>
  <c r="A37392" i="1" s="1"/>
  <c r="A37393" i="1" s="1"/>
  <c r="A37394" i="1" s="1"/>
  <c r="A37395" i="1" s="1"/>
  <c r="A37396" i="1" s="1"/>
  <c r="A37397" i="1" s="1"/>
  <c r="A37398" i="1" s="1"/>
  <c r="A37399" i="1" s="1"/>
  <c r="A37400" i="1" s="1"/>
  <c r="A37401" i="1" s="1"/>
  <c r="A37402" i="1" s="1"/>
  <c r="A37403" i="1" s="1"/>
  <c r="A37404" i="1" s="1"/>
  <c r="A37405" i="1" s="1"/>
  <c r="A37406" i="1" s="1"/>
  <c r="A37407" i="1" s="1"/>
  <c r="A37408" i="1" s="1"/>
  <c r="A37409" i="1" s="1"/>
  <c r="A37410" i="1" s="1"/>
  <c r="A37411" i="1" s="1"/>
  <c r="A37412" i="1" s="1"/>
  <c r="A37413" i="1" s="1"/>
  <c r="A37414" i="1" s="1"/>
  <c r="A37415" i="1" s="1"/>
  <c r="A37416" i="1" s="1"/>
  <c r="A37417" i="1" s="1"/>
  <c r="A37418" i="1" s="1"/>
  <c r="A37419" i="1" s="1"/>
  <c r="A37420" i="1" s="1"/>
  <c r="A37421" i="1" s="1"/>
  <c r="A37422" i="1" s="1"/>
  <c r="A37423" i="1" s="1"/>
  <c r="A37424" i="1" s="1"/>
  <c r="A37425" i="1" s="1"/>
  <c r="A37426" i="1" s="1"/>
  <c r="A37427" i="1" s="1"/>
  <c r="A37428" i="1" s="1"/>
  <c r="A37429" i="1" s="1"/>
  <c r="A37430" i="1" s="1"/>
  <c r="A37431" i="1" s="1"/>
  <c r="A37432" i="1" s="1"/>
  <c r="A37433" i="1" s="1"/>
  <c r="A37434" i="1" s="1"/>
  <c r="A37435" i="1" s="1"/>
  <c r="A37436" i="1" s="1"/>
  <c r="A37437" i="1" s="1"/>
  <c r="A37438" i="1" s="1"/>
  <c r="A37439" i="1" s="1"/>
  <c r="A37440" i="1" s="1"/>
  <c r="A37441" i="1" s="1"/>
  <c r="A37442" i="1" s="1"/>
  <c r="A37443" i="1" s="1"/>
  <c r="A37444" i="1" s="1"/>
  <c r="A37445" i="1" s="1"/>
  <c r="A37446" i="1" s="1"/>
  <c r="A37447" i="1" s="1"/>
  <c r="A37448" i="1" s="1"/>
  <c r="A37449" i="1" s="1"/>
  <c r="A37450" i="1" s="1"/>
  <c r="A37451" i="1" s="1"/>
  <c r="A37452" i="1" s="1"/>
  <c r="A37453" i="1" s="1"/>
  <c r="A37454" i="1" s="1"/>
  <c r="A37455" i="1" s="1"/>
  <c r="A37456" i="1" s="1"/>
  <c r="A37457" i="1" s="1"/>
  <c r="A37458" i="1" s="1"/>
  <c r="A37459" i="1" s="1"/>
  <c r="A37460" i="1" s="1"/>
  <c r="A37461" i="1" s="1"/>
  <c r="A37462" i="1" s="1"/>
  <c r="A37463" i="1" s="1"/>
  <c r="A37464" i="1" s="1"/>
  <c r="A37465" i="1" s="1"/>
  <c r="A37466" i="1" s="1"/>
  <c r="A37467" i="1" s="1"/>
  <c r="A37468" i="1" s="1"/>
  <c r="A37469" i="1" s="1"/>
  <c r="A37470" i="1" s="1"/>
  <c r="A37471" i="1" s="1"/>
  <c r="A37472" i="1" s="1"/>
  <c r="A37473" i="1" s="1"/>
  <c r="A37474" i="1" s="1"/>
  <c r="A37475" i="1" s="1"/>
  <c r="A37476" i="1" s="1"/>
  <c r="A37477" i="1" s="1"/>
  <c r="A37478" i="1" s="1"/>
  <c r="A37479" i="1" s="1"/>
  <c r="A37480" i="1" s="1"/>
  <c r="A37481" i="1" s="1"/>
  <c r="A37482" i="1" s="1"/>
  <c r="A37483" i="1" s="1"/>
  <c r="A37484" i="1" s="1"/>
  <c r="A37485" i="1" s="1"/>
  <c r="A37486" i="1" s="1"/>
  <c r="A37487" i="1" s="1"/>
  <c r="A37488" i="1" s="1"/>
  <c r="A37489" i="1" s="1"/>
  <c r="A37490" i="1" s="1"/>
  <c r="A37491" i="1" s="1"/>
  <c r="A37492" i="1" s="1"/>
  <c r="A37493" i="1" s="1"/>
  <c r="A37494" i="1" s="1"/>
  <c r="A37495" i="1" s="1"/>
  <c r="A37496" i="1" s="1"/>
  <c r="A37497" i="1" s="1"/>
  <c r="A37498" i="1" s="1"/>
  <c r="A37499" i="1" s="1"/>
  <c r="A37500" i="1" s="1"/>
  <c r="A37501" i="1" s="1"/>
  <c r="A37502" i="1" s="1"/>
  <c r="A37503" i="1" s="1"/>
  <c r="A37504" i="1" s="1"/>
  <c r="A37505" i="1" s="1"/>
  <c r="A37506" i="1" s="1"/>
  <c r="A37507" i="1" s="1"/>
  <c r="A37508" i="1" s="1"/>
  <c r="A37509" i="1" s="1"/>
  <c r="A37510" i="1" s="1"/>
  <c r="A37511" i="1" s="1"/>
  <c r="A37512" i="1" s="1"/>
  <c r="A37513" i="1" s="1"/>
  <c r="A37514" i="1" s="1"/>
  <c r="A37515" i="1" s="1"/>
  <c r="A37516" i="1" s="1"/>
  <c r="A37517" i="1" s="1"/>
  <c r="A37518" i="1" s="1"/>
  <c r="A37519" i="1" s="1"/>
  <c r="A37520" i="1" s="1"/>
  <c r="A37521" i="1" s="1"/>
  <c r="A37522" i="1" s="1"/>
  <c r="A37523" i="1" s="1"/>
  <c r="A37524" i="1" s="1"/>
  <c r="A37525" i="1" s="1"/>
  <c r="A37526" i="1" s="1"/>
  <c r="A37527" i="1" s="1"/>
  <c r="A37528" i="1" s="1"/>
  <c r="A37529" i="1" s="1"/>
  <c r="A37530" i="1" s="1"/>
  <c r="A37531" i="1" s="1"/>
  <c r="A37532" i="1" s="1"/>
  <c r="A37533" i="1" s="1"/>
  <c r="A37534" i="1" s="1"/>
  <c r="A37535" i="1" s="1"/>
  <c r="A37536" i="1" s="1"/>
  <c r="A37537" i="1" s="1"/>
  <c r="A37538" i="1" s="1"/>
  <c r="A37539" i="1" s="1"/>
  <c r="A37540" i="1" s="1"/>
  <c r="A37541" i="1" s="1"/>
  <c r="A37542" i="1" s="1"/>
  <c r="A37543" i="1" s="1"/>
  <c r="A37544" i="1" s="1"/>
  <c r="A37545" i="1" s="1"/>
  <c r="A37546" i="1" s="1"/>
  <c r="A37547" i="1" s="1"/>
  <c r="A37548" i="1" s="1"/>
  <c r="A37549" i="1" s="1"/>
  <c r="A37550" i="1" s="1"/>
  <c r="A37551" i="1" s="1"/>
  <c r="A37552" i="1" s="1"/>
  <c r="A37553" i="1" s="1"/>
  <c r="A37554" i="1" s="1"/>
  <c r="A37555" i="1" s="1"/>
  <c r="A37556" i="1" s="1"/>
  <c r="A37557" i="1" s="1"/>
  <c r="A37558" i="1" s="1"/>
  <c r="A37559" i="1" s="1"/>
  <c r="A37560" i="1" s="1"/>
  <c r="A37561" i="1" s="1"/>
  <c r="A37562" i="1" s="1"/>
  <c r="A37563" i="1" s="1"/>
  <c r="A37564" i="1" s="1"/>
  <c r="A37565" i="1" s="1"/>
  <c r="A37566" i="1" s="1"/>
  <c r="A37567" i="1" s="1"/>
  <c r="A37568" i="1" s="1"/>
  <c r="A37569" i="1" s="1"/>
  <c r="A37570" i="1" s="1"/>
  <c r="A37571" i="1" s="1"/>
  <c r="A37572" i="1" s="1"/>
  <c r="A37573" i="1" s="1"/>
  <c r="A37574" i="1" s="1"/>
  <c r="A37575" i="1" s="1"/>
  <c r="A37576" i="1" s="1"/>
  <c r="A37577" i="1" s="1"/>
  <c r="A37578" i="1" s="1"/>
  <c r="A37579" i="1" s="1"/>
  <c r="A37580" i="1" s="1"/>
  <c r="A37581" i="1" s="1"/>
  <c r="A37582" i="1" s="1"/>
  <c r="A37583" i="1" s="1"/>
  <c r="A37584" i="1" s="1"/>
  <c r="A37585" i="1" s="1"/>
  <c r="A37586" i="1" s="1"/>
  <c r="A37587" i="1" s="1"/>
  <c r="A37588" i="1" s="1"/>
  <c r="A37589" i="1" s="1"/>
  <c r="A37590" i="1" s="1"/>
  <c r="A37591" i="1" s="1"/>
  <c r="A37592" i="1" s="1"/>
  <c r="A37593" i="1" s="1"/>
  <c r="A37594" i="1" s="1"/>
  <c r="A37595" i="1" s="1"/>
  <c r="A37596" i="1" s="1"/>
  <c r="A37597" i="1" s="1"/>
  <c r="A37598" i="1" s="1"/>
  <c r="A37599" i="1" s="1"/>
  <c r="A37600" i="1" s="1"/>
  <c r="A37601" i="1" s="1"/>
  <c r="A37602" i="1" s="1"/>
  <c r="A37603" i="1" s="1"/>
  <c r="A37604" i="1" s="1"/>
  <c r="A37605" i="1" s="1"/>
  <c r="A37606" i="1" s="1"/>
  <c r="A37607" i="1" s="1"/>
  <c r="A37608" i="1" s="1"/>
  <c r="A37609" i="1" s="1"/>
  <c r="A37610" i="1" s="1"/>
  <c r="A37611" i="1" s="1"/>
  <c r="A37612" i="1" s="1"/>
  <c r="A37613" i="1" s="1"/>
  <c r="A37614" i="1" s="1"/>
  <c r="A37615" i="1" s="1"/>
  <c r="A37616" i="1" s="1"/>
  <c r="A37617" i="1" s="1"/>
  <c r="A37618" i="1" s="1"/>
  <c r="A37619" i="1" s="1"/>
  <c r="A37620" i="1" s="1"/>
  <c r="A37621" i="1" s="1"/>
  <c r="A37622" i="1" s="1"/>
  <c r="A37623" i="1" s="1"/>
  <c r="A37624" i="1" s="1"/>
  <c r="A37625" i="1" s="1"/>
  <c r="A37626" i="1" s="1"/>
  <c r="A37627" i="1" s="1"/>
  <c r="A37628" i="1" s="1"/>
  <c r="A37629" i="1" s="1"/>
  <c r="A37630" i="1" s="1"/>
  <c r="A37631" i="1" s="1"/>
  <c r="A37632" i="1" s="1"/>
  <c r="A37633" i="1" s="1"/>
  <c r="A37634" i="1" s="1"/>
  <c r="A37635" i="1" s="1"/>
  <c r="A37636" i="1" s="1"/>
  <c r="A37637" i="1" s="1"/>
  <c r="A37638" i="1" s="1"/>
  <c r="A37639" i="1" s="1"/>
  <c r="A37640" i="1" s="1"/>
  <c r="A37641" i="1" s="1"/>
  <c r="A37642" i="1" s="1"/>
  <c r="A37643" i="1" s="1"/>
  <c r="A37644" i="1" s="1"/>
  <c r="A37645" i="1" s="1"/>
  <c r="A37646" i="1" s="1"/>
  <c r="A37647" i="1" s="1"/>
  <c r="A37648" i="1" s="1"/>
  <c r="A37649" i="1" s="1"/>
  <c r="A37650" i="1" s="1"/>
  <c r="A37651" i="1" s="1"/>
  <c r="A37652" i="1" s="1"/>
  <c r="A37653" i="1" s="1"/>
  <c r="A37654" i="1" s="1"/>
  <c r="A37655" i="1" s="1"/>
  <c r="A37656" i="1" s="1"/>
  <c r="A37657" i="1" s="1"/>
  <c r="A37658" i="1" s="1"/>
  <c r="A37659" i="1" s="1"/>
  <c r="A37660" i="1" s="1"/>
  <c r="A37661" i="1" s="1"/>
  <c r="A37662" i="1" s="1"/>
  <c r="A37663" i="1" s="1"/>
  <c r="A37664" i="1" s="1"/>
  <c r="A37665" i="1" s="1"/>
  <c r="A37666" i="1" s="1"/>
  <c r="A37667" i="1" s="1"/>
  <c r="A37668" i="1" s="1"/>
  <c r="A37669" i="1" s="1"/>
  <c r="A37670" i="1" s="1"/>
  <c r="A37671" i="1" s="1"/>
  <c r="A37672" i="1" s="1"/>
  <c r="A37673" i="1" s="1"/>
  <c r="A37674" i="1" s="1"/>
  <c r="A37675" i="1" s="1"/>
  <c r="A37676" i="1" s="1"/>
  <c r="A37677" i="1" s="1"/>
  <c r="A37678" i="1" s="1"/>
  <c r="A37679" i="1" s="1"/>
  <c r="A37680" i="1" s="1"/>
  <c r="A37681" i="1" s="1"/>
  <c r="A37682" i="1" s="1"/>
  <c r="A37683" i="1" s="1"/>
  <c r="A37684" i="1" s="1"/>
  <c r="A37685" i="1" s="1"/>
  <c r="A37686" i="1" s="1"/>
  <c r="A37687" i="1" s="1"/>
  <c r="A37688" i="1" s="1"/>
  <c r="A37689" i="1" s="1"/>
  <c r="A37690" i="1" s="1"/>
  <c r="A37691" i="1" s="1"/>
  <c r="A37692" i="1" s="1"/>
  <c r="A37693" i="1" s="1"/>
  <c r="A37694" i="1" s="1"/>
  <c r="A37695" i="1" s="1"/>
  <c r="A37696" i="1" s="1"/>
  <c r="A37697" i="1" s="1"/>
  <c r="A37698" i="1" s="1"/>
  <c r="A37699" i="1" s="1"/>
  <c r="A37700" i="1" s="1"/>
  <c r="A37701" i="1" s="1"/>
  <c r="A37702" i="1" s="1"/>
  <c r="A37703" i="1" s="1"/>
  <c r="A37704" i="1" s="1"/>
  <c r="A37705" i="1" s="1"/>
  <c r="A37706" i="1" s="1"/>
  <c r="A37707" i="1" s="1"/>
  <c r="A37708" i="1" s="1"/>
  <c r="A37709" i="1" s="1"/>
  <c r="A37710" i="1" s="1"/>
  <c r="A37711" i="1" s="1"/>
  <c r="A37712" i="1" s="1"/>
  <c r="A37713" i="1" s="1"/>
  <c r="A37714" i="1" s="1"/>
  <c r="A37715" i="1" s="1"/>
  <c r="A37716" i="1" s="1"/>
  <c r="A37717" i="1" s="1"/>
  <c r="A37718" i="1" s="1"/>
  <c r="A37719" i="1" s="1"/>
  <c r="A37720" i="1" s="1"/>
  <c r="A37721" i="1" s="1"/>
  <c r="A37722" i="1" s="1"/>
  <c r="A37723" i="1" s="1"/>
  <c r="A37724" i="1" s="1"/>
  <c r="A37725" i="1" s="1"/>
  <c r="A37726" i="1" s="1"/>
  <c r="A37727" i="1" s="1"/>
  <c r="A37728" i="1" s="1"/>
  <c r="A37729" i="1" s="1"/>
  <c r="A37730" i="1" s="1"/>
  <c r="A37731" i="1" s="1"/>
  <c r="A37732" i="1" s="1"/>
  <c r="A37733" i="1" s="1"/>
  <c r="A37734" i="1" s="1"/>
  <c r="A37735" i="1" s="1"/>
  <c r="A37736" i="1" s="1"/>
  <c r="A37737" i="1" s="1"/>
  <c r="A37738" i="1" s="1"/>
  <c r="A37739" i="1" s="1"/>
  <c r="A37740" i="1" s="1"/>
  <c r="A37741" i="1" s="1"/>
  <c r="A37742" i="1" s="1"/>
  <c r="A37743" i="1" s="1"/>
  <c r="A37744" i="1" s="1"/>
  <c r="A37745" i="1" s="1"/>
  <c r="A37746" i="1" s="1"/>
  <c r="A37747" i="1" s="1"/>
  <c r="A37748" i="1" s="1"/>
  <c r="A37749" i="1" s="1"/>
  <c r="A37750" i="1" s="1"/>
  <c r="A37751" i="1" s="1"/>
  <c r="A37752" i="1" s="1"/>
  <c r="A37753" i="1" s="1"/>
  <c r="A37754" i="1" s="1"/>
  <c r="A37755" i="1" s="1"/>
  <c r="A37756" i="1" s="1"/>
  <c r="A37757" i="1" s="1"/>
  <c r="A37758" i="1" s="1"/>
  <c r="A37759" i="1" s="1"/>
  <c r="A37760" i="1" s="1"/>
  <c r="A37761" i="1" s="1"/>
  <c r="A37762" i="1" s="1"/>
  <c r="A37763" i="1" s="1"/>
  <c r="A37764" i="1" s="1"/>
  <c r="A37765" i="1" s="1"/>
  <c r="A37766" i="1" s="1"/>
  <c r="A37767" i="1" s="1"/>
  <c r="A37768" i="1" s="1"/>
  <c r="A37769" i="1" s="1"/>
  <c r="A37770" i="1" s="1"/>
  <c r="A37771" i="1" s="1"/>
  <c r="A37772" i="1" s="1"/>
  <c r="A37773" i="1" s="1"/>
  <c r="A37774" i="1" s="1"/>
  <c r="A37775" i="1" s="1"/>
  <c r="A37776" i="1" s="1"/>
  <c r="A37777" i="1" s="1"/>
  <c r="A37778" i="1" s="1"/>
  <c r="A37779" i="1" s="1"/>
  <c r="A37780" i="1" s="1"/>
  <c r="A37781" i="1" s="1"/>
  <c r="A37782" i="1" s="1"/>
  <c r="A37783" i="1" s="1"/>
  <c r="A37784" i="1" s="1"/>
  <c r="A37785" i="1" s="1"/>
  <c r="A37786" i="1" s="1"/>
  <c r="A37787" i="1" s="1"/>
  <c r="A37788" i="1" s="1"/>
  <c r="A37789" i="1" s="1"/>
  <c r="A37790" i="1" s="1"/>
  <c r="A37791" i="1" s="1"/>
  <c r="A37792" i="1" s="1"/>
  <c r="A37793" i="1" s="1"/>
  <c r="A37794" i="1" s="1"/>
  <c r="A37795" i="1" s="1"/>
  <c r="A37796" i="1" s="1"/>
  <c r="A37797" i="1" s="1"/>
  <c r="A37798" i="1" s="1"/>
  <c r="A37799" i="1" s="1"/>
  <c r="A37800" i="1" s="1"/>
  <c r="A37801" i="1" s="1"/>
  <c r="A37802" i="1" s="1"/>
  <c r="A37803" i="1" s="1"/>
  <c r="A37804" i="1" s="1"/>
  <c r="A37805" i="1" s="1"/>
  <c r="A37806" i="1" s="1"/>
  <c r="A37807" i="1" s="1"/>
  <c r="A37808" i="1" s="1"/>
  <c r="A37809" i="1" s="1"/>
  <c r="A37810" i="1" s="1"/>
  <c r="A37811" i="1" s="1"/>
  <c r="A37812" i="1" s="1"/>
  <c r="A37813" i="1" s="1"/>
  <c r="A37814" i="1" s="1"/>
  <c r="A37815" i="1" s="1"/>
  <c r="A37816" i="1" s="1"/>
  <c r="A37817" i="1" s="1"/>
  <c r="A37818" i="1" s="1"/>
  <c r="A37819" i="1" s="1"/>
  <c r="A37820" i="1" s="1"/>
  <c r="A37821" i="1" s="1"/>
  <c r="A37822" i="1" s="1"/>
  <c r="A37823" i="1" s="1"/>
  <c r="A37824" i="1" s="1"/>
  <c r="A37825" i="1" s="1"/>
  <c r="A37826" i="1" s="1"/>
  <c r="A37827" i="1" s="1"/>
  <c r="A37828" i="1" s="1"/>
  <c r="A37829" i="1" s="1"/>
  <c r="A37830" i="1" s="1"/>
  <c r="A37831" i="1" s="1"/>
  <c r="A37832" i="1" s="1"/>
  <c r="A37833" i="1" s="1"/>
  <c r="A37834" i="1" s="1"/>
  <c r="A37835" i="1" s="1"/>
  <c r="A37836" i="1" s="1"/>
  <c r="A37837" i="1" s="1"/>
  <c r="A37838" i="1" s="1"/>
  <c r="A37839" i="1" s="1"/>
  <c r="A37840" i="1" s="1"/>
  <c r="A37841" i="1" s="1"/>
  <c r="A37842" i="1" s="1"/>
  <c r="A37843" i="1" s="1"/>
  <c r="A37844" i="1" s="1"/>
  <c r="A37845" i="1" s="1"/>
  <c r="A37846" i="1" s="1"/>
  <c r="A37847" i="1" s="1"/>
  <c r="A37848" i="1" s="1"/>
  <c r="A37849" i="1" s="1"/>
  <c r="A37850" i="1" s="1"/>
  <c r="A37851" i="1" s="1"/>
  <c r="A37852" i="1" s="1"/>
  <c r="A37853" i="1" s="1"/>
  <c r="A37854" i="1" s="1"/>
  <c r="A37855" i="1" s="1"/>
  <c r="A37856" i="1" s="1"/>
  <c r="A37857" i="1" s="1"/>
  <c r="A37858" i="1" s="1"/>
  <c r="A37859" i="1" s="1"/>
  <c r="A37860" i="1" s="1"/>
  <c r="A37861" i="1" s="1"/>
  <c r="A37862" i="1" s="1"/>
  <c r="A37863" i="1" s="1"/>
  <c r="A37864" i="1" s="1"/>
  <c r="A37865" i="1" s="1"/>
  <c r="A37866" i="1" s="1"/>
  <c r="A37867" i="1" s="1"/>
  <c r="A37868" i="1" s="1"/>
  <c r="A37869" i="1" s="1"/>
  <c r="A37870" i="1" s="1"/>
  <c r="A37871" i="1" s="1"/>
  <c r="A37872" i="1" s="1"/>
  <c r="A37873" i="1" s="1"/>
  <c r="A37874" i="1" s="1"/>
  <c r="A37875" i="1" s="1"/>
  <c r="A37876" i="1" s="1"/>
  <c r="A37877" i="1" s="1"/>
  <c r="A37878" i="1" s="1"/>
  <c r="A37879" i="1" s="1"/>
  <c r="A37880" i="1" s="1"/>
  <c r="A37881" i="1" s="1"/>
  <c r="A37882" i="1" s="1"/>
  <c r="A37883" i="1" s="1"/>
  <c r="A37884" i="1" s="1"/>
  <c r="A37885" i="1" s="1"/>
  <c r="A37886" i="1" s="1"/>
  <c r="A37887" i="1" s="1"/>
  <c r="A37888" i="1" s="1"/>
  <c r="A37889" i="1" s="1"/>
  <c r="A37890" i="1" s="1"/>
  <c r="A37891" i="1" s="1"/>
  <c r="A37892" i="1" s="1"/>
  <c r="A37893" i="1" s="1"/>
  <c r="A37894" i="1" s="1"/>
  <c r="A37895" i="1" s="1"/>
  <c r="A37896" i="1" s="1"/>
  <c r="A37897" i="1" s="1"/>
  <c r="A37898" i="1" s="1"/>
  <c r="A37899" i="1" s="1"/>
  <c r="A37900" i="1" s="1"/>
  <c r="A37901" i="1" s="1"/>
  <c r="A37902" i="1" s="1"/>
  <c r="A37903" i="1" s="1"/>
  <c r="A37904" i="1" s="1"/>
  <c r="A37905" i="1" s="1"/>
  <c r="A37906" i="1" s="1"/>
  <c r="A37907" i="1" s="1"/>
  <c r="A37908" i="1" s="1"/>
  <c r="A37909" i="1" s="1"/>
  <c r="A37910" i="1" s="1"/>
  <c r="A37911" i="1" s="1"/>
  <c r="A37912" i="1" s="1"/>
  <c r="A37913" i="1" s="1"/>
  <c r="A37914" i="1" s="1"/>
  <c r="A37915" i="1" s="1"/>
  <c r="A37916" i="1" s="1"/>
  <c r="A37917" i="1" s="1"/>
  <c r="A37918" i="1" s="1"/>
  <c r="A37919" i="1" s="1"/>
  <c r="A37920" i="1" s="1"/>
  <c r="A37921" i="1" s="1"/>
  <c r="A37922" i="1" s="1"/>
  <c r="A37923" i="1" s="1"/>
  <c r="A37924" i="1" s="1"/>
  <c r="A37925" i="1" s="1"/>
  <c r="A37926" i="1" s="1"/>
  <c r="A37927" i="1" s="1"/>
  <c r="A37928" i="1" s="1"/>
  <c r="A37929" i="1" s="1"/>
  <c r="A37930" i="1" s="1"/>
  <c r="A37931" i="1" s="1"/>
  <c r="A37932" i="1" s="1"/>
  <c r="A37933" i="1" s="1"/>
  <c r="A37934" i="1" s="1"/>
  <c r="A37935" i="1" s="1"/>
  <c r="A37936" i="1" s="1"/>
  <c r="A37937" i="1" s="1"/>
  <c r="A37938" i="1" s="1"/>
  <c r="A37939" i="1" s="1"/>
  <c r="A37940" i="1" s="1"/>
  <c r="A37941" i="1" s="1"/>
  <c r="A37942" i="1" s="1"/>
  <c r="A37943" i="1" s="1"/>
  <c r="A37944" i="1" s="1"/>
  <c r="A37945" i="1" s="1"/>
  <c r="A37946" i="1" s="1"/>
  <c r="A37947" i="1" s="1"/>
  <c r="A37948" i="1" s="1"/>
  <c r="A37949" i="1" s="1"/>
  <c r="A37950" i="1" s="1"/>
  <c r="A37951" i="1" s="1"/>
  <c r="A37952" i="1" s="1"/>
  <c r="A37953" i="1" s="1"/>
  <c r="A37954" i="1" s="1"/>
  <c r="A37955" i="1" s="1"/>
  <c r="A37956" i="1" s="1"/>
  <c r="A37957" i="1" s="1"/>
  <c r="A37958" i="1" s="1"/>
  <c r="A37959" i="1" s="1"/>
  <c r="A37960" i="1" s="1"/>
  <c r="A37961" i="1" s="1"/>
  <c r="A37962" i="1" s="1"/>
  <c r="A37963" i="1" s="1"/>
  <c r="A37964" i="1" s="1"/>
  <c r="A37965" i="1" s="1"/>
  <c r="A37966" i="1" s="1"/>
  <c r="A37967" i="1" s="1"/>
  <c r="A37968" i="1" s="1"/>
  <c r="A37969" i="1" s="1"/>
  <c r="A37970" i="1" s="1"/>
  <c r="A37971" i="1" s="1"/>
  <c r="A37972" i="1" s="1"/>
  <c r="A37973" i="1" s="1"/>
  <c r="A37974" i="1" s="1"/>
  <c r="A37975" i="1" s="1"/>
  <c r="A37976" i="1" s="1"/>
  <c r="A37977" i="1" s="1"/>
  <c r="A37978" i="1" s="1"/>
  <c r="A37979" i="1" s="1"/>
  <c r="A37980" i="1" s="1"/>
  <c r="A37981" i="1" s="1"/>
  <c r="A37982" i="1" s="1"/>
  <c r="A37983" i="1" s="1"/>
  <c r="A37984" i="1" s="1"/>
  <c r="A37985" i="1" s="1"/>
  <c r="A37986" i="1" s="1"/>
  <c r="A37987" i="1" s="1"/>
  <c r="A37988" i="1" s="1"/>
  <c r="A37989" i="1" s="1"/>
  <c r="A37990" i="1" s="1"/>
  <c r="A37991" i="1" s="1"/>
  <c r="A37992" i="1" s="1"/>
  <c r="A37993" i="1" s="1"/>
  <c r="A37994" i="1" s="1"/>
  <c r="A37995" i="1" s="1"/>
  <c r="A37996" i="1" s="1"/>
  <c r="A37997" i="1" s="1"/>
  <c r="A37998" i="1" s="1"/>
  <c r="A37999" i="1" s="1"/>
  <c r="A38000" i="1" s="1"/>
  <c r="A38001" i="1" s="1"/>
  <c r="A38002" i="1" s="1"/>
  <c r="A38003" i="1" s="1"/>
  <c r="A38004" i="1" s="1"/>
  <c r="A38005" i="1" s="1"/>
  <c r="A38006" i="1" s="1"/>
  <c r="A38007" i="1" s="1"/>
  <c r="A38008" i="1" s="1"/>
  <c r="A38009" i="1" s="1"/>
  <c r="A38010" i="1" s="1"/>
  <c r="A38011" i="1" s="1"/>
  <c r="A38012" i="1" s="1"/>
  <c r="A38013" i="1" s="1"/>
  <c r="A38014" i="1" s="1"/>
  <c r="A38015" i="1" s="1"/>
  <c r="A38016" i="1" s="1"/>
  <c r="A38017" i="1" s="1"/>
  <c r="A38018" i="1" s="1"/>
  <c r="A38019" i="1" s="1"/>
  <c r="A38020" i="1" s="1"/>
  <c r="A38021" i="1" s="1"/>
  <c r="A38022" i="1" s="1"/>
  <c r="A38023" i="1" s="1"/>
  <c r="A38024" i="1" s="1"/>
  <c r="A38025" i="1" s="1"/>
  <c r="A38026" i="1" s="1"/>
  <c r="A38027" i="1" s="1"/>
  <c r="A38028" i="1" s="1"/>
  <c r="A38029" i="1" s="1"/>
  <c r="A38030" i="1" s="1"/>
  <c r="A38031" i="1" s="1"/>
  <c r="A38032" i="1" s="1"/>
  <c r="A38033" i="1" s="1"/>
  <c r="A38034" i="1" s="1"/>
  <c r="A38035" i="1" s="1"/>
  <c r="A38036" i="1" s="1"/>
  <c r="A38037" i="1" s="1"/>
  <c r="A38038" i="1" s="1"/>
  <c r="A38039" i="1" s="1"/>
  <c r="A38040" i="1" s="1"/>
  <c r="A38041" i="1" s="1"/>
  <c r="A38042" i="1" s="1"/>
  <c r="A38043" i="1" s="1"/>
  <c r="A38044" i="1" s="1"/>
  <c r="A38045" i="1" s="1"/>
  <c r="A38046" i="1" s="1"/>
  <c r="A38047" i="1" s="1"/>
  <c r="A38048" i="1" s="1"/>
  <c r="A38049" i="1" s="1"/>
  <c r="A38050" i="1" s="1"/>
  <c r="A38051" i="1" s="1"/>
  <c r="A38052" i="1" s="1"/>
  <c r="A38053" i="1" s="1"/>
  <c r="A38054" i="1" s="1"/>
  <c r="A38055" i="1" s="1"/>
  <c r="A38056" i="1" s="1"/>
  <c r="A38057" i="1" s="1"/>
  <c r="A38058" i="1" s="1"/>
  <c r="A38059" i="1" s="1"/>
  <c r="A38060" i="1" s="1"/>
  <c r="A38061" i="1" s="1"/>
  <c r="A38062" i="1" s="1"/>
  <c r="A38063" i="1" s="1"/>
  <c r="A38064" i="1" s="1"/>
  <c r="A38065" i="1" s="1"/>
  <c r="A38066" i="1" s="1"/>
  <c r="A38067" i="1" s="1"/>
  <c r="A38068" i="1" s="1"/>
  <c r="A38069" i="1" s="1"/>
  <c r="A38070" i="1" s="1"/>
  <c r="A38071" i="1" s="1"/>
  <c r="A38072" i="1" s="1"/>
  <c r="A38073" i="1" s="1"/>
  <c r="A38074" i="1" s="1"/>
  <c r="A38075" i="1" s="1"/>
  <c r="A38076" i="1" s="1"/>
  <c r="A38077" i="1" s="1"/>
  <c r="A38078" i="1" s="1"/>
  <c r="A38079" i="1" s="1"/>
  <c r="A38080" i="1" s="1"/>
  <c r="A38081" i="1" s="1"/>
  <c r="A38082" i="1" s="1"/>
  <c r="A38083" i="1" s="1"/>
  <c r="A38084" i="1" s="1"/>
  <c r="A38085" i="1" s="1"/>
  <c r="A38086" i="1" s="1"/>
  <c r="A38087" i="1" s="1"/>
  <c r="A38088" i="1" s="1"/>
  <c r="A38089" i="1" s="1"/>
  <c r="A38090" i="1" s="1"/>
  <c r="A38091" i="1" s="1"/>
  <c r="A38092" i="1" s="1"/>
  <c r="A38093" i="1" s="1"/>
  <c r="A38094" i="1" s="1"/>
  <c r="A38095" i="1" s="1"/>
  <c r="A38096" i="1" s="1"/>
  <c r="A38097" i="1" s="1"/>
  <c r="A38098" i="1" s="1"/>
  <c r="A38099" i="1" s="1"/>
  <c r="A38100" i="1" s="1"/>
  <c r="A38101" i="1" s="1"/>
  <c r="A38102" i="1" s="1"/>
  <c r="A38103" i="1" s="1"/>
  <c r="A38104" i="1" s="1"/>
  <c r="A38105" i="1" s="1"/>
  <c r="A38106" i="1" s="1"/>
  <c r="A38107" i="1" s="1"/>
  <c r="A38108" i="1" s="1"/>
  <c r="A38109" i="1" s="1"/>
  <c r="A38110" i="1" s="1"/>
  <c r="A38111" i="1" s="1"/>
  <c r="A38112" i="1" s="1"/>
  <c r="A38113" i="1" s="1"/>
  <c r="A38114" i="1" s="1"/>
  <c r="A38115" i="1" s="1"/>
  <c r="A38116" i="1" s="1"/>
  <c r="A38117" i="1" s="1"/>
  <c r="A38118" i="1" s="1"/>
  <c r="A38119" i="1" s="1"/>
  <c r="A38120" i="1" s="1"/>
  <c r="A38121" i="1" s="1"/>
  <c r="A38122" i="1" s="1"/>
  <c r="A38123" i="1" s="1"/>
  <c r="A38124" i="1" s="1"/>
  <c r="A38125" i="1" s="1"/>
  <c r="A38126" i="1" s="1"/>
  <c r="A38127" i="1" s="1"/>
  <c r="A38128" i="1" s="1"/>
  <c r="A38129" i="1" s="1"/>
  <c r="A38130" i="1" s="1"/>
  <c r="A38131" i="1" s="1"/>
  <c r="A38132" i="1" s="1"/>
  <c r="A38133" i="1" s="1"/>
  <c r="A38134" i="1" s="1"/>
  <c r="A38135" i="1" s="1"/>
  <c r="A38136" i="1" s="1"/>
  <c r="A38137" i="1" s="1"/>
  <c r="A38138" i="1" s="1"/>
  <c r="A38139" i="1" s="1"/>
  <c r="A38140" i="1" s="1"/>
  <c r="A38141" i="1" s="1"/>
  <c r="A38142" i="1" s="1"/>
  <c r="A38143" i="1" s="1"/>
  <c r="A38144" i="1" s="1"/>
  <c r="A38145" i="1" s="1"/>
  <c r="A38146" i="1" s="1"/>
  <c r="A38147" i="1" s="1"/>
  <c r="A38148" i="1" s="1"/>
  <c r="A38149" i="1" s="1"/>
  <c r="A38150" i="1" s="1"/>
  <c r="A38151" i="1" s="1"/>
  <c r="A38152" i="1" s="1"/>
  <c r="A38153" i="1" s="1"/>
  <c r="A38154" i="1" s="1"/>
  <c r="A38155" i="1" s="1"/>
  <c r="A38156" i="1" s="1"/>
  <c r="A38157" i="1" s="1"/>
  <c r="A38158" i="1" s="1"/>
  <c r="A38159" i="1" s="1"/>
  <c r="A38160" i="1" s="1"/>
  <c r="A38161" i="1" s="1"/>
  <c r="A38162" i="1" s="1"/>
  <c r="A38163" i="1" s="1"/>
  <c r="A38164" i="1" s="1"/>
  <c r="A38165" i="1" s="1"/>
  <c r="A38166" i="1" s="1"/>
  <c r="A38167" i="1" s="1"/>
  <c r="A38168" i="1" s="1"/>
  <c r="A38169" i="1" s="1"/>
  <c r="A38170" i="1" s="1"/>
  <c r="A38171" i="1" s="1"/>
  <c r="A38172" i="1" s="1"/>
  <c r="A38173" i="1" s="1"/>
  <c r="A38174" i="1" s="1"/>
  <c r="A38175" i="1" s="1"/>
  <c r="A38176" i="1" s="1"/>
  <c r="A38177" i="1" s="1"/>
  <c r="A38178" i="1" s="1"/>
  <c r="A38179" i="1" s="1"/>
  <c r="A38180" i="1" s="1"/>
  <c r="A38181" i="1" s="1"/>
  <c r="A38182" i="1" s="1"/>
  <c r="A38183" i="1" s="1"/>
  <c r="A38184" i="1" s="1"/>
  <c r="A38185" i="1" s="1"/>
  <c r="A38186" i="1" s="1"/>
  <c r="A38187" i="1" s="1"/>
  <c r="A38188" i="1" s="1"/>
  <c r="A38189" i="1" s="1"/>
  <c r="A38190" i="1" s="1"/>
  <c r="A38191" i="1" s="1"/>
  <c r="A38192" i="1" s="1"/>
  <c r="A38193" i="1" s="1"/>
  <c r="A38194" i="1" s="1"/>
  <c r="A38195" i="1" s="1"/>
  <c r="A38196" i="1" s="1"/>
  <c r="A38197" i="1" s="1"/>
  <c r="A38198" i="1" s="1"/>
  <c r="A38199" i="1" s="1"/>
  <c r="A38200" i="1" s="1"/>
  <c r="A38201" i="1" s="1"/>
  <c r="A38202" i="1" s="1"/>
  <c r="A38203" i="1" s="1"/>
  <c r="A38204" i="1" s="1"/>
  <c r="A38205" i="1" s="1"/>
  <c r="A38206" i="1" s="1"/>
  <c r="A38207" i="1" s="1"/>
  <c r="A38208" i="1" s="1"/>
  <c r="A38209" i="1" s="1"/>
  <c r="A38210" i="1" s="1"/>
  <c r="A38211" i="1" s="1"/>
  <c r="A38212" i="1" s="1"/>
  <c r="A38213" i="1" s="1"/>
  <c r="A38214" i="1" s="1"/>
  <c r="A38215" i="1" s="1"/>
  <c r="A38216" i="1" s="1"/>
  <c r="A38217" i="1" s="1"/>
  <c r="A38218" i="1" s="1"/>
  <c r="A38219" i="1" s="1"/>
  <c r="A38220" i="1" s="1"/>
  <c r="A38221" i="1" s="1"/>
  <c r="A38222" i="1" s="1"/>
  <c r="A38223" i="1" s="1"/>
  <c r="A38224" i="1" s="1"/>
  <c r="A38225" i="1" s="1"/>
  <c r="A38226" i="1" s="1"/>
  <c r="A38227" i="1" s="1"/>
  <c r="A38228" i="1" s="1"/>
  <c r="A38229" i="1" s="1"/>
  <c r="A38230" i="1" s="1"/>
  <c r="A38231" i="1" s="1"/>
  <c r="A38232" i="1" s="1"/>
  <c r="A38233" i="1" s="1"/>
  <c r="A38234" i="1" s="1"/>
  <c r="A38235" i="1" s="1"/>
  <c r="A38236" i="1" s="1"/>
  <c r="A38237" i="1" s="1"/>
  <c r="A38238" i="1" s="1"/>
  <c r="A38239" i="1" s="1"/>
  <c r="A38240" i="1" s="1"/>
  <c r="A38241" i="1" s="1"/>
  <c r="A38242" i="1" s="1"/>
  <c r="A38243" i="1" s="1"/>
  <c r="A38244" i="1" s="1"/>
  <c r="A38245" i="1" s="1"/>
  <c r="A38246" i="1" s="1"/>
  <c r="A38247" i="1" s="1"/>
  <c r="A38248" i="1" s="1"/>
  <c r="A38249" i="1" s="1"/>
  <c r="A38250" i="1" s="1"/>
  <c r="A38251" i="1" s="1"/>
  <c r="A38252" i="1" s="1"/>
  <c r="A38253" i="1" s="1"/>
  <c r="A38254" i="1" s="1"/>
  <c r="A38255" i="1" s="1"/>
  <c r="A38256" i="1" s="1"/>
  <c r="A38257" i="1" s="1"/>
  <c r="A38258" i="1" s="1"/>
  <c r="A38259" i="1" s="1"/>
  <c r="A38260" i="1" s="1"/>
  <c r="A38261" i="1" s="1"/>
  <c r="A38262" i="1" s="1"/>
  <c r="A38263" i="1" s="1"/>
  <c r="A38264" i="1" s="1"/>
  <c r="A38265" i="1" s="1"/>
  <c r="A38266" i="1" s="1"/>
  <c r="A38267" i="1" s="1"/>
  <c r="A38268" i="1" s="1"/>
  <c r="A38269" i="1" s="1"/>
  <c r="A38270" i="1" s="1"/>
  <c r="A38271" i="1" s="1"/>
  <c r="A38272" i="1" s="1"/>
  <c r="A38273" i="1" s="1"/>
  <c r="A38274" i="1" s="1"/>
  <c r="A38275" i="1" s="1"/>
  <c r="A38276" i="1" s="1"/>
  <c r="A38277" i="1" s="1"/>
  <c r="A38278" i="1" s="1"/>
  <c r="A38279" i="1" s="1"/>
  <c r="A38280" i="1" s="1"/>
  <c r="A38281" i="1" s="1"/>
  <c r="A38282" i="1" s="1"/>
  <c r="A38283" i="1" s="1"/>
  <c r="A38284" i="1" s="1"/>
  <c r="A38285" i="1" s="1"/>
  <c r="A38286" i="1" s="1"/>
  <c r="A38287" i="1" s="1"/>
  <c r="A38288" i="1" s="1"/>
  <c r="A38289" i="1" s="1"/>
  <c r="A38290" i="1" s="1"/>
  <c r="A38291" i="1" s="1"/>
  <c r="A38292" i="1" s="1"/>
  <c r="A38293" i="1" s="1"/>
  <c r="A38294" i="1" s="1"/>
  <c r="A38295" i="1" s="1"/>
  <c r="A38296" i="1" s="1"/>
  <c r="A38297" i="1" s="1"/>
  <c r="A38298" i="1" s="1"/>
  <c r="A38299" i="1" s="1"/>
  <c r="A38300" i="1" s="1"/>
  <c r="A38301" i="1" s="1"/>
  <c r="A38302" i="1" s="1"/>
  <c r="A38303" i="1" s="1"/>
  <c r="A38304" i="1" s="1"/>
  <c r="A38305" i="1" s="1"/>
  <c r="A38306" i="1" s="1"/>
  <c r="A38307" i="1" s="1"/>
  <c r="A38308" i="1" s="1"/>
  <c r="A38309" i="1" s="1"/>
  <c r="A38310" i="1" s="1"/>
  <c r="A38311" i="1" s="1"/>
  <c r="A38312" i="1" s="1"/>
  <c r="A38313" i="1" s="1"/>
  <c r="A38314" i="1" s="1"/>
  <c r="A38315" i="1" s="1"/>
  <c r="A38316" i="1" s="1"/>
  <c r="A38317" i="1" s="1"/>
  <c r="A38318" i="1" s="1"/>
  <c r="A38319" i="1" s="1"/>
  <c r="A38320" i="1" s="1"/>
  <c r="A38321" i="1" s="1"/>
  <c r="A38322" i="1" s="1"/>
  <c r="A38323" i="1" s="1"/>
  <c r="A38324" i="1" s="1"/>
  <c r="A38325" i="1" s="1"/>
  <c r="A38326" i="1" s="1"/>
  <c r="A38327" i="1" s="1"/>
  <c r="A38328" i="1" s="1"/>
  <c r="A38329" i="1" s="1"/>
  <c r="A38330" i="1" s="1"/>
  <c r="A38331" i="1" s="1"/>
  <c r="A38332" i="1" s="1"/>
  <c r="A38333" i="1" s="1"/>
  <c r="A38334" i="1" s="1"/>
  <c r="A38335" i="1" s="1"/>
  <c r="A38336" i="1" s="1"/>
  <c r="A38337" i="1" s="1"/>
  <c r="A38338" i="1" s="1"/>
  <c r="A38339" i="1" s="1"/>
  <c r="A38340" i="1" s="1"/>
  <c r="A38341" i="1" s="1"/>
  <c r="A38342" i="1" s="1"/>
  <c r="A38343" i="1" s="1"/>
  <c r="A38344" i="1" s="1"/>
  <c r="A38345" i="1" s="1"/>
  <c r="A38346" i="1" s="1"/>
  <c r="A38347" i="1" s="1"/>
  <c r="A38348" i="1" s="1"/>
  <c r="A38349" i="1" s="1"/>
  <c r="A38350" i="1" s="1"/>
  <c r="A38351" i="1" s="1"/>
  <c r="A38352" i="1" s="1"/>
  <c r="A38353" i="1" s="1"/>
  <c r="A38354" i="1" s="1"/>
  <c r="A38355" i="1" s="1"/>
  <c r="A38356" i="1" s="1"/>
  <c r="A38357" i="1" s="1"/>
  <c r="A38358" i="1" s="1"/>
  <c r="A38359" i="1" s="1"/>
  <c r="A38360" i="1" s="1"/>
  <c r="A38361" i="1" s="1"/>
  <c r="A38362" i="1" s="1"/>
  <c r="A38363" i="1" s="1"/>
  <c r="A38364" i="1" s="1"/>
  <c r="A38365" i="1" s="1"/>
  <c r="A38366" i="1" s="1"/>
  <c r="A38367" i="1" s="1"/>
  <c r="A38368" i="1" s="1"/>
  <c r="A38369" i="1" s="1"/>
  <c r="A38370" i="1" s="1"/>
  <c r="A38371" i="1" s="1"/>
  <c r="A38372" i="1" s="1"/>
  <c r="A38373" i="1" s="1"/>
  <c r="A38374" i="1" s="1"/>
  <c r="A38375" i="1" s="1"/>
  <c r="A38376" i="1" s="1"/>
  <c r="A38377" i="1" s="1"/>
  <c r="A38378" i="1" s="1"/>
  <c r="A38379" i="1" s="1"/>
  <c r="A38380" i="1" s="1"/>
  <c r="A38381" i="1" s="1"/>
  <c r="A38382" i="1" s="1"/>
  <c r="A38383" i="1" s="1"/>
  <c r="A38384" i="1" s="1"/>
  <c r="A38385" i="1" s="1"/>
  <c r="A38386" i="1" s="1"/>
  <c r="A38387" i="1" s="1"/>
  <c r="A38388" i="1" s="1"/>
  <c r="A38389" i="1" s="1"/>
  <c r="A38390" i="1" s="1"/>
  <c r="A38391" i="1" s="1"/>
  <c r="A38392" i="1" s="1"/>
  <c r="A38393" i="1" s="1"/>
  <c r="A38394" i="1" s="1"/>
  <c r="A38395" i="1" s="1"/>
  <c r="A38396" i="1" s="1"/>
  <c r="A38397" i="1" s="1"/>
  <c r="A38398" i="1" s="1"/>
  <c r="A38399" i="1" s="1"/>
  <c r="A38400" i="1" s="1"/>
  <c r="A38401" i="1" s="1"/>
  <c r="A38402" i="1" s="1"/>
  <c r="A38403" i="1" s="1"/>
  <c r="A38404" i="1" s="1"/>
  <c r="A38405" i="1" s="1"/>
  <c r="A38406" i="1" s="1"/>
  <c r="A38407" i="1" s="1"/>
  <c r="A38408" i="1" s="1"/>
  <c r="A38409" i="1" s="1"/>
  <c r="A38410" i="1" s="1"/>
  <c r="A38411" i="1" s="1"/>
  <c r="A38412" i="1" s="1"/>
  <c r="A38413" i="1" s="1"/>
  <c r="A38414" i="1" s="1"/>
  <c r="A38415" i="1" s="1"/>
  <c r="A38416" i="1" s="1"/>
  <c r="A38417" i="1" s="1"/>
  <c r="A38418" i="1" s="1"/>
  <c r="A38419" i="1" s="1"/>
  <c r="A38420" i="1" s="1"/>
  <c r="A38421" i="1" s="1"/>
  <c r="A38422" i="1" s="1"/>
  <c r="A38423" i="1" s="1"/>
  <c r="A38424" i="1" s="1"/>
  <c r="A38425" i="1" s="1"/>
  <c r="A38426" i="1" s="1"/>
  <c r="A38427" i="1" s="1"/>
  <c r="A38428" i="1" s="1"/>
  <c r="A38429" i="1" s="1"/>
  <c r="A38430" i="1" s="1"/>
  <c r="A38431" i="1" s="1"/>
  <c r="A38432" i="1" s="1"/>
  <c r="A38433" i="1" s="1"/>
  <c r="A38434" i="1" s="1"/>
  <c r="A38435" i="1" s="1"/>
  <c r="A38436" i="1" s="1"/>
  <c r="A38437" i="1" s="1"/>
  <c r="A38438" i="1" s="1"/>
  <c r="A38439" i="1" s="1"/>
  <c r="A38440" i="1" s="1"/>
  <c r="A38441" i="1" s="1"/>
  <c r="A38442" i="1" s="1"/>
  <c r="A38443" i="1" s="1"/>
  <c r="A38444" i="1" s="1"/>
  <c r="A38445" i="1" s="1"/>
  <c r="A38446" i="1" s="1"/>
  <c r="A38447" i="1" s="1"/>
  <c r="A38448" i="1" s="1"/>
  <c r="A38449" i="1" s="1"/>
  <c r="A38450" i="1" s="1"/>
  <c r="A38451" i="1" s="1"/>
  <c r="A38452" i="1" s="1"/>
  <c r="A38453" i="1" s="1"/>
  <c r="A38454" i="1" s="1"/>
  <c r="A38455" i="1" s="1"/>
  <c r="A38456" i="1" s="1"/>
  <c r="A38457" i="1" s="1"/>
  <c r="A38458" i="1" s="1"/>
  <c r="A38459" i="1" s="1"/>
  <c r="A38460" i="1" s="1"/>
  <c r="A38461" i="1" s="1"/>
  <c r="A38462" i="1" s="1"/>
  <c r="A38463" i="1" s="1"/>
  <c r="A38464" i="1" s="1"/>
  <c r="A38465" i="1" s="1"/>
  <c r="A38466" i="1" s="1"/>
  <c r="A38467" i="1" s="1"/>
  <c r="A38468" i="1" s="1"/>
  <c r="A38469" i="1" s="1"/>
  <c r="A38470" i="1" s="1"/>
  <c r="A38471" i="1" s="1"/>
  <c r="A38472" i="1" s="1"/>
  <c r="A38473" i="1" s="1"/>
  <c r="A38474" i="1" s="1"/>
  <c r="A38475" i="1" s="1"/>
  <c r="A38476" i="1" s="1"/>
  <c r="A38477" i="1" s="1"/>
  <c r="A38478" i="1" s="1"/>
  <c r="A38479" i="1" s="1"/>
  <c r="A38480" i="1" s="1"/>
  <c r="A38481" i="1" s="1"/>
  <c r="A38482" i="1" s="1"/>
  <c r="A38483" i="1" s="1"/>
  <c r="A38484" i="1" s="1"/>
  <c r="A38485" i="1" s="1"/>
  <c r="A38486" i="1" s="1"/>
  <c r="A38487" i="1" s="1"/>
  <c r="A38488" i="1" s="1"/>
  <c r="A38489" i="1" s="1"/>
  <c r="A38490" i="1" s="1"/>
  <c r="A38491" i="1" s="1"/>
  <c r="A38492" i="1" s="1"/>
  <c r="A38493" i="1" s="1"/>
  <c r="A38494" i="1" s="1"/>
  <c r="A38495" i="1" s="1"/>
  <c r="A38496" i="1" s="1"/>
  <c r="A38497" i="1" s="1"/>
  <c r="A38498" i="1" s="1"/>
  <c r="A38499" i="1" s="1"/>
  <c r="A38500" i="1" s="1"/>
  <c r="A38501" i="1" s="1"/>
  <c r="A38502" i="1" s="1"/>
  <c r="A38503" i="1" s="1"/>
  <c r="A38504" i="1" s="1"/>
  <c r="A38505" i="1" s="1"/>
  <c r="A38506" i="1" s="1"/>
  <c r="A38507" i="1" s="1"/>
  <c r="A38508" i="1" s="1"/>
  <c r="A38509" i="1" s="1"/>
  <c r="A38510" i="1" s="1"/>
  <c r="A38511" i="1" s="1"/>
  <c r="A38512" i="1" s="1"/>
  <c r="A38513" i="1" s="1"/>
  <c r="A38514" i="1" s="1"/>
  <c r="A38515" i="1" s="1"/>
  <c r="A38516" i="1" s="1"/>
  <c r="A38517" i="1" s="1"/>
  <c r="A38518" i="1" s="1"/>
  <c r="A38519" i="1" s="1"/>
  <c r="A38520" i="1" s="1"/>
  <c r="A38521" i="1" s="1"/>
  <c r="A38522" i="1" s="1"/>
  <c r="A38523" i="1" s="1"/>
  <c r="A38524" i="1" s="1"/>
  <c r="A38525" i="1" s="1"/>
  <c r="A38526" i="1" s="1"/>
  <c r="A38527" i="1" s="1"/>
  <c r="A38528" i="1" s="1"/>
  <c r="A38529" i="1" s="1"/>
  <c r="A38530" i="1" s="1"/>
  <c r="A38531" i="1" s="1"/>
  <c r="A38532" i="1" s="1"/>
  <c r="A38533" i="1" s="1"/>
  <c r="A38534" i="1" s="1"/>
  <c r="A38535" i="1" s="1"/>
  <c r="A38536" i="1" s="1"/>
  <c r="A38537" i="1" s="1"/>
  <c r="A38538" i="1" s="1"/>
  <c r="A38539" i="1" s="1"/>
  <c r="A38540" i="1" s="1"/>
  <c r="A38541" i="1" s="1"/>
  <c r="A38542" i="1" s="1"/>
  <c r="A38543" i="1" s="1"/>
  <c r="A38544" i="1" s="1"/>
  <c r="A38545" i="1" s="1"/>
  <c r="A38546" i="1" s="1"/>
  <c r="A38547" i="1" s="1"/>
  <c r="A38548" i="1" s="1"/>
  <c r="A38549" i="1" s="1"/>
  <c r="A38550" i="1" s="1"/>
  <c r="A38551" i="1" s="1"/>
  <c r="A38552" i="1" s="1"/>
  <c r="A38553" i="1" s="1"/>
  <c r="A38554" i="1" s="1"/>
  <c r="A38555" i="1" s="1"/>
  <c r="A38556" i="1" s="1"/>
  <c r="A38557" i="1" s="1"/>
  <c r="A38558" i="1" s="1"/>
  <c r="A38559" i="1" s="1"/>
  <c r="A38560" i="1" s="1"/>
  <c r="A38561" i="1" s="1"/>
  <c r="A38562" i="1" s="1"/>
  <c r="A38563" i="1" s="1"/>
  <c r="A38564" i="1" s="1"/>
  <c r="A38565" i="1" s="1"/>
  <c r="A38566" i="1" s="1"/>
  <c r="A38567" i="1" s="1"/>
  <c r="A38568" i="1" s="1"/>
  <c r="A38569" i="1" s="1"/>
  <c r="A38570" i="1" s="1"/>
  <c r="A38571" i="1" s="1"/>
  <c r="A38572" i="1" s="1"/>
  <c r="A38573" i="1" s="1"/>
  <c r="A38574" i="1" s="1"/>
  <c r="A38575" i="1" s="1"/>
  <c r="A38576" i="1" s="1"/>
  <c r="A38577" i="1" s="1"/>
  <c r="A38578" i="1" s="1"/>
  <c r="A38579" i="1" s="1"/>
  <c r="A38580" i="1" s="1"/>
  <c r="A38581" i="1" s="1"/>
  <c r="A38582" i="1" s="1"/>
  <c r="A38583" i="1" s="1"/>
  <c r="A38584" i="1" s="1"/>
  <c r="A38585" i="1" s="1"/>
  <c r="A38586" i="1" s="1"/>
  <c r="A38587" i="1" s="1"/>
  <c r="A38588" i="1" s="1"/>
  <c r="A38589" i="1" s="1"/>
  <c r="A38590" i="1" s="1"/>
  <c r="A38591" i="1" s="1"/>
  <c r="A38592" i="1" s="1"/>
  <c r="A38593" i="1" s="1"/>
  <c r="A38594" i="1" s="1"/>
  <c r="A38595" i="1" s="1"/>
  <c r="A38596" i="1" s="1"/>
  <c r="A38597" i="1" s="1"/>
  <c r="A38598" i="1" s="1"/>
  <c r="A38599" i="1" s="1"/>
  <c r="A38600" i="1" s="1"/>
  <c r="A38601" i="1" s="1"/>
  <c r="A38602" i="1" s="1"/>
  <c r="A38603" i="1" s="1"/>
  <c r="A38604" i="1" s="1"/>
  <c r="A38605" i="1" s="1"/>
  <c r="A38606" i="1" s="1"/>
  <c r="A38607" i="1" s="1"/>
  <c r="A38608" i="1" s="1"/>
  <c r="A38609" i="1" s="1"/>
  <c r="A38610" i="1" s="1"/>
  <c r="A38611" i="1" s="1"/>
  <c r="A38612" i="1" s="1"/>
  <c r="A38613" i="1" s="1"/>
  <c r="A38614" i="1" s="1"/>
  <c r="A38615" i="1" s="1"/>
  <c r="A38616" i="1" s="1"/>
  <c r="A38617" i="1" s="1"/>
  <c r="A38618" i="1" s="1"/>
  <c r="A38619" i="1" s="1"/>
  <c r="A38620" i="1" s="1"/>
  <c r="A38621" i="1" s="1"/>
  <c r="A38622" i="1" s="1"/>
  <c r="A38623" i="1" s="1"/>
  <c r="A38624" i="1" s="1"/>
  <c r="A38625" i="1" s="1"/>
  <c r="A38626" i="1" s="1"/>
  <c r="A38627" i="1" s="1"/>
  <c r="A38628" i="1" s="1"/>
  <c r="A38629" i="1" s="1"/>
  <c r="A38630" i="1" s="1"/>
  <c r="A38631" i="1" s="1"/>
  <c r="A38632" i="1" s="1"/>
  <c r="A38633" i="1" s="1"/>
  <c r="A38634" i="1" s="1"/>
  <c r="A38635" i="1" s="1"/>
  <c r="A38636" i="1" s="1"/>
  <c r="A38637" i="1" s="1"/>
  <c r="A38638" i="1" s="1"/>
  <c r="A38639" i="1" s="1"/>
  <c r="A38640" i="1" s="1"/>
  <c r="A38641" i="1" s="1"/>
  <c r="A38642" i="1" s="1"/>
  <c r="A38643" i="1" s="1"/>
  <c r="A38644" i="1" s="1"/>
  <c r="A38645" i="1" s="1"/>
  <c r="A38646" i="1" s="1"/>
  <c r="A38647" i="1" s="1"/>
  <c r="A38648" i="1" s="1"/>
  <c r="A38649" i="1" s="1"/>
  <c r="A38650" i="1" s="1"/>
  <c r="A38651" i="1" s="1"/>
  <c r="A38652" i="1" s="1"/>
  <c r="A38653" i="1" s="1"/>
  <c r="A38654" i="1" s="1"/>
  <c r="A38655" i="1" s="1"/>
  <c r="A38656" i="1" s="1"/>
  <c r="A38657" i="1" s="1"/>
  <c r="A38658" i="1" s="1"/>
  <c r="A38659" i="1" s="1"/>
  <c r="A38660" i="1" s="1"/>
  <c r="A38661" i="1" s="1"/>
  <c r="A38662" i="1" s="1"/>
  <c r="A38663" i="1" s="1"/>
  <c r="A38664" i="1" s="1"/>
  <c r="A38665" i="1" s="1"/>
  <c r="A38666" i="1" s="1"/>
  <c r="A38667" i="1" s="1"/>
  <c r="A38668" i="1" s="1"/>
  <c r="A38669" i="1" s="1"/>
  <c r="A38670" i="1" s="1"/>
  <c r="A38671" i="1" s="1"/>
  <c r="A38672" i="1" s="1"/>
  <c r="A38673" i="1" s="1"/>
  <c r="A38674" i="1" s="1"/>
  <c r="A38675" i="1" s="1"/>
  <c r="A38676" i="1" s="1"/>
  <c r="A38677" i="1" s="1"/>
  <c r="A38678" i="1" s="1"/>
  <c r="A38679" i="1" s="1"/>
  <c r="A38680" i="1" s="1"/>
  <c r="A38681" i="1" s="1"/>
  <c r="A38682" i="1" s="1"/>
  <c r="A38683" i="1" s="1"/>
  <c r="A38684" i="1" s="1"/>
  <c r="A38685" i="1" s="1"/>
  <c r="A38686" i="1" s="1"/>
  <c r="A38687" i="1" s="1"/>
  <c r="A38688" i="1" s="1"/>
  <c r="A38689" i="1" s="1"/>
  <c r="A38690" i="1" s="1"/>
  <c r="A38691" i="1" s="1"/>
  <c r="A38692" i="1" s="1"/>
  <c r="A38693" i="1" s="1"/>
  <c r="A38694" i="1" s="1"/>
  <c r="A38695" i="1" s="1"/>
  <c r="A38696" i="1" s="1"/>
  <c r="A38697" i="1" s="1"/>
  <c r="A38698" i="1" s="1"/>
  <c r="A38699" i="1" s="1"/>
  <c r="A38700" i="1" s="1"/>
  <c r="A38701" i="1" s="1"/>
  <c r="A38702" i="1" s="1"/>
  <c r="A38703" i="1" s="1"/>
  <c r="A38704" i="1" s="1"/>
  <c r="A38705" i="1" s="1"/>
  <c r="A38706" i="1" s="1"/>
  <c r="A38707" i="1" s="1"/>
  <c r="A38708" i="1" s="1"/>
  <c r="A38709" i="1" s="1"/>
  <c r="A38710" i="1" s="1"/>
  <c r="A38711" i="1" s="1"/>
  <c r="A38712" i="1" s="1"/>
  <c r="A38713" i="1" s="1"/>
  <c r="A38714" i="1" s="1"/>
  <c r="A38715" i="1" s="1"/>
  <c r="A38716" i="1" s="1"/>
  <c r="A38717" i="1" s="1"/>
  <c r="A38718" i="1" s="1"/>
  <c r="A38719" i="1" s="1"/>
  <c r="A38720" i="1" s="1"/>
  <c r="A38721" i="1" s="1"/>
  <c r="A38722" i="1" s="1"/>
  <c r="A38723" i="1" s="1"/>
  <c r="A38724" i="1" s="1"/>
  <c r="A38725" i="1" s="1"/>
  <c r="A38726" i="1" s="1"/>
  <c r="A38727" i="1" s="1"/>
  <c r="A38728" i="1" s="1"/>
  <c r="A38729" i="1" s="1"/>
  <c r="A38730" i="1" s="1"/>
  <c r="A38731" i="1" s="1"/>
  <c r="A38732" i="1" s="1"/>
  <c r="A38733" i="1" s="1"/>
  <c r="A38734" i="1" s="1"/>
  <c r="A38735" i="1" s="1"/>
  <c r="A38736" i="1" s="1"/>
  <c r="A38737" i="1" s="1"/>
  <c r="A38738" i="1" s="1"/>
  <c r="A38739" i="1" s="1"/>
  <c r="A38740" i="1" s="1"/>
  <c r="A38741" i="1" s="1"/>
  <c r="A38742" i="1" s="1"/>
  <c r="A38743" i="1" s="1"/>
  <c r="A38744" i="1" s="1"/>
  <c r="A38745" i="1" s="1"/>
  <c r="A38746" i="1" s="1"/>
  <c r="A38747" i="1" s="1"/>
  <c r="A38748" i="1" s="1"/>
  <c r="A38749" i="1" s="1"/>
  <c r="A38750" i="1" s="1"/>
  <c r="A38751" i="1" s="1"/>
  <c r="A38752" i="1" s="1"/>
  <c r="A38753" i="1" s="1"/>
  <c r="A38754" i="1" s="1"/>
  <c r="A38755" i="1" s="1"/>
  <c r="A38756" i="1" s="1"/>
  <c r="A38757" i="1" s="1"/>
  <c r="A38758" i="1" s="1"/>
  <c r="A38759" i="1" s="1"/>
  <c r="A38760" i="1" s="1"/>
  <c r="A38761" i="1" s="1"/>
  <c r="A38762" i="1" s="1"/>
  <c r="A38763" i="1" s="1"/>
  <c r="A38764" i="1" s="1"/>
  <c r="A38765" i="1" s="1"/>
  <c r="A38766" i="1" s="1"/>
  <c r="A38767" i="1" s="1"/>
  <c r="A38768" i="1" s="1"/>
  <c r="A38769" i="1" s="1"/>
  <c r="A38770" i="1" s="1"/>
  <c r="A38771" i="1" s="1"/>
  <c r="A38772" i="1" s="1"/>
  <c r="A38773" i="1" s="1"/>
  <c r="A38774" i="1" s="1"/>
  <c r="A38775" i="1" s="1"/>
  <c r="A38776" i="1" s="1"/>
  <c r="A38777" i="1" s="1"/>
  <c r="A38778" i="1" s="1"/>
  <c r="A38779" i="1" s="1"/>
  <c r="A38780" i="1" s="1"/>
  <c r="A38781" i="1" s="1"/>
  <c r="A38782" i="1" s="1"/>
  <c r="A38783" i="1" s="1"/>
  <c r="A38784" i="1" s="1"/>
  <c r="A38785" i="1" s="1"/>
  <c r="A38786" i="1" s="1"/>
  <c r="A38787" i="1" s="1"/>
  <c r="A38788" i="1" s="1"/>
  <c r="A38789" i="1" s="1"/>
  <c r="A38790" i="1" s="1"/>
  <c r="A38791" i="1" s="1"/>
  <c r="A38792" i="1" s="1"/>
  <c r="A38793" i="1" s="1"/>
  <c r="A38794" i="1" s="1"/>
  <c r="A38795" i="1" s="1"/>
  <c r="A38796" i="1" s="1"/>
  <c r="A38797" i="1" s="1"/>
  <c r="A38798" i="1" s="1"/>
  <c r="A38799" i="1" s="1"/>
  <c r="A38800" i="1" s="1"/>
  <c r="A38801" i="1" s="1"/>
  <c r="A38802" i="1" s="1"/>
  <c r="A38803" i="1" s="1"/>
  <c r="A38804" i="1" s="1"/>
  <c r="A38805" i="1" s="1"/>
  <c r="A38806" i="1" s="1"/>
  <c r="A38807" i="1" s="1"/>
  <c r="A38808" i="1" s="1"/>
  <c r="A38809" i="1" s="1"/>
  <c r="A38810" i="1" s="1"/>
  <c r="A38811" i="1" s="1"/>
  <c r="A38812" i="1" s="1"/>
  <c r="A38813" i="1" s="1"/>
  <c r="A38814" i="1" s="1"/>
  <c r="A38815" i="1" s="1"/>
  <c r="A38816" i="1" s="1"/>
  <c r="A38817" i="1" s="1"/>
  <c r="A38818" i="1" s="1"/>
  <c r="A38819" i="1" s="1"/>
  <c r="A38820" i="1" s="1"/>
  <c r="A38821" i="1" s="1"/>
  <c r="A38822" i="1" s="1"/>
  <c r="A38823" i="1" s="1"/>
  <c r="A38824" i="1" s="1"/>
  <c r="A38825" i="1" s="1"/>
  <c r="A38826" i="1" s="1"/>
  <c r="A38827" i="1" s="1"/>
  <c r="A38828" i="1" s="1"/>
  <c r="A38829" i="1" s="1"/>
  <c r="A38830" i="1" s="1"/>
  <c r="A38831" i="1" s="1"/>
  <c r="A38832" i="1" s="1"/>
  <c r="A38833" i="1" s="1"/>
  <c r="A38834" i="1" s="1"/>
  <c r="A38835" i="1" s="1"/>
  <c r="A38836" i="1" s="1"/>
  <c r="A38837" i="1" s="1"/>
  <c r="A38838" i="1" s="1"/>
  <c r="A38839" i="1" s="1"/>
  <c r="A38840" i="1" s="1"/>
  <c r="A38841" i="1" s="1"/>
  <c r="A38842" i="1" s="1"/>
  <c r="A38843" i="1" s="1"/>
  <c r="A38844" i="1" s="1"/>
  <c r="A38845" i="1" s="1"/>
  <c r="A38846" i="1" s="1"/>
  <c r="A38847" i="1" s="1"/>
  <c r="A38848" i="1" s="1"/>
  <c r="A38849" i="1" s="1"/>
  <c r="A38850" i="1" s="1"/>
  <c r="A38851" i="1" s="1"/>
  <c r="A38852" i="1" s="1"/>
  <c r="A38853" i="1" s="1"/>
  <c r="A38854" i="1" s="1"/>
  <c r="A38855" i="1" s="1"/>
  <c r="A38856" i="1" s="1"/>
  <c r="A38857" i="1" s="1"/>
  <c r="A38858" i="1" s="1"/>
  <c r="A38859" i="1" s="1"/>
  <c r="A38860" i="1" s="1"/>
  <c r="A38861" i="1" s="1"/>
  <c r="A38862" i="1" s="1"/>
  <c r="A38863" i="1" s="1"/>
  <c r="A38864" i="1" s="1"/>
  <c r="A38865" i="1" s="1"/>
  <c r="A38866" i="1" s="1"/>
  <c r="A38867" i="1" s="1"/>
  <c r="A38868" i="1" s="1"/>
  <c r="A38869" i="1" s="1"/>
  <c r="A38870" i="1" s="1"/>
  <c r="A38871" i="1" s="1"/>
  <c r="A38872" i="1" s="1"/>
  <c r="A38873" i="1" s="1"/>
  <c r="A38874" i="1" s="1"/>
  <c r="A38875" i="1" s="1"/>
  <c r="A38876" i="1" s="1"/>
  <c r="A38877" i="1" s="1"/>
  <c r="A38878" i="1" s="1"/>
  <c r="A38879" i="1" s="1"/>
  <c r="A38880" i="1" s="1"/>
  <c r="A38881" i="1" s="1"/>
  <c r="A38882" i="1" s="1"/>
  <c r="A38883" i="1" s="1"/>
  <c r="A38884" i="1" s="1"/>
  <c r="A38885" i="1" s="1"/>
  <c r="A38886" i="1" s="1"/>
  <c r="A38887" i="1" s="1"/>
  <c r="A38888" i="1" s="1"/>
  <c r="A38889" i="1" s="1"/>
  <c r="A38890" i="1" s="1"/>
  <c r="A38891" i="1" s="1"/>
  <c r="A38892" i="1" s="1"/>
  <c r="A38893" i="1" s="1"/>
  <c r="A38894" i="1" s="1"/>
  <c r="A38895" i="1" s="1"/>
  <c r="A38896" i="1" s="1"/>
  <c r="A38897" i="1" s="1"/>
  <c r="A38898" i="1" s="1"/>
  <c r="A38899" i="1" s="1"/>
  <c r="A38900" i="1" s="1"/>
  <c r="A38901" i="1" s="1"/>
  <c r="A38902" i="1" s="1"/>
  <c r="A38903" i="1" s="1"/>
  <c r="A38904" i="1" s="1"/>
  <c r="A38905" i="1" s="1"/>
  <c r="A38906" i="1" s="1"/>
  <c r="A38907" i="1" s="1"/>
  <c r="A38908" i="1" s="1"/>
  <c r="A38909" i="1" s="1"/>
  <c r="A38910" i="1" s="1"/>
  <c r="A38911" i="1" s="1"/>
  <c r="A38912" i="1" s="1"/>
  <c r="A38913" i="1" s="1"/>
  <c r="A38914" i="1" s="1"/>
  <c r="A38915" i="1" s="1"/>
  <c r="A38916" i="1" s="1"/>
  <c r="A38917" i="1" s="1"/>
  <c r="A38918" i="1" s="1"/>
  <c r="A38919" i="1" s="1"/>
  <c r="A38920" i="1" s="1"/>
  <c r="A38921" i="1" s="1"/>
  <c r="A38922" i="1" s="1"/>
  <c r="A38923" i="1" s="1"/>
  <c r="A38924" i="1" s="1"/>
  <c r="A38925" i="1" s="1"/>
  <c r="A38926" i="1" s="1"/>
  <c r="A38927" i="1" s="1"/>
  <c r="A38928" i="1" s="1"/>
  <c r="A38929" i="1" s="1"/>
  <c r="A38930" i="1" s="1"/>
  <c r="A38931" i="1" s="1"/>
  <c r="A38932" i="1" s="1"/>
  <c r="A38933" i="1" s="1"/>
  <c r="A38934" i="1" s="1"/>
  <c r="A38935" i="1" s="1"/>
  <c r="A38936" i="1" s="1"/>
  <c r="A38937" i="1" s="1"/>
  <c r="A38938" i="1" s="1"/>
  <c r="A38939" i="1" s="1"/>
  <c r="A38940" i="1" s="1"/>
  <c r="A38941" i="1" s="1"/>
  <c r="A38942" i="1" s="1"/>
  <c r="A38943" i="1" s="1"/>
  <c r="A38944" i="1" s="1"/>
  <c r="A38945" i="1" s="1"/>
  <c r="A38946" i="1" s="1"/>
  <c r="A38947" i="1" s="1"/>
  <c r="A38948" i="1" s="1"/>
  <c r="A38949" i="1" s="1"/>
  <c r="A38950" i="1" s="1"/>
  <c r="A38951" i="1" s="1"/>
  <c r="A38952" i="1" s="1"/>
  <c r="A38953" i="1" s="1"/>
  <c r="A38954" i="1" s="1"/>
  <c r="A38955" i="1" s="1"/>
  <c r="A38956" i="1" s="1"/>
  <c r="A38957" i="1" s="1"/>
  <c r="A38958" i="1" s="1"/>
  <c r="A38959" i="1" s="1"/>
  <c r="A38960" i="1" s="1"/>
  <c r="A38961" i="1" s="1"/>
  <c r="A38962" i="1" s="1"/>
  <c r="A38963" i="1" s="1"/>
  <c r="A38964" i="1" s="1"/>
  <c r="A38965" i="1" s="1"/>
  <c r="A38966" i="1" s="1"/>
  <c r="A38967" i="1" s="1"/>
  <c r="A38968" i="1" s="1"/>
  <c r="A38969" i="1" s="1"/>
  <c r="A38970" i="1" s="1"/>
  <c r="A38971" i="1" s="1"/>
  <c r="A38972" i="1" s="1"/>
  <c r="A38973" i="1" s="1"/>
  <c r="A38974" i="1" s="1"/>
  <c r="A38975" i="1" s="1"/>
  <c r="A38976" i="1" s="1"/>
  <c r="A38977" i="1" s="1"/>
  <c r="A38978" i="1" s="1"/>
  <c r="A38979" i="1" s="1"/>
  <c r="A38980" i="1" s="1"/>
  <c r="A38981" i="1" s="1"/>
  <c r="A38982" i="1" s="1"/>
  <c r="A38983" i="1" s="1"/>
  <c r="A38984" i="1" s="1"/>
  <c r="A38985" i="1" s="1"/>
  <c r="A38986" i="1" s="1"/>
  <c r="A38987" i="1" s="1"/>
  <c r="A38988" i="1" s="1"/>
  <c r="A38989" i="1" s="1"/>
  <c r="A38990" i="1" s="1"/>
  <c r="A38991" i="1" s="1"/>
  <c r="A38992" i="1" s="1"/>
  <c r="A38993" i="1" s="1"/>
  <c r="A38994" i="1" s="1"/>
  <c r="A38995" i="1" s="1"/>
  <c r="A38996" i="1" s="1"/>
  <c r="A38997" i="1" s="1"/>
  <c r="A38998" i="1" s="1"/>
  <c r="A38999" i="1" s="1"/>
  <c r="A39000" i="1" s="1"/>
  <c r="A39001" i="1" s="1"/>
  <c r="A39002" i="1" s="1"/>
  <c r="A39003" i="1" s="1"/>
  <c r="A39004" i="1" s="1"/>
  <c r="A39005" i="1" s="1"/>
  <c r="A39006" i="1" s="1"/>
  <c r="A39007" i="1" s="1"/>
  <c r="A39008" i="1" s="1"/>
  <c r="A39009" i="1" s="1"/>
  <c r="A39010" i="1" s="1"/>
  <c r="A39011" i="1" s="1"/>
  <c r="A39012" i="1" s="1"/>
  <c r="A39013" i="1" s="1"/>
  <c r="A39014" i="1" s="1"/>
  <c r="A39015" i="1" s="1"/>
  <c r="A39016" i="1" s="1"/>
  <c r="A39017" i="1" s="1"/>
  <c r="A39018" i="1" s="1"/>
  <c r="A39019" i="1" s="1"/>
  <c r="A39020" i="1" s="1"/>
  <c r="A39021" i="1" s="1"/>
  <c r="A39022" i="1" s="1"/>
  <c r="A39023" i="1" s="1"/>
  <c r="A39024" i="1" s="1"/>
  <c r="A39025" i="1" s="1"/>
  <c r="A39026" i="1" s="1"/>
  <c r="A39027" i="1" s="1"/>
  <c r="A39028" i="1" s="1"/>
  <c r="A39029" i="1" s="1"/>
  <c r="A39030" i="1" s="1"/>
  <c r="A39031" i="1" s="1"/>
  <c r="A39032" i="1" s="1"/>
  <c r="A39033" i="1" s="1"/>
  <c r="A39034" i="1" s="1"/>
  <c r="A39035" i="1" s="1"/>
  <c r="A39036" i="1" s="1"/>
  <c r="A39037" i="1" s="1"/>
  <c r="A39038" i="1" s="1"/>
  <c r="A39039" i="1" s="1"/>
  <c r="A39040" i="1" s="1"/>
  <c r="A39041" i="1" s="1"/>
  <c r="A39042" i="1" s="1"/>
  <c r="A39043" i="1" s="1"/>
  <c r="A39044" i="1" s="1"/>
  <c r="A39045" i="1" s="1"/>
  <c r="A39046" i="1" s="1"/>
  <c r="A39047" i="1" s="1"/>
  <c r="A39048" i="1" s="1"/>
  <c r="A39049" i="1" s="1"/>
  <c r="A39050" i="1" s="1"/>
  <c r="A39051" i="1" s="1"/>
  <c r="A39052" i="1" s="1"/>
  <c r="A39053" i="1" s="1"/>
  <c r="A39054" i="1" s="1"/>
  <c r="A39055" i="1" s="1"/>
  <c r="A39056" i="1" s="1"/>
  <c r="A39057" i="1" s="1"/>
  <c r="A39058" i="1" s="1"/>
  <c r="A39059" i="1" s="1"/>
  <c r="A39060" i="1" s="1"/>
  <c r="A39061" i="1" s="1"/>
  <c r="A39062" i="1" s="1"/>
  <c r="A39063" i="1" s="1"/>
  <c r="A39064" i="1" s="1"/>
  <c r="A39065" i="1" s="1"/>
  <c r="A39066" i="1" s="1"/>
  <c r="A39067" i="1" s="1"/>
  <c r="A39068" i="1" s="1"/>
  <c r="A39069" i="1" s="1"/>
  <c r="A39070" i="1" s="1"/>
  <c r="A39071" i="1" s="1"/>
  <c r="A39072" i="1" s="1"/>
  <c r="A39073" i="1" s="1"/>
  <c r="A39074" i="1" s="1"/>
  <c r="A39075" i="1" s="1"/>
  <c r="A39076" i="1" s="1"/>
  <c r="A39077" i="1" s="1"/>
  <c r="A39078" i="1" s="1"/>
  <c r="A39079" i="1" s="1"/>
  <c r="A39080" i="1" s="1"/>
  <c r="A39081" i="1" s="1"/>
  <c r="A39082" i="1" s="1"/>
  <c r="A39083" i="1" s="1"/>
  <c r="A39084" i="1" s="1"/>
  <c r="A39085" i="1" s="1"/>
  <c r="A39086" i="1" s="1"/>
  <c r="A39087" i="1" s="1"/>
  <c r="A39088" i="1" s="1"/>
  <c r="A39089" i="1" s="1"/>
  <c r="A39090" i="1" s="1"/>
  <c r="A39091" i="1" s="1"/>
  <c r="A39092" i="1" s="1"/>
  <c r="A39093" i="1" s="1"/>
  <c r="A39094" i="1" s="1"/>
  <c r="A39095" i="1" s="1"/>
  <c r="A39096" i="1" s="1"/>
  <c r="A39097" i="1" s="1"/>
  <c r="A39098" i="1" s="1"/>
  <c r="A39099" i="1" s="1"/>
  <c r="A39100" i="1" s="1"/>
  <c r="A39101" i="1" s="1"/>
  <c r="A39102" i="1" s="1"/>
  <c r="A39103" i="1" s="1"/>
  <c r="A39104" i="1" s="1"/>
  <c r="A39105" i="1" s="1"/>
  <c r="A39106" i="1" s="1"/>
  <c r="A39107" i="1" s="1"/>
  <c r="A39108" i="1" s="1"/>
  <c r="A39109" i="1" s="1"/>
  <c r="A39110" i="1" s="1"/>
  <c r="A39111" i="1" s="1"/>
  <c r="A39112" i="1" s="1"/>
  <c r="A39113" i="1" s="1"/>
  <c r="A39114" i="1" s="1"/>
  <c r="A39115" i="1" s="1"/>
  <c r="A39116" i="1" s="1"/>
  <c r="A39117" i="1" s="1"/>
  <c r="A39118" i="1" s="1"/>
  <c r="A39119" i="1" s="1"/>
  <c r="A39120" i="1" s="1"/>
  <c r="A39121" i="1" s="1"/>
  <c r="A39122" i="1" s="1"/>
  <c r="A39123" i="1" s="1"/>
  <c r="A39124" i="1" s="1"/>
  <c r="A39125" i="1" s="1"/>
  <c r="A39126" i="1" s="1"/>
  <c r="A39127" i="1" s="1"/>
  <c r="A39128" i="1" s="1"/>
  <c r="A39129" i="1" s="1"/>
  <c r="A39130" i="1" s="1"/>
  <c r="A39131" i="1" s="1"/>
  <c r="A39132" i="1" s="1"/>
  <c r="A39133" i="1" s="1"/>
  <c r="A39134" i="1" s="1"/>
  <c r="A39135" i="1" s="1"/>
  <c r="A39136" i="1" s="1"/>
  <c r="A39137" i="1" s="1"/>
  <c r="A39138" i="1" s="1"/>
  <c r="A39139" i="1" s="1"/>
  <c r="A39140" i="1" s="1"/>
  <c r="A39141" i="1" s="1"/>
  <c r="A39142" i="1" s="1"/>
  <c r="A39143" i="1" s="1"/>
  <c r="A39144" i="1" s="1"/>
  <c r="A39145" i="1" s="1"/>
  <c r="A39146" i="1" s="1"/>
  <c r="A39147" i="1" s="1"/>
  <c r="A39148" i="1" s="1"/>
  <c r="A39149" i="1" s="1"/>
  <c r="A39150" i="1" s="1"/>
  <c r="A39151" i="1" s="1"/>
  <c r="A39152" i="1" s="1"/>
  <c r="A39153" i="1" s="1"/>
  <c r="A39154" i="1" s="1"/>
  <c r="A39155" i="1" s="1"/>
  <c r="A39156" i="1" s="1"/>
  <c r="A39157" i="1" s="1"/>
  <c r="A39158" i="1" s="1"/>
  <c r="A39159" i="1" s="1"/>
  <c r="A39160" i="1" s="1"/>
  <c r="A39161" i="1" s="1"/>
  <c r="A39162" i="1" s="1"/>
  <c r="A39163" i="1" s="1"/>
  <c r="A39164" i="1" s="1"/>
  <c r="A39165" i="1" s="1"/>
  <c r="A39166" i="1" s="1"/>
  <c r="A39167" i="1" s="1"/>
  <c r="A39168" i="1" s="1"/>
  <c r="A39169" i="1" s="1"/>
  <c r="A39170" i="1" s="1"/>
  <c r="A39171" i="1" s="1"/>
  <c r="A39172" i="1" s="1"/>
  <c r="A39173" i="1" s="1"/>
  <c r="A39174" i="1" s="1"/>
  <c r="A39175" i="1" s="1"/>
  <c r="A39176" i="1" s="1"/>
  <c r="A39177" i="1" s="1"/>
  <c r="A39178" i="1" s="1"/>
  <c r="A39179" i="1" s="1"/>
  <c r="A39180" i="1" s="1"/>
  <c r="A39181" i="1" s="1"/>
  <c r="A39182" i="1" s="1"/>
  <c r="A39183" i="1" s="1"/>
  <c r="A39184" i="1" s="1"/>
  <c r="A39185" i="1" s="1"/>
  <c r="A39186" i="1" s="1"/>
  <c r="A39187" i="1" s="1"/>
  <c r="A39188" i="1" s="1"/>
  <c r="A39189" i="1" s="1"/>
  <c r="A39190" i="1" s="1"/>
  <c r="A39191" i="1" s="1"/>
  <c r="A39192" i="1" s="1"/>
  <c r="A39193" i="1" s="1"/>
  <c r="A39194" i="1" s="1"/>
  <c r="A39195" i="1" s="1"/>
  <c r="A39196" i="1" s="1"/>
  <c r="A39197" i="1" s="1"/>
  <c r="A39198" i="1" s="1"/>
  <c r="A39199" i="1" s="1"/>
  <c r="A39200" i="1" s="1"/>
  <c r="A39201" i="1" s="1"/>
  <c r="A39202" i="1" s="1"/>
  <c r="A39203" i="1" s="1"/>
  <c r="A39204" i="1" s="1"/>
  <c r="A39205" i="1" s="1"/>
  <c r="A39206" i="1" s="1"/>
  <c r="A39207" i="1" s="1"/>
  <c r="A39208" i="1" s="1"/>
  <c r="A39209" i="1" s="1"/>
  <c r="A39210" i="1" s="1"/>
  <c r="A39211" i="1" s="1"/>
  <c r="A39212" i="1" s="1"/>
  <c r="A39213" i="1" s="1"/>
  <c r="A39214" i="1" s="1"/>
  <c r="A39215" i="1" s="1"/>
  <c r="A39216" i="1" s="1"/>
  <c r="A39217" i="1" s="1"/>
  <c r="A39218" i="1" s="1"/>
  <c r="A39219" i="1" s="1"/>
  <c r="A39220" i="1" s="1"/>
  <c r="A39221" i="1" s="1"/>
  <c r="A39222" i="1" s="1"/>
  <c r="A39223" i="1" s="1"/>
  <c r="A39224" i="1" s="1"/>
  <c r="A39225" i="1" s="1"/>
  <c r="A39226" i="1" s="1"/>
  <c r="A39227" i="1" s="1"/>
  <c r="A39228" i="1" s="1"/>
  <c r="A39229" i="1" s="1"/>
  <c r="A39230" i="1" s="1"/>
  <c r="A39231" i="1" s="1"/>
  <c r="A39232" i="1" s="1"/>
  <c r="A39233" i="1" s="1"/>
  <c r="A39234" i="1" s="1"/>
  <c r="A39235" i="1" s="1"/>
  <c r="A39236" i="1" s="1"/>
  <c r="A39237" i="1" s="1"/>
  <c r="A39238" i="1" s="1"/>
  <c r="A39239" i="1" s="1"/>
  <c r="A39240" i="1" s="1"/>
  <c r="A39241" i="1" s="1"/>
  <c r="A39242" i="1" s="1"/>
  <c r="A39243" i="1" s="1"/>
  <c r="A39244" i="1" s="1"/>
  <c r="A39245" i="1" s="1"/>
  <c r="A39246" i="1" s="1"/>
  <c r="A39247" i="1" s="1"/>
  <c r="A39248" i="1" s="1"/>
  <c r="A39249" i="1" s="1"/>
  <c r="A39250" i="1" s="1"/>
  <c r="A39251" i="1" s="1"/>
  <c r="A39252" i="1" s="1"/>
  <c r="A39253" i="1" s="1"/>
  <c r="A39254" i="1" s="1"/>
  <c r="A39255" i="1" s="1"/>
  <c r="A39256" i="1" s="1"/>
  <c r="A39257" i="1" s="1"/>
  <c r="A39258" i="1" s="1"/>
  <c r="A39259" i="1" s="1"/>
  <c r="A39260" i="1" s="1"/>
  <c r="A39261" i="1" s="1"/>
  <c r="A39262" i="1" s="1"/>
  <c r="A39263" i="1" s="1"/>
  <c r="A39264" i="1" s="1"/>
  <c r="A39265" i="1" s="1"/>
  <c r="A39266" i="1" s="1"/>
  <c r="A39267" i="1" s="1"/>
  <c r="A39268" i="1" s="1"/>
  <c r="A39269" i="1" s="1"/>
  <c r="A39270" i="1" s="1"/>
  <c r="A39271" i="1" s="1"/>
  <c r="A39272" i="1" s="1"/>
  <c r="A39273" i="1" s="1"/>
  <c r="A39274" i="1" s="1"/>
  <c r="A39275" i="1" s="1"/>
  <c r="A39276" i="1" s="1"/>
  <c r="A39277" i="1" s="1"/>
  <c r="A39278" i="1" s="1"/>
  <c r="A39279" i="1" s="1"/>
  <c r="A39280" i="1" s="1"/>
  <c r="A39281" i="1" s="1"/>
  <c r="A39282" i="1" s="1"/>
  <c r="A39283" i="1" s="1"/>
  <c r="A39284" i="1" s="1"/>
  <c r="A39285" i="1" s="1"/>
  <c r="A39286" i="1" s="1"/>
  <c r="A39287" i="1" s="1"/>
  <c r="A39288" i="1" s="1"/>
  <c r="A39289" i="1" s="1"/>
  <c r="A39290" i="1" s="1"/>
  <c r="A39291" i="1" s="1"/>
  <c r="A39292" i="1" s="1"/>
  <c r="A39293" i="1" s="1"/>
  <c r="A39294" i="1" s="1"/>
  <c r="A39295" i="1" s="1"/>
  <c r="A39296" i="1" s="1"/>
  <c r="A39297" i="1" s="1"/>
  <c r="A39298" i="1" s="1"/>
  <c r="A39299" i="1" s="1"/>
  <c r="A39300" i="1" s="1"/>
  <c r="A39301" i="1" s="1"/>
  <c r="A39302" i="1" s="1"/>
  <c r="A39303" i="1" s="1"/>
  <c r="A39304" i="1" s="1"/>
  <c r="A39305" i="1" s="1"/>
  <c r="A39306" i="1" s="1"/>
  <c r="A39307" i="1" s="1"/>
  <c r="A39308" i="1" s="1"/>
  <c r="A39309" i="1" s="1"/>
  <c r="A39310" i="1" s="1"/>
  <c r="A39311" i="1" s="1"/>
  <c r="A39312" i="1" s="1"/>
  <c r="A39313" i="1" s="1"/>
  <c r="A39314" i="1" s="1"/>
  <c r="A39315" i="1" s="1"/>
  <c r="A39316" i="1" s="1"/>
  <c r="A39317" i="1" s="1"/>
  <c r="A39318" i="1" s="1"/>
  <c r="A39319" i="1" s="1"/>
  <c r="A39320" i="1" s="1"/>
  <c r="A39321" i="1" s="1"/>
  <c r="A39322" i="1" s="1"/>
  <c r="A39323" i="1" s="1"/>
  <c r="A39324" i="1" s="1"/>
  <c r="A39325" i="1" s="1"/>
  <c r="A39326" i="1" s="1"/>
  <c r="A39327" i="1" s="1"/>
  <c r="A39328" i="1" s="1"/>
  <c r="A39329" i="1" s="1"/>
  <c r="A39330" i="1" s="1"/>
  <c r="A39331" i="1" s="1"/>
  <c r="A39332" i="1" s="1"/>
  <c r="A39333" i="1" s="1"/>
  <c r="A39334" i="1" s="1"/>
  <c r="A39335" i="1" s="1"/>
  <c r="A39336" i="1" s="1"/>
  <c r="A39337" i="1" s="1"/>
  <c r="A39338" i="1" s="1"/>
  <c r="A39339" i="1" s="1"/>
  <c r="A39340" i="1" s="1"/>
  <c r="A39341" i="1" s="1"/>
  <c r="A39342" i="1" s="1"/>
  <c r="A39343" i="1" s="1"/>
  <c r="A39344" i="1" s="1"/>
  <c r="A39345" i="1" s="1"/>
  <c r="A39346" i="1" s="1"/>
  <c r="A39347" i="1" s="1"/>
  <c r="A39348" i="1" s="1"/>
  <c r="A39349" i="1" s="1"/>
  <c r="A39350" i="1" s="1"/>
  <c r="A39351" i="1" s="1"/>
  <c r="A39352" i="1" s="1"/>
  <c r="A39353" i="1" s="1"/>
  <c r="A39354" i="1" s="1"/>
  <c r="A39355" i="1" s="1"/>
  <c r="A39356" i="1" s="1"/>
  <c r="A39357" i="1" s="1"/>
  <c r="A39358" i="1" s="1"/>
  <c r="A39359" i="1" s="1"/>
  <c r="A39360" i="1" s="1"/>
  <c r="A39361" i="1" s="1"/>
  <c r="A39362" i="1" s="1"/>
  <c r="A39363" i="1" s="1"/>
  <c r="A39364" i="1" s="1"/>
  <c r="A39365" i="1" s="1"/>
  <c r="A39366" i="1" s="1"/>
  <c r="A39367" i="1" s="1"/>
  <c r="A39368" i="1" s="1"/>
  <c r="A39369" i="1" s="1"/>
  <c r="A39370" i="1" s="1"/>
  <c r="A39371" i="1" s="1"/>
  <c r="A39372" i="1" s="1"/>
  <c r="A39373" i="1" s="1"/>
  <c r="A39374" i="1" s="1"/>
  <c r="A39375" i="1" s="1"/>
  <c r="A39376" i="1" s="1"/>
  <c r="A39377" i="1" s="1"/>
  <c r="A39378" i="1" s="1"/>
  <c r="A39379" i="1" s="1"/>
  <c r="A39380" i="1" s="1"/>
  <c r="A39381" i="1" s="1"/>
  <c r="A39382" i="1" s="1"/>
  <c r="A39383" i="1" s="1"/>
  <c r="A39384" i="1" s="1"/>
  <c r="A39385" i="1" s="1"/>
  <c r="A39386" i="1" s="1"/>
  <c r="A39387" i="1" s="1"/>
  <c r="A39388" i="1" s="1"/>
  <c r="A39389" i="1" s="1"/>
  <c r="A39390" i="1" s="1"/>
  <c r="A39391" i="1" s="1"/>
  <c r="A39392" i="1" s="1"/>
  <c r="A39393" i="1" s="1"/>
  <c r="A39394" i="1" s="1"/>
  <c r="A39395" i="1" s="1"/>
  <c r="A39396" i="1" s="1"/>
  <c r="A39397" i="1" s="1"/>
  <c r="A39398" i="1" s="1"/>
  <c r="A39399" i="1" s="1"/>
  <c r="A39400" i="1" s="1"/>
  <c r="A39401" i="1" s="1"/>
  <c r="A39402" i="1" s="1"/>
  <c r="A39403" i="1" s="1"/>
  <c r="A39404" i="1" s="1"/>
  <c r="A39405" i="1" s="1"/>
  <c r="A39406" i="1" s="1"/>
  <c r="A39407" i="1" s="1"/>
  <c r="A39408" i="1" s="1"/>
  <c r="A39409" i="1" s="1"/>
  <c r="A39410" i="1" s="1"/>
  <c r="A39411" i="1" s="1"/>
  <c r="A39412" i="1" s="1"/>
  <c r="A39413" i="1" s="1"/>
  <c r="A39414" i="1" s="1"/>
  <c r="A39415" i="1" s="1"/>
  <c r="A39416" i="1" s="1"/>
  <c r="A39417" i="1" s="1"/>
  <c r="A39418" i="1" s="1"/>
  <c r="A39419" i="1" s="1"/>
  <c r="A39420" i="1" s="1"/>
  <c r="A39421" i="1" s="1"/>
  <c r="A39422" i="1" s="1"/>
  <c r="A39423" i="1" s="1"/>
  <c r="A39424" i="1" s="1"/>
  <c r="A39425" i="1" s="1"/>
  <c r="A39426" i="1" s="1"/>
  <c r="A39427" i="1" s="1"/>
  <c r="A39428" i="1" s="1"/>
  <c r="A39429" i="1" s="1"/>
  <c r="A39430" i="1" s="1"/>
  <c r="A39431" i="1" s="1"/>
  <c r="A39432" i="1" s="1"/>
  <c r="A39433" i="1" s="1"/>
  <c r="A39434" i="1" s="1"/>
  <c r="A39435" i="1" s="1"/>
  <c r="A39436" i="1" s="1"/>
  <c r="A39437" i="1" s="1"/>
  <c r="A39438" i="1" s="1"/>
  <c r="A39439" i="1" s="1"/>
  <c r="A39440" i="1" s="1"/>
  <c r="A39441" i="1" s="1"/>
  <c r="A39442" i="1" s="1"/>
  <c r="A39443" i="1" s="1"/>
  <c r="A39444" i="1" s="1"/>
  <c r="A39445" i="1" s="1"/>
  <c r="A39446" i="1" s="1"/>
  <c r="A39447" i="1" s="1"/>
  <c r="A39448" i="1" s="1"/>
  <c r="A39449" i="1" s="1"/>
  <c r="A39450" i="1" s="1"/>
  <c r="A39451" i="1" s="1"/>
  <c r="A39452" i="1" s="1"/>
  <c r="A39453" i="1" s="1"/>
  <c r="A39454" i="1" s="1"/>
  <c r="A39455" i="1" s="1"/>
  <c r="A39456" i="1" s="1"/>
  <c r="A39457" i="1" s="1"/>
  <c r="A39458" i="1" s="1"/>
  <c r="A39459" i="1" s="1"/>
  <c r="A39460" i="1" s="1"/>
  <c r="A39461" i="1" s="1"/>
  <c r="A39462" i="1" s="1"/>
  <c r="A39463" i="1" s="1"/>
  <c r="A39464" i="1" s="1"/>
  <c r="A39465" i="1" s="1"/>
  <c r="A39466" i="1" s="1"/>
  <c r="A39467" i="1" s="1"/>
  <c r="A39468" i="1" s="1"/>
  <c r="A39469" i="1" s="1"/>
  <c r="A39470" i="1" s="1"/>
  <c r="A39471" i="1" s="1"/>
  <c r="A39472" i="1" s="1"/>
  <c r="A39473" i="1" s="1"/>
  <c r="A39474" i="1" s="1"/>
  <c r="A39475" i="1" s="1"/>
  <c r="A39476" i="1" s="1"/>
  <c r="A39477" i="1" s="1"/>
  <c r="A39478" i="1" s="1"/>
  <c r="A39479" i="1" s="1"/>
  <c r="A39480" i="1" s="1"/>
  <c r="A39481" i="1" s="1"/>
  <c r="A39482" i="1" s="1"/>
  <c r="A39483" i="1" s="1"/>
  <c r="A39484" i="1" s="1"/>
  <c r="A39485" i="1" s="1"/>
  <c r="A39486" i="1" s="1"/>
  <c r="A39487" i="1" s="1"/>
  <c r="A39488" i="1" s="1"/>
  <c r="A39489" i="1" s="1"/>
  <c r="A39490" i="1" s="1"/>
  <c r="A39491" i="1" s="1"/>
  <c r="A39492" i="1" s="1"/>
  <c r="A39493" i="1" s="1"/>
  <c r="A39494" i="1" s="1"/>
  <c r="A39495" i="1" s="1"/>
  <c r="A39496" i="1" s="1"/>
  <c r="A39497" i="1" s="1"/>
  <c r="A39498" i="1" s="1"/>
  <c r="A39499" i="1" s="1"/>
  <c r="A39500" i="1" s="1"/>
  <c r="A39501" i="1" s="1"/>
  <c r="A39502" i="1" s="1"/>
  <c r="A39503" i="1" s="1"/>
  <c r="A39504" i="1" s="1"/>
  <c r="A39505" i="1" s="1"/>
  <c r="A39506" i="1" s="1"/>
  <c r="A39507" i="1" s="1"/>
  <c r="A39508" i="1" s="1"/>
  <c r="A39509" i="1" s="1"/>
  <c r="A39510" i="1" s="1"/>
  <c r="A39511" i="1" s="1"/>
  <c r="A39512" i="1" s="1"/>
  <c r="A39513" i="1" s="1"/>
  <c r="A39514" i="1" s="1"/>
  <c r="A39515" i="1" s="1"/>
  <c r="A39516" i="1" s="1"/>
  <c r="A39517" i="1" s="1"/>
  <c r="A39518" i="1" s="1"/>
  <c r="A39519" i="1" s="1"/>
  <c r="A39520" i="1" s="1"/>
  <c r="A39521" i="1" s="1"/>
  <c r="A39522" i="1" s="1"/>
  <c r="A39523" i="1" s="1"/>
  <c r="A39524" i="1" s="1"/>
  <c r="A39525" i="1" s="1"/>
  <c r="A39526" i="1" s="1"/>
  <c r="A39527" i="1" s="1"/>
  <c r="A39528" i="1" s="1"/>
  <c r="A39529" i="1" s="1"/>
  <c r="A39530" i="1" s="1"/>
  <c r="A39531" i="1" s="1"/>
  <c r="A39532" i="1" s="1"/>
  <c r="A39533" i="1" s="1"/>
  <c r="A39534" i="1" s="1"/>
  <c r="A39535" i="1" s="1"/>
  <c r="A39536" i="1" s="1"/>
  <c r="A39537" i="1" s="1"/>
  <c r="A39538" i="1" s="1"/>
  <c r="A39539" i="1" s="1"/>
  <c r="A39540" i="1" s="1"/>
  <c r="A39541" i="1" s="1"/>
  <c r="A39542" i="1" s="1"/>
  <c r="A39543" i="1" s="1"/>
  <c r="A39544" i="1" s="1"/>
  <c r="A39545" i="1" s="1"/>
  <c r="A39546" i="1" s="1"/>
  <c r="A39547" i="1" s="1"/>
  <c r="A39548" i="1" s="1"/>
  <c r="A39549" i="1" s="1"/>
  <c r="A39550" i="1" s="1"/>
  <c r="A39551" i="1" s="1"/>
  <c r="A39552" i="1" s="1"/>
  <c r="A39553" i="1" s="1"/>
  <c r="A39554" i="1" s="1"/>
  <c r="A39555" i="1" s="1"/>
  <c r="A39556" i="1" s="1"/>
  <c r="A39557" i="1" s="1"/>
  <c r="A39558" i="1" s="1"/>
  <c r="A39559" i="1" s="1"/>
  <c r="A39560" i="1" s="1"/>
  <c r="A39561" i="1" s="1"/>
  <c r="A39562" i="1" s="1"/>
  <c r="A39563" i="1" s="1"/>
  <c r="A39564" i="1" s="1"/>
  <c r="A39565" i="1" s="1"/>
  <c r="A39566" i="1" s="1"/>
  <c r="A39567" i="1" s="1"/>
  <c r="A39568" i="1" s="1"/>
  <c r="A39569" i="1" s="1"/>
  <c r="A39570" i="1" s="1"/>
  <c r="A39571" i="1" s="1"/>
  <c r="A39572" i="1" s="1"/>
  <c r="A39573" i="1" s="1"/>
  <c r="A39574" i="1" s="1"/>
  <c r="A39575" i="1" s="1"/>
  <c r="A39576" i="1" s="1"/>
  <c r="A39577" i="1" s="1"/>
  <c r="A39578" i="1" s="1"/>
  <c r="A39579" i="1" s="1"/>
  <c r="A39580" i="1" s="1"/>
  <c r="A39581" i="1" s="1"/>
  <c r="A39582" i="1" s="1"/>
  <c r="A39583" i="1" s="1"/>
  <c r="A39584" i="1" s="1"/>
  <c r="A39585" i="1" s="1"/>
  <c r="A39586" i="1" s="1"/>
  <c r="A39587" i="1" s="1"/>
  <c r="A39588" i="1" s="1"/>
  <c r="A39589" i="1" s="1"/>
  <c r="A39590" i="1" s="1"/>
  <c r="A39591" i="1" s="1"/>
  <c r="A39592" i="1" s="1"/>
  <c r="A39593" i="1" s="1"/>
  <c r="A39594" i="1" s="1"/>
  <c r="A39595" i="1" s="1"/>
  <c r="A39596" i="1" s="1"/>
  <c r="A39597" i="1" s="1"/>
  <c r="A39598" i="1" s="1"/>
  <c r="A39599" i="1" s="1"/>
  <c r="A39600" i="1" s="1"/>
  <c r="A39601" i="1" s="1"/>
  <c r="A39602" i="1" s="1"/>
  <c r="A39603" i="1" s="1"/>
  <c r="A39604" i="1" s="1"/>
  <c r="A39605" i="1" s="1"/>
  <c r="A39606" i="1" s="1"/>
  <c r="A39607" i="1" s="1"/>
  <c r="A39608" i="1" s="1"/>
  <c r="A39609" i="1" s="1"/>
  <c r="A39610" i="1" s="1"/>
  <c r="A39611" i="1" s="1"/>
  <c r="A39612" i="1" s="1"/>
  <c r="A39613" i="1" s="1"/>
  <c r="A39614" i="1" s="1"/>
  <c r="A39615" i="1" s="1"/>
  <c r="A39616" i="1" s="1"/>
  <c r="A39617" i="1" s="1"/>
  <c r="A39618" i="1" s="1"/>
  <c r="A39619" i="1" s="1"/>
  <c r="A39620" i="1" s="1"/>
  <c r="A39621" i="1" s="1"/>
  <c r="A39622" i="1" s="1"/>
  <c r="A39623" i="1" s="1"/>
  <c r="A39624" i="1" s="1"/>
  <c r="A39625" i="1" s="1"/>
  <c r="A39626" i="1" s="1"/>
  <c r="A39627" i="1" s="1"/>
  <c r="A39628" i="1" s="1"/>
  <c r="A39629" i="1" s="1"/>
  <c r="A39630" i="1" s="1"/>
  <c r="A39631" i="1" s="1"/>
  <c r="A39632" i="1" s="1"/>
  <c r="A39633" i="1" s="1"/>
  <c r="A39634" i="1" s="1"/>
  <c r="A39635" i="1" s="1"/>
  <c r="A39636" i="1" s="1"/>
  <c r="A39637" i="1" s="1"/>
  <c r="A39638" i="1" s="1"/>
  <c r="A39639" i="1" s="1"/>
  <c r="A39640" i="1" s="1"/>
  <c r="A39641" i="1" s="1"/>
  <c r="A39642" i="1" s="1"/>
  <c r="A39643" i="1" s="1"/>
  <c r="A39644" i="1" s="1"/>
  <c r="A39645" i="1" s="1"/>
  <c r="A39646" i="1" s="1"/>
  <c r="A39647" i="1" s="1"/>
  <c r="A39648" i="1" s="1"/>
  <c r="A39649" i="1" s="1"/>
  <c r="A39650" i="1" s="1"/>
  <c r="A39651" i="1" s="1"/>
  <c r="A39652" i="1" s="1"/>
  <c r="A39653" i="1" s="1"/>
  <c r="A39654" i="1" s="1"/>
  <c r="A39655" i="1" s="1"/>
  <c r="A39656" i="1" s="1"/>
  <c r="A39657" i="1" s="1"/>
  <c r="A39658" i="1" s="1"/>
  <c r="A39659" i="1" s="1"/>
  <c r="A39660" i="1" s="1"/>
  <c r="A39661" i="1" s="1"/>
  <c r="A39662" i="1" s="1"/>
  <c r="A39663" i="1" s="1"/>
  <c r="A39664" i="1" s="1"/>
  <c r="A39665" i="1" s="1"/>
  <c r="A39666" i="1" s="1"/>
  <c r="A39667" i="1" s="1"/>
  <c r="A39668" i="1" s="1"/>
  <c r="A39669" i="1" s="1"/>
  <c r="A39670" i="1" s="1"/>
  <c r="A39671" i="1" s="1"/>
  <c r="A39672" i="1" s="1"/>
  <c r="A39673" i="1" s="1"/>
  <c r="A39674" i="1" s="1"/>
  <c r="A39675" i="1" s="1"/>
  <c r="A39676" i="1" s="1"/>
  <c r="A39677" i="1" s="1"/>
  <c r="A39678" i="1" s="1"/>
  <c r="A39679" i="1" s="1"/>
  <c r="A39680" i="1" s="1"/>
  <c r="A39681" i="1" s="1"/>
  <c r="A39682" i="1" s="1"/>
  <c r="A39683" i="1" s="1"/>
  <c r="A39684" i="1" s="1"/>
  <c r="A39685" i="1" s="1"/>
  <c r="A39686" i="1" s="1"/>
  <c r="A39687" i="1" s="1"/>
  <c r="A39688" i="1" s="1"/>
  <c r="A39689" i="1" s="1"/>
  <c r="A39690" i="1" s="1"/>
  <c r="A39691" i="1" s="1"/>
  <c r="A39692" i="1" s="1"/>
  <c r="A39693" i="1" s="1"/>
  <c r="A39694" i="1" s="1"/>
  <c r="A39695" i="1" s="1"/>
  <c r="A39696" i="1" s="1"/>
  <c r="A39697" i="1" s="1"/>
  <c r="A39698" i="1" s="1"/>
  <c r="A39699" i="1" s="1"/>
  <c r="A39700" i="1" s="1"/>
  <c r="A39701" i="1" s="1"/>
  <c r="A39702" i="1" s="1"/>
  <c r="A39703" i="1" s="1"/>
  <c r="A39704" i="1" s="1"/>
  <c r="A39705" i="1" s="1"/>
  <c r="A39706" i="1" s="1"/>
  <c r="A39707" i="1" s="1"/>
  <c r="A39708" i="1" s="1"/>
  <c r="A39709" i="1" s="1"/>
  <c r="A39710" i="1" s="1"/>
  <c r="A39711" i="1" s="1"/>
  <c r="A39712" i="1" s="1"/>
  <c r="A39713" i="1" s="1"/>
  <c r="A39714" i="1" s="1"/>
  <c r="A39715" i="1" s="1"/>
  <c r="A39716" i="1" s="1"/>
  <c r="A39717" i="1" s="1"/>
  <c r="A39718" i="1" s="1"/>
  <c r="A39719" i="1" s="1"/>
  <c r="A39720" i="1" s="1"/>
  <c r="A39721" i="1" s="1"/>
  <c r="A39722" i="1" s="1"/>
  <c r="A39723" i="1" s="1"/>
  <c r="A39724" i="1" s="1"/>
  <c r="A39725" i="1" s="1"/>
  <c r="A39726" i="1" s="1"/>
  <c r="A39727" i="1" s="1"/>
  <c r="A39728" i="1" s="1"/>
  <c r="A39729" i="1" s="1"/>
  <c r="A39730" i="1" s="1"/>
  <c r="A39731" i="1" s="1"/>
  <c r="A39732" i="1" s="1"/>
  <c r="A39733" i="1" s="1"/>
  <c r="A39734" i="1" s="1"/>
  <c r="A39735" i="1" s="1"/>
  <c r="A39736" i="1" s="1"/>
  <c r="A39737" i="1" s="1"/>
  <c r="A39738" i="1" s="1"/>
  <c r="A39739" i="1" s="1"/>
  <c r="A39740" i="1" s="1"/>
  <c r="A39741" i="1" s="1"/>
  <c r="A39742" i="1" s="1"/>
  <c r="A39743" i="1" s="1"/>
  <c r="A39744" i="1" s="1"/>
  <c r="A39745" i="1" s="1"/>
  <c r="A39746" i="1" s="1"/>
  <c r="A39747" i="1" s="1"/>
  <c r="A39748" i="1" s="1"/>
  <c r="A39749" i="1" s="1"/>
  <c r="A39750" i="1" s="1"/>
  <c r="A39751" i="1" s="1"/>
  <c r="A39752" i="1" s="1"/>
  <c r="A39753" i="1" s="1"/>
  <c r="A39754" i="1" s="1"/>
  <c r="A39755" i="1" s="1"/>
  <c r="A39756" i="1" s="1"/>
  <c r="A39757" i="1" s="1"/>
  <c r="A39758" i="1" s="1"/>
  <c r="A39759" i="1" s="1"/>
  <c r="A39760" i="1" s="1"/>
  <c r="A39761" i="1" s="1"/>
  <c r="A39762" i="1" s="1"/>
  <c r="A39763" i="1" s="1"/>
  <c r="A39764" i="1" s="1"/>
  <c r="A39765" i="1" s="1"/>
  <c r="A39766" i="1" s="1"/>
  <c r="A39767" i="1" s="1"/>
  <c r="A39768" i="1" s="1"/>
  <c r="A39769" i="1" s="1"/>
  <c r="A39770" i="1" s="1"/>
  <c r="A39771" i="1" s="1"/>
  <c r="A39772" i="1" s="1"/>
  <c r="A39773" i="1" s="1"/>
  <c r="A39774" i="1" s="1"/>
  <c r="A39775" i="1" s="1"/>
  <c r="A39776" i="1" s="1"/>
  <c r="A39777" i="1" s="1"/>
  <c r="A39778" i="1" s="1"/>
  <c r="A39779" i="1" s="1"/>
  <c r="A39780" i="1" s="1"/>
  <c r="A39781" i="1" s="1"/>
  <c r="A39782" i="1" s="1"/>
  <c r="A39783" i="1" s="1"/>
  <c r="A39784" i="1" s="1"/>
  <c r="A39785" i="1" s="1"/>
  <c r="A39786" i="1" s="1"/>
  <c r="A39787" i="1" s="1"/>
  <c r="A39788" i="1" s="1"/>
  <c r="A39789" i="1" s="1"/>
  <c r="A39790" i="1" s="1"/>
  <c r="A39791" i="1" s="1"/>
  <c r="A39792" i="1" s="1"/>
  <c r="A39793" i="1" s="1"/>
  <c r="A39794" i="1" s="1"/>
  <c r="A39795" i="1" s="1"/>
  <c r="A39796" i="1" s="1"/>
  <c r="A39797" i="1" s="1"/>
  <c r="A39798" i="1" s="1"/>
  <c r="A39799" i="1" s="1"/>
  <c r="A39800" i="1" s="1"/>
  <c r="A39801" i="1" s="1"/>
  <c r="A39802" i="1" s="1"/>
  <c r="A39803" i="1" s="1"/>
  <c r="A39804" i="1" s="1"/>
  <c r="A39805" i="1" s="1"/>
  <c r="A39806" i="1" s="1"/>
  <c r="A39807" i="1" s="1"/>
  <c r="A39808" i="1" s="1"/>
  <c r="A39809" i="1" s="1"/>
  <c r="A39810" i="1" s="1"/>
  <c r="A39811" i="1" s="1"/>
  <c r="A39812" i="1" s="1"/>
  <c r="A39813" i="1" s="1"/>
  <c r="A39814" i="1" s="1"/>
  <c r="A39815" i="1" s="1"/>
  <c r="A39816" i="1" s="1"/>
  <c r="A39817" i="1" s="1"/>
  <c r="A39818" i="1" s="1"/>
  <c r="A39819" i="1" s="1"/>
  <c r="A39820" i="1" s="1"/>
  <c r="A39821" i="1" s="1"/>
  <c r="A39822" i="1" s="1"/>
  <c r="A39823" i="1" s="1"/>
  <c r="A39824" i="1" s="1"/>
  <c r="A39825" i="1" s="1"/>
  <c r="A39826" i="1" s="1"/>
  <c r="A39827" i="1" s="1"/>
  <c r="A39828" i="1" s="1"/>
  <c r="A39829" i="1" s="1"/>
  <c r="A39830" i="1" s="1"/>
  <c r="A39831" i="1" s="1"/>
  <c r="A39832" i="1" s="1"/>
  <c r="A39833" i="1" s="1"/>
  <c r="A39834" i="1" s="1"/>
  <c r="A39835" i="1" s="1"/>
  <c r="A39836" i="1" s="1"/>
  <c r="A39837" i="1" s="1"/>
  <c r="A39838" i="1" s="1"/>
  <c r="A39839" i="1" s="1"/>
  <c r="A39840" i="1" s="1"/>
  <c r="A39841" i="1" s="1"/>
  <c r="A39842" i="1" s="1"/>
  <c r="A39843" i="1" s="1"/>
  <c r="A39844" i="1" s="1"/>
  <c r="A39845" i="1" s="1"/>
  <c r="A39846" i="1" s="1"/>
  <c r="A39847" i="1" s="1"/>
  <c r="A39848" i="1" s="1"/>
  <c r="A39849" i="1" s="1"/>
  <c r="A39850" i="1" s="1"/>
  <c r="A39851" i="1" s="1"/>
  <c r="A39852" i="1" s="1"/>
  <c r="A39853" i="1" s="1"/>
  <c r="A39854" i="1" s="1"/>
  <c r="A39855" i="1" s="1"/>
  <c r="A39856" i="1" s="1"/>
  <c r="A39857" i="1" s="1"/>
  <c r="A39858" i="1" s="1"/>
  <c r="A39859" i="1" s="1"/>
  <c r="A39860" i="1" s="1"/>
  <c r="A39861" i="1" s="1"/>
  <c r="A39862" i="1" s="1"/>
  <c r="A39863" i="1" s="1"/>
  <c r="A39864" i="1" s="1"/>
  <c r="A39865" i="1" s="1"/>
  <c r="A39866" i="1" s="1"/>
  <c r="A39867" i="1" s="1"/>
  <c r="A39868" i="1" s="1"/>
  <c r="A39869" i="1" s="1"/>
  <c r="A39870" i="1" s="1"/>
  <c r="A39871" i="1" s="1"/>
  <c r="A39872" i="1" s="1"/>
  <c r="A39873" i="1" s="1"/>
  <c r="A39874" i="1" s="1"/>
  <c r="A39875" i="1" s="1"/>
  <c r="A39876" i="1" s="1"/>
  <c r="A39877" i="1" s="1"/>
  <c r="A39878" i="1" s="1"/>
  <c r="A39879" i="1" s="1"/>
  <c r="A39880" i="1" s="1"/>
  <c r="A39881" i="1" s="1"/>
  <c r="A39882" i="1" s="1"/>
  <c r="A39883" i="1" s="1"/>
  <c r="A39884" i="1" s="1"/>
  <c r="A39885" i="1" s="1"/>
  <c r="A39886" i="1" s="1"/>
  <c r="A39887" i="1" s="1"/>
  <c r="A39888" i="1" s="1"/>
  <c r="A39889" i="1" s="1"/>
  <c r="A39890" i="1" s="1"/>
  <c r="A39891" i="1" s="1"/>
  <c r="A39892" i="1" s="1"/>
  <c r="A39893" i="1" s="1"/>
  <c r="A39894" i="1" s="1"/>
  <c r="A39895" i="1" s="1"/>
  <c r="A39896" i="1" s="1"/>
  <c r="A39897" i="1" s="1"/>
  <c r="A39898" i="1" s="1"/>
  <c r="A39899" i="1" s="1"/>
  <c r="A39900" i="1" s="1"/>
  <c r="A39901" i="1" s="1"/>
  <c r="A39902" i="1" s="1"/>
  <c r="A39903" i="1" s="1"/>
  <c r="A39904" i="1" s="1"/>
  <c r="A39905" i="1" s="1"/>
  <c r="A39906" i="1" s="1"/>
  <c r="A39907" i="1" s="1"/>
  <c r="A39908" i="1" s="1"/>
  <c r="A39909" i="1" s="1"/>
  <c r="A39910" i="1" s="1"/>
  <c r="A39911" i="1" s="1"/>
  <c r="A39912" i="1" s="1"/>
  <c r="A39913" i="1" s="1"/>
  <c r="A39914" i="1" s="1"/>
  <c r="A39915" i="1" s="1"/>
  <c r="A39916" i="1" s="1"/>
  <c r="A39917" i="1" s="1"/>
  <c r="A39918" i="1" s="1"/>
  <c r="A39919" i="1" s="1"/>
  <c r="A39920" i="1" s="1"/>
  <c r="A39921" i="1" s="1"/>
  <c r="A39922" i="1" s="1"/>
  <c r="A39923" i="1" s="1"/>
  <c r="A39924" i="1" s="1"/>
  <c r="A39925" i="1" s="1"/>
  <c r="A39926" i="1" s="1"/>
  <c r="A39927" i="1" s="1"/>
  <c r="A39928" i="1" s="1"/>
  <c r="A39929" i="1" s="1"/>
  <c r="A39930" i="1" s="1"/>
  <c r="A39931" i="1" s="1"/>
  <c r="A39932" i="1" s="1"/>
  <c r="A39933" i="1" s="1"/>
  <c r="A39934" i="1" s="1"/>
  <c r="A39935" i="1" s="1"/>
  <c r="A39936" i="1" s="1"/>
  <c r="A39937" i="1" s="1"/>
  <c r="A39938" i="1" s="1"/>
  <c r="A39939" i="1" s="1"/>
  <c r="A39940" i="1" s="1"/>
  <c r="A39941" i="1" s="1"/>
  <c r="A39942" i="1" s="1"/>
  <c r="A39943" i="1" s="1"/>
  <c r="A39944" i="1" s="1"/>
  <c r="A39945" i="1" s="1"/>
  <c r="A39946" i="1" s="1"/>
  <c r="A39947" i="1" s="1"/>
  <c r="A39948" i="1" s="1"/>
  <c r="A39949" i="1" s="1"/>
  <c r="A39950" i="1" s="1"/>
  <c r="A39951" i="1" s="1"/>
  <c r="A39952" i="1" s="1"/>
  <c r="A39953" i="1" s="1"/>
  <c r="A39954" i="1" s="1"/>
  <c r="A39955" i="1" s="1"/>
  <c r="A39956" i="1" s="1"/>
  <c r="A39957" i="1" s="1"/>
  <c r="A39958" i="1" s="1"/>
  <c r="A39959" i="1" s="1"/>
  <c r="A39960" i="1" s="1"/>
  <c r="A39961" i="1" s="1"/>
  <c r="A39962" i="1" s="1"/>
  <c r="A39963" i="1" s="1"/>
  <c r="A39964" i="1" s="1"/>
  <c r="A39965" i="1" s="1"/>
  <c r="A39966" i="1" s="1"/>
  <c r="A39967" i="1" s="1"/>
  <c r="A39968" i="1" s="1"/>
  <c r="A39969" i="1" s="1"/>
  <c r="A39970" i="1" s="1"/>
  <c r="A39971" i="1" s="1"/>
  <c r="A39972" i="1" s="1"/>
  <c r="A39973" i="1" s="1"/>
  <c r="A39974" i="1" s="1"/>
  <c r="A39975" i="1" s="1"/>
  <c r="A39976" i="1" s="1"/>
  <c r="A39977" i="1" s="1"/>
  <c r="A39978" i="1" s="1"/>
  <c r="A39979" i="1" s="1"/>
  <c r="A39980" i="1" s="1"/>
  <c r="A39981" i="1" s="1"/>
  <c r="A39982" i="1" s="1"/>
  <c r="A39983" i="1" s="1"/>
  <c r="A39984" i="1" s="1"/>
  <c r="A39985" i="1" s="1"/>
  <c r="A39986" i="1" s="1"/>
  <c r="A39987" i="1" s="1"/>
  <c r="A39988" i="1" s="1"/>
  <c r="A39989" i="1" s="1"/>
  <c r="A39990" i="1" s="1"/>
  <c r="A39991" i="1" s="1"/>
  <c r="A39992" i="1" s="1"/>
  <c r="A39993" i="1" s="1"/>
  <c r="A39994" i="1" s="1"/>
  <c r="A39995" i="1" s="1"/>
  <c r="A39996" i="1" s="1"/>
  <c r="A39997" i="1" s="1"/>
  <c r="A39998" i="1" s="1"/>
  <c r="A39999" i="1" s="1"/>
  <c r="A40000" i="1" s="1"/>
  <c r="A40001" i="1" s="1"/>
  <c r="A40002" i="1" s="1"/>
  <c r="A40003" i="1" s="1"/>
  <c r="A40004" i="1" s="1"/>
  <c r="A40005" i="1" s="1"/>
  <c r="A40006" i="1" s="1"/>
  <c r="A40007" i="1" s="1"/>
  <c r="A40008" i="1" s="1"/>
  <c r="A40009" i="1" s="1"/>
  <c r="A40010" i="1" s="1"/>
  <c r="A40011" i="1" s="1"/>
  <c r="A40012" i="1" s="1"/>
  <c r="A40013" i="1" s="1"/>
  <c r="A40014" i="1" s="1"/>
  <c r="A40015" i="1" s="1"/>
  <c r="A40016" i="1" s="1"/>
  <c r="A40017" i="1" s="1"/>
  <c r="A40018" i="1" s="1"/>
  <c r="A40019" i="1" s="1"/>
  <c r="A40020" i="1" s="1"/>
  <c r="A40021" i="1" s="1"/>
  <c r="A40022" i="1" s="1"/>
  <c r="A40023" i="1" s="1"/>
  <c r="A40024" i="1" s="1"/>
  <c r="A40025" i="1" s="1"/>
  <c r="A40026" i="1" s="1"/>
  <c r="A40027" i="1" s="1"/>
  <c r="A40028" i="1" s="1"/>
  <c r="A40029" i="1" s="1"/>
  <c r="A40030" i="1" s="1"/>
  <c r="A40031" i="1" s="1"/>
  <c r="A40032" i="1" s="1"/>
  <c r="A40033" i="1" s="1"/>
  <c r="A40034" i="1" s="1"/>
  <c r="A40035" i="1" s="1"/>
  <c r="A40036" i="1" s="1"/>
  <c r="A40037" i="1" s="1"/>
  <c r="A40038" i="1" s="1"/>
  <c r="A40039" i="1" s="1"/>
  <c r="A40040" i="1" s="1"/>
  <c r="A40041" i="1" s="1"/>
  <c r="A40042" i="1" s="1"/>
  <c r="A40043" i="1" s="1"/>
  <c r="A40044" i="1" s="1"/>
  <c r="A40045" i="1" s="1"/>
  <c r="A40046" i="1" s="1"/>
  <c r="A40047" i="1" s="1"/>
  <c r="A40048" i="1" s="1"/>
  <c r="A40049" i="1" s="1"/>
  <c r="A40050" i="1" s="1"/>
  <c r="A40051" i="1" s="1"/>
  <c r="A40052" i="1" s="1"/>
  <c r="A40053" i="1" s="1"/>
  <c r="A40054" i="1" s="1"/>
  <c r="A40055" i="1" s="1"/>
  <c r="A40056" i="1" s="1"/>
  <c r="A40057" i="1" s="1"/>
  <c r="A40058" i="1" s="1"/>
  <c r="A40059" i="1" s="1"/>
  <c r="A40060" i="1" s="1"/>
  <c r="A40061" i="1" s="1"/>
  <c r="A40062" i="1" s="1"/>
  <c r="A40063" i="1" s="1"/>
  <c r="A40064" i="1" s="1"/>
  <c r="A40065" i="1" s="1"/>
  <c r="A40066" i="1" s="1"/>
  <c r="A40067" i="1" s="1"/>
  <c r="A40068" i="1" s="1"/>
  <c r="A40069" i="1" s="1"/>
  <c r="A40070" i="1" s="1"/>
  <c r="A40071" i="1" s="1"/>
  <c r="A40072" i="1" s="1"/>
  <c r="A40073" i="1" s="1"/>
  <c r="A40074" i="1" s="1"/>
  <c r="A40075" i="1" s="1"/>
  <c r="A40076" i="1" s="1"/>
  <c r="A40077" i="1" s="1"/>
  <c r="A40078" i="1" s="1"/>
  <c r="A40079" i="1" s="1"/>
  <c r="A40080" i="1" s="1"/>
  <c r="A40081" i="1" s="1"/>
  <c r="A40082" i="1" s="1"/>
  <c r="A40083" i="1" s="1"/>
  <c r="A40084" i="1" s="1"/>
  <c r="A40085" i="1" s="1"/>
  <c r="A40086" i="1" s="1"/>
  <c r="A40087" i="1" s="1"/>
  <c r="A40088" i="1" s="1"/>
  <c r="A40089" i="1" s="1"/>
  <c r="A40090" i="1" s="1"/>
  <c r="A40091" i="1" s="1"/>
  <c r="A40092" i="1" s="1"/>
  <c r="A40093" i="1" s="1"/>
  <c r="A40094" i="1" s="1"/>
  <c r="A40095" i="1" s="1"/>
  <c r="A40096" i="1" s="1"/>
  <c r="A40097" i="1" s="1"/>
  <c r="A40098" i="1" s="1"/>
  <c r="A40099" i="1" s="1"/>
  <c r="A40100" i="1" s="1"/>
  <c r="A40101" i="1" s="1"/>
  <c r="A40102" i="1" s="1"/>
  <c r="A40103" i="1" s="1"/>
  <c r="A40104" i="1" s="1"/>
  <c r="A40105" i="1" s="1"/>
  <c r="A40106" i="1" s="1"/>
  <c r="A40107" i="1" s="1"/>
  <c r="A40108" i="1" s="1"/>
  <c r="A40109" i="1" s="1"/>
  <c r="A40110" i="1" s="1"/>
  <c r="A40111" i="1" s="1"/>
  <c r="A40112" i="1" s="1"/>
  <c r="A40113" i="1" s="1"/>
  <c r="A40114" i="1" s="1"/>
  <c r="A40115" i="1" s="1"/>
  <c r="A40116" i="1" s="1"/>
  <c r="A40117" i="1" s="1"/>
  <c r="A40118" i="1" s="1"/>
  <c r="A40119" i="1" s="1"/>
  <c r="A40120" i="1" s="1"/>
  <c r="A40121" i="1" s="1"/>
  <c r="A40122" i="1" s="1"/>
  <c r="A40123" i="1" s="1"/>
  <c r="A40124" i="1" s="1"/>
  <c r="A40125" i="1" s="1"/>
  <c r="A40126" i="1" s="1"/>
  <c r="A40127" i="1" s="1"/>
  <c r="A40128" i="1" s="1"/>
  <c r="A40129" i="1" s="1"/>
  <c r="A40130" i="1" s="1"/>
  <c r="A40131" i="1" s="1"/>
  <c r="A40132" i="1" s="1"/>
  <c r="A40133" i="1" s="1"/>
  <c r="A40134" i="1" s="1"/>
  <c r="A40135" i="1" s="1"/>
  <c r="A40136" i="1" s="1"/>
  <c r="A40137" i="1" s="1"/>
  <c r="A40138" i="1" s="1"/>
  <c r="A40139" i="1" s="1"/>
  <c r="A40140" i="1" s="1"/>
  <c r="A40141" i="1" s="1"/>
  <c r="A40142" i="1" s="1"/>
  <c r="A40143" i="1" s="1"/>
  <c r="A40144" i="1" s="1"/>
  <c r="A40145" i="1" s="1"/>
  <c r="A40146" i="1" s="1"/>
  <c r="A40147" i="1" s="1"/>
  <c r="A40148" i="1" s="1"/>
  <c r="A40149" i="1" s="1"/>
  <c r="A40150" i="1" s="1"/>
  <c r="A40151" i="1" s="1"/>
  <c r="A40152" i="1" s="1"/>
  <c r="A40153" i="1" s="1"/>
  <c r="A40154" i="1" s="1"/>
  <c r="A40155" i="1" s="1"/>
  <c r="A40156" i="1" s="1"/>
  <c r="A40157" i="1" s="1"/>
  <c r="A40158" i="1" s="1"/>
  <c r="A40159" i="1" s="1"/>
  <c r="A40160" i="1" s="1"/>
  <c r="A40161" i="1" s="1"/>
  <c r="A40162" i="1" s="1"/>
  <c r="A40163" i="1" s="1"/>
  <c r="A40164" i="1" s="1"/>
  <c r="A40165" i="1" s="1"/>
  <c r="A40166" i="1" s="1"/>
  <c r="A40167" i="1" s="1"/>
  <c r="A40168" i="1" s="1"/>
  <c r="A40169" i="1" s="1"/>
  <c r="A40170" i="1" s="1"/>
  <c r="A40171" i="1" s="1"/>
  <c r="A40172" i="1" s="1"/>
  <c r="A40173" i="1" s="1"/>
  <c r="A40174" i="1" s="1"/>
  <c r="A40175" i="1" s="1"/>
  <c r="A40176" i="1" s="1"/>
  <c r="A40177" i="1" s="1"/>
  <c r="A40178" i="1" s="1"/>
  <c r="A40179" i="1" s="1"/>
  <c r="A40180" i="1" s="1"/>
  <c r="A40181" i="1" s="1"/>
  <c r="A40182" i="1" s="1"/>
  <c r="A40183" i="1" s="1"/>
  <c r="A40184" i="1" s="1"/>
  <c r="A40185" i="1" s="1"/>
  <c r="A40186" i="1" s="1"/>
  <c r="A40187" i="1" s="1"/>
  <c r="A40188" i="1" s="1"/>
  <c r="A40189" i="1" s="1"/>
  <c r="A40190" i="1" s="1"/>
  <c r="A40191" i="1" s="1"/>
  <c r="A40192" i="1" s="1"/>
  <c r="A40193" i="1" s="1"/>
  <c r="A40194" i="1" s="1"/>
  <c r="A40195" i="1" s="1"/>
  <c r="A40196" i="1" s="1"/>
  <c r="A40197" i="1" s="1"/>
  <c r="A40198" i="1" s="1"/>
  <c r="A40199" i="1" s="1"/>
  <c r="A40200" i="1" s="1"/>
  <c r="A40201" i="1" s="1"/>
  <c r="A40202" i="1" s="1"/>
  <c r="A40203" i="1" s="1"/>
  <c r="A40204" i="1" s="1"/>
  <c r="A40205" i="1" s="1"/>
  <c r="A40206" i="1" s="1"/>
  <c r="A40207" i="1" s="1"/>
  <c r="A40208" i="1" s="1"/>
  <c r="A40209" i="1" s="1"/>
  <c r="A40210" i="1" s="1"/>
  <c r="A40211" i="1" s="1"/>
  <c r="A40212" i="1" s="1"/>
  <c r="A40213" i="1" s="1"/>
  <c r="A40214" i="1" s="1"/>
  <c r="A40215" i="1" s="1"/>
  <c r="A40216" i="1" s="1"/>
  <c r="A40217" i="1" s="1"/>
  <c r="A40218" i="1" s="1"/>
  <c r="A40219" i="1" s="1"/>
  <c r="A40220" i="1" s="1"/>
  <c r="A40221" i="1" s="1"/>
  <c r="A40222" i="1" s="1"/>
  <c r="A40223" i="1" s="1"/>
  <c r="A40224" i="1" s="1"/>
  <c r="A40225" i="1" s="1"/>
  <c r="A40226" i="1" s="1"/>
  <c r="A40227" i="1" s="1"/>
  <c r="A40228" i="1" s="1"/>
  <c r="A40229" i="1" s="1"/>
  <c r="A40230" i="1" s="1"/>
  <c r="A40231" i="1" s="1"/>
  <c r="A40232" i="1" s="1"/>
  <c r="A40233" i="1" s="1"/>
  <c r="A40234" i="1" s="1"/>
  <c r="A40235" i="1" s="1"/>
  <c r="A40236" i="1" s="1"/>
  <c r="A40237" i="1" s="1"/>
  <c r="A40238" i="1" s="1"/>
  <c r="A40239" i="1" s="1"/>
  <c r="A40240" i="1" s="1"/>
  <c r="A40241" i="1" s="1"/>
  <c r="A40242" i="1" s="1"/>
  <c r="A40243" i="1" s="1"/>
  <c r="A40244" i="1" s="1"/>
  <c r="A40245" i="1" s="1"/>
  <c r="A40246" i="1" s="1"/>
  <c r="A40247" i="1" s="1"/>
  <c r="A40248" i="1" s="1"/>
  <c r="A40249" i="1" s="1"/>
  <c r="A40250" i="1" s="1"/>
  <c r="A40251" i="1" s="1"/>
  <c r="A40252" i="1" s="1"/>
  <c r="A40253" i="1" s="1"/>
  <c r="A40254" i="1" s="1"/>
  <c r="A40255" i="1" s="1"/>
  <c r="A40256" i="1" s="1"/>
  <c r="A40257" i="1" s="1"/>
  <c r="A40258" i="1" s="1"/>
  <c r="A40259" i="1" s="1"/>
  <c r="A40260" i="1" s="1"/>
  <c r="A40261" i="1" s="1"/>
  <c r="A40262" i="1" s="1"/>
  <c r="A40263" i="1" s="1"/>
  <c r="A40264" i="1" s="1"/>
  <c r="A40265" i="1" s="1"/>
  <c r="A40266" i="1" s="1"/>
  <c r="A40267" i="1" s="1"/>
  <c r="A40268" i="1" s="1"/>
  <c r="A40269" i="1" s="1"/>
  <c r="A40270" i="1" s="1"/>
  <c r="A40271" i="1" s="1"/>
  <c r="A40272" i="1" s="1"/>
  <c r="A40273" i="1" s="1"/>
  <c r="A40274" i="1" s="1"/>
  <c r="A40275" i="1" s="1"/>
  <c r="A40276" i="1" s="1"/>
  <c r="A40277" i="1" s="1"/>
  <c r="A40278" i="1" s="1"/>
  <c r="A40279" i="1" s="1"/>
  <c r="A40280" i="1" s="1"/>
  <c r="A40281" i="1" s="1"/>
  <c r="A40282" i="1" s="1"/>
  <c r="A40283" i="1" s="1"/>
  <c r="A40284" i="1" s="1"/>
  <c r="A40285" i="1" s="1"/>
  <c r="A40286" i="1" s="1"/>
  <c r="A40287" i="1" s="1"/>
  <c r="A40288" i="1" s="1"/>
  <c r="A40289" i="1" s="1"/>
  <c r="A40290" i="1" s="1"/>
  <c r="A40291" i="1" s="1"/>
  <c r="A40292" i="1" s="1"/>
  <c r="A40293" i="1" s="1"/>
  <c r="A40294" i="1" s="1"/>
  <c r="A40295" i="1" s="1"/>
  <c r="A40296" i="1" s="1"/>
  <c r="A40297" i="1" s="1"/>
  <c r="A40298" i="1" s="1"/>
  <c r="A40299" i="1" s="1"/>
  <c r="A40300" i="1" s="1"/>
  <c r="A40301" i="1" s="1"/>
  <c r="A40302" i="1" s="1"/>
  <c r="A40303" i="1" s="1"/>
  <c r="A40304" i="1" s="1"/>
  <c r="A40305" i="1" s="1"/>
  <c r="A40306" i="1" s="1"/>
  <c r="A40307" i="1" s="1"/>
  <c r="A40308" i="1" s="1"/>
  <c r="A40309" i="1" s="1"/>
  <c r="A40310" i="1" s="1"/>
  <c r="A40311" i="1" s="1"/>
  <c r="A40312" i="1" s="1"/>
  <c r="A40313" i="1" s="1"/>
  <c r="A40314" i="1" s="1"/>
  <c r="A40315" i="1" s="1"/>
  <c r="A40316" i="1" s="1"/>
  <c r="A40317" i="1" s="1"/>
  <c r="A40318" i="1" s="1"/>
  <c r="A40319" i="1" s="1"/>
  <c r="A40320" i="1" s="1"/>
  <c r="A40321" i="1" s="1"/>
  <c r="A40322" i="1" s="1"/>
  <c r="A40323" i="1" s="1"/>
  <c r="A40324" i="1" s="1"/>
  <c r="A40325" i="1" s="1"/>
  <c r="A40326" i="1" s="1"/>
  <c r="A40327" i="1" s="1"/>
  <c r="A40328" i="1" s="1"/>
  <c r="A40329" i="1" s="1"/>
  <c r="A40330" i="1" s="1"/>
  <c r="A40331" i="1" s="1"/>
  <c r="A40332" i="1" s="1"/>
  <c r="A40333" i="1" s="1"/>
  <c r="A40334" i="1" s="1"/>
  <c r="A40335" i="1" s="1"/>
  <c r="A40336" i="1" s="1"/>
  <c r="A40337" i="1" s="1"/>
  <c r="A40338" i="1" s="1"/>
  <c r="A40339" i="1" s="1"/>
  <c r="A40340" i="1" s="1"/>
  <c r="A40341" i="1" s="1"/>
  <c r="A40342" i="1" s="1"/>
  <c r="A40343" i="1" s="1"/>
  <c r="A40344" i="1" s="1"/>
  <c r="A40345" i="1" s="1"/>
  <c r="A40346" i="1" s="1"/>
  <c r="A40347" i="1" s="1"/>
  <c r="A40348" i="1" s="1"/>
  <c r="A40349" i="1" s="1"/>
  <c r="A40350" i="1" s="1"/>
  <c r="A40351" i="1" s="1"/>
  <c r="A40352" i="1" s="1"/>
  <c r="A40353" i="1" s="1"/>
  <c r="A40354" i="1" s="1"/>
  <c r="A40355" i="1" s="1"/>
  <c r="A40356" i="1" s="1"/>
  <c r="A40357" i="1" s="1"/>
  <c r="A40358" i="1" s="1"/>
  <c r="A40359" i="1" s="1"/>
  <c r="A40360" i="1" s="1"/>
  <c r="A40361" i="1" s="1"/>
  <c r="A40362" i="1" s="1"/>
  <c r="A40363" i="1" s="1"/>
  <c r="A40364" i="1" s="1"/>
  <c r="A40365" i="1" s="1"/>
  <c r="A40366" i="1" s="1"/>
  <c r="A40367" i="1" s="1"/>
  <c r="A40368" i="1" s="1"/>
  <c r="A40369" i="1" s="1"/>
  <c r="A40370" i="1" s="1"/>
  <c r="A40371" i="1" s="1"/>
  <c r="A40372" i="1" s="1"/>
  <c r="A40373" i="1" s="1"/>
  <c r="A40374" i="1" s="1"/>
  <c r="A40375" i="1" s="1"/>
  <c r="A40376" i="1" s="1"/>
  <c r="A40377" i="1" s="1"/>
  <c r="A40378" i="1" s="1"/>
  <c r="A40379" i="1" s="1"/>
  <c r="A40380" i="1" s="1"/>
  <c r="A40381" i="1" s="1"/>
  <c r="A40382" i="1" s="1"/>
  <c r="A40383" i="1" s="1"/>
  <c r="A40384" i="1" s="1"/>
  <c r="A40385" i="1" s="1"/>
  <c r="A40386" i="1" s="1"/>
  <c r="A40387" i="1" s="1"/>
  <c r="A40388" i="1" s="1"/>
  <c r="A40389" i="1" s="1"/>
  <c r="A40390" i="1" s="1"/>
  <c r="A40391" i="1" s="1"/>
  <c r="A40392" i="1" s="1"/>
  <c r="A40393" i="1" s="1"/>
  <c r="A40394" i="1" s="1"/>
  <c r="A40395" i="1" s="1"/>
  <c r="A40396" i="1" s="1"/>
  <c r="A40397" i="1" s="1"/>
  <c r="A40398" i="1" s="1"/>
  <c r="A40399" i="1" s="1"/>
  <c r="A40400" i="1" s="1"/>
  <c r="A40401" i="1" s="1"/>
  <c r="A40402" i="1" s="1"/>
  <c r="A40403" i="1" s="1"/>
  <c r="A40404" i="1" s="1"/>
  <c r="A40405" i="1" s="1"/>
  <c r="A40406" i="1" s="1"/>
  <c r="A40407" i="1" s="1"/>
  <c r="A40408" i="1" s="1"/>
  <c r="A40409" i="1" s="1"/>
  <c r="A40410" i="1" s="1"/>
  <c r="A40411" i="1" s="1"/>
  <c r="A40412" i="1" s="1"/>
  <c r="A40413" i="1" s="1"/>
  <c r="A40414" i="1" s="1"/>
  <c r="A40415" i="1" s="1"/>
  <c r="A40416" i="1" s="1"/>
  <c r="A40417" i="1" s="1"/>
  <c r="A40418" i="1" s="1"/>
  <c r="A40419" i="1" s="1"/>
  <c r="A40420" i="1" s="1"/>
  <c r="A40421" i="1" s="1"/>
  <c r="A40422" i="1" s="1"/>
  <c r="A40423" i="1" s="1"/>
  <c r="A40424" i="1" s="1"/>
  <c r="A40425" i="1" s="1"/>
  <c r="A40426" i="1" s="1"/>
  <c r="A40427" i="1" s="1"/>
  <c r="A40428" i="1" s="1"/>
  <c r="A40429" i="1" s="1"/>
  <c r="A40430" i="1" s="1"/>
  <c r="A40431" i="1" s="1"/>
  <c r="A40432" i="1" s="1"/>
  <c r="A40433" i="1" s="1"/>
  <c r="A40434" i="1" s="1"/>
  <c r="A40435" i="1" s="1"/>
  <c r="A40436" i="1" s="1"/>
  <c r="A40437" i="1" s="1"/>
  <c r="A40438" i="1" s="1"/>
  <c r="A40439" i="1" s="1"/>
  <c r="A40440" i="1" s="1"/>
  <c r="A40441" i="1" s="1"/>
  <c r="A40442" i="1" s="1"/>
  <c r="A40443" i="1" s="1"/>
  <c r="A40444" i="1" s="1"/>
  <c r="A40445" i="1" s="1"/>
  <c r="A40446" i="1" s="1"/>
  <c r="A40447" i="1" s="1"/>
  <c r="A40448" i="1" s="1"/>
  <c r="A40449" i="1" s="1"/>
  <c r="A40450" i="1" s="1"/>
  <c r="A40451" i="1" s="1"/>
  <c r="A40452" i="1" s="1"/>
  <c r="A40453" i="1" s="1"/>
  <c r="A40454" i="1" s="1"/>
  <c r="A40455" i="1" s="1"/>
  <c r="A40456" i="1" s="1"/>
  <c r="A40457" i="1" s="1"/>
  <c r="A40458" i="1" s="1"/>
  <c r="A40459" i="1" s="1"/>
  <c r="A40460" i="1" s="1"/>
  <c r="A40461" i="1" s="1"/>
  <c r="A40462" i="1" s="1"/>
  <c r="A40463" i="1" s="1"/>
  <c r="A40464" i="1" s="1"/>
  <c r="A40465" i="1" s="1"/>
  <c r="A40466" i="1" s="1"/>
  <c r="A40467" i="1" s="1"/>
  <c r="A40468" i="1" s="1"/>
  <c r="A40469" i="1" s="1"/>
  <c r="A40470" i="1" s="1"/>
  <c r="A40471" i="1" s="1"/>
  <c r="A40472" i="1" s="1"/>
  <c r="A40473" i="1" s="1"/>
  <c r="A40474" i="1" s="1"/>
  <c r="A40475" i="1" s="1"/>
  <c r="A40476" i="1" s="1"/>
  <c r="A40477" i="1" s="1"/>
  <c r="A40478" i="1" s="1"/>
  <c r="A40479" i="1" s="1"/>
  <c r="A40480" i="1" s="1"/>
  <c r="A40481" i="1" s="1"/>
  <c r="A40482" i="1" s="1"/>
  <c r="A40483" i="1" s="1"/>
  <c r="A40484" i="1" s="1"/>
  <c r="A40485" i="1" s="1"/>
  <c r="A40486" i="1" s="1"/>
  <c r="A40487" i="1" s="1"/>
  <c r="A40488" i="1" s="1"/>
  <c r="A40489" i="1" s="1"/>
  <c r="A40490" i="1" s="1"/>
  <c r="A40491" i="1" s="1"/>
  <c r="A40492" i="1" s="1"/>
  <c r="A40493" i="1" s="1"/>
  <c r="A40494" i="1" s="1"/>
  <c r="A40495" i="1" s="1"/>
  <c r="A40496" i="1" s="1"/>
  <c r="A40497" i="1" s="1"/>
  <c r="A40498" i="1" s="1"/>
  <c r="A40499" i="1" s="1"/>
  <c r="A40500" i="1" s="1"/>
  <c r="A40501" i="1" s="1"/>
  <c r="A40502" i="1" s="1"/>
  <c r="A40503" i="1" s="1"/>
  <c r="A40504" i="1" s="1"/>
  <c r="A40505" i="1" s="1"/>
  <c r="A40506" i="1" s="1"/>
  <c r="A40507" i="1" s="1"/>
  <c r="A40508" i="1" s="1"/>
  <c r="A40509" i="1" s="1"/>
  <c r="A40510" i="1" s="1"/>
  <c r="A40511" i="1" s="1"/>
  <c r="A40512" i="1" s="1"/>
  <c r="A40513" i="1" s="1"/>
  <c r="A40514" i="1" s="1"/>
  <c r="A40515" i="1" s="1"/>
  <c r="A40516" i="1" s="1"/>
  <c r="A40517" i="1" s="1"/>
  <c r="A40518" i="1" s="1"/>
  <c r="A40519" i="1" s="1"/>
  <c r="A40520" i="1" s="1"/>
  <c r="A40521" i="1" s="1"/>
  <c r="A40522" i="1" s="1"/>
  <c r="A40523" i="1" s="1"/>
  <c r="A40524" i="1" s="1"/>
  <c r="A40525" i="1" s="1"/>
  <c r="A40526" i="1" s="1"/>
  <c r="A40527" i="1" s="1"/>
  <c r="A40528" i="1" s="1"/>
  <c r="A40529" i="1" s="1"/>
  <c r="A40530" i="1" s="1"/>
  <c r="A40531" i="1" s="1"/>
  <c r="A40532" i="1" s="1"/>
  <c r="A40533" i="1" s="1"/>
  <c r="A40534" i="1" s="1"/>
  <c r="A40535" i="1" s="1"/>
  <c r="A40536" i="1" s="1"/>
  <c r="A40537" i="1" s="1"/>
  <c r="A40538" i="1" s="1"/>
  <c r="A40539" i="1" s="1"/>
  <c r="A40540" i="1" s="1"/>
  <c r="A40541" i="1" s="1"/>
  <c r="A40542" i="1" s="1"/>
  <c r="A40543" i="1" s="1"/>
  <c r="A40544" i="1" s="1"/>
  <c r="A40545" i="1" s="1"/>
  <c r="A40546" i="1" s="1"/>
  <c r="A40547" i="1" s="1"/>
  <c r="A40548" i="1" s="1"/>
  <c r="A40549" i="1" s="1"/>
  <c r="A40550" i="1" s="1"/>
  <c r="A40551" i="1" s="1"/>
  <c r="A40552" i="1" s="1"/>
  <c r="A40553" i="1" s="1"/>
  <c r="A40554" i="1" s="1"/>
  <c r="A40555" i="1" s="1"/>
  <c r="A40556" i="1" s="1"/>
  <c r="A40557" i="1" s="1"/>
  <c r="A40558" i="1" s="1"/>
  <c r="A40559" i="1" s="1"/>
  <c r="A40560" i="1" s="1"/>
  <c r="A40561" i="1" s="1"/>
  <c r="A40562" i="1" s="1"/>
  <c r="A40563" i="1" s="1"/>
  <c r="A40564" i="1" s="1"/>
  <c r="A40565" i="1" s="1"/>
  <c r="A40566" i="1" s="1"/>
  <c r="A40567" i="1" s="1"/>
  <c r="A40568" i="1" s="1"/>
  <c r="A40569" i="1" s="1"/>
  <c r="A40570" i="1" s="1"/>
  <c r="A40571" i="1" s="1"/>
  <c r="A40572" i="1" s="1"/>
  <c r="A40573" i="1" s="1"/>
  <c r="A40574" i="1" s="1"/>
  <c r="A40575" i="1" s="1"/>
  <c r="A40576" i="1" s="1"/>
  <c r="A40577" i="1" s="1"/>
  <c r="A40578" i="1" s="1"/>
  <c r="A40579" i="1" s="1"/>
  <c r="A40580" i="1" s="1"/>
  <c r="A40581" i="1" s="1"/>
  <c r="A40582" i="1" s="1"/>
  <c r="A40583" i="1" s="1"/>
  <c r="A40584" i="1" s="1"/>
  <c r="A40585" i="1" s="1"/>
  <c r="A40586" i="1" s="1"/>
  <c r="A40587" i="1" s="1"/>
  <c r="A40588" i="1" s="1"/>
  <c r="A40589" i="1" s="1"/>
  <c r="A40590" i="1" s="1"/>
  <c r="A40591" i="1" s="1"/>
  <c r="A40592" i="1" s="1"/>
  <c r="A40593" i="1" s="1"/>
  <c r="A40594" i="1" s="1"/>
  <c r="A40595" i="1" s="1"/>
  <c r="A40596" i="1" s="1"/>
  <c r="A40597" i="1" s="1"/>
  <c r="A40598" i="1" s="1"/>
  <c r="A40599" i="1" s="1"/>
  <c r="A40600" i="1" s="1"/>
  <c r="A40601" i="1" s="1"/>
  <c r="A40602" i="1" s="1"/>
  <c r="A40603" i="1" s="1"/>
  <c r="A40604" i="1" s="1"/>
  <c r="A40605" i="1" s="1"/>
  <c r="A40606" i="1" s="1"/>
  <c r="A40607" i="1" s="1"/>
  <c r="A40608" i="1" s="1"/>
  <c r="A40609" i="1" s="1"/>
  <c r="A40610" i="1" s="1"/>
  <c r="A40611" i="1" s="1"/>
  <c r="A40612" i="1" s="1"/>
  <c r="A40613" i="1" s="1"/>
  <c r="A40614" i="1" s="1"/>
  <c r="A40615" i="1" s="1"/>
  <c r="A40616" i="1" s="1"/>
  <c r="A40617" i="1" s="1"/>
  <c r="A40618" i="1" s="1"/>
  <c r="A40619" i="1" s="1"/>
  <c r="A40620" i="1" s="1"/>
  <c r="A40621" i="1" s="1"/>
  <c r="A40622" i="1" s="1"/>
  <c r="A40623" i="1" s="1"/>
  <c r="A40624" i="1" s="1"/>
  <c r="A40625" i="1" s="1"/>
  <c r="A40626" i="1" s="1"/>
  <c r="A40627" i="1" s="1"/>
  <c r="A40628" i="1" s="1"/>
  <c r="A40629" i="1" s="1"/>
  <c r="A40630" i="1" s="1"/>
  <c r="A40631" i="1" s="1"/>
  <c r="A40632" i="1" s="1"/>
  <c r="A40633" i="1" s="1"/>
  <c r="A40634" i="1" s="1"/>
  <c r="A40635" i="1" s="1"/>
  <c r="A40636" i="1" s="1"/>
  <c r="A40637" i="1" s="1"/>
  <c r="A40638" i="1" s="1"/>
  <c r="A40639" i="1" s="1"/>
  <c r="A40640" i="1" s="1"/>
  <c r="A40641" i="1" s="1"/>
  <c r="A40642" i="1" s="1"/>
  <c r="A40643" i="1" s="1"/>
  <c r="A40644" i="1" s="1"/>
  <c r="A40645" i="1" s="1"/>
  <c r="A40646" i="1" s="1"/>
  <c r="A40647" i="1" s="1"/>
  <c r="A40648" i="1" s="1"/>
  <c r="A40649" i="1" s="1"/>
  <c r="A40650" i="1" s="1"/>
  <c r="A40651" i="1" s="1"/>
  <c r="A40652" i="1" s="1"/>
  <c r="A40653" i="1" s="1"/>
  <c r="A40654" i="1" s="1"/>
  <c r="A40655" i="1" s="1"/>
  <c r="A40656" i="1" s="1"/>
  <c r="A40657" i="1" s="1"/>
  <c r="A40658" i="1" s="1"/>
  <c r="A40659" i="1" s="1"/>
  <c r="A40660" i="1" s="1"/>
  <c r="A40661" i="1" s="1"/>
  <c r="A40662" i="1" s="1"/>
  <c r="A40663" i="1" s="1"/>
  <c r="A40664" i="1" s="1"/>
  <c r="A40665" i="1" s="1"/>
  <c r="A40666" i="1" s="1"/>
  <c r="A40667" i="1" s="1"/>
  <c r="A40668" i="1" s="1"/>
  <c r="A40669" i="1" s="1"/>
  <c r="A40670" i="1" s="1"/>
  <c r="A40671" i="1" s="1"/>
  <c r="A40672" i="1" s="1"/>
  <c r="A40673" i="1" s="1"/>
  <c r="A40674" i="1" s="1"/>
  <c r="A40675" i="1" s="1"/>
  <c r="A40676" i="1" s="1"/>
  <c r="A40677" i="1" s="1"/>
  <c r="A40678" i="1" s="1"/>
  <c r="A40679" i="1" s="1"/>
  <c r="A40680" i="1" s="1"/>
  <c r="A40681" i="1" s="1"/>
  <c r="A40682" i="1" s="1"/>
  <c r="A40683" i="1" s="1"/>
  <c r="A40684" i="1" s="1"/>
  <c r="A40685" i="1" s="1"/>
  <c r="A40686" i="1" s="1"/>
  <c r="A40687" i="1" s="1"/>
  <c r="A40688" i="1" s="1"/>
  <c r="A40689" i="1" s="1"/>
  <c r="A40690" i="1" s="1"/>
  <c r="A40691" i="1" s="1"/>
  <c r="A40692" i="1" s="1"/>
  <c r="A40693" i="1" s="1"/>
  <c r="A40694" i="1" s="1"/>
  <c r="A40695" i="1" s="1"/>
  <c r="A40696" i="1" s="1"/>
  <c r="A40697" i="1" s="1"/>
  <c r="A40698" i="1" s="1"/>
  <c r="A40699" i="1" s="1"/>
  <c r="A40700" i="1" s="1"/>
  <c r="A40701" i="1" s="1"/>
  <c r="A40702" i="1" s="1"/>
  <c r="A40703" i="1" s="1"/>
  <c r="A40704" i="1" s="1"/>
  <c r="A40705" i="1" s="1"/>
  <c r="A40706" i="1" s="1"/>
  <c r="A40707" i="1" s="1"/>
  <c r="A40708" i="1" s="1"/>
  <c r="A40709" i="1" s="1"/>
  <c r="A40710" i="1" s="1"/>
  <c r="A40711" i="1" s="1"/>
  <c r="A40712" i="1" s="1"/>
  <c r="A40713" i="1" s="1"/>
  <c r="A40714" i="1" s="1"/>
  <c r="A40715" i="1" s="1"/>
  <c r="A40716" i="1" s="1"/>
  <c r="A40717" i="1" s="1"/>
  <c r="A40718" i="1" s="1"/>
  <c r="A40719" i="1" s="1"/>
  <c r="A40720" i="1" s="1"/>
  <c r="A40721" i="1" s="1"/>
  <c r="A40722" i="1" s="1"/>
  <c r="A40723" i="1" s="1"/>
  <c r="A40724" i="1" s="1"/>
  <c r="A40725" i="1" s="1"/>
  <c r="A40726" i="1" s="1"/>
  <c r="A40727" i="1" s="1"/>
  <c r="A40728" i="1" s="1"/>
  <c r="A40729" i="1" s="1"/>
  <c r="A40730" i="1" s="1"/>
  <c r="A40731" i="1" s="1"/>
  <c r="A40732" i="1" s="1"/>
  <c r="A40733" i="1" s="1"/>
  <c r="A40734" i="1" s="1"/>
  <c r="A40735" i="1" s="1"/>
  <c r="A40736" i="1" s="1"/>
  <c r="A40737" i="1" s="1"/>
  <c r="A40738" i="1" s="1"/>
  <c r="A40739" i="1" s="1"/>
  <c r="A40740" i="1" s="1"/>
  <c r="A40741" i="1" s="1"/>
  <c r="A40742" i="1" s="1"/>
  <c r="A40743" i="1" s="1"/>
  <c r="A40744" i="1" s="1"/>
  <c r="A40745" i="1" s="1"/>
  <c r="A40746" i="1" s="1"/>
  <c r="A40747" i="1" s="1"/>
  <c r="A40748" i="1" s="1"/>
  <c r="A40749" i="1" s="1"/>
  <c r="A40750" i="1" s="1"/>
  <c r="A40751" i="1" s="1"/>
  <c r="A40752" i="1" s="1"/>
  <c r="A40753" i="1" s="1"/>
  <c r="A40754" i="1" s="1"/>
  <c r="A40755" i="1" s="1"/>
  <c r="A40756" i="1" s="1"/>
  <c r="A40757" i="1" s="1"/>
  <c r="A40758" i="1" s="1"/>
  <c r="A40759" i="1" s="1"/>
  <c r="A40760" i="1" s="1"/>
  <c r="A40761" i="1" s="1"/>
  <c r="A40762" i="1" s="1"/>
  <c r="A40763" i="1" s="1"/>
  <c r="A40764" i="1" s="1"/>
  <c r="A40765" i="1" s="1"/>
  <c r="A40766" i="1" s="1"/>
  <c r="A40767" i="1" s="1"/>
  <c r="A40768" i="1" s="1"/>
  <c r="A40769" i="1" s="1"/>
  <c r="A40770" i="1" s="1"/>
  <c r="A40771" i="1" s="1"/>
  <c r="A40772" i="1" s="1"/>
  <c r="A40773" i="1" s="1"/>
  <c r="A40774" i="1" s="1"/>
  <c r="A40775" i="1" s="1"/>
  <c r="A40776" i="1" s="1"/>
  <c r="A40777" i="1" s="1"/>
  <c r="A40778" i="1" s="1"/>
  <c r="A40779" i="1" s="1"/>
  <c r="A40780" i="1" s="1"/>
  <c r="A40781" i="1" s="1"/>
  <c r="A40782" i="1" s="1"/>
  <c r="A40783" i="1" s="1"/>
  <c r="A40784" i="1" s="1"/>
  <c r="A40785" i="1" s="1"/>
  <c r="A40786" i="1" s="1"/>
  <c r="A40787" i="1" s="1"/>
  <c r="A40788" i="1" s="1"/>
  <c r="A40789" i="1" s="1"/>
  <c r="A40790" i="1" s="1"/>
  <c r="A40791" i="1" s="1"/>
  <c r="A40792" i="1" s="1"/>
  <c r="A40793" i="1" s="1"/>
  <c r="A40794" i="1" s="1"/>
  <c r="A40795" i="1" s="1"/>
  <c r="A40796" i="1" s="1"/>
  <c r="A40797" i="1" s="1"/>
  <c r="A40798" i="1" s="1"/>
  <c r="A40799" i="1" s="1"/>
  <c r="A40800" i="1" s="1"/>
  <c r="A40801" i="1" s="1"/>
  <c r="A40802" i="1" s="1"/>
  <c r="A40803" i="1" s="1"/>
  <c r="A40804" i="1" s="1"/>
  <c r="A40805" i="1" s="1"/>
  <c r="A40806" i="1" s="1"/>
  <c r="A40807" i="1" s="1"/>
  <c r="A40808" i="1" s="1"/>
  <c r="A40809" i="1" s="1"/>
  <c r="A40810" i="1" s="1"/>
  <c r="A40811" i="1" s="1"/>
  <c r="A40812" i="1" s="1"/>
  <c r="A40813" i="1" s="1"/>
  <c r="A40814" i="1" s="1"/>
  <c r="A40815" i="1" s="1"/>
  <c r="A40816" i="1" s="1"/>
  <c r="A40817" i="1" s="1"/>
  <c r="A40818" i="1" s="1"/>
  <c r="A40819" i="1" s="1"/>
  <c r="A40820" i="1" s="1"/>
  <c r="A40821" i="1" s="1"/>
  <c r="A40822" i="1" s="1"/>
  <c r="A40823" i="1" s="1"/>
  <c r="A40824" i="1" s="1"/>
  <c r="A40825" i="1" s="1"/>
  <c r="A40826" i="1" s="1"/>
  <c r="A40827" i="1" s="1"/>
  <c r="A40828" i="1" s="1"/>
  <c r="A40829" i="1" s="1"/>
  <c r="A40830" i="1" s="1"/>
  <c r="A40831" i="1" s="1"/>
  <c r="A40832" i="1" s="1"/>
  <c r="A40833" i="1" s="1"/>
  <c r="A40834" i="1" s="1"/>
  <c r="A40835" i="1" s="1"/>
  <c r="A40836" i="1" s="1"/>
  <c r="A40837" i="1" s="1"/>
  <c r="A40838" i="1" s="1"/>
  <c r="A40839" i="1" s="1"/>
  <c r="A40840" i="1" s="1"/>
  <c r="A40841" i="1" s="1"/>
  <c r="A40842" i="1" s="1"/>
  <c r="A40843" i="1" s="1"/>
  <c r="A40844" i="1" s="1"/>
  <c r="A40845" i="1" s="1"/>
  <c r="A40846" i="1" s="1"/>
  <c r="A40847" i="1" s="1"/>
  <c r="A40848" i="1" s="1"/>
  <c r="A40849" i="1" s="1"/>
  <c r="A40850" i="1" s="1"/>
  <c r="A40851" i="1" s="1"/>
  <c r="A40852" i="1" s="1"/>
  <c r="A40853" i="1" s="1"/>
  <c r="A40854" i="1" s="1"/>
  <c r="A40855" i="1" s="1"/>
  <c r="A40856" i="1" s="1"/>
  <c r="A40857" i="1" s="1"/>
  <c r="A40858" i="1" s="1"/>
  <c r="A40859" i="1" s="1"/>
  <c r="A40860" i="1" s="1"/>
  <c r="A40861" i="1" s="1"/>
  <c r="A40862" i="1" s="1"/>
  <c r="A40863" i="1" s="1"/>
  <c r="A40864" i="1" s="1"/>
  <c r="A40865" i="1" s="1"/>
  <c r="A40866" i="1" s="1"/>
  <c r="A40867" i="1" s="1"/>
  <c r="A40868" i="1" s="1"/>
  <c r="A40869" i="1" s="1"/>
  <c r="A40870" i="1" s="1"/>
  <c r="A40871" i="1" s="1"/>
  <c r="A40872" i="1" s="1"/>
  <c r="A40873" i="1" s="1"/>
  <c r="A40874" i="1" s="1"/>
  <c r="A40875" i="1" s="1"/>
  <c r="A40876" i="1" s="1"/>
  <c r="A40877" i="1" s="1"/>
  <c r="A40878" i="1" s="1"/>
  <c r="A40879" i="1" s="1"/>
  <c r="A40880" i="1" s="1"/>
  <c r="A40881" i="1" s="1"/>
  <c r="A40882" i="1" s="1"/>
  <c r="A40883" i="1" s="1"/>
  <c r="A40884" i="1" s="1"/>
  <c r="A40885" i="1" s="1"/>
  <c r="A40886" i="1" s="1"/>
  <c r="A40887" i="1" s="1"/>
  <c r="A40888" i="1" s="1"/>
  <c r="A40889" i="1" s="1"/>
  <c r="A40890" i="1" s="1"/>
  <c r="A40891" i="1" s="1"/>
  <c r="A40892" i="1" s="1"/>
  <c r="A40893" i="1" s="1"/>
  <c r="A40894" i="1" s="1"/>
  <c r="A40895" i="1" s="1"/>
  <c r="A40896" i="1" s="1"/>
  <c r="A40897" i="1" s="1"/>
  <c r="A40898" i="1" s="1"/>
  <c r="A40899" i="1" s="1"/>
  <c r="A40900" i="1" s="1"/>
  <c r="A40901" i="1" s="1"/>
  <c r="A40902" i="1" s="1"/>
  <c r="A40903" i="1" s="1"/>
  <c r="A40904" i="1" s="1"/>
  <c r="A40905" i="1" s="1"/>
  <c r="A40906" i="1" s="1"/>
  <c r="A40907" i="1" s="1"/>
  <c r="A40908" i="1" s="1"/>
  <c r="A40909" i="1" s="1"/>
  <c r="A40910" i="1" s="1"/>
  <c r="A40911" i="1" s="1"/>
  <c r="A40912" i="1" s="1"/>
  <c r="A40913" i="1" s="1"/>
  <c r="A40914" i="1" s="1"/>
  <c r="A40915" i="1" s="1"/>
  <c r="A40916" i="1" s="1"/>
  <c r="A40917" i="1" s="1"/>
  <c r="A40918" i="1" s="1"/>
  <c r="A40919" i="1" s="1"/>
  <c r="A40920" i="1" s="1"/>
  <c r="A40921" i="1" s="1"/>
  <c r="A40922" i="1" s="1"/>
  <c r="A40923" i="1" s="1"/>
  <c r="A40924" i="1" s="1"/>
  <c r="A40925" i="1" s="1"/>
  <c r="A40926" i="1" s="1"/>
  <c r="A40927" i="1" s="1"/>
  <c r="A40928" i="1" s="1"/>
  <c r="A40929" i="1" s="1"/>
  <c r="A40930" i="1" s="1"/>
  <c r="A40931" i="1" s="1"/>
  <c r="A40932" i="1" s="1"/>
  <c r="A40933" i="1" s="1"/>
  <c r="A40934" i="1" s="1"/>
  <c r="A40935" i="1" s="1"/>
  <c r="A40936" i="1" s="1"/>
  <c r="A40937" i="1" s="1"/>
  <c r="A40938" i="1" s="1"/>
  <c r="A40939" i="1" s="1"/>
  <c r="A40940" i="1" s="1"/>
  <c r="A40941" i="1" s="1"/>
  <c r="A40942" i="1" s="1"/>
  <c r="A40943" i="1" s="1"/>
  <c r="A40944" i="1" s="1"/>
  <c r="A40945" i="1" s="1"/>
  <c r="A40946" i="1" s="1"/>
  <c r="A40947" i="1" s="1"/>
  <c r="A40948" i="1" s="1"/>
  <c r="A40949" i="1" s="1"/>
  <c r="A40950" i="1" s="1"/>
  <c r="A40951" i="1" s="1"/>
  <c r="A40952" i="1" s="1"/>
  <c r="A40953" i="1" s="1"/>
  <c r="A40954" i="1" s="1"/>
  <c r="A40955" i="1" s="1"/>
  <c r="A40956" i="1" s="1"/>
  <c r="A40957" i="1" s="1"/>
  <c r="A40958" i="1" s="1"/>
  <c r="A40959" i="1" s="1"/>
  <c r="A40960" i="1" s="1"/>
  <c r="A40961" i="1" s="1"/>
  <c r="A40962" i="1" s="1"/>
  <c r="A40963" i="1" s="1"/>
  <c r="A40964" i="1" s="1"/>
  <c r="A40965" i="1" s="1"/>
  <c r="A40966" i="1" s="1"/>
  <c r="A40967" i="1" s="1"/>
  <c r="A40968" i="1" s="1"/>
  <c r="A40969" i="1" s="1"/>
  <c r="A40970" i="1" s="1"/>
  <c r="A40971" i="1" s="1"/>
  <c r="A40972" i="1" s="1"/>
  <c r="A40973" i="1" s="1"/>
  <c r="A40974" i="1" s="1"/>
  <c r="A40975" i="1" s="1"/>
  <c r="A40976" i="1" s="1"/>
  <c r="A40977" i="1" s="1"/>
  <c r="A40978" i="1" s="1"/>
  <c r="A40979" i="1" s="1"/>
  <c r="A40980" i="1" s="1"/>
  <c r="A40981" i="1" s="1"/>
  <c r="A40982" i="1" s="1"/>
  <c r="A40983" i="1" s="1"/>
  <c r="A40984" i="1" s="1"/>
  <c r="A40985" i="1" s="1"/>
  <c r="A40986" i="1" s="1"/>
  <c r="A40987" i="1" s="1"/>
  <c r="A40988" i="1" s="1"/>
  <c r="A40989" i="1" s="1"/>
  <c r="A40990" i="1" s="1"/>
  <c r="A40991" i="1" s="1"/>
  <c r="A40992" i="1" s="1"/>
  <c r="A40993" i="1" s="1"/>
  <c r="A40994" i="1" s="1"/>
  <c r="A40995" i="1" s="1"/>
  <c r="A40996" i="1" s="1"/>
  <c r="A40997" i="1" s="1"/>
  <c r="A40998" i="1" s="1"/>
  <c r="A40999" i="1" s="1"/>
  <c r="A41000" i="1" s="1"/>
  <c r="A41001" i="1" s="1"/>
  <c r="A41002" i="1" s="1"/>
  <c r="A41003" i="1" s="1"/>
  <c r="A41004" i="1" s="1"/>
  <c r="A41005" i="1" s="1"/>
  <c r="A41006" i="1" s="1"/>
  <c r="A41007" i="1" s="1"/>
  <c r="A41008" i="1" s="1"/>
  <c r="A41009" i="1" s="1"/>
  <c r="A41010" i="1" s="1"/>
  <c r="A41011" i="1" s="1"/>
  <c r="A41012" i="1" s="1"/>
  <c r="A41013" i="1" s="1"/>
  <c r="A41014" i="1" s="1"/>
  <c r="A41015" i="1" s="1"/>
  <c r="A41016" i="1" s="1"/>
  <c r="A41017" i="1" s="1"/>
  <c r="A41018" i="1" s="1"/>
  <c r="A41019" i="1" s="1"/>
  <c r="A41020" i="1" s="1"/>
  <c r="A41021" i="1" s="1"/>
  <c r="A41022" i="1" s="1"/>
  <c r="A41023" i="1" s="1"/>
  <c r="A41024" i="1" s="1"/>
  <c r="A41025" i="1" s="1"/>
  <c r="A41026" i="1" s="1"/>
  <c r="A41027" i="1" s="1"/>
  <c r="A41028" i="1" s="1"/>
  <c r="A41029" i="1" s="1"/>
  <c r="A41030" i="1" s="1"/>
  <c r="A41031" i="1" s="1"/>
  <c r="A41032" i="1" s="1"/>
  <c r="A41033" i="1" s="1"/>
  <c r="A41034" i="1" s="1"/>
  <c r="A41035" i="1" s="1"/>
  <c r="A41036" i="1" s="1"/>
  <c r="A41037" i="1" s="1"/>
  <c r="A41038" i="1" s="1"/>
  <c r="A41039" i="1" s="1"/>
  <c r="A41040" i="1" s="1"/>
  <c r="A41041" i="1" s="1"/>
  <c r="A41042" i="1" s="1"/>
  <c r="A41043" i="1" s="1"/>
  <c r="A41044" i="1" s="1"/>
  <c r="A41045" i="1" s="1"/>
  <c r="A41046" i="1" s="1"/>
  <c r="A41047" i="1" s="1"/>
  <c r="A41048" i="1" s="1"/>
  <c r="A41049" i="1" s="1"/>
  <c r="A41050" i="1" s="1"/>
  <c r="A41051" i="1" s="1"/>
  <c r="A41052" i="1" s="1"/>
  <c r="A41053" i="1" s="1"/>
  <c r="A41054" i="1" s="1"/>
  <c r="A41055" i="1" s="1"/>
  <c r="A41056" i="1" s="1"/>
  <c r="A41057" i="1" s="1"/>
  <c r="A41058" i="1" s="1"/>
  <c r="A41059" i="1" s="1"/>
  <c r="A41060" i="1" s="1"/>
  <c r="A41061" i="1" s="1"/>
  <c r="A41062" i="1" s="1"/>
  <c r="A41063" i="1" s="1"/>
  <c r="A41064" i="1" s="1"/>
  <c r="A41065" i="1" s="1"/>
  <c r="A41066" i="1" s="1"/>
  <c r="A41067" i="1" s="1"/>
  <c r="A41068" i="1" s="1"/>
  <c r="A41069" i="1" s="1"/>
  <c r="A41070" i="1" s="1"/>
  <c r="A41071" i="1" s="1"/>
  <c r="A41072" i="1" s="1"/>
  <c r="A41073" i="1" s="1"/>
  <c r="A41074" i="1" s="1"/>
  <c r="A41075" i="1" s="1"/>
  <c r="A41076" i="1" s="1"/>
  <c r="A41077" i="1" s="1"/>
  <c r="A41078" i="1" s="1"/>
  <c r="A41079" i="1" s="1"/>
  <c r="A41080" i="1" s="1"/>
  <c r="A41081" i="1" s="1"/>
  <c r="A41082" i="1" s="1"/>
  <c r="A41083" i="1" s="1"/>
  <c r="A41084" i="1" s="1"/>
  <c r="A41085" i="1" s="1"/>
  <c r="A41086" i="1" s="1"/>
  <c r="A41087" i="1" s="1"/>
  <c r="A41088" i="1" s="1"/>
  <c r="A41089" i="1" s="1"/>
  <c r="A41090" i="1" s="1"/>
  <c r="A41091" i="1" s="1"/>
  <c r="A41092" i="1" s="1"/>
  <c r="A41093" i="1" s="1"/>
  <c r="A41094" i="1" s="1"/>
  <c r="A41095" i="1" s="1"/>
  <c r="A41096" i="1" s="1"/>
  <c r="A41097" i="1" s="1"/>
  <c r="A41098" i="1" s="1"/>
  <c r="A41099" i="1" s="1"/>
  <c r="A41100" i="1" s="1"/>
  <c r="A41101" i="1" s="1"/>
  <c r="A41102" i="1" s="1"/>
  <c r="A41103" i="1" s="1"/>
  <c r="A41104" i="1" s="1"/>
  <c r="A41105" i="1" s="1"/>
  <c r="A41106" i="1" s="1"/>
  <c r="A41107" i="1" s="1"/>
  <c r="A41108" i="1" s="1"/>
  <c r="A41109" i="1" s="1"/>
  <c r="A41110" i="1" s="1"/>
  <c r="A41111" i="1" s="1"/>
  <c r="A41112" i="1" s="1"/>
  <c r="A41113" i="1" s="1"/>
  <c r="A41114" i="1" s="1"/>
  <c r="A41115" i="1" s="1"/>
  <c r="A41116" i="1" s="1"/>
  <c r="A41117" i="1" s="1"/>
  <c r="A41118" i="1" s="1"/>
  <c r="A41119" i="1" s="1"/>
  <c r="A41120" i="1" s="1"/>
  <c r="A41121" i="1" s="1"/>
  <c r="A41122" i="1" s="1"/>
  <c r="A41123" i="1" s="1"/>
  <c r="A41124" i="1" s="1"/>
  <c r="A41125" i="1" s="1"/>
  <c r="A41126" i="1" s="1"/>
  <c r="A41127" i="1" s="1"/>
  <c r="A41128" i="1" s="1"/>
  <c r="A41129" i="1" s="1"/>
  <c r="A41130" i="1" s="1"/>
  <c r="A41131" i="1" s="1"/>
  <c r="A41132" i="1" s="1"/>
  <c r="A41133" i="1" s="1"/>
  <c r="A41134" i="1" s="1"/>
  <c r="A41135" i="1" s="1"/>
  <c r="A41136" i="1" s="1"/>
  <c r="A41137" i="1" s="1"/>
  <c r="A41138" i="1" s="1"/>
  <c r="A41139" i="1" s="1"/>
  <c r="A41140" i="1" s="1"/>
  <c r="A41141" i="1" s="1"/>
  <c r="A41142" i="1" s="1"/>
  <c r="A41143" i="1" s="1"/>
  <c r="A41144" i="1" s="1"/>
  <c r="A41145" i="1" s="1"/>
  <c r="A41146" i="1" s="1"/>
  <c r="A41147" i="1" s="1"/>
  <c r="A41148" i="1" s="1"/>
  <c r="A41149" i="1" s="1"/>
  <c r="A41150" i="1" s="1"/>
  <c r="A41151" i="1" s="1"/>
  <c r="A41152" i="1" s="1"/>
  <c r="A41153" i="1" s="1"/>
  <c r="A41154" i="1" s="1"/>
  <c r="A41155" i="1" s="1"/>
  <c r="A41156" i="1" s="1"/>
  <c r="A41157" i="1" s="1"/>
  <c r="A41158" i="1" s="1"/>
  <c r="A41159" i="1" s="1"/>
  <c r="A41160" i="1" s="1"/>
  <c r="A41161" i="1" s="1"/>
  <c r="A41162" i="1" s="1"/>
  <c r="A41163" i="1" s="1"/>
  <c r="A41164" i="1" s="1"/>
  <c r="A41165" i="1" s="1"/>
  <c r="A41166" i="1" s="1"/>
  <c r="A41167" i="1" s="1"/>
  <c r="A41168" i="1" s="1"/>
  <c r="A41169" i="1" s="1"/>
  <c r="A41170" i="1" s="1"/>
  <c r="A41171" i="1" s="1"/>
  <c r="A41172" i="1" s="1"/>
  <c r="A41173" i="1" s="1"/>
  <c r="A41174" i="1" s="1"/>
  <c r="A41175" i="1" s="1"/>
  <c r="A41176" i="1" s="1"/>
  <c r="A41177" i="1" s="1"/>
  <c r="A41178" i="1" s="1"/>
  <c r="A41179" i="1" s="1"/>
  <c r="A41180" i="1" s="1"/>
  <c r="A41181" i="1" s="1"/>
  <c r="A41182" i="1" s="1"/>
  <c r="A41183" i="1" s="1"/>
  <c r="A41184" i="1" s="1"/>
  <c r="A41185" i="1" s="1"/>
  <c r="A41186" i="1" s="1"/>
  <c r="A41187" i="1" s="1"/>
  <c r="A41188" i="1" s="1"/>
  <c r="A41189" i="1" s="1"/>
  <c r="A41190" i="1" s="1"/>
  <c r="A41191" i="1" s="1"/>
  <c r="A41192" i="1" s="1"/>
  <c r="A41193" i="1" s="1"/>
  <c r="A41194" i="1" s="1"/>
  <c r="A41195" i="1" s="1"/>
  <c r="A41196" i="1" s="1"/>
  <c r="A41197" i="1" s="1"/>
  <c r="A41198" i="1" s="1"/>
  <c r="A41199" i="1" s="1"/>
  <c r="A41200" i="1" s="1"/>
  <c r="A41201" i="1" s="1"/>
  <c r="A41202" i="1" s="1"/>
  <c r="A41203" i="1" s="1"/>
  <c r="A41204" i="1" s="1"/>
  <c r="A41205" i="1" s="1"/>
  <c r="A41206" i="1" s="1"/>
  <c r="A41207" i="1" s="1"/>
  <c r="A41208" i="1" s="1"/>
  <c r="A41209" i="1" s="1"/>
  <c r="A41210" i="1" s="1"/>
  <c r="A41211" i="1" s="1"/>
  <c r="A41212" i="1" s="1"/>
  <c r="A41213" i="1" s="1"/>
  <c r="A41214" i="1" s="1"/>
  <c r="A41215" i="1" s="1"/>
  <c r="A41216" i="1" s="1"/>
  <c r="A41217" i="1" s="1"/>
  <c r="A41218" i="1" s="1"/>
  <c r="A41219" i="1" s="1"/>
  <c r="A41220" i="1" s="1"/>
  <c r="A41221" i="1" s="1"/>
  <c r="A41222" i="1" s="1"/>
  <c r="A41223" i="1" s="1"/>
  <c r="A41224" i="1" s="1"/>
  <c r="A41225" i="1" s="1"/>
  <c r="A41226" i="1" s="1"/>
  <c r="A41227" i="1" s="1"/>
  <c r="A41228" i="1" s="1"/>
  <c r="A41229" i="1" s="1"/>
  <c r="A41230" i="1" s="1"/>
  <c r="A41231" i="1" s="1"/>
  <c r="A41232" i="1" s="1"/>
  <c r="A41233" i="1" s="1"/>
  <c r="A41234" i="1" s="1"/>
  <c r="A41235" i="1" s="1"/>
  <c r="A41236" i="1" s="1"/>
  <c r="A41237" i="1" s="1"/>
  <c r="A41238" i="1" s="1"/>
  <c r="A41239" i="1" s="1"/>
  <c r="A41240" i="1" s="1"/>
  <c r="A41241" i="1" s="1"/>
  <c r="A41242" i="1" s="1"/>
  <c r="A41243" i="1" s="1"/>
  <c r="A41244" i="1" s="1"/>
  <c r="A41245" i="1" s="1"/>
  <c r="A41246" i="1" s="1"/>
  <c r="A41247" i="1" s="1"/>
  <c r="A41248" i="1" s="1"/>
  <c r="A41249" i="1" s="1"/>
  <c r="A41250" i="1" s="1"/>
  <c r="A41251" i="1" s="1"/>
  <c r="A41252" i="1" s="1"/>
  <c r="A41253" i="1" s="1"/>
  <c r="A41254" i="1" s="1"/>
  <c r="A41255" i="1" s="1"/>
  <c r="A41256" i="1" s="1"/>
  <c r="A41257" i="1" s="1"/>
  <c r="A41258" i="1" s="1"/>
  <c r="A41259" i="1" s="1"/>
  <c r="A41260" i="1" s="1"/>
  <c r="A41261" i="1" s="1"/>
  <c r="A41262" i="1" s="1"/>
  <c r="A41263" i="1" s="1"/>
  <c r="A41264" i="1" s="1"/>
  <c r="A41265" i="1" s="1"/>
  <c r="A41266" i="1" s="1"/>
  <c r="A41267" i="1" s="1"/>
  <c r="A41268" i="1" s="1"/>
  <c r="A41269" i="1" s="1"/>
  <c r="A41270" i="1" s="1"/>
  <c r="A41271" i="1" s="1"/>
  <c r="A41272" i="1" s="1"/>
  <c r="A41273" i="1" s="1"/>
  <c r="A41274" i="1" s="1"/>
  <c r="A41275" i="1" s="1"/>
  <c r="A41276" i="1" s="1"/>
  <c r="A41277" i="1" s="1"/>
  <c r="A41278" i="1" s="1"/>
  <c r="A41279" i="1" s="1"/>
  <c r="A41280" i="1" s="1"/>
  <c r="A41281" i="1" s="1"/>
  <c r="A41282" i="1" s="1"/>
  <c r="A41283" i="1" s="1"/>
  <c r="A41284" i="1" s="1"/>
  <c r="A41285" i="1" s="1"/>
  <c r="A41286" i="1" s="1"/>
  <c r="A41287" i="1" s="1"/>
  <c r="A41288" i="1" s="1"/>
  <c r="A41289" i="1" s="1"/>
  <c r="A41290" i="1" s="1"/>
  <c r="A41291" i="1" s="1"/>
  <c r="A41292" i="1" s="1"/>
  <c r="A41293" i="1" s="1"/>
  <c r="A41294" i="1" s="1"/>
  <c r="A41295" i="1" s="1"/>
  <c r="A41296" i="1" s="1"/>
  <c r="A41297" i="1" s="1"/>
  <c r="A41298" i="1" s="1"/>
  <c r="A41299" i="1" s="1"/>
  <c r="A41300" i="1" s="1"/>
  <c r="A41301" i="1" s="1"/>
  <c r="A41302" i="1" s="1"/>
  <c r="A41303" i="1" s="1"/>
  <c r="A41304" i="1" s="1"/>
  <c r="A41305" i="1" s="1"/>
  <c r="A41306" i="1" s="1"/>
  <c r="A41307" i="1" s="1"/>
  <c r="A41308" i="1" s="1"/>
  <c r="A41309" i="1" s="1"/>
  <c r="A41310" i="1" s="1"/>
  <c r="A41311" i="1" s="1"/>
  <c r="A41312" i="1" s="1"/>
  <c r="A41313" i="1" s="1"/>
  <c r="A41314" i="1" s="1"/>
  <c r="A41315" i="1" s="1"/>
  <c r="A41316" i="1" s="1"/>
  <c r="A41317" i="1" s="1"/>
  <c r="A41318" i="1" s="1"/>
  <c r="A41319" i="1" s="1"/>
  <c r="A41320" i="1" s="1"/>
  <c r="A41321" i="1" s="1"/>
  <c r="A41322" i="1" s="1"/>
  <c r="A41323" i="1" s="1"/>
  <c r="A41324" i="1" s="1"/>
  <c r="A41325" i="1" s="1"/>
  <c r="A41326" i="1" s="1"/>
  <c r="A41327" i="1" s="1"/>
  <c r="A41328" i="1" s="1"/>
  <c r="A41329" i="1" s="1"/>
  <c r="A41330" i="1" s="1"/>
  <c r="A41331" i="1" s="1"/>
  <c r="A41332" i="1" s="1"/>
  <c r="A41333" i="1" s="1"/>
  <c r="A41334" i="1" s="1"/>
  <c r="A41335" i="1" s="1"/>
  <c r="A41336" i="1" s="1"/>
  <c r="A41337" i="1" s="1"/>
  <c r="A41338" i="1" s="1"/>
  <c r="A41339" i="1" s="1"/>
  <c r="A41340" i="1" s="1"/>
  <c r="A41341" i="1" s="1"/>
  <c r="A41342" i="1" s="1"/>
  <c r="A41343" i="1" s="1"/>
  <c r="A41344" i="1" s="1"/>
  <c r="A41345" i="1" s="1"/>
  <c r="A41346" i="1" s="1"/>
  <c r="A41347" i="1" s="1"/>
  <c r="A41348" i="1" s="1"/>
  <c r="A41349" i="1" s="1"/>
  <c r="A41350" i="1" s="1"/>
  <c r="A41351" i="1" s="1"/>
  <c r="A41352" i="1" s="1"/>
  <c r="A41353" i="1" s="1"/>
  <c r="A41354" i="1" s="1"/>
  <c r="A41355" i="1" s="1"/>
  <c r="A41356" i="1" s="1"/>
  <c r="A41357" i="1" s="1"/>
  <c r="A41358" i="1" s="1"/>
  <c r="A41359" i="1" s="1"/>
  <c r="A41360" i="1" s="1"/>
  <c r="A41361" i="1" s="1"/>
  <c r="A41362" i="1" s="1"/>
  <c r="A41363" i="1" s="1"/>
  <c r="A41364" i="1" s="1"/>
  <c r="A41365" i="1" s="1"/>
  <c r="A41366" i="1" s="1"/>
  <c r="A41367" i="1" s="1"/>
  <c r="A41368" i="1" s="1"/>
  <c r="A41369" i="1" s="1"/>
  <c r="A41370" i="1" s="1"/>
  <c r="A41371" i="1" s="1"/>
  <c r="A41372" i="1" s="1"/>
  <c r="A41373" i="1" s="1"/>
  <c r="A41374" i="1" s="1"/>
  <c r="A41375" i="1" s="1"/>
  <c r="A41376" i="1" s="1"/>
  <c r="A41377" i="1" s="1"/>
  <c r="A41378" i="1" s="1"/>
  <c r="A41379" i="1" s="1"/>
  <c r="A41380" i="1" s="1"/>
  <c r="A41381" i="1" s="1"/>
  <c r="A41382" i="1" s="1"/>
  <c r="A41383" i="1" s="1"/>
  <c r="A41384" i="1" s="1"/>
  <c r="A41385" i="1" s="1"/>
  <c r="A41386" i="1" s="1"/>
  <c r="A41387" i="1" s="1"/>
  <c r="A41388" i="1" s="1"/>
  <c r="A41389" i="1" s="1"/>
  <c r="A41390" i="1" s="1"/>
  <c r="A41391" i="1" s="1"/>
  <c r="A41392" i="1" s="1"/>
  <c r="A41393" i="1" s="1"/>
  <c r="A41394" i="1" s="1"/>
  <c r="A41395" i="1" s="1"/>
  <c r="A41396" i="1" s="1"/>
  <c r="A41397" i="1" s="1"/>
  <c r="A41398" i="1" s="1"/>
  <c r="A41399" i="1" s="1"/>
  <c r="A41400" i="1" s="1"/>
  <c r="A41401" i="1" s="1"/>
  <c r="A41402" i="1" s="1"/>
  <c r="A41403" i="1" s="1"/>
  <c r="A41404" i="1" s="1"/>
  <c r="A41405" i="1" s="1"/>
  <c r="A41406" i="1" s="1"/>
  <c r="A41407" i="1" s="1"/>
  <c r="A41408" i="1" s="1"/>
  <c r="A41409" i="1" s="1"/>
  <c r="A41410" i="1" s="1"/>
  <c r="A41411" i="1" s="1"/>
  <c r="A41412" i="1" s="1"/>
  <c r="A41413" i="1" s="1"/>
  <c r="A41414" i="1" s="1"/>
  <c r="A41415" i="1" s="1"/>
  <c r="A41416" i="1" s="1"/>
  <c r="A41417" i="1" s="1"/>
  <c r="A41418" i="1" s="1"/>
  <c r="A41419" i="1" s="1"/>
  <c r="A41420" i="1" s="1"/>
  <c r="A41421" i="1" s="1"/>
  <c r="A41422" i="1" s="1"/>
  <c r="A41423" i="1" s="1"/>
  <c r="A41424" i="1" s="1"/>
  <c r="A41425" i="1" s="1"/>
  <c r="A41426" i="1" s="1"/>
  <c r="A41427" i="1" s="1"/>
  <c r="A41428" i="1" s="1"/>
  <c r="A41429" i="1" s="1"/>
  <c r="A41430" i="1" s="1"/>
  <c r="A41431" i="1" s="1"/>
  <c r="A41432" i="1" s="1"/>
  <c r="A41433" i="1" s="1"/>
  <c r="A41434" i="1" s="1"/>
  <c r="A41435" i="1" s="1"/>
  <c r="A41436" i="1" s="1"/>
  <c r="A41437" i="1" s="1"/>
  <c r="A41438" i="1" s="1"/>
  <c r="A41439" i="1" s="1"/>
  <c r="A41440" i="1" s="1"/>
  <c r="A41441" i="1" s="1"/>
  <c r="A41442" i="1" s="1"/>
  <c r="A41443" i="1" s="1"/>
  <c r="A41444" i="1" s="1"/>
  <c r="A41445" i="1" s="1"/>
  <c r="A41446" i="1" s="1"/>
  <c r="A41447" i="1" s="1"/>
  <c r="A41448" i="1" s="1"/>
  <c r="A41449" i="1" s="1"/>
  <c r="A41450" i="1" s="1"/>
  <c r="A41451" i="1" s="1"/>
  <c r="A41452" i="1" s="1"/>
  <c r="A41453" i="1" s="1"/>
  <c r="A41454" i="1" s="1"/>
  <c r="A41455" i="1" s="1"/>
  <c r="A41456" i="1" s="1"/>
  <c r="A41457" i="1" s="1"/>
  <c r="A41458" i="1" s="1"/>
  <c r="A41459" i="1" s="1"/>
  <c r="A41460" i="1" s="1"/>
  <c r="A41461" i="1" s="1"/>
  <c r="A41462" i="1" s="1"/>
  <c r="A41463" i="1" s="1"/>
  <c r="A41464" i="1" s="1"/>
  <c r="A41465" i="1" s="1"/>
  <c r="A41466" i="1" s="1"/>
  <c r="A41467" i="1" s="1"/>
  <c r="A41468" i="1" s="1"/>
  <c r="A41469" i="1" s="1"/>
  <c r="A41470" i="1" s="1"/>
  <c r="A41471" i="1" s="1"/>
  <c r="A41472" i="1" s="1"/>
  <c r="A41473" i="1" s="1"/>
  <c r="A41474" i="1" s="1"/>
  <c r="A41475" i="1" s="1"/>
  <c r="A41476" i="1" s="1"/>
  <c r="A41477" i="1" s="1"/>
  <c r="A41478" i="1" s="1"/>
  <c r="A41479" i="1" s="1"/>
  <c r="A41480" i="1" s="1"/>
  <c r="A41481" i="1" s="1"/>
  <c r="A41482" i="1" s="1"/>
  <c r="A41483" i="1" s="1"/>
  <c r="A41484" i="1" s="1"/>
  <c r="A41485" i="1" s="1"/>
  <c r="A41486" i="1" s="1"/>
  <c r="A41487" i="1" s="1"/>
  <c r="A41488" i="1" s="1"/>
  <c r="A41489" i="1" s="1"/>
  <c r="A41490" i="1" s="1"/>
  <c r="A41491" i="1" s="1"/>
  <c r="A41492" i="1" s="1"/>
  <c r="A41493" i="1" s="1"/>
  <c r="A41494" i="1" s="1"/>
  <c r="A41495" i="1" s="1"/>
  <c r="A41496" i="1" s="1"/>
  <c r="A41497" i="1" s="1"/>
  <c r="A41498" i="1" s="1"/>
  <c r="A41499" i="1" s="1"/>
  <c r="A41500" i="1" s="1"/>
  <c r="A41501" i="1" s="1"/>
  <c r="A41502" i="1" s="1"/>
  <c r="A41503" i="1" s="1"/>
  <c r="A41504" i="1" s="1"/>
  <c r="A41505" i="1" s="1"/>
  <c r="A41506" i="1" s="1"/>
  <c r="A41507" i="1" s="1"/>
  <c r="A41508" i="1" s="1"/>
  <c r="A41509" i="1" s="1"/>
  <c r="A41510" i="1" s="1"/>
  <c r="A41511" i="1" s="1"/>
  <c r="A41512" i="1" s="1"/>
  <c r="A41513" i="1" s="1"/>
  <c r="A41514" i="1" s="1"/>
  <c r="A41515" i="1" s="1"/>
  <c r="A41516" i="1" s="1"/>
  <c r="A41517" i="1" s="1"/>
  <c r="A41518" i="1" s="1"/>
  <c r="A41519" i="1" s="1"/>
  <c r="A41520" i="1" s="1"/>
  <c r="A41521" i="1" s="1"/>
  <c r="A41522" i="1" s="1"/>
  <c r="A41523" i="1" s="1"/>
  <c r="A41524" i="1" s="1"/>
  <c r="A41525" i="1" s="1"/>
  <c r="A41526" i="1" s="1"/>
  <c r="A41527" i="1" s="1"/>
  <c r="A41528" i="1" s="1"/>
  <c r="A41529" i="1" s="1"/>
  <c r="A41530" i="1" s="1"/>
  <c r="A41531" i="1" s="1"/>
  <c r="A41532" i="1" s="1"/>
  <c r="A41533" i="1" s="1"/>
  <c r="A41534" i="1" s="1"/>
  <c r="A41535" i="1" s="1"/>
  <c r="A41536" i="1" s="1"/>
  <c r="A41537" i="1" s="1"/>
  <c r="A41538" i="1" s="1"/>
  <c r="A41539" i="1" s="1"/>
  <c r="A41540" i="1" s="1"/>
  <c r="A41541" i="1" s="1"/>
  <c r="A41542" i="1" s="1"/>
  <c r="A41543" i="1" s="1"/>
  <c r="A41544" i="1" s="1"/>
  <c r="A41545" i="1" s="1"/>
  <c r="A41546" i="1" s="1"/>
  <c r="A41547" i="1" s="1"/>
  <c r="A41548" i="1" s="1"/>
  <c r="A41549" i="1" s="1"/>
  <c r="A41550" i="1" s="1"/>
  <c r="A41551" i="1" s="1"/>
  <c r="A41552" i="1" s="1"/>
  <c r="A41553" i="1" s="1"/>
  <c r="A41554" i="1" s="1"/>
  <c r="A41555" i="1" s="1"/>
  <c r="A41556" i="1" s="1"/>
  <c r="A41557" i="1" s="1"/>
  <c r="A41558" i="1" s="1"/>
  <c r="A41559" i="1" s="1"/>
  <c r="A41560" i="1" s="1"/>
  <c r="A41561" i="1" s="1"/>
  <c r="A41562" i="1" s="1"/>
  <c r="A41563" i="1" s="1"/>
  <c r="A41564" i="1" s="1"/>
  <c r="A41565" i="1" s="1"/>
  <c r="A41566" i="1" s="1"/>
  <c r="A41567" i="1" s="1"/>
  <c r="A41568" i="1" s="1"/>
  <c r="A41569" i="1" s="1"/>
  <c r="A41570" i="1" s="1"/>
  <c r="A41571" i="1" s="1"/>
  <c r="A41572" i="1" s="1"/>
  <c r="A41573" i="1" s="1"/>
  <c r="A41574" i="1" s="1"/>
  <c r="A41575" i="1" s="1"/>
  <c r="A41576" i="1" s="1"/>
  <c r="A41577" i="1" s="1"/>
  <c r="A41578" i="1" s="1"/>
  <c r="A41579" i="1" s="1"/>
  <c r="A41580" i="1" s="1"/>
  <c r="A41581" i="1" s="1"/>
  <c r="A41582" i="1" s="1"/>
  <c r="A41583" i="1" s="1"/>
  <c r="A41584" i="1" s="1"/>
  <c r="A41585" i="1" s="1"/>
  <c r="A41586" i="1" s="1"/>
  <c r="A41587" i="1" s="1"/>
  <c r="A41588" i="1" s="1"/>
  <c r="A41589" i="1" s="1"/>
  <c r="A41590" i="1" s="1"/>
  <c r="A41591" i="1" s="1"/>
  <c r="A41592" i="1" s="1"/>
  <c r="A41593" i="1" s="1"/>
  <c r="A41594" i="1" s="1"/>
  <c r="A41595" i="1" s="1"/>
  <c r="A41596" i="1" s="1"/>
  <c r="A41597" i="1" s="1"/>
  <c r="A41598" i="1" s="1"/>
  <c r="A41599" i="1" s="1"/>
  <c r="A41600" i="1" s="1"/>
  <c r="A41601" i="1" s="1"/>
  <c r="A41602" i="1" s="1"/>
  <c r="A41603" i="1" s="1"/>
  <c r="A41604" i="1" s="1"/>
  <c r="A41605" i="1" s="1"/>
  <c r="A41606" i="1" s="1"/>
  <c r="A41607" i="1" s="1"/>
  <c r="A41608" i="1" s="1"/>
  <c r="A41609" i="1" s="1"/>
  <c r="A41610" i="1" s="1"/>
  <c r="A41611" i="1" s="1"/>
  <c r="A41612" i="1" s="1"/>
  <c r="A41613" i="1" s="1"/>
  <c r="A41614" i="1" s="1"/>
  <c r="A41615" i="1" s="1"/>
  <c r="A41616" i="1" s="1"/>
  <c r="A41617" i="1" s="1"/>
  <c r="A41618" i="1" s="1"/>
  <c r="A41619" i="1" s="1"/>
  <c r="A41620" i="1" s="1"/>
  <c r="A41621" i="1" s="1"/>
  <c r="A41622" i="1" s="1"/>
  <c r="A41623" i="1" s="1"/>
  <c r="A41624" i="1" s="1"/>
  <c r="A41625" i="1" s="1"/>
  <c r="A41626" i="1" s="1"/>
  <c r="A41627" i="1" s="1"/>
  <c r="A41628" i="1" s="1"/>
  <c r="A41629" i="1" s="1"/>
  <c r="A41630" i="1" s="1"/>
  <c r="A41631" i="1" s="1"/>
  <c r="A41632" i="1" s="1"/>
  <c r="A41633" i="1" s="1"/>
  <c r="A41634" i="1" s="1"/>
  <c r="A41635" i="1" s="1"/>
  <c r="A41636" i="1" s="1"/>
  <c r="A41637" i="1" s="1"/>
  <c r="A41638" i="1" s="1"/>
  <c r="A41639" i="1" s="1"/>
  <c r="A41640" i="1" s="1"/>
  <c r="A41641" i="1" s="1"/>
  <c r="A41642" i="1" s="1"/>
  <c r="A41643" i="1" s="1"/>
  <c r="A41644" i="1" s="1"/>
  <c r="A41645" i="1" s="1"/>
  <c r="A41646" i="1" s="1"/>
  <c r="A41647" i="1" s="1"/>
  <c r="A41648" i="1" s="1"/>
  <c r="A41649" i="1" s="1"/>
  <c r="A41650" i="1" s="1"/>
  <c r="A41651" i="1" s="1"/>
  <c r="A41652" i="1" s="1"/>
  <c r="A41653" i="1" s="1"/>
  <c r="A41654" i="1" s="1"/>
  <c r="A41655" i="1" s="1"/>
  <c r="A41656" i="1" s="1"/>
  <c r="A41657" i="1" s="1"/>
  <c r="A41658" i="1" s="1"/>
  <c r="A41659" i="1" s="1"/>
  <c r="A41660" i="1" s="1"/>
  <c r="A41661" i="1" s="1"/>
  <c r="A41662" i="1" s="1"/>
  <c r="A41663" i="1" s="1"/>
  <c r="A41664" i="1" s="1"/>
  <c r="A41665" i="1" s="1"/>
  <c r="A41666" i="1" s="1"/>
  <c r="A41667" i="1" s="1"/>
  <c r="A41668" i="1" s="1"/>
  <c r="A41669" i="1" s="1"/>
  <c r="A41670" i="1" s="1"/>
  <c r="A41671" i="1" s="1"/>
  <c r="A41672" i="1" s="1"/>
  <c r="A41673" i="1" s="1"/>
  <c r="A41674" i="1" s="1"/>
  <c r="A41675" i="1" s="1"/>
  <c r="A41676" i="1" s="1"/>
  <c r="A41677" i="1" s="1"/>
  <c r="A41678" i="1" s="1"/>
  <c r="A41679" i="1" s="1"/>
  <c r="A41680" i="1" s="1"/>
  <c r="A41681" i="1" s="1"/>
  <c r="A41682" i="1" s="1"/>
  <c r="A41683" i="1" s="1"/>
  <c r="A41684" i="1" s="1"/>
  <c r="A41685" i="1" s="1"/>
  <c r="A41686" i="1" s="1"/>
  <c r="A41687" i="1" s="1"/>
  <c r="A41688" i="1" s="1"/>
  <c r="A41689" i="1" s="1"/>
  <c r="A41690" i="1" s="1"/>
  <c r="A41691" i="1" s="1"/>
  <c r="A41692" i="1" s="1"/>
  <c r="A41693" i="1" s="1"/>
  <c r="A41694" i="1" s="1"/>
  <c r="A41695" i="1" s="1"/>
  <c r="A41696" i="1" s="1"/>
  <c r="A41697" i="1" s="1"/>
  <c r="A41698" i="1" s="1"/>
  <c r="A41699" i="1" s="1"/>
  <c r="A41700" i="1" s="1"/>
  <c r="A41701" i="1" s="1"/>
  <c r="A41702" i="1" s="1"/>
  <c r="A41703" i="1" s="1"/>
  <c r="A41704" i="1" s="1"/>
  <c r="A41705" i="1" s="1"/>
  <c r="A41706" i="1" s="1"/>
  <c r="A41707" i="1" s="1"/>
  <c r="A41708" i="1" s="1"/>
  <c r="A41709" i="1" s="1"/>
  <c r="A41710" i="1" s="1"/>
  <c r="A41711" i="1" s="1"/>
  <c r="A41712" i="1" s="1"/>
  <c r="A41713" i="1" s="1"/>
  <c r="A41714" i="1" s="1"/>
  <c r="A41715" i="1" s="1"/>
  <c r="A41716" i="1" s="1"/>
  <c r="A41717" i="1" s="1"/>
  <c r="A41718" i="1" s="1"/>
  <c r="A41719" i="1" s="1"/>
  <c r="A41720" i="1" s="1"/>
  <c r="A41721" i="1" s="1"/>
  <c r="A41722" i="1" s="1"/>
  <c r="A41723" i="1" s="1"/>
  <c r="A41724" i="1" s="1"/>
  <c r="A41725" i="1" s="1"/>
  <c r="A41726" i="1" s="1"/>
  <c r="A41727" i="1" s="1"/>
  <c r="A41728" i="1" s="1"/>
  <c r="A41729" i="1" s="1"/>
  <c r="A41730" i="1" s="1"/>
  <c r="A41731" i="1" s="1"/>
  <c r="A41732" i="1" s="1"/>
  <c r="A41733" i="1" s="1"/>
  <c r="A41734" i="1" s="1"/>
  <c r="A41735" i="1" s="1"/>
  <c r="A41736" i="1" s="1"/>
  <c r="A41737" i="1" s="1"/>
  <c r="A41738" i="1" s="1"/>
  <c r="A41739" i="1" s="1"/>
  <c r="A41740" i="1" s="1"/>
  <c r="A41741" i="1" s="1"/>
  <c r="A41742" i="1" s="1"/>
  <c r="A41743" i="1" s="1"/>
  <c r="A41744" i="1" s="1"/>
  <c r="A41745" i="1" s="1"/>
  <c r="A41746" i="1" s="1"/>
  <c r="A41747" i="1" s="1"/>
  <c r="A41748" i="1" s="1"/>
  <c r="A41749" i="1" s="1"/>
  <c r="A41750" i="1" s="1"/>
  <c r="A41751" i="1" s="1"/>
  <c r="A41752" i="1" s="1"/>
  <c r="A41753" i="1" s="1"/>
  <c r="A41754" i="1" s="1"/>
  <c r="A41755" i="1" s="1"/>
  <c r="A41756" i="1" s="1"/>
  <c r="A41757" i="1" s="1"/>
  <c r="A41758" i="1" s="1"/>
  <c r="A41759" i="1" s="1"/>
  <c r="A41760" i="1" s="1"/>
  <c r="A41761" i="1" s="1"/>
  <c r="A41762" i="1" s="1"/>
  <c r="A41763" i="1" s="1"/>
  <c r="A41764" i="1" s="1"/>
  <c r="A41765" i="1" s="1"/>
  <c r="A41766" i="1" s="1"/>
  <c r="A41767" i="1" s="1"/>
  <c r="A41768" i="1" s="1"/>
  <c r="A41769" i="1" s="1"/>
  <c r="A41770" i="1" s="1"/>
  <c r="A41771" i="1" s="1"/>
  <c r="A41772" i="1" s="1"/>
  <c r="A41773" i="1" s="1"/>
  <c r="A41774" i="1" s="1"/>
  <c r="A41775" i="1" s="1"/>
  <c r="A41776" i="1" s="1"/>
  <c r="A41777" i="1" s="1"/>
  <c r="A41778" i="1" s="1"/>
  <c r="A41779" i="1" s="1"/>
  <c r="A41780" i="1" s="1"/>
  <c r="A41781" i="1" s="1"/>
  <c r="A41782" i="1" s="1"/>
  <c r="A41783" i="1" s="1"/>
  <c r="A41784" i="1" s="1"/>
  <c r="A41785" i="1" s="1"/>
  <c r="A41786" i="1" s="1"/>
  <c r="A41787" i="1" s="1"/>
  <c r="A41788" i="1" s="1"/>
  <c r="A41789" i="1" s="1"/>
  <c r="A41790" i="1" s="1"/>
  <c r="A41791" i="1" s="1"/>
  <c r="A41792" i="1" s="1"/>
  <c r="A41793" i="1" s="1"/>
  <c r="A41794" i="1" s="1"/>
  <c r="A41795" i="1" s="1"/>
  <c r="A41796" i="1" s="1"/>
  <c r="A41797" i="1" s="1"/>
  <c r="A41798" i="1" s="1"/>
  <c r="A41799" i="1" s="1"/>
  <c r="A41800" i="1" s="1"/>
  <c r="A41801" i="1" s="1"/>
  <c r="A41802" i="1" s="1"/>
  <c r="A41803" i="1" s="1"/>
  <c r="A41804" i="1" s="1"/>
  <c r="A41805" i="1" s="1"/>
  <c r="A41806" i="1" s="1"/>
  <c r="A41807" i="1" s="1"/>
  <c r="A41808" i="1" s="1"/>
  <c r="A41809" i="1" s="1"/>
  <c r="A41810" i="1" s="1"/>
  <c r="A41811" i="1" s="1"/>
  <c r="A41812" i="1" s="1"/>
  <c r="A41813" i="1" s="1"/>
  <c r="A41814" i="1" s="1"/>
  <c r="A41815" i="1" s="1"/>
  <c r="A41816" i="1" s="1"/>
  <c r="A41817" i="1" s="1"/>
  <c r="A41818" i="1" s="1"/>
  <c r="A41819" i="1" s="1"/>
  <c r="A41820" i="1" s="1"/>
  <c r="A41821" i="1" s="1"/>
  <c r="A41822" i="1" s="1"/>
  <c r="A41823" i="1" s="1"/>
  <c r="A41824" i="1" s="1"/>
  <c r="A41825" i="1" s="1"/>
  <c r="A41826" i="1" s="1"/>
  <c r="A41827" i="1" s="1"/>
  <c r="A41828" i="1" s="1"/>
  <c r="A41829" i="1" s="1"/>
  <c r="A41830" i="1" s="1"/>
  <c r="A41831" i="1" s="1"/>
  <c r="A41832" i="1" s="1"/>
  <c r="A41833" i="1" s="1"/>
  <c r="A41834" i="1" s="1"/>
  <c r="A41835" i="1" s="1"/>
  <c r="A41836" i="1" s="1"/>
  <c r="A41837" i="1" s="1"/>
  <c r="A41838" i="1" s="1"/>
  <c r="A41839" i="1" s="1"/>
  <c r="A41840" i="1" s="1"/>
  <c r="A41841" i="1" s="1"/>
  <c r="A41842" i="1" s="1"/>
  <c r="A41843" i="1" s="1"/>
  <c r="A41844" i="1" s="1"/>
  <c r="A41845" i="1" s="1"/>
  <c r="A41846" i="1" s="1"/>
  <c r="A41847" i="1" s="1"/>
  <c r="A41848" i="1" s="1"/>
  <c r="A41849" i="1" s="1"/>
  <c r="A41850" i="1" s="1"/>
  <c r="A41851" i="1" s="1"/>
  <c r="A41852" i="1" s="1"/>
  <c r="A41853" i="1" s="1"/>
  <c r="A41854" i="1" s="1"/>
  <c r="A41855" i="1" s="1"/>
  <c r="A41856" i="1" s="1"/>
  <c r="A41857" i="1" s="1"/>
  <c r="A41858" i="1" s="1"/>
  <c r="A41859" i="1" s="1"/>
  <c r="A41860" i="1" s="1"/>
  <c r="A41861" i="1" s="1"/>
  <c r="A41862" i="1" s="1"/>
  <c r="A41863" i="1" s="1"/>
  <c r="A41864" i="1" s="1"/>
  <c r="A41865" i="1" s="1"/>
  <c r="A41866" i="1" s="1"/>
  <c r="A41867" i="1" s="1"/>
  <c r="A41868" i="1" s="1"/>
  <c r="A41869" i="1" s="1"/>
  <c r="A41870" i="1" s="1"/>
  <c r="A41871" i="1" s="1"/>
  <c r="A41872" i="1" s="1"/>
  <c r="A41873" i="1" s="1"/>
  <c r="A41874" i="1" s="1"/>
  <c r="A41875" i="1" s="1"/>
  <c r="A41876" i="1" s="1"/>
  <c r="A41877" i="1" s="1"/>
  <c r="A41878" i="1" s="1"/>
  <c r="A41879" i="1" s="1"/>
  <c r="A41880" i="1" s="1"/>
  <c r="A41881" i="1" s="1"/>
  <c r="A41882" i="1" s="1"/>
  <c r="A41883" i="1" s="1"/>
  <c r="A41884" i="1" s="1"/>
  <c r="A41885" i="1" s="1"/>
  <c r="A41886" i="1" s="1"/>
  <c r="A41887" i="1" s="1"/>
  <c r="A41888" i="1" s="1"/>
  <c r="A41889" i="1" s="1"/>
  <c r="A41890" i="1" s="1"/>
  <c r="A41891" i="1" s="1"/>
  <c r="A41892" i="1" s="1"/>
  <c r="A41893" i="1" s="1"/>
  <c r="A41894" i="1" s="1"/>
  <c r="A41895" i="1" s="1"/>
  <c r="A41896" i="1" s="1"/>
  <c r="A41897" i="1" s="1"/>
  <c r="A41898" i="1" s="1"/>
  <c r="A41899" i="1" s="1"/>
  <c r="A41900" i="1" s="1"/>
  <c r="A41901" i="1" s="1"/>
  <c r="A41902" i="1" s="1"/>
  <c r="A41903" i="1" s="1"/>
  <c r="A41904" i="1" s="1"/>
  <c r="A41905" i="1" s="1"/>
  <c r="A41906" i="1" s="1"/>
  <c r="A41907" i="1" s="1"/>
  <c r="A41908" i="1" s="1"/>
  <c r="A41909" i="1" s="1"/>
  <c r="A41910" i="1" s="1"/>
  <c r="A41911" i="1" s="1"/>
  <c r="A41912" i="1" s="1"/>
  <c r="A41913" i="1" s="1"/>
  <c r="A41914" i="1" s="1"/>
  <c r="A41915" i="1" s="1"/>
  <c r="A41916" i="1" s="1"/>
  <c r="A41917" i="1" s="1"/>
  <c r="A41918" i="1" s="1"/>
  <c r="A41919" i="1" s="1"/>
  <c r="A41920" i="1" s="1"/>
  <c r="A41921" i="1" s="1"/>
  <c r="A41922" i="1" s="1"/>
  <c r="A41923" i="1" s="1"/>
  <c r="A41924" i="1" s="1"/>
  <c r="A41925" i="1" s="1"/>
  <c r="A41926" i="1" s="1"/>
  <c r="A41927" i="1" s="1"/>
  <c r="A41928" i="1" s="1"/>
  <c r="A41929" i="1" s="1"/>
  <c r="A41930" i="1" s="1"/>
  <c r="A41931" i="1" s="1"/>
  <c r="A41932" i="1" s="1"/>
  <c r="A41933" i="1" s="1"/>
  <c r="A41934" i="1" s="1"/>
  <c r="A41935" i="1" s="1"/>
  <c r="A41936" i="1" s="1"/>
  <c r="A41937" i="1" s="1"/>
  <c r="A41938" i="1" s="1"/>
  <c r="A41939" i="1" s="1"/>
  <c r="A41940" i="1" s="1"/>
  <c r="A41941" i="1" s="1"/>
  <c r="A41942" i="1" s="1"/>
  <c r="A41943" i="1" s="1"/>
  <c r="A41944" i="1" s="1"/>
  <c r="A41945" i="1" s="1"/>
  <c r="A41946" i="1" s="1"/>
  <c r="A41947" i="1" s="1"/>
  <c r="A41948" i="1" s="1"/>
  <c r="A41949" i="1" s="1"/>
  <c r="A41950" i="1" s="1"/>
  <c r="A41951" i="1" s="1"/>
  <c r="A41952" i="1" s="1"/>
  <c r="A41953" i="1" s="1"/>
  <c r="A41954" i="1" s="1"/>
  <c r="A41955" i="1" s="1"/>
  <c r="A41956" i="1" s="1"/>
  <c r="A41957" i="1" s="1"/>
  <c r="A41958" i="1" s="1"/>
  <c r="A41959" i="1" s="1"/>
  <c r="A41960" i="1" s="1"/>
  <c r="A41961" i="1" s="1"/>
  <c r="A41962" i="1" s="1"/>
  <c r="A41963" i="1" s="1"/>
  <c r="A41964" i="1" s="1"/>
  <c r="A41965" i="1" s="1"/>
  <c r="A41966" i="1" s="1"/>
  <c r="A41967" i="1" s="1"/>
  <c r="A41968" i="1" s="1"/>
  <c r="A41969" i="1" s="1"/>
  <c r="A41970" i="1" s="1"/>
  <c r="A41971" i="1" s="1"/>
  <c r="A41972" i="1" s="1"/>
  <c r="A41973" i="1" s="1"/>
  <c r="A41974" i="1" s="1"/>
  <c r="A41975" i="1" s="1"/>
  <c r="A41976" i="1" s="1"/>
  <c r="A41977" i="1" s="1"/>
  <c r="A41978" i="1" s="1"/>
  <c r="A41979" i="1" s="1"/>
  <c r="A41980" i="1" s="1"/>
  <c r="A41981" i="1" s="1"/>
  <c r="A41982" i="1" s="1"/>
  <c r="A41983" i="1" s="1"/>
  <c r="A41984" i="1" s="1"/>
  <c r="A41985" i="1" s="1"/>
  <c r="A41986" i="1" s="1"/>
  <c r="A41987" i="1" s="1"/>
  <c r="A41988" i="1" s="1"/>
  <c r="A41989" i="1" s="1"/>
  <c r="A41990" i="1" s="1"/>
  <c r="A41991" i="1" s="1"/>
  <c r="A41992" i="1" s="1"/>
  <c r="A41993" i="1" s="1"/>
  <c r="A41994" i="1" s="1"/>
  <c r="A41995" i="1" s="1"/>
  <c r="A41996" i="1" s="1"/>
  <c r="A41997" i="1" s="1"/>
  <c r="A41998" i="1" s="1"/>
  <c r="A41999" i="1" s="1"/>
  <c r="A42000" i="1" s="1"/>
  <c r="A42001" i="1" s="1"/>
  <c r="A42002" i="1" s="1"/>
  <c r="A42003" i="1" s="1"/>
  <c r="A42004" i="1" s="1"/>
  <c r="A42005" i="1" s="1"/>
  <c r="A42006" i="1" s="1"/>
  <c r="A42007" i="1" s="1"/>
  <c r="A42008" i="1" s="1"/>
  <c r="A42009" i="1" s="1"/>
  <c r="A42010" i="1" s="1"/>
  <c r="A42011" i="1" s="1"/>
  <c r="A42012" i="1" s="1"/>
  <c r="A42013" i="1" s="1"/>
  <c r="A42014" i="1" s="1"/>
  <c r="A42015" i="1" s="1"/>
  <c r="A42016" i="1" s="1"/>
  <c r="A42017" i="1" s="1"/>
  <c r="A42018" i="1" s="1"/>
  <c r="A42019" i="1" s="1"/>
  <c r="A42020" i="1" s="1"/>
  <c r="A42021" i="1" s="1"/>
  <c r="A42022" i="1" s="1"/>
  <c r="A42023" i="1" s="1"/>
  <c r="A42024" i="1" s="1"/>
  <c r="A42025" i="1" s="1"/>
  <c r="A42026" i="1" s="1"/>
  <c r="A42027" i="1" s="1"/>
  <c r="A42028" i="1" s="1"/>
  <c r="A42029" i="1" s="1"/>
  <c r="A42030" i="1" s="1"/>
  <c r="A42031" i="1" s="1"/>
  <c r="A42032" i="1" s="1"/>
  <c r="A42033" i="1" s="1"/>
  <c r="A42034" i="1" s="1"/>
  <c r="A42035" i="1" s="1"/>
  <c r="A42036" i="1" s="1"/>
  <c r="A42037" i="1" s="1"/>
  <c r="A42038" i="1" s="1"/>
  <c r="A42039" i="1" s="1"/>
  <c r="A42040" i="1" s="1"/>
  <c r="A42041" i="1" s="1"/>
  <c r="A42042" i="1" s="1"/>
  <c r="A42043" i="1" s="1"/>
  <c r="A42044" i="1" s="1"/>
  <c r="A42045" i="1" s="1"/>
  <c r="A42046" i="1" s="1"/>
  <c r="A42047" i="1" s="1"/>
  <c r="A42048" i="1" s="1"/>
  <c r="A42049" i="1" s="1"/>
  <c r="A42050" i="1" s="1"/>
  <c r="A42051" i="1" s="1"/>
  <c r="A42052" i="1" s="1"/>
  <c r="A42053" i="1" s="1"/>
  <c r="A42054" i="1" s="1"/>
  <c r="A42055" i="1" s="1"/>
  <c r="A42056" i="1" s="1"/>
  <c r="A42057" i="1" s="1"/>
  <c r="A42058" i="1" s="1"/>
  <c r="A42059" i="1" s="1"/>
  <c r="A42060" i="1" s="1"/>
  <c r="A42061" i="1" s="1"/>
  <c r="A42062" i="1" s="1"/>
  <c r="A42063" i="1" s="1"/>
  <c r="A42064" i="1" s="1"/>
  <c r="A42065" i="1" s="1"/>
  <c r="A42066" i="1" s="1"/>
  <c r="A42067" i="1" s="1"/>
  <c r="A42068" i="1" s="1"/>
  <c r="A42069" i="1" s="1"/>
  <c r="A42070" i="1" s="1"/>
  <c r="A42071" i="1" s="1"/>
  <c r="A42072" i="1" s="1"/>
  <c r="A42073" i="1" s="1"/>
  <c r="A42074" i="1" s="1"/>
  <c r="A42075" i="1" s="1"/>
  <c r="A42076" i="1" s="1"/>
  <c r="A42077" i="1" s="1"/>
  <c r="A42078" i="1" s="1"/>
  <c r="A42079" i="1" s="1"/>
  <c r="A42080" i="1" s="1"/>
  <c r="A42081" i="1" s="1"/>
  <c r="A42082" i="1" s="1"/>
  <c r="A42083" i="1" s="1"/>
  <c r="A42084" i="1" s="1"/>
  <c r="A42085" i="1" s="1"/>
  <c r="A42086" i="1" s="1"/>
  <c r="A42087" i="1" s="1"/>
  <c r="A42088" i="1" s="1"/>
  <c r="A42089" i="1" s="1"/>
  <c r="A42090" i="1" s="1"/>
  <c r="A42091" i="1" s="1"/>
  <c r="A42092" i="1" s="1"/>
  <c r="A42093" i="1" s="1"/>
  <c r="A42094" i="1" s="1"/>
  <c r="A42095" i="1" s="1"/>
  <c r="A42096" i="1" s="1"/>
  <c r="A42097" i="1" s="1"/>
  <c r="A42098" i="1" s="1"/>
  <c r="A42099" i="1" s="1"/>
  <c r="A42100" i="1" s="1"/>
  <c r="A42101" i="1" s="1"/>
  <c r="A42102" i="1" s="1"/>
  <c r="A42103" i="1" s="1"/>
  <c r="A42104" i="1" s="1"/>
  <c r="A42105" i="1" s="1"/>
  <c r="A42106" i="1" s="1"/>
  <c r="A42107" i="1" s="1"/>
  <c r="A42108" i="1" s="1"/>
  <c r="A42109" i="1" s="1"/>
  <c r="A42110" i="1" s="1"/>
  <c r="A42111" i="1" s="1"/>
  <c r="A42112" i="1" s="1"/>
  <c r="A42113" i="1" s="1"/>
  <c r="A42114" i="1" s="1"/>
  <c r="A42115" i="1" s="1"/>
  <c r="A42116" i="1" s="1"/>
  <c r="A42117" i="1" s="1"/>
  <c r="A42118" i="1" s="1"/>
  <c r="A42119" i="1" s="1"/>
  <c r="A42120" i="1" s="1"/>
  <c r="A42121" i="1" s="1"/>
  <c r="A42122" i="1" s="1"/>
  <c r="A42123" i="1" s="1"/>
  <c r="A42124" i="1" s="1"/>
  <c r="A42125" i="1" s="1"/>
  <c r="A42126" i="1" s="1"/>
  <c r="A42127" i="1" s="1"/>
  <c r="A42128" i="1" s="1"/>
  <c r="A42129" i="1" s="1"/>
  <c r="A42130" i="1" s="1"/>
  <c r="A42131" i="1" s="1"/>
  <c r="A42132" i="1" s="1"/>
  <c r="A42133" i="1" s="1"/>
  <c r="A42134" i="1" s="1"/>
  <c r="A42135" i="1" s="1"/>
  <c r="A42136" i="1" s="1"/>
  <c r="A42137" i="1" s="1"/>
  <c r="A42138" i="1" s="1"/>
  <c r="A42139" i="1" s="1"/>
  <c r="A42140" i="1" s="1"/>
  <c r="A42141" i="1" s="1"/>
  <c r="A42142" i="1" s="1"/>
  <c r="A42143" i="1" s="1"/>
  <c r="A42144" i="1" s="1"/>
  <c r="A42145" i="1" s="1"/>
  <c r="A42146" i="1" s="1"/>
  <c r="A42147" i="1" s="1"/>
  <c r="A42148" i="1" s="1"/>
  <c r="A42149" i="1" s="1"/>
  <c r="A42150" i="1" s="1"/>
  <c r="A42151" i="1" s="1"/>
  <c r="A42152" i="1" s="1"/>
  <c r="A42153" i="1" s="1"/>
  <c r="A42154" i="1" s="1"/>
  <c r="A42155" i="1" s="1"/>
  <c r="A42156" i="1" s="1"/>
  <c r="A42157" i="1" s="1"/>
  <c r="A42158" i="1" s="1"/>
  <c r="A42159" i="1" s="1"/>
  <c r="A42160" i="1" s="1"/>
  <c r="A42161" i="1" s="1"/>
  <c r="A42162" i="1" s="1"/>
  <c r="A42163" i="1" s="1"/>
  <c r="A42164" i="1" s="1"/>
  <c r="A42165" i="1" s="1"/>
  <c r="A42166" i="1" s="1"/>
  <c r="A42167" i="1" s="1"/>
  <c r="A42168" i="1" s="1"/>
  <c r="A42169" i="1" s="1"/>
  <c r="A42170" i="1" s="1"/>
  <c r="A42171" i="1" s="1"/>
  <c r="A42172" i="1" s="1"/>
  <c r="A42173" i="1" s="1"/>
  <c r="A42174" i="1" s="1"/>
  <c r="A42175" i="1" s="1"/>
  <c r="A42176" i="1" s="1"/>
  <c r="A42177" i="1" s="1"/>
  <c r="A42178" i="1" s="1"/>
  <c r="A42179" i="1" s="1"/>
  <c r="A42180" i="1" s="1"/>
  <c r="A42181" i="1" s="1"/>
  <c r="A42182" i="1" s="1"/>
  <c r="A42183" i="1" s="1"/>
  <c r="A42184" i="1" s="1"/>
  <c r="A42185" i="1" s="1"/>
  <c r="A42186" i="1" s="1"/>
  <c r="A42187" i="1" s="1"/>
  <c r="A42188" i="1" s="1"/>
  <c r="A42189" i="1" s="1"/>
  <c r="A42190" i="1" s="1"/>
  <c r="A42191" i="1" s="1"/>
  <c r="A42192" i="1" s="1"/>
  <c r="A42193" i="1" s="1"/>
  <c r="A42194" i="1" s="1"/>
  <c r="A42195" i="1" s="1"/>
  <c r="A42196" i="1" s="1"/>
  <c r="A42197" i="1" s="1"/>
  <c r="A42198" i="1" s="1"/>
  <c r="A42199" i="1" s="1"/>
  <c r="A42200" i="1" s="1"/>
  <c r="A42201" i="1" s="1"/>
  <c r="A42202" i="1" s="1"/>
  <c r="A42203" i="1" s="1"/>
  <c r="A42204" i="1" s="1"/>
  <c r="A42205" i="1" s="1"/>
  <c r="A42206" i="1" s="1"/>
  <c r="A42207" i="1" s="1"/>
  <c r="A42208" i="1" s="1"/>
  <c r="A42209" i="1" s="1"/>
  <c r="A42210" i="1" s="1"/>
  <c r="A42211" i="1" s="1"/>
  <c r="A42212" i="1" s="1"/>
  <c r="A42213" i="1" s="1"/>
  <c r="A42214" i="1" s="1"/>
  <c r="A42215" i="1" s="1"/>
  <c r="A42216" i="1" s="1"/>
  <c r="A42217" i="1" s="1"/>
  <c r="A42218" i="1" s="1"/>
  <c r="A42219" i="1" s="1"/>
  <c r="A42220" i="1" s="1"/>
  <c r="A42221" i="1" s="1"/>
  <c r="A42222" i="1" s="1"/>
  <c r="A42223" i="1" s="1"/>
  <c r="A42224" i="1" s="1"/>
  <c r="A42225" i="1" s="1"/>
  <c r="A42226" i="1" s="1"/>
  <c r="A42227" i="1" s="1"/>
  <c r="A42228" i="1" s="1"/>
  <c r="A42229" i="1" s="1"/>
  <c r="A42230" i="1" s="1"/>
  <c r="A42231" i="1" s="1"/>
  <c r="A42232" i="1" s="1"/>
  <c r="A42233" i="1" s="1"/>
  <c r="A42234" i="1" s="1"/>
  <c r="A42235" i="1" s="1"/>
  <c r="A42236" i="1" s="1"/>
  <c r="A42237" i="1" s="1"/>
  <c r="A42238" i="1" s="1"/>
  <c r="A42239" i="1" s="1"/>
  <c r="A42240" i="1" s="1"/>
  <c r="A42241" i="1" s="1"/>
  <c r="A42242" i="1" s="1"/>
  <c r="A42243" i="1" s="1"/>
  <c r="A42244" i="1" s="1"/>
  <c r="A42245" i="1" s="1"/>
  <c r="A42246" i="1" s="1"/>
  <c r="A42247" i="1" s="1"/>
  <c r="A42248" i="1" s="1"/>
  <c r="A42249" i="1" s="1"/>
  <c r="A42250" i="1" s="1"/>
  <c r="A42251" i="1" s="1"/>
  <c r="A42252" i="1" s="1"/>
  <c r="A42253" i="1" s="1"/>
  <c r="A42254" i="1" s="1"/>
  <c r="A42255" i="1" s="1"/>
  <c r="A42256" i="1" s="1"/>
  <c r="A42257" i="1" s="1"/>
  <c r="A42258" i="1" s="1"/>
  <c r="A42259" i="1" s="1"/>
  <c r="A42260" i="1" s="1"/>
  <c r="A42261" i="1" s="1"/>
  <c r="A42262" i="1" s="1"/>
  <c r="A42263" i="1" s="1"/>
  <c r="A42264" i="1" s="1"/>
  <c r="A42265" i="1" s="1"/>
  <c r="A42266" i="1" s="1"/>
  <c r="A42267" i="1" s="1"/>
  <c r="A42268" i="1" s="1"/>
  <c r="A42269" i="1" s="1"/>
  <c r="A42270" i="1" s="1"/>
  <c r="A42271" i="1" s="1"/>
  <c r="A42272" i="1" s="1"/>
  <c r="A42273" i="1" s="1"/>
  <c r="A42274" i="1" s="1"/>
  <c r="A42275" i="1" s="1"/>
  <c r="A42276" i="1" s="1"/>
  <c r="A42277" i="1" s="1"/>
  <c r="A42278" i="1" s="1"/>
  <c r="A42279" i="1" s="1"/>
  <c r="A42280" i="1" s="1"/>
  <c r="A42281" i="1" s="1"/>
  <c r="A42282" i="1" s="1"/>
  <c r="A42283" i="1" s="1"/>
  <c r="A42284" i="1" s="1"/>
  <c r="A42285" i="1" s="1"/>
  <c r="A42286" i="1" s="1"/>
  <c r="A42287" i="1" s="1"/>
  <c r="A42288" i="1" s="1"/>
  <c r="A42289" i="1" s="1"/>
  <c r="A42290" i="1" s="1"/>
  <c r="A42291" i="1" s="1"/>
  <c r="A42292" i="1" s="1"/>
  <c r="A42293" i="1" s="1"/>
  <c r="A42294" i="1" s="1"/>
  <c r="A42295" i="1" s="1"/>
  <c r="A42296" i="1" s="1"/>
  <c r="A42297" i="1" s="1"/>
  <c r="A42298" i="1" s="1"/>
  <c r="A42299" i="1" s="1"/>
  <c r="A42300" i="1" s="1"/>
  <c r="A42301" i="1" s="1"/>
  <c r="A42302" i="1" s="1"/>
  <c r="A42303" i="1" s="1"/>
  <c r="A42304" i="1" s="1"/>
  <c r="A42305" i="1" s="1"/>
  <c r="A42306" i="1" s="1"/>
  <c r="A42307" i="1" s="1"/>
  <c r="A42308" i="1" s="1"/>
  <c r="A42309" i="1" s="1"/>
  <c r="A42310" i="1" s="1"/>
  <c r="A42311" i="1" s="1"/>
  <c r="A42312" i="1" s="1"/>
  <c r="A42313" i="1" s="1"/>
  <c r="A42314" i="1" s="1"/>
  <c r="A42315" i="1" s="1"/>
  <c r="A42316" i="1" s="1"/>
  <c r="A42317" i="1" s="1"/>
  <c r="A42318" i="1" s="1"/>
  <c r="A42319" i="1" s="1"/>
  <c r="A42320" i="1" s="1"/>
  <c r="A42321" i="1" s="1"/>
  <c r="A42322" i="1" s="1"/>
  <c r="A42323" i="1" s="1"/>
  <c r="A42324" i="1" s="1"/>
  <c r="A42325" i="1" s="1"/>
  <c r="A42326" i="1" s="1"/>
  <c r="A42327" i="1" s="1"/>
  <c r="A42328" i="1" s="1"/>
  <c r="A42329" i="1" s="1"/>
  <c r="A42330" i="1" s="1"/>
  <c r="A42331" i="1" s="1"/>
  <c r="A42332" i="1" s="1"/>
  <c r="A42333" i="1" s="1"/>
  <c r="A42334" i="1" s="1"/>
  <c r="A42335" i="1" s="1"/>
  <c r="A42336" i="1" s="1"/>
  <c r="A42337" i="1" s="1"/>
  <c r="A42338" i="1" s="1"/>
  <c r="A42339" i="1" s="1"/>
  <c r="A42340" i="1" s="1"/>
  <c r="A42341" i="1" s="1"/>
  <c r="A42342" i="1" s="1"/>
  <c r="A42343" i="1" s="1"/>
  <c r="A42344" i="1" s="1"/>
  <c r="A42345" i="1" s="1"/>
  <c r="A42346" i="1" s="1"/>
  <c r="A42347" i="1" s="1"/>
  <c r="A42348" i="1" s="1"/>
  <c r="A42349" i="1" s="1"/>
  <c r="A42350" i="1" s="1"/>
  <c r="A42351" i="1" s="1"/>
  <c r="A42352" i="1" s="1"/>
  <c r="A42353" i="1" s="1"/>
  <c r="A42354" i="1" s="1"/>
  <c r="A42355" i="1" s="1"/>
  <c r="A42356" i="1" s="1"/>
  <c r="A42357" i="1" s="1"/>
  <c r="A42358" i="1" s="1"/>
  <c r="A42359" i="1" s="1"/>
  <c r="A42360" i="1" s="1"/>
  <c r="A42361" i="1" s="1"/>
  <c r="A42362" i="1" s="1"/>
  <c r="A42363" i="1" s="1"/>
  <c r="A42364" i="1" s="1"/>
  <c r="A42365" i="1" s="1"/>
  <c r="A42366" i="1" s="1"/>
  <c r="A42367" i="1" s="1"/>
  <c r="A42368" i="1" s="1"/>
  <c r="A42369" i="1" s="1"/>
  <c r="A42370" i="1" s="1"/>
  <c r="A42371" i="1" s="1"/>
  <c r="A42372" i="1" s="1"/>
  <c r="A42373" i="1" s="1"/>
  <c r="A42374" i="1" s="1"/>
  <c r="A42375" i="1" s="1"/>
  <c r="A42376" i="1" s="1"/>
  <c r="A42377" i="1" s="1"/>
  <c r="A42378" i="1" s="1"/>
  <c r="A42379" i="1" s="1"/>
  <c r="A42380" i="1" s="1"/>
  <c r="A42381" i="1" s="1"/>
  <c r="A42382" i="1" s="1"/>
  <c r="A42383" i="1" s="1"/>
  <c r="A42384" i="1" s="1"/>
  <c r="A42385" i="1" s="1"/>
  <c r="A42386" i="1" s="1"/>
  <c r="A42387" i="1" s="1"/>
  <c r="A42388" i="1" s="1"/>
  <c r="A42389" i="1" s="1"/>
  <c r="A42390" i="1" s="1"/>
  <c r="A42391" i="1" s="1"/>
  <c r="A42392" i="1" s="1"/>
  <c r="A42393" i="1" s="1"/>
  <c r="A42394" i="1" s="1"/>
  <c r="A42395" i="1" s="1"/>
  <c r="A42396" i="1" s="1"/>
  <c r="A42397" i="1" s="1"/>
  <c r="A42398" i="1" s="1"/>
  <c r="A42399" i="1" s="1"/>
  <c r="A42400" i="1" s="1"/>
  <c r="A42401" i="1" s="1"/>
  <c r="A42402" i="1" s="1"/>
  <c r="A42403" i="1" s="1"/>
  <c r="A42404" i="1" s="1"/>
  <c r="A42405" i="1" s="1"/>
  <c r="A42406" i="1" s="1"/>
  <c r="A42407" i="1" s="1"/>
  <c r="A42408" i="1" s="1"/>
  <c r="A42409" i="1" s="1"/>
  <c r="A42410" i="1" s="1"/>
  <c r="A42411" i="1" s="1"/>
  <c r="A42412" i="1" s="1"/>
  <c r="A42413" i="1" s="1"/>
  <c r="A42414" i="1" s="1"/>
  <c r="A42415" i="1" s="1"/>
  <c r="A42416" i="1" s="1"/>
  <c r="A42417" i="1" s="1"/>
  <c r="A42418" i="1" s="1"/>
  <c r="A42419" i="1" s="1"/>
  <c r="A42420" i="1" s="1"/>
  <c r="A42421" i="1" s="1"/>
  <c r="A42422" i="1" s="1"/>
  <c r="A42423" i="1" s="1"/>
  <c r="A42424" i="1" s="1"/>
  <c r="A42425" i="1" s="1"/>
  <c r="A42426" i="1" s="1"/>
  <c r="A42427" i="1" s="1"/>
  <c r="A42428" i="1" s="1"/>
  <c r="A42429" i="1" s="1"/>
  <c r="A42430" i="1" s="1"/>
  <c r="A42431" i="1" s="1"/>
  <c r="A42432" i="1" s="1"/>
  <c r="A42433" i="1" s="1"/>
  <c r="A42434" i="1" s="1"/>
  <c r="A42435" i="1" s="1"/>
  <c r="A42436" i="1" s="1"/>
  <c r="A42437" i="1" s="1"/>
  <c r="A42438" i="1" s="1"/>
  <c r="A42439" i="1" s="1"/>
  <c r="A42440" i="1" s="1"/>
  <c r="A42441" i="1" s="1"/>
  <c r="A42442" i="1" s="1"/>
  <c r="A42443" i="1" s="1"/>
  <c r="A42444" i="1" s="1"/>
  <c r="A42445" i="1" s="1"/>
  <c r="A42446" i="1" s="1"/>
  <c r="A42447" i="1" s="1"/>
  <c r="A42448" i="1" s="1"/>
  <c r="A42449" i="1" s="1"/>
  <c r="A42450" i="1" s="1"/>
  <c r="A42451" i="1" s="1"/>
  <c r="A42452" i="1" s="1"/>
  <c r="A42453" i="1" s="1"/>
  <c r="A42454" i="1" s="1"/>
  <c r="A42455" i="1" s="1"/>
  <c r="A42456" i="1" s="1"/>
  <c r="A42457" i="1" s="1"/>
  <c r="A42458" i="1" s="1"/>
  <c r="A42459" i="1" s="1"/>
  <c r="A42460" i="1" s="1"/>
  <c r="A42461" i="1" s="1"/>
  <c r="A42462" i="1" s="1"/>
  <c r="A42463" i="1" s="1"/>
  <c r="A42464" i="1" s="1"/>
  <c r="A42465" i="1" s="1"/>
  <c r="A42466" i="1" s="1"/>
  <c r="A42467" i="1" s="1"/>
  <c r="A42468" i="1" s="1"/>
  <c r="A42469" i="1" s="1"/>
  <c r="A42470" i="1" s="1"/>
  <c r="A42471" i="1" s="1"/>
  <c r="A42472" i="1" s="1"/>
  <c r="A42473" i="1" s="1"/>
  <c r="A42474" i="1" s="1"/>
  <c r="A42475" i="1" s="1"/>
  <c r="A42476" i="1" s="1"/>
  <c r="A42477" i="1" s="1"/>
  <c r="A42478" i="1" s="1"/>
  <c r="A42479" i="1" s="1"/>
  <c r="A42480" i="1" s="1"/>
  <c r="A42481" i="1" s="1"/>
  <c r="A42482" i="1" s="1"/>
  <c r="A42483" i="1" s="1"/>
  <c r="A42484" i="1" s="1"/>
  <c r="A42485" i="1" s="1"/>
  <c r="A42486" i="1" s="1"/>
  <c r="A42487" i="1" s="1"/>
  <c r="A42488" i="1" s="1"/>
  <c r="A42489" i="1" s="1"/>
  <c r="A42490" i="1" s="1"/>
  <c r="A42491" i="1" s="1"/>
  <c r="A42492" i="1" s="1"/>
  <c r="A42493" i="1" s="1"/>
  <c r="A42494" i="1" s="1"/>
  <c r="A42495" i="1" s="1"/>
  <c r="A42496" i="1" s="1"/>
  <c r="A42497" i="1" s="1"/>
  <c r="A42498" i="1" s="1"/>
  <c r="A42499" i="1" s="1"/>
  <c r="A42500" i="1" s="1"/>
  <c r="A42501" i="1" s="1"/>
  <c r="A42502" i="1" s="1"/>
  <c r="A42503" i="1" s="1"/>
  <c r="A42504" i="1" s="1"/>
  <c r="A42505" i="1" s="1"/>
  <c r="A42506" i="1" s="1"/>
  <c r="A42507" i="1" s="1"/>
  <c r="A42508" i="1" s="1"/>
  <c r="A42509" i="1" s="1"/>
  <c r="A42510" i="1" s="1"/>
  <c r="A42511" i="1" s="1"/>
  <c r="A42512" i="1" s="1"/>
  <c r="A42513" i="1" s="1"/>
  <c r="A42514" i="1" s="1"/>
  <c r="A42515" i="1" s="1"/>
  <c r="A42516" i="1" s="1"/>
  <c r="A42517" i="1" s="1"/>
  <c r="A42518" i="1" s="1"/>
  <c r="A42519" i="1" s="1"/>
  <c r="A42520" i="1" s="1"/>
  <c r="A42521" i="1" s="1"/>
  <c r="A42522" i="1" s="1"/>
  <c r="A42523" i="1" s="1"/>
  <c r="A42524" i="1" s="1"/>
  <c r="A42525" i="1" s="1"/>
  <c r="A42526" i="1" s="1"/>
  <c r="A42527" i="1" s="1"/>
  <c r="A42528" i="1" s="1"/>
  <c r="A42529" i="1" s="1"/>
  <c r="A42530" i="1" s="1"/>
  <c r="A42531" i="1" s="1"/>
  <c r="A42532" i="1" s="1"/>
  <c r="A42533" i="1" s="1"/>
  <c r="A42534" i="1" s="1"/>
  <c r="A42535" i="1" s="1"/>
  <c r="A42536" i="1" s="1"/>
  <c r="A42537" i="1" s="1"/>
  <c r="A42538" i="1" s="1"/>
  <c r="A42539" i="1" s="1"/>
  <c r="A42540" i="1" s="1"/>
  <c r="A42541" i="1" s="1"/>
  <c r="A42542" i="1" s="1"/>
  <c r="A42543" i="1" s="1"/>
  <c r="A42544" i="1" s="1"/>
  <c r="A42545" i="1" s="1"/>
  <c r="A42546" i="1" s="1"/>
  <c r="A42547" i="1" s="1"/>
  <c r="A42548" i="1" s="1"/>
  <c r="A42549" i="1" s="1"/>
  <c r="A42550" i="1" s="1"/>
  <c r="A42551" i="1" s="1"/>
  <c r="A42552" i="1" s="1"/>
  <c r="A42553" i="1" s="1"/>
  <c r="A42554" i="1" s="1"/>
  <c r="A42555" i="1" s="1"/>
  <c r="A42556" i="1" s="1"/>
  <c r="A42557" i="1" s="1"/>
  <c r="A42558" i="1" s="1"/>
  <c r="A42559" i="1" s="1"/>
  <c r="A42560" i="1" s="1"/>
  <c r="A42561" i="1" s="1"/>
  <c r="A42562" i="1" s="1"/>
  <c r="A42563" i="1" s="1"/>
  <c r="A42564" i="1" s="1"/>
  <c r="A42565" i="1" s="1"/>
  <c r="A42566" i="1" s="1"/>
  <c r="A42567" i="1" s="1"/>
  <c r="A42568" i="1" s="1"/>
  <c r="A42569" i="1" s="1"/>
  <c r="A42570" i="1" s="1"/>
  <c r="A42571" i="1" s="1"/>
  <c r="A42572" i="1" s="1"/>
  <c r="A42573" i="1" s="1"/>
  <c r="A42574" i="1" s="1"/>
  <c r="A42575" i="1" s="1"/>
  <c r="A42576" i="1" s="1"/>
  <c r="A42577" i="1" s="1"/>
  <c r="A42578" i="1" s="1"/>
  <c r="A42579" i="1" s="1"/>
  <c r="A42580" i="1" s="1"/>
  <c r="A42581" i="1" s="1"/>
  <c r="A42582" i="1" s="1"/>
  <c r="A42583" i="1" s="1"/>
  <c r="A42584" i="1" s="1"/>
  <c r="A42585" i="1" s="1"/>
  <c r="A42586" i="1" s="1"/>
  <c r="A42587" i="1" s="1"/>
  <c r="A42588" i="1" s="1"/>
  <c r="A42589" i="1" s="1"/>
  <c r="A42590" i="1" s="1"/>
  <c r="A42591" i="1" s="1"/>
  <c r="A42592" i="1" s="1"/>
  <c r="A42593" i="1" s="1"/>
  <c r="A42594" i="1" s="1"/>
  <c r="A42595" i="1" s="1"/>
  <c r="A42596" i="1" s="1"/>
  <c r="A42597" i="1" s="1"/>
  <c r="A42598" i="1" s="1"/>
  <c r="A42599" i="1" s="1"/>
  <c r="A42600" i="1" s="1"/>
  <c r="A42601" i="1" s="1"/>
  <c r="A42602" i="1" s="1"/>
  <c r="A42603" i="1" s="1"/>
  <c r="A42604" i="1" s="1"/>
  <c r="A42605" i="1" s="1"/>
  <c r="A42606" i="1" s="1"/>
  <c r="A42607" i="1" s="1"/>
  <c r="A42608" i="1" s="1"/>
  <c r="A42609" i="1" s="1"/>
  <c r="A42610" i="1" s="1"/>
  <c r="A42611" i="1" s="1"/>
  <c r="A42612" i="1" s="1"/>
  <c r="A42613" i="1" s="1"/>
  <c r="A42614" i="1" s="1"/>
  <c r="A42615" i="1" s="1"/>
  <c r="A42616" i="1" s="1"/>
  <c r="A42617" i="1" s="1"/>
  <c r="A42618" i="1" s="1"/>
  <c r="A42619" i="1" s="1"/>
  <c r="A42620" i="1" s="1"/>
  <c r="A42621" i="1" s="1"/>
  <c r="A42622" i="1" s="1"/>
  <c r="A42623" i="1" s="1"/>
  <c r="A42624" i="1" s="1"/>
  <c r="A42625" i="1" s="1"/>
  <c r="A42626" i="1" s="1"/>
  <c r="A42627" i="1" s="1"/>
  <c r="A42628" i="1" s="1"/>
  <c r="A42629" i="1" s="1"/>
  <c r="A42630" i="1" s="1"/>
  <c r="A42631" i="1" s="1"/>
  <c r="A42632" i="1" s="1"/>
  <c r="A42633" i="1" s="1"/>
  <c r="A42634" i="1" s="1"/>
  <c r="A42635" i="1" s="1"/>
  <c r="A42636" i="1" s="1"/>
  <c r="A42637" i="1" s="1"/>
  <c r="A42638" i="1" s="1"/>
  <c r="A42639" i="1" s="1"/>
  <c r="A42640" i="1" s="1"/>
  <c r="A42641" i="1" s="1"/>
  <c r="A42642" i="1" s="1"/>
  <c r="A42643" i="1" s="1"/>
  <c r="A42644" i="1" s="1"/>
  <c r="A42645" i="1" s="1"/>
  <c r="A42646" i="1" s="1"/>
  <c r="A42647" i="1" s="1"/>
  <c r="A42648" i="1" s="1"/>
  <c r="A42649" i="1" s="1"/>
  <c r="A42650" i="1" s="1"/>
  <c r="A42651" i="1" s="1"/>
  <c r="A42652" i="1" s="1"/>
  <c r="A42653" i="1" s="1"/>
  <c r="A42654" i="1" s="1"/>
  <c r="A42655" i="1" s="1"/>
  <c r="A42656" i="1" s="1"/>
  <c r="A42657" i="1" s="1"/>
  <c r="A42658" i="1" s="1"/>
  <c r="A42659" i="1" s="1"/>
  <c r="A42660" i="1" s="1"/>
  <c r="A42661" i="1" s="1"/>
  <c r="A42662" i="1" s="1"/>
  <c r="A42663" i="1" s="1"/>
  <c r="A42664" i="1" s="1"/>
  <c r="A42665" i="1" s="1"/>
  <c r="A42666" i="1" s="1"/>
  <c r="A42667" i="1" s="1"/>
  <c r="A42668" i="1" s="1"/>
  <c r="A42669" i="1" s="1"/>
  <c r="A42670" i="1" s="1"/>
  <c r="A42671" i="1" s="1"/>
  <c r="A42672" i="1" s="1"/>
  <c r="A42673" i="1" s="1"/>
  <c r="A42674" i="1" s="1"/>
  <c r="A42675" i="1" s="1"/>
  <c r="A42676" i="1" s="1"/>
  <c r="A42677" i="1" s="1"/>
  <c r="A42678" i="1" s="1"/>
  <c r="A42679" i="1" s="1"/>
  <c r="A42680" i="1" s="1"/>
  <c r="A42681" i="1" s="1"/>
  <c r="A42682" i="1" s="1"/>
  <c r="A42683" i="1" s="1"/>
  <c r="A42684" i="1" s="1"/>
  <c r="A42685" i="1" s="1"/>
  <c r="A42686" i="1" s="1"/>
  <c r="A42687" i="1" s="1"/>
  <c r="A42688" i="1" s="1"/>
  <c r="A42689" i="1" s="1"/>
  <c r="A42690" i="1" s="1"/>
  <c r="A42691" i="1" s="1"/>
  <c r="A42692" i="1" s="1"/>
  <c r="A42693" i="1" s="1"/>
  <c r="A42694" i="1" s="1"/>
  <c r="A42695" i="1" s="1"/>
  <c r="A42696" i="1" s="1"/>
  <c r="A42697" i="1" s="1"/>
  <c r="A42698" i="1" s="1"/>
  <c r="A42699" i="1" s="1"/>
  <c r="A42700" i="1" s="1"/>
  <c r="A42701" i="1" s="1"/>
  <c r="A42702" i="1" s="1"/>
  <c r="A42703" i="1" s="1"/>
  <c r="A42704" i="1" s="1"/>
  <c r="A42705" i="1" s="1"/>
  <c r="A42706" i="1" s="1"/>
  <c r="A42707" i="1" s="1"/>
  <c r="A42708" i="1" s="1"/>
  <c r="A42709" i="1" s="1"/>
  <c r="A42710" i="1" s="1"/>
  <c r="A42711" i="1" s="1"/>
  <c r="A42712" i="1" s="1"/>
  <c r="A42713" i="1" s="1"/>
  <c r="A42714" i="1" s="1"/>
  <c r="A42715" i="1" s="1"/>
  <c r="A42716" i="1" s="1"/>
  <c r="A42717" i="1" s="1"/>
  <c r="A42718" i="1" s="1"/>
  <c r="A42719" i="1" s="1"/>
  <c r="A42720" i="1" s="1"/>
  <c r="A42721" i="1" s="1"/>
  <c r="A42722" i="1" s="1"/>
  <c r="A42723" i="1" s="1"/>
  <c r="A42724" i="1" s="1"/>
  <c r="A42725" i="1" s="1"/>
  <c r="A42726" i="1" s="1"/>
  <c r="A42727" i="1" s="1"/>
  <c r="A42728" i="1" s="1"/>
  <c r="A42729" i="1" s="1"/>
  <c r="A42730" i="1" s="1"/>
  <c r="A42731" i="1" s="1"/>
  <c r="A42732" i="1" s="1"/>
  <c r="A42733" i="1" s="1"/>
  <c r="A42734" i="1" s="1"/>
  <c r="A42735" i="1" s="1"/>
  <c r="A42736" i="1" s="1"/>
  <c r="A42737" i="1" s="1"/>
  <c r="A42738" i="1" s="1"/>
  <c r="A42739" i="1" s="1"/>
  <c r="A42740" i="1" s="1"/>
  <c r="A42741" i="1" s="1"/>
  <c r="A42742" i="1" s="1"/>
  <c r="A42743" i="1" s="1"/>
  <c r="A42744" i="1" s="1"/>
  <c r="A42745" i="1" s="1"/>
  <c r="A42746" i="1" s="1"/>
  <c r="A42747" i="1" s="1"/>
  <c r="A42748" i="1" s="1"/>
  <c r="A42749" i="1" s="1"/>
  <c r="A42750" i="1" s="1"/>
  <c r="A42751" i="1" s="1"/>
  <c r="A42752" i="1" s="1"/>
  <c r="A42753" i="1" s="1"/>
  <c r="A42754" i="1" s="1"/>
  <c r="A42755" i="1" s="1"/>
  <c r="A42756" i="1" s="1"/>
  <c r="A42757" i="1" s="1"/>
  <c r="A42758" i="1" s="1"/>
  <c r="A42759" i="1" s="1"/>
  <c r="A42760" i="1" s="1"/>
  <c r="A42761" i="1" s="1"/>
  <c r="A42762" i="1" s="1"/>
  <c r="A42763" i="1" s="1"/>
  <c r="A42764" i="1" s="1"/>
  <c r="A42765" i="1" s="1"/>
  <c r="A42766" i="1" s="1"/>
  <c r="A42767" i="1" s="1"/>
  <c r="A42768" i="1" s="1"/>
  <c r="A42769" i="1" s="1"/>
  <c r="A42770" i="1" s="1"/>
  <c r="A42771" i="1" s="1"/>
  <c r="A42772" i="1" s="1"/>
  <c r="A42773" i="1" s="1"/>
  <c r="A42774" i="1" s="1"/>
  <c r="A42775" i="1" s="1"/>
  <c r="A42776" i="1" s="1"/>
  <c r="A42777" i="1" s="1"/>
  <c r="A42778" i="1" s="1"/>
  <c r="A42779" i="1" s="1"/>
  <c r="A42780" i="1" s="1"/>
  <c r="A42781" i="1" s="1"/>
  <c r="A42782" i="1" s="1"/>
  <c r="A42783" i="1" s="1"/>
  <c r="A42784" i="1" s="1"/>
  <c r="A42785" i="1" s="1"/>
  <c r="A42786" i="1" s="1"/>
  <c r="A42787" i="1" s="1"/>
  <c r="A42788" i="1" s="1"/>
  <c r="A42789" i="1" s="1"/>
  <c r="A42790" i="1" s="1"/>
  <c r="A42791" i="1" s="1"/>
  <c r="A42792" i="1" s="1"/>
  <c r="A42793" i="1" s="1"/>
  <c r="A42794" i="1" s="1"/>
  <c r="A42795" i="1" s="1"/>
  <c r="A42796" i="1" s="1"/>
  <c r="A42797" i="1" s="1"/>
  <c r="A42798" i="1" s="1"/>
  <c r="A42799" i="1" s="1"/>
  <c r="A42800" i="1" s="1"/>
  <c r="A42801" i="1" s="1"/>
  <c r="A42802" i="1" s="1"/>
  <c r="A42803" i="1" s="1"/>
  <c r="A42804" i="1" s="1"/>
  <c r="A42805" i="1" s="1"/>
  <c r="A42806" i="1" s="1"/>
  <c r="A42807" i="1" s="1"/>
  <c r="A42808" i="1" s="1"/>
  <c r="A42809" i="1" s="1"/>
  <c r="A42810" i="1" s="1"/>
  <c r="A42811" i="1" s="1"/>
  <c r="A42812" i="1" s="1"/>
  <c r="A42813" i="1" s="1"/>
  <c r="A42814" i="1" s="1"/>
  <c r="A42815" i="1" s="1"/>
  <c r="A42816" i="1" s="1"/>
  <c r="A42817" i="1" s="1"/>
  <c r="A42818" i="1" s="1"/>
  <c r="A42819" i="1" s="1"/>
  <c r="A42820" i="1" s="1"/>
  <c r="A42821" i="1" s="1"/>
  <c r="A42822" i="1" s="1"/>
  <c r="A42823" i="1" s="1"/>
  <c r="A42824" i="1" s="1"/>
  <c r="A42825" i="1" s="1"/>
  <c r="A42826" i="1" s="1"/>
  <c r="A42827" i="1" s="1"/>
  <c r="A42828" i="1" s="1"/>
  <c r="A42829" i="1" s="1"/>
  <c r="A42830" i="1" s="1"/>
  <c r="A42831" i="1" s="1"/>
  <c r="A42832" i="1" s="1"/>
  <c r="A42833" i="1" s="1"/>
  <c r="A42834" i="1" s="1"/>
  <c r="A42835" i="1" s="1"/>
  <c r="A42836" i="1" s="1"/>
  <c r="A42837" i="1" s="1"/>
  <c r="A42838" i="1" s="1"/>
  <c r="A42839" i="1" s="1"/>
  <c r="A42840" i="1" s="1"/>
  <c r="A42841" i="1" s="1"/>
  <c r="A42842" i="1" s="1"/>
  <c r="A42843" i="1" s="1"/>
  <c r="A42844" i="1" s="1"/>
  <c r="A42845" i="1" s="1"/>
  <c r="A42846" i="1" s="1"/>
  <c r="A42847" i="1" s="1"/>
  <c r="A42848" i="1" s="1"/>
  <c r="A42849" i="1" s="1"/>
  <c r="A42850" i="1" s="1"/>
  <c r="A42851" i="1" s="1"/>
  <c r="A42852" i="1" s="1"/>
  <c r="A42853" i="1" s="1"/>
  <c r="A42854" i="1" s="1"/>
  <c r="A42855" i="1" s="1"/>
  <c r="A42856" i="1" s="1"/>
  <c r="A42857" i="1" s="1"/>
  <c r="A42858" i="1" s="1"/>
  <c r="A42859" i="1" s="1"/>
  <c r="A42860" i="1" s="1"/>
  <c r="A42861" i="1" s="1"/>
  <c r="A42862" i="1" s="1"/>
  <c r="A42863" i="1" s="1"/>
  <c r="A42864" i="1" s="1"/>
  <c r="A42865" i="1" s="1"/>
  <c r="A42866" i="1" s="1"/>
  <c r="A42867" i="1" s="1"/>
  <c r="A42868" i="1" s="1"/>
  <c r="A42869" i="1" s="1"/>
  <c r="A42870" i="1" s="1"/>
  <c r="A42871" i="1" s="1"/>
  <c r="A42872" i="1" s="1"/>
  <c r="A42873" i="1" s="1"/>
  <c r="A42874" i="1" s="1"/>
  <c r="A42875" i="1" s="1"/>
  <c r="A42876" i="1" s="1"/>
  <c r="A42877" i="1" s="1"/>
  <c r="A42878" i="1" s="1"/>
  <c r="A42879" i="1" s="1"/>
  <c r="A42880" i="1" s="1"/>
  <c r="A42881" i="1" s="1"/>
  <c r="A42882" i="1" s="1"/>
  <c r="A42883" i="1" s="1"/>
  <c r="A42884" i="1" s="1"/>
  <c r="A42885" i="1" s="1"/>
  <c r="A42886" i="1" s="1"/>
  <c r="A42887" i="1" s="1"/>
  <c r="A42888" i="1" s="1"/>
  <c r="A42889" i="1" s="1"/>
  <c r="A42890" i="1" s="1"/>
  <c r="A42891" i="1" s="1"/>
  <c r="A42892" i="1" s="1"/>
  <c r="A42893" i="1" s="1"/>
  <c r="A42894" i="1" s="1"/>
  <c r="A42895" i="1" s="1"/>
  <c r="A42896" i="1" s="1"/>
  <c r="A42897" i="1" s="1"/>
  <c r="A42898" i="1" s="1"/>
  <c r="A42899" i="1" s="1"/>
  <c r="A42900" i="1" s="1"/>
  <c r="A42901" i="1" s="1"/>
  <c r="A42902" i="1" s="1"/>
  <c r="A42903" i="1" s="1"/>
  <c r="A42904" i="1" s="1"/>
  <c r="A42905" i="1" s="1"/>
  <c r="A42906" i="1" s="1"/>
  <c r="A42907" i="1" s="1"/>
  <c r="A42908" i="1" s="1"/>
  <c r="A42909" i="1" s="1"/>
  <c r="A42910" i="1" s="1"/>
  <c r="A42911" i="1" s="1"/>
  <c r="A42912" i="1" s="1"/>
  <c r="A42913" i="1" s="1"/>
  <c r="A42914" i="1" s="1"/>
  <c r="A42915" i="1" s="1"/>
  <c r="A42916" i="1" s="1"/>
  <c r="A42917" i="1" s="1"/>
  <c r="A42918" i="1" s="1"/>
  <c r="A42919" i="1" s="1"/>
  <c r="A42920" i="1" s="1"/>
  <c r="A42921" i="1" s="1"/>
  <c r="A42922" i="1" s="1"/>
  <c r="A42923" i="1" s="1"/>
  <c r="A42924" i="1" s="1"/>
  <c r="A42925" i="1" s="1"/>
  <c r="A42926" i="1" s="1"/>
  <c r="A42927" i="1" s="1"/>
  <c r="A42928" i="1" s="1"/>
  <c r="A42929" i="1" s="1"/>
  <c r="A42930" i="1" s="1"/>
  <c r="A42931" i="1" s="1"/>
  <c r="A42932" i="1" s="1"/>
  <c r="A42933" i="1" s="1"/>
  <c r="A42934" i="1" s="1"/>
  <c r="A42935" i="1" s="1"/>
  <c r="A42936" i="1" s="1"/>
  <c r="A42937" i="1" s="1"/>
  <c r="A42938" i="1" s="1"/>
  <c r="A42939" i="1" s="1"/>
  <c r="A42940" i="1" s="1"/>
  <c r="A42941" i="1" s="1"/>
  <c r="A42942" i="1" s="1"/>
  <c r="A42943" i="1" s="1"/>
  <c r="A42944" i="1" s="1"/>
  <c r="A42945" i="1" s="1"/>
  <c r="A42946" i="1" s="1"/>
  <c r="A42947" i="1" s="1"/>
  <c r="A42948" i="1" s="1"/>
  <c r="A42949" i="1" s="1"/>
  <c r="A42950" i="1" s="1"/>
  <c r="A42951" i="1" s="1"/>
  <c r="A42952" i="1" s="1"/>
  <c r="A42953" i="1" s="1"/>
  <c r="A42954" i="1" s="1"/>
  <c r="A42955" i="1" s="1"/>
  <c r="A42956" i="1" s="1"/>
  <c r="A42957" i="1" s="1"/>
  <c r="A42958" i="1" s="1"/>
  <c r="A42959" i="1" s="1"/>
  <c r="A42960" i="1" s="1"/>
  <c r="A42961" i="1" s="1"/>
  <c r="A42962" i="1" s="1"/>
  <c r="A42963" i="1" s="1"/>
  <c r="A42964" i="1" s="1"/>
  <c r="A42965" i="1" s="1"/>
  <c r="A42966" i="1" s="1"/>
  <c r="A42967" i="1" s="1"/>
  <c r="A42968" i="1" s="1"/>
  <c r="A42969" i="1" s="1"/>
  <c r="A42970" i="1" s="1"/>
  <c r="A42971" i="1" s="1"/>
  <c r="A42972" i="1" s="1"/>
  <c r="A42973" i="1" s="1"/>
  <c r="A42974" i="1" s="1"/>
  <c r="A42975" i="1" s="1"/>
  <c r="A42976" i="1" s="1"/>
  <c r="A42977" i="1" s="1"/>
  <c r="A42978" i="1" s="1"/>
  <c r="A42979" i="1" s="1"/>
  <c r="A42980" i="1" s="1"/>
  <c r="A42981" i="1" s="1"/>
  <c r="A42982" i="1" s="1"/>
  <c r="A42983" i="1" s="1"/>
  <c r="A42984" i="1" s="1"/>
  <c r="A42985" i="1" s="1"/>
  <c r="A42986" i="1" s="1"/>
  <c r="A42987" i="1" s="1"/>
  <c r="A42988" i="1" s="1"/>
  <c r="A42989" i="1" s="1"/>
  <c r="A42990" i="1" s="1"/>
  <c r="A42991" i="1" s="1"/>
  <c r="A42992" i="1" s="1"/>
  <c r="A42993" i="1" s="1"/>
  <c r="A42994" i="1" s="1"/>
  <c r="A42995" i="1" s="1"/>
  <c r="A42996" i="1" s="1"/>
  <c r="A42997" i="1" s="1"/>
  <c r="A42998" i="1" s="1"/>
  <c r="A42999" i="1" s="1"/>
  <c r="A43000" i="1" s="1"/>
  <c r="A43001" i="1" s="1"/>
  <c r="A43002" i="1" s="1"/>
  <c r="A43003" i="1" s="1"/>
  <c r="A43004" i="1" s="1"/>
  <c r="A43005" i="1" s="1"/>
  <c r="A43006" i="1" s="1"/>
  <c r="A43007" i="1" s="1"/>
  <c r="A43008" i="1" s="1"/>
  <c r="A43009" i="1" s="1"/>
  <c r="A43010" i="1" s="1"/>
  <c r="A43011" i="1" s="1"/>
  <c r="A43012" i="1" s="1"/>
  <c r="A43013" i="1" s="1"/>
  <c r="A43014" i="1" s="1"/>
  <c r="A43015" i="1" s="1"/>
  <c r="A43016" i="1" s="1"/>
  <c r="A43017" i="1" s="1"/>
  <c r="A43018" i="1" s="1"/>
  <c r="A43019" i="1" s="1"/>
  <c r="A43020" i="1" s="1"/>
  <c r="A43021" i="1" s="1"/>
  <c r="A43022" i="1" s="1"/>
  <c r="A43023" i="1" s="1"/>
  <c r="A43024" i="1" s="1"/>
  <c r="A43025" i="1" s="1"/>
  <c r="A43026" i="1" s="1"/>
  <c r="A43027" i="1" s="1"/>
  <c r="A43028" i="1" s="1"/>
  <c r="A43029" i="1" s="1"/>
  <c r="A43030" i="1" s="1"/>
  <c r="A43031" i="1" s="1"/>
  <c r="A43032" i="1" s="1"/>
  <c r="A43033" i="1" s="1"/>
  <c r="A43034" i="1" s="1"/>
  <c r="A43035" i="1" s="1"/>
  <c r="A43036" i="1" s="1"/>
  <c r="A43037" i="1" s="1"/>
  <c r="A43038" i="1" s="1"/>
  <c r="A43039" i="1" s="1"/>
  <c r="A43040" i="1" s="1"/>
  <c r="A43041" i="1" s="1"/>
  <c r="A43042" i="1" s="1"/>
  <c r="A43043" i="1" s="1"/>
  <c r="A43044" i="1" s="1"/>
  <c r="A43045" i="1" s="1"/>
  <c r="A43046" i="1" s="1"/>
  <c r="A43047" i="1" s="1"/>
  <c r="A43048" i="1" s="1"/>
  <c r="A43049" i="1" s="1"/>
  <c r="A43050" i="1" s="1"/>
  <c r="A43051" i="1" s="1"/>
  <c r="A43052" i="1" s="1"/>
  <c r="A43053" i="1" s="1"/>
  <c r="A43054" i="1" s="1"/>
  <c r="A43055" i="1" s="1"/>
  <c r="A43056" i="1" s="1"/>
  <c r="A43057" i="1" s="1"/>
  <c r="A43058" i="1" s="1"/>
  <c r="A43059" i="1" s="1"/>
  <c r="A43060" i="1" s="1"/>
  <c r="A43061" i="1" s="1"/>
  <c r="A43062" i="1" s="1"/>
  <c r="A43063" i="1" s="1"/>
  <c r="A43064" i="1" s="1"/>
  <c r="A43065" i="1" s="1"/>
  <c r="A43066" i="1" s="1"/>
  <c r="A43067" i="1" s="1"/>
  <c r="A43068" i="1" s="1"/>
  <c r="A43069" i="1" s="1"/>
  <c r="A43070" i="1" s="1"/>
  <c r="A43071" i="1" s="1"/>
  <c r="A43072" i="1" s="1"/>
  <c r="A43073" i="1" s="1"/>
  <c r="A43074" i="1" s="1"/>
  <c r="A43075" i="1" s="1"/>
  <c r="A43076" i="1" s="1"/>
  <c r="A43077" i="1" s="1"/>
  <c r="A43078" i="1" s="1"/>
  <c r="A43079" i="1" s="1"/>
  <c r="A43080" i="1" s="1"/>
  <c r="A43081" i="1" s="1"/>
  <c r="A43082" i="1" s="1"/>
  <c r="A43083" i="1" s="1"/>
  <c r="A43084" i="1" s="1"/>
  <c r="A43085" i="1" s="1"/>
  <c r="A43086" i="1" s="1"/>
  <c r="A43087" i="1" s="1"/>
  <c r="A43088" i="1" s="1"/>
  <c r="A43089" i="1" s="1"/>
  <c r="A43090" i="1" s="1"/>
  <c r="A43091" i="1" s="1"/>
  <c r="A43092" i="1" s="1"/>
  <c r="A43093" i="1" s="1"/>
  <c r="A43094" i="1" s="1"/>
  <c r="A43095" i="1" s="1"/>
  <c r="A43096" i="1" s="1"/>
  <c r="A43097" i="1" s="1"/>
  <c r="A43098" i="1" s="1"/>
  <c r="A43099" i="1" s="1"/>
  <c r="A43100" i="1" s="1"/>
  <c r="A43101" i="1" s="1"/>
  <c r="A43102" i="1" s="1"/>
  <c r="A43103" i="1" s="1"/>
  <c r="A43104" i="1" s="1"/>
  <c r="A43105" i="1" s="1"/>
  <c r="A43106" i="1" s="1"/>
  <c r="A43107" i="1" s="1"/>
  <c r="A43108" i="1" s="1"/>
  <c r="A43109" i="1" s="1"/>
  <c r="A43110" i="1" s="1"/>
  <c r="A43111" i="1" s="1"/>
  <c r="A43112" i="1" s="1"/>
  <c r="A43113" i="1" s="1"/>
  <c r="A43114" i="1" s="1"/>
  <c r="A43115" i="1" s="1"/>
  <c r="A43116" i="1" s="1"/>
  <c r="A43117" i="1" s="1"/>
  <c r="A43118" i="1" s="1"/>
  <c r="A43119" i="1" s="1"/>
  <c r="A43120" i="1" s="1"/>
  <c r="A43121" i="1" s="1"/>
  <c r="A43122" i="1" s="1"/>
  <c r="A43123" i="1" s="1"/>
  <c r="A43124" i="1" s="1"/>
  <c r="A43125" i="1" s="1"/>
  <c r="A43126" i="1" s="1"/>
  <c r="A43127" i="1" s="1"/>
  <c r="A43128" i="1" s="1"/>
  <c r="A43129" i="1" s="1"/>
  <c r="A43130" i="1" s="1"/>
  <c r="A43131" i="1" s="1"/>
  <c r="A43132" i="1" s="1"/>
  <c r="A43133" i="1" s="1"/>
  <c r="A43134" i="1" s="1"/>
  <c r="A43135" i="1" s="1"/>
  <c r="A43136" i="1" s="1"/>
  <c r="A43137" i="1" s="1"/>
  <c r="A43138" i="1" s="1"/>
  <c r="A43139" i="1" s="1"/>
  <c r="A43140" i="1" s="1"/>
  <c r="A43141" i="1" s="1"/>
  <c r="A43142" i="1" s="1"/>
  <c r="A43143" i="1" s="1"/>
  <c r="A43144" i="1" s="1"/>
  <c r="A43145" i="1" s="1"/>
  <c r="A43146" i="1" s="1"/>
  <c r="A43147" i="1" s="1"/>
  <c r="A43148" i="1" s="1"/>
  <c r="A43149" i="1" s="1"/>
  <c r="A43150" i="1" s="1"/>
  <c r="A43151" i="1" s="1"/>
  <c r="A43152" i="1" s="1"/>
  <c r="A43153" i="1" s="1"/>
  <c r="A43154" i="1" s="1"/>
  <c r="A43155" i="1" s="1"/>
  <c r="A43156" i="1" s="1"/>
  <c r="A43157" i="1" s="1"/>
  <c r="A43158" i="1" s="1"/>
  <c r="A43159" i="1" s="1"/>
  <c r="A43160" i="1" s="1"/>
  <c r="A43161" i="1" s="1"/>
  <c r="A43162" i="1" s="1"/>
  <c r="A43163" i="1" s="1"/>
  <c r="A43164" i="1" s="1"/>
  <c r="A43165" i="1" s="1"/>
  <c r="A43166" i="1" s="1"/>
  <c r="A43167" i="1" s="1"/>
  <c r="A43168" i="1" s="1"/>
  <c r="A43169" i="1" s="1"/>
  <c r="A43170" i="1" s="1"/>
  <c r="A43171" i="1" s="1"/>
  <c r="A43172" i="1" s="1"/>
  <c r="A43173" i="1" s="1"/>
  <c r="A43174" i="1" s="1"/>
  <c r="A43175" i="1" s="1"/>
  <c r="A43176" i="1" s="1"/>
  <c r="A43177" i="1" s="1"/>
  <c r="A43178" i="1" s="1"/>
  <c r="A43179" i="1" s="1"/>
  <c r="A43180" i="1" s="1"/>
  <c r="A43181" i="1" s="1"/>
  <c r="A43182" i="1" s="1"/>
  <c r="A43183" i="1" s="1"/>
  <c r="A43184" i="1" s="1"/>
  <c r="A43185" i="1" s="1"/>
  <c r="A43186" i="1" s="1"/>
  <c r="A43187" i="1" s="1"/>
  <c r="A43188" i="1" s="1"/>
  <c r="A43189" i="1" s="1"/>
  <c r="A43190" i="1" s="1"/>
  <c r="A43191" i="1" s="1"/>
  <c r="A43192" i="1" s="1"/>
  <c r="A43193" i="1" s="1"/>
  <c r="A43194" i="1" s="1"/>
  <c r="A43195" i="1" s="1"/>
  <c r="A43196" i="1" s="1"/>
  <c r="A43197" i="1" s="1"/>
  <c r="A43198" i="1" s="1"/>
  <c r="A43199" i="1" s="1"/>
  <c r="A43200" i="1" s="1"/>
  <c r="A43201" i="1" s="1"/>
  <c r="A43202" i="1" s="1"/>
  <c r="A43203" i="1" s="1"/>
  <c r="A43204" i="1" s="1"/>
  <c r="A43205" i="1" s="1"/>
  <c r="A43206" i="1" s="1"/>
  <c r="A43207" i="1" s="1"/>
  <c r="A43208" i="1" s="1"/>
  <c r="A43209" i="1" s="1"/>
  <c r="A43210" i="1" s="1"/>
  <c r="A43211" i="1" s="1"/>
  <c r="A43212" i="1" s="1"/>
  <c r="A43213" i="1" s="1"/>
  <c r="A43214" i="1" s="1"/>
  <c r="A43215" i="1" s="1"/>
  <c r="A43216" i="1" s="1"/>
  <c r="A43217" i="1" s="1"/>
  <c r="A43218" i="1" s="1"/>
  <c r="A43219" i="1" s="1"/>
  <c r="A43220" i="1" s="1"/>
  <c r="A43221" i="1" s="1"/>
  <c r="A43222" i="1" s="1"/>
  <c r="A43223" i="1" s="1"/>
  <c r="A43224" i="1" s="1"/>
  <c r="A43225" i="1" s="1"/>
  <c r="A43226" i="1" s="1"/>
  <c r="A43227" i="1" s="1"/>
  <c r="A43228" i="1" s="1"/>
  <c r="A43229" i="1" s="1"/>
  <c r="A43230" i="1" s="1"/>
  <c r="A43231" i="1" s="1"/>
  <c r="A43232" i="1" s="1"/>
  <c r="A43233" i="1" s="1"/>
  <c r="A43234" i="1" s="1"/>
  <c r="A43235" i="1" s="1"/>
  <c r="A43236" i="1" s="1"/>
  <c r="A43237" i="1" s="1"/>
  <c r="A43238" i="1" s="1"/>
  <c r="A43239" i="1" s="1"/>
  <c r="A43240" i="1" s="1"/>
  <c r="A43241" i="1" s="1"/>
  <c r="A43242" i="1" s="1"/>
  <c r="A43243" i="1" s="1"/>
  <c r="A43244" i="1" s="1"/>
  <c r="A43245" i="1" s="1"/>
  <c r="A43246" i="1" s="1"/>
  <c r="A43247" i="1" s="1"/>
  <c r="A43248" i="1" s="1"/>
  <c r="A43249" i="1" s="1"/>
  <c r="A43250" i="1" s="1"/>
  <c r="A43251" i="1" s="1"/>
  <c r="A43252" i="1" s="1"/>
  <c r="A43253" i="1" s="1"/>
  <c r="A43254" i="1" s="1"/>
  <c r="A43255" i="1" s="1"/>
  <c r="A43256" i="1" s="1"/>
  <c r="A43257" i="1" s="1"/>
  <c r="A43258" i="1" s="1"/>
  <c r="A43259" i="1" s="1"/>
  <c r="A43260" i="1" s="1"/>
  <c r="A43261" i="1" s="1"/>
  <c r="A43262" i="1" s="1"/>
  <c r="A43263" i="1" s="1"/>
  <c r="A43264" i="1" s="1"/>
  <c r="A43265" i="1" s="1"/>
  <c r="A43266" i="1" s="1"/>
  <c r="A43267" i="1" s="1"/>
  <c r="A43268" i="1" s="1"/>
  <c r="A43269" i="1" s="1"/>
  <c r="A43270" i="1" s="1"/>
  <c r="A43271" i="1" s="1"/>
  <c r="A43272" i="1" s="1"/>
  <c r="A43273" i="1" s="1"/>
  <c r="A43274" i="1" s="1"/>
  <c r="A43275" i="1" s="1"/>
  <c r="A43276" i="1" s="1"/>
  <c r="A43277" i="1" s="1"/>
  <c r="A43278" i="1" s="1"/>
  <c r="A43279" i="1" s="1"/>
  <c r="A43280" i="1" s="1"/>
  <c r="A43281" i="1" s="1"/>
  <c r="A43282" i="1" s="1"/>
  <c r="A43283" i="1" s="1"/>
  <c r="A43284" i="1" s="1"/>
  <c r="A43285" i="1" s="1"/>
  <c r="A43286" i="1" s="1"/>
  <c r="A43287" i="1" s="1"/>
  <c r="A43288" i="1" s="1"/>
  <c r="A43289" i="1" s="1"/>
  <c r="A43290" i="1" s="1"/>
  <c r="A43291" i="1" s="1"/>
  <c r="A43292" i="1" s="1"/>
  <c r="A43293" i="1" s="1"/>
  <c r="A43294" i="1" s="1"/>
  <c r="A43295" i="1" s="1"/>
  <c r="A43296" i="1" s="1"/>
  <c r="A43297" i="1" s="1"/>
  <c r="A43298" i="1" s="1"/>
  <c r="A43299" i="1" s="1"/>
  <c r="A43300" i="1" s="1"/>
  <c r="A43301" i="1" s="1"/>
  <c r="A43302" i="1" s="1"/>
  <c r="A43303" i="1" s="1"/>
  <c r="A43304" i="1" s="1"/>
  <c r="A43305" i="1" s="1"/>
  <c r="A43306" i="1" s="1"/>
  <c r="A43307" i="1" s="1"/>
  <c r="A43308" i="1" s="1"/>
  <c r="A43309" i="1" s="1"/>
  <c r="A43310" i="1" s="1"/>
  <c r="A43311" i="1" s="1"/>
  <c r="A43312" i="1" s="1"/>
  <c r="A43313" i="1" s="1"/>
  <c r="A43314" i="1" s="1"/>
  <c r="A43315" i="1" s="1"/>
  <c r="A43316" i="1" s="1"/>
  <c r="A43317" i="1" s="1"/>
  <c r="A43318" i="1" s="1"/>
  <c r="A43319" i="1" s="1"/>
  <c r="A43320" i="1" s="1"/>
  <c r="A43321" i="1" s="1"/>
  <c r="A43322" i="1" s="1"/>
  <c r="A43323" i="1" s="1"/>
  <c r="A43324" i="1" s="1"/>
  <c r="A43325" i="1" s="1"/>
  <c r="A43326" i="1" s="1"/>
  <c r="A43327" i="1" s="1"/>
  <c r="A43328" i="1" s="1"/>
  <c r="A43329" i="1" s="1"/>
  <c r="A43330" i="1" s="1"/>
  <c r="A43331" i="1" s="1"/>
  <c r="A43332" i="1" s="1"/>
  <c r="A43333" i="1" s="1"/>
  <c r="A43334" i="1" s="1"/>
  <c r="A43335" i="1" s="1"/>
  <c r="A43336" i="1" s="1"/>
  <c r="A43337" i="1" s="1"/>
  <c r="A43338" i="1" s="1"/>
  <c r="A43339" i="1" s="1"/>
  <c r="A43340" i="1" s="1"/>
  <c r="A43341" i="1" s="1"/>
  <c r="A43342" i="1" s="1"/>
  <c r="A43343" i="1" s="1"/>
  <c r="A43344" i="1" s="1"/>
  <c r="A43345" i="1" s="1"/>
  <c r="A43346" i="1" s="1"/>
  <c r="A43347" i="1" s="1"/>
  <c r="A43348" i="1" s="1"/>
  <c r="A43349" i="1" s="1"/>
  <c r="A43350" i="1" s="1"/>
  <c r="A43351" i="1" s="1"/>
  <c r="A43352" i="1" s="1"/>
  <c r="A43353" i="1" s="1"/>
  <c r="A43354" i="1" s="1"/>
  <c r="A43355" i="1" s="1"/>
  <c r="A43356" i="1" s="1"/>
  <c r="A43357" i="1" s="1"/>
  <c r="A43358" i="1" s="1"/>
  <c r="A43359" i="1" s="1"/>
  <c r="A43360" i="1" s="1"/>
  <c r="A43361" i="1" s="1"/>
  <c r="A43362" i="1" s="1"/>
  <c r="A43363" i="1" s="1"/>
  <c r="A43364" i="1" s="1"/>
  <c r="A43365" i="1" s="1"/>
  <c r="A43366" i="1" s="1"/>
  <c r="A43367" i="1" s="1"/>
  <c r="A43368" i="1" s="1"/>
  <c r="A43369" i="1" s="1"/>
  <c r="A43370" i="1" s="1"/>
  <c r="A43371" i="1" s="1"/>
  <c r="A43372" i="1" s="1"/>
  <c r="A43373" i="1" s="1"/>
  <c r="A43374" i="1" s="1"/>
  <c r="A43375" i="1" s="1"/>
  <c r="A43376" i="1" s="1"/>
  <c r="A43377" i="1" s="1"/>
  <c r="A43378" i="1" s="1"/>
  <c r="A43379" i="1" s="1"/>
  <c r="A43380" i="1" s="1"/>
  <c r="A43381" i="1" s="1"/>
  <c r="A43382" i="1" s="1"/>
  <c r="A43383" i="1" s="1"/>
  <c r="A43384" i="1" s="1"/>
  <c r="A43385" i="1" s="1"/>
  <c r="A43386" i="1" s="1"/>
  <c r="A43387" i="1" s="1"/>
  <c r="A43388" i="1" s="1"/>
  <c r="A43389" i="1" s="1"/>
  <c r="A43390" i="1" s="1"/>
  <c r="A43391" i="1" s="1"/>
  <c r="A43392" i="1" s="1"/>
  <c r="A43393" i="1" s="1"/>
  <c r="A43394" i="1" s="1"/>
  <c r="A43395" i="1" s="1"/>
  <c r="A43396" i="1" s="1"/>
  <c r="A43397" i="1" s="1"/>
  <c r="A43398" i="1" s="1"/>
  <c r="A43399" i="1" s="1"/>
  <c r="A43400" i="1" s="1"/>
  <c r="A43401" i="1" s="1"/>
  <c r="A43402" i="1" s="1"/>
  <c r="A43403" i="1" s="1"/>
  <c r="A43404" i="1" s="1"/>
  <c r="A43405" i="1" s="1"/>
  <c r="A43406" i="1" s="1"/>
  <c r="A43407" i="1" s="1"/>
  <c r="A43408" i="1" s="1"/>
  <c r="A43409" i="1" s="1"/>
  <c r="A43410" i="1" s="1"/>
  <c r="A43411" i="1" s="1"/>
  <c r="A43412" i="1" s="1"/>
  <c r="A43413" i="1" s="1"/>
  <c r="A43414" i="1" s="1"/>
  <c r="A43415" i="1" s="1"/>
  <c r="A43416" i="1" s="1"/>
  <c r="A43417" i="1" s="1"/>
  <c r="A43418" i="1" s="1"/>
  <c r="A43419" i="1" s="1"/>
  <c r="A43420" i="1" s="1"/>
  <c r="A43421" i="1" s="1"/>
  <c r="A43422" i="1" s="1"/>
  <c r="A43423" i="1" s="1"/>
  <c r="A43424" i="1" s="1"/>
  <c r="A43425" i="1" s="1"/>
  <c r="A43426" i="1" s="1"/>
  <c r="A43427" i="1" s="1"/>
  <c r="A43428" i="1" s="1"/>
  <c r="A43429" i="1" s="1"/>
  <c r="A43430" i="1" s="1"/>
  <c r="A43431" i="1" s="1"/>
  <c r="A43432" i="1" s="1"/>
  <c r="A43433" i="1" s="1"/>
  <c r="A43434" i="1" s="1"/>
  <c r="A43435" i="1" s="1"/>
  <c r="A43436" i="1" s="1"/>
  <c r="A43437" i="1" s="1"/>
  <c r="A43438" i="1" s="1"/>
  <c r="A43439" i="1" s="1"/>
  <c r="A43440" i="1" s="1"/>
  <c r="A43441" i="1" s="1"/>
  <c r="A43442" i="1" s="1"/>
  <c r="A43443" i="1" s="1"/>
  <c r="A43444" i="1" s="1"/>
  <c r="A43445" i="1" s="1"/>
  <c r="A43446" i="1" s="1"/>
  <c r="A43447" i="1" s="1"/>
  <c r="A43448" i="1" s="1"/>
  <c r="A43449" i="1" s="1"/>
  <c r="A43450" i="1" s="1"/>
  <c r="A43451" i="1" s="1"/>
  <c r="A43452" i="1" s="1"/>
  <c r="A43453" i="1" s="1"/>
  <c r="A43454" i="1" s="1"/>
  <c r="A43455" i="1" s="1"/>
  <c r="A43456" i="1" s="1"/>
  <c r="A43457" i="1" s="1"/>
  <c r="A43458" i="1" s="1"/>
  <c r="A43459" i="1" s="1"/>
  <c r="A43460" i="1" s="1"/>
  <c r="A43461" i="1" s="1"/>
  <c r="A43462" i="1" s="1"/>
  <c r="A43463" i="1" s="1"/>
  <c r="A43464" i="1" s="1"/>
  <c r="A43465" i="1" s="1"/>
  <c r="A43466" i="1" s="1"/>
  <c r="A43467" i="1" s="1"/>
  <c r="A43468" i="1" s="1"/>
  <c r="A43469" i="1" s="1"/>
  <c r="A43470" i="1" s="1"/>
  <c r="A43471" i="1" s="1"/>
  <c r="A43472" i="1" s="1"/>
  <c r="A43473" i="1" s="1"/>
  <c r="A43474" i="1" s="1"/>
  <c r="A43475" i="1" s="1"/>
  <c r="A43476" i="1" s="1"/>
  <c r="A43477" i="1" s="1"/>
  <c r="A43478" i="1" s="1"/>
  <c r="A43479" i="1" s="1"/>
  <c r="A43480" i="1" s="1"/>
  <c r="A43481" i="1" s="1"/>
  <c r="A43482" i="1" s="1"/>
  <c r="A43483" i="1" s="1"/>
  <c r="A43484" i="1" s="1"/>
  <c r="A43485" i="1" s="1"/>
  <c r="A43486" i="1" s="1"/>
  <c r="A43487" i="1" s="1"/>
  <c r="A43488" i="1" s="1"/>
  <c r="A43489" i="1" s="1"/>
  <c r="A43490" i="1" s="1"/>
  <c r="A43491" i="1" s="1"/>
  <c r="A43492" i="1" s="1"/>
  <c r="A43493" i="1" s="1"/>
  <c r="A43494" i="1" s="1"/>
  <c r="A43495" i="1" s="1"/>
  <c r="A43496" i="1" s="1"/>
  <c r="A43497" i="1" s="1"/>
  <c r="A43498" i="1" s="1"/>
  <c r="A43499" i="1" s="1"/>
  <c r="A43500" i="1" s="1"/>
  <c r="A43501" i="1" s="1"/>
  <c r="A43502" i="1" s="1"/>
  <c r="A43503" i="1" s="1"/>
  <c r="A43504" i="1" s="1"/>
  <c r="A43505" i="1" s="1"/>
  <c r="A43506" i="1" s="1"/>
  <c r="A43507" i="1" s="1"/>
  <c r="A43508" i="1" s="1"/>
  <c r="A43509" i="1" s="1"/>
  <c r="A43510" i="1" s="1"/>
  <c r="A43511" i="1" s="1"/>
  <c r="A43512" i="1" s="1"/>
  <c r="A43513" i="1" s="1"/>
  <c r="A43514" i="1" s="1"/>
  <c r="A43515" i="1" s="1"/>
  <c r="A43516" i="1" s="1"/>
  <c r="A43517" i="1" s="1"/>
  <c r="A43518" i="1" s="1"/>
  <c r="A43519" i="1" s="1"/>
  <c r="A43520" i="1" s="1"/>
  <c r="A43521" i="1" s="1"/>
  <c r="A43522" i="1" s="1"/>
  <c r="A43523" i="1" s="1"/>
  <c r="A43524" i="1" s="1"/>
  <c r="A43525" i="1" s="1"/>
  <c r="A43526" i="1" s="1"/>
  <c r="A43527" i="1" s="1"/>
  <c r="A43528" i="1" s="1"/>
  <c r="A43529" i="1" s="1"/>
  <c r="A43530" i="1" s="1"/>
  <c r="A43531" i="1" s="1"/>
  <c r="A43532" i="1" s="1"/>
  <c r="A43533" i="1" s="1"/>
  <c r="A43534" i="1" s="1"/>
  <c r="A43535" i="1" s="1"/>
  <c r="A43536" i="1" s="1"/>
  <c r="A43537" i="1" s="1"/>
  <c r="A43538" i="1" s="1"/>
  <c r="A43539" i="1" s="1"/>
  <c r="A43540" i="1" s="1"/>
  <c r="A43541" i="1" s="1"/>
  <c r="A43542" i="1" s="1"/>
  <c r="A43543" i="1" s="1"/>
  <c r="A43544" i="1" s="1"/>
  <c r="A43545" i="1" s="1"/>
  <c r="A43546" i="1" s="1"/>
  <c r="A43547" i="1" s="1"/>
  <c r="A43548" i="1" s="1"/>
  <c r="A43549" i="1" s="1"/>
  <c r="A43550" i="1" s="1"/>
  <c r="A43551" i="1" s="1"/>
  <c r="A43552" i="1" s="1"/>
  <c r="A43553" i="1" s="1"/>
  <c r="A43554" i="1" s="1"/>
  <c r="A43555" i="1" s="1"/>
  <c r="A43556" i="1" s="1"/>
  <c r="A43557" i="1" s="1"/>
  <c r="A43558" i="1" s="1"/>
  <c r="A43559" i="1" s="1"/>
  <c r="A43560" i="1" s="1"/>
  <c r="A43561" i="1" s="1"/>
  <c r="A43562" i="1" s="1"/>
  <c r="A43563" i="1" s="1"/>
  <c r="A43564" i="1" s="1"/>
  <c r="A43565" i="1" s="1"/>
  <c r="A43566" i="1" s="1"/>
  <c r="A43567" i="1" s="1"/>
  <c r="A43568" i="1" s="1"/>
  <c r="A43569" i="1" s="1"/>
  <c r="A43570" i="1" s="1"/>
  <c r="A43571" i="1" s="1"/>
  <c r="A43572" i="1" s="1"/>
  <c r="A43573" i="1" s="1"/>
  <c r="A43574" i="1" s="1"/>
  <c r="A43575" i="1" s="1"/>
  <c r="A43576" i="1" s="1"/>
  <c r="A43577" i="1" s="1"/>
  <c r="A43578" i="1" s="1"/>
  <c r="A43579" i="1" s="1"/>
  <c r="A43580" i="1" s="1"/>
  <c r="A43581" i="1" s="1"/>
  <c r="A43582" i="1" s="1"/>
  <c r="A43583" i="1" s="1"/>
  <c r="A43584" i="1" s="1"/>
  <c r="A43585" i="1" s="1"/>
  <c r="A43586" i="1" s="1"/>
  <c r="A43587" i="1" s="1"/>
  <c r="A43588" i="1" s="1"/>
  <c r="A43589" i="1" s="1"/>
  <c r="A43590" i="1" s="1"/>
  <c r="A43591" i="1" s="1"/>
  <c r="A43592" i="1" s="1"/>
  <c r="A43593" i="1" s="1"/>
  <c r="A43594" i="1" s="1"/>
  <c r="A43595" i="1" s="1"/>
  <c r="A43596" i="1" s="1"/>
  <c r="A43597" i="1" s="1"/>
  <c r="A43598" i="1" s="1"/>
  <c r="A43599" i="1" s="1"/>
  <c r="A43600" i="1" s="1"/>
  <c r="A43601" i="1" s="1"/>
  <c r="A43602" i="1" s="1"/>
  <c r="A43603" i="1" s="1"/>
  <c r="A43604" i="1" s="1"/>
  <c r="A43605" i="1" s="1"/>
  <c r="A43606" i="1" s="1"/>
  <c r="A43607" i="1" s="1"/>
  <c r="A43608" i="1" s="1"/>
  <c r="A43609" i="1" s="1"/>
  <c r="A43610" i="1" s="1"/>
  <c r="A43611" i="1" s="1"/>
  <c r="A43612" i="1" s="1"/>
  <c r="A43613" i="1" s="1"/>
  <c r="A43614" i="1" s="1"/>
  <c r="A43615" i="1" s="1"/>
  <c r="A43616" i="1" s="1"/>
  <c r="A43617" i="1" s="1"/>
  <c r="A43618" i="1" s="1"/>
  <c r="A43619" i="1" s="1"/>
  <c r="A43620" i="1" s="1"/>
  <c r="A43621" i="1" s="1"/>
  <c r="A43622" i="1" s="1"/>
  <c r="A43623" i="1" s="1"/>
  <c r="A43624" i="1" s="1"/>
  <c r="A43625" i="1" s="1"/>
  <c r="A43626" i="1" s="1"/>
  <c r="A43627" i="1" s="1"/>
  <c r="A43628" i="1" s="1"/>
  <c r="A43629" i="1" s="1"/>
  <c r="A43630" i="1" s="1"/>
  <c r="A43631" i="1" s="1"/>
  <c r="A43632" i="1" s="1"/>
  <c r="A43633" i="1" s="1"/>
  <c r="A43634" i="1" s="1"/>
  <c r="A43635" i="1" s="1"/>
  <c r="A43636" i="1" s="1"/>
  <c r="A43637" i="1" s="1"/>
  <c r="A43638" i="1" s="1"/>
  <c r="A43639" i="1" s="1"/>
  <c r="A43640" i="1" s="1"/>
  <c r="A43641" i="1" s="1"/>
  <c r="A43642" i="1" s="1"/>
  <c r="A43643" i="1" s="1"/>
  <c r="A43644" i="1" s="1"/>
  <c r="A43645" i="1" s="1"/>
  <c r="A43646" i="1" s="1"/>
  <c r="A43647" i="1" s="1"/>
  <c r="A43648" i="1" s="1"/>
  <c r="A43649" i="1" s="1"/>
  <c r="A43650" i="1" s="1"/>
  <c r="A43651" i="1" s="1"/>
  <c r="A43652" i="1" s="1"/>
  <c r="A43653" i="1" s="1"/>
  <c r="A43654" i="1" s="1"/>
  <c r="A43655" i="1" s="1"/>
  <c r="A43656" i="1" s="1"/>
  <c r="A43657" i="1" s="1"/>
  <c r="A43658" i="1" s="1"/>
  <c r="A43659" i="1" s="1"/>
  <c r="A43660" i="1" s="1"/>
  <c r="A43661" i="1" s="1"/>
  <c r="A43662" i="1" s="1"/>
  <c r="A43663" i="1" s="1"/>
  <c r="A43664" i="1" s="1"/>
  <c r="A43665" i="1" s="1"/>
  <c r="A43666" i="1" s="1"/>
  <c r="A43667" i="1" s="1"/>
  <c r="A43668" i="1" s="1"/>
  <c r="A43669" i="1" s="1"/>
  <c r="A43670" i="1" s="1"/>
  <c r="A43671" i="1" s="1"/>
  <c r="A43672" i="1" s="1"/>
  <c r="A43673" i="1" s="1"/>
  <c r="A43674" i="1" s="1"/>
  <c r="A43675" i="1" s="1"/>
  <c r="A43676" i="1" s="1"/>
  <c r="A43677" i="1" s="1"/>
  <c r="A43678" i="1" s="1"/>
  <c r="A43679" i="1" s="1"/>
  <c r="A43680" i="1" s="1"/>
  <c r="A43681" i="1" s="1"/>
  <c r="A43682" i="1" s="1"/>
  <c r="A43683" i="1" s="1"/>
  <c r="A43684" i="1" s="1"/>
  <c r="A43685" i="1" s="1"/>
  <c r="A43686" i="1" s="1"/>
  <c r="A43687" i="1" s="1"/>
  <c r="A43688" i="1" s="1"/>
  <c r="A43689" i="1" s="1"/>
  <c r="A43690" i="1" s="1"/>
  <c r="A43691" i="1" s="1"/>
  <c r="A43692" i="1" s="1"/>
  <c r="A43693" i="1" s="1"/>
  <c r="A43694" i="1" s="1"/>
  <c r="A43695" i="1" s="1"/>
  <c r="A43696" i="1" s="1"/>
  <c r="A43697" i="1" s="1"/>
  <c r="A43698" i="1" s="1"/>
  <c r="A43699" i="1" s="1"/>
  <c r="A43700" i="1" s="1"/>
  <c r="A43701" i="1" s="1"/>
  <c r="A43702" i="1" s="1"/>
  <c r="A43703" i="1" s="1"/>
  <c r="A43704" i="1" s="1"/>
  <c r="A43705" i="1" s="1"/>
  <c r="A43706" i="1" s="1"/>
  <c r="A43707" i="1" s="1"/>
  <c r="A43708" i="1" s="1"/>
  <c r="A43709" i="1" s="1"/>
  <c r="A43710" i="1" s="1"/>
  <c r="A43711" i="1" s="1"/>
  <c r="A43712" i="1" s="1"/>
  <c r="A43713" i="1" s="1"/>
  <c r="A43714" i="1" s="1"/>
  <c r="A43715" i="1" s="1"/>
  <c r="A43716" i="1" s="1"/>
  <c r="A43717" i="1" s="1"/>
  <c r="A43718" i="1" s="1"/>
  <c r="A43719" i="1" s="1"/>
  <c r="A43720" i="1" s="1"/>
  <c r="A43721" i="1" s="1"/>
  <c r="A43722" i="1" s="1"/>
  <c r="A43723" i="1" s="1"/>
  <c r="A43724" i="1" s="1"/>
  <c r="A43725" i="1" s="1"/>
  <c r="A43726" i="1" s="1"/>
  <c r="A43727" i="1" s="1"/>
  <c r="A43728" i="1" s="1"/>
  <c r="A43729" i="1" s="1"/>
  <c r="A43730" i="1" s="1"/>
  <c r="A43731" i="1" s="1"/>
  <c r="A43732" i="1" s="1"/>
  <c r="A43733" i="1" s="1"/>
  <c r="A43734" i="1" s="1"/>
  <c r="A43735" i="1" s="1"/>
  <c r="A43736" i="1" s="1"/>
  <c r="A43737" i="1" s="1"/>
  <c r="A43738" i="1" s="1"/>
  <c r="A43739" i="1" s="1"/>
  <c r="A43740" i="1" s="1"/>
  <c r="A43741" i="1" s="1"/>
  <c r="A43742" i="1" s="1"/>
  <c r="A43743" i="1" s="1"/>
  <c r="A43744" i="1" s="1"/>
  <c r="A43745" i="1" s="1"/>
  <c r="A43746" i="1" s="1"/>
  <c r="A43747" i="1" s="1"/>
  <c r="A43748" i="1" s="1"/>
  <c r="A43749" i="1" s="1"/>
  <c r="A43750" i="1" s="1"/>
  <c r="A43751" i="1" s="1"/>
  <c r="A43752" i="1" s="1"/>
  <c r="A43753" i="1" s="1"/>
  <c r="A43754" i="1" s="1"/>
  <c r="A43755" i="1" s="1"/>
  <c r="A43756" i="1" s="1"/>
  <c r="A43757" i="1" s="1"/>
  <c r="A43758" i="1" s="1"/>
  <c r="A43759" i="1" s="1"/>
  <c r="A43760" i="1" s="1"/>
  <c r="A43761" i="1" s="1"/>
  <c r="A43762" i="1" s="1"/>
  <c r="A43763" i="1" s="1"/>
  <c r="A43764" i="1" s="1"/>
  <c r="A43765" i="1" s="1"/>
  <c r="A43766" i="1" s="1"/>
  <c r="A43767" i="1" s="1"/>
  <c r="A43768" i="1" s="1"/>
  <c r="A43769" i="1" s="1"/>
  <c r="A43770" i="1" s="1"/>
  <c r="A43771" i="1" s="1"/>
  <c r="A43772" i="1" s="1"/>
  <c r="A43773" i="1" s="1"/>
  <c r="A43774" i="1" s="1"/>
  <c r="A43775" i="1" s="1"/>
  <c r="A43776" i="1" s="1"/>
  <c r="A43777" i="1" s="1"/>
  <c r="A43778" i="1" s="1"/>
  <c r="A43779" i="1" s="1"/>
  <c r="A43780" i="1" s="1"/>
  <c r="A43781" i="1" s="1"/>
  <c r="A43782" i="1" s="1"/>
  <c r="A43783" i="1" s="1"/>
  <c r="A43784" i="1" s="1"/>
  <c r="A43785" i="1" s="1"/>
  <c r="A43786" i="1" s="1"/>
  <c r="A43787" i="1" s="1"/>
  <c r="A43788" i="1" s="1"/>
  <c r="A43789" i="1" s="1"/>
  <c r="A43790" i="1" s="1"/>
  <c r="A43791" i="1" s="1"/>
  <c r="A43792" i="1" s="1"/>
  <c r="A43793" i="1" s="1"/>
  <c r="A43794" i="1" s="1"/>
  <c r="A43795" i="1" s="1"/>
  <c r="A43796" i="1" s="1"/>
  <c r="A43797" i="1" s="1"/>
  <c r="A43798" i="1" s="1"/>
  <c r="A43799" i="1" s="1"/>
  <c r="A43800" i="1" s="1"/>
  <c r="A43801" i="1" s="1"/>
  <c r="A43802" i="1" s="1"/>
  <c r="A43803" i="1" s="1"/>
  <c r="A43804" i="1" s="1"/>
  <c r="A43805" i="1" s="1"/>
  <c r="A43806" i="1" s="1"/>
  <c r="A43807" i="1" s="1"/>
  <c r="A43808" i="1" s="1"/>
  <c r="A43809" i="1" s="1"/>
  <c r="A43810" i="1" s="1"/>
  <c r="A43811" i="1" s="1"/>
  <c r="A43812" i="1" s="1"/>
  <c r="A43813" i="1" s="1"/>
  <c r="A43814" i="1" s="1"/>
  <c r="A43815" i="1" s="1"/>
  <c r="A43816" i="1" s="1"/>
  <c r="A43817" i="1" s="1"/>
  <c r="A43818" i="1" s="1"/>
  <c r="A43819" i="1" s="1"/>
  <c r="A43820" i="1" s="1"/>
  <c r="A43821" i="1" s="1"/>
  <c r="A43822" i="1" s="1"/>
  <c r="A43823" i="1" s="1"/>
  <c r="A43824" i="1" s="1"/>
  <c r="A43825" i="1" s="1"/>
  <c r="A43826" i="1" s="1"/>
  <c r="A43827" i="1" s="1"/>
  <c r="A43828" i="1" s="1"/>
  <c r="A43829" i="1" s="1"/>
  <c r="A43830" i="1" s="1"/>
  <c r="A43831" i="1" s="1"/>
  <c r="A43832" i="1" s="1"/>
  <c r="A43833" i="1" s="1"/>
  <c r="A43834" i="1" s="1"/>
  <c r="A43835" i="1" s="1"/>
  <c r="A43836" i="1" s="1"/>
  <c r="A43837" i="1" s="1"/>
  <c r="A43838" i="1" s="1"/>
  <c r="A43839" i="1" s="1"/>
  <c r="A43840" i="1" s="1"/>
  <c r="A43841" i="1" s="1"/>
  <c r="A43842" i="1" s="1"/>
  <c r="A43843" i="1" s="1"/>
  <c r="A43844" i="1" s="1"/>
  <c r="A43845" i="1" s="1"/>
  <c r="A43846" i="1" s="1"/>
  <c r="A43847" i="1" s="1"/>
  <c r="A43848" i="1" s="1"/>
  <c r="A43849" i="1" s="1"/>
  <c r="A43850" i="1" s="1"/>
  <c r="A43851" i="1" s="1"/>
  <c r="A43852" i="1" s="1"/>
  <c r="A43853" i="1" s="1"/>
  <c r="A43854" i="1" s="1"/>
  <c r="A43855" i="1" s="1"/>
  <c r="A43856" i="1" s="1"/>
  <c r="A43857" i="1" s="1"/>
  <c r="A43858" i="1" s="1"/>
  <c r="A43859" i="1" s="1"/>
  <c r="A43860" i="1" s="1"/>
  <c r="A43861" i="1" s="1"/>
  <c r="A43862" i="1" s="1"/>
  <c r="A43863" i="1" s="1"/>
  <c r="A43864" i="1" s="1"/>
  <c r="A43865" i="1" s="1"/>
  <c r="A43866" i="1" s="1"/>
  <c r="A43867" i="1" s="1"/>
  <c r="A43868" i="1" s="1"/>
  <c r="A43869" i="1" s="1"/>
  <c r="A43870" i="1" s="1"/>
  <c r="A43871" i="1" s="1"/>
  <c r="A43872" i="1" s="1"/>
  <c r="A43873" i="1" s="1"/>
  <c r="A43874" i="1" s="1"/>
  <c r="A43875" i="1" s="1"/>
  <c r="A43876" i="1" s="1"/>
  <c r="A43877" i="1" s="1"/>
  <c r="A43878" i="1" s="1"/>
  <c r="A43879" i="1" s="1"/>
  <c r="A43880" i="1" s="1"/>
  <c r="A43881" i="1" s="1"/>
  <c r="A43882" i="1" s="1"/>
  <c r="A43883" i="1" s="1"/>
  <c r="A43884" i="1" s="1"/>
  <c r="A43885" i="1" s="1"/>
  <c r="A43886" i="1" s="1"/>
  <c r="A43887" i="1" s="1"/>
  <c r="A43888" i="1" s="1"/>
  <c r="A43889" i="1" s="1"/>
  <c r="A43890" i="1" s="1"/>
  <c r="A43891" i="1" s="1"/>
  <c r="A43892" i="1" s="1"/>
  <c r="A43893" i="1" s="1"/>
  <c r="A43894" i="1" s="1"/>
  <c r="A43895" i="1" s="1"/>
  <c r="A43896" i="1" s="1"/>
  <c r="A43897" i="1" s="1"/>
  <c r="A43898" i="1" s="1"/>
  <c r="A43899" i="1" s="1"/>
  <c r="A43900" i="1" s="1"/>
  <c r="A43901" i="1" s="1"/>
  <c r="A43902" i="1" s="1"/>
  <c r="A43903" i="1" s="1"/>
  <c r="A43904" i="1" s="1"/>
  <c r="A43905" i="1" s="1"/>
  <c r="A43906" i="1" s="1"/>
  <c r="A43907" i="1" s="1"/>
  <c r="A43908" i="1" s="1"/>
  <c r="A43909" i="1" s="1"/>
  <c r="A43910" i="1" s="1"/>
  <c r="A43911" i="1" s="1"/>
  <c r="A43912" i="1" s="1"/>
  <c r="A43913" i="1" s="1"/>
  <c r="A43914" i="1" s="1"/>
  <c r="A43915" i="1" s="1"/>
  <c r="A43916" i="1" s="1"/>
  <c r="A43917" i="1" s="1"/>
  <c r="A43918" i="1" s="1"/>
  <c r="A43919" i="1" s="1"/>
  <c r="A43920" i="1" s="1"/>
  <c r="A43921" i="1" s="1"/>
  <c r="A43922" i="1" s="1"/>
  <c r="A43923" i="1" s="1"/>
  <c r="A43924" i="1" s="1"/>
  <c r="A43925" i="1" s="1"/>
  <c r="A43926" i="1" s="1"/>
  <c r="A43927" i="1" s="1"/>
  <c r="A43928" i="1" s="1"/>
  <c r="A43929" i="1" s="1"/>
  <c r="A43930" i="1" s="1"/>
  <c r="A43931" i="1" s="1"/>
  <c r="A43932" i="1" s="1"/>
  <c r="A43933" i="1" s="1"/>
  <c r="A43934" i="1" s="1"/>
  <c r="A43935" i="1" s="1"/>
  <c r="A43936" i="1" s="1"/>
  <c r="A43937" i="1" s="1"/>
  <c r="A43938" i="1" s="1"/>
  <c r="A43939" i="1" s="1"/>
  <c r="A43940" i="1" s="1"/>
  <c r="A43941" i="1" s="1"/>
  <c r="A43942" i="1" s="1"/>
  <c r="A43943" i="1" s="1"/>
  <c r="A43944" i="1" s="1"/>
  <c r="A43945" i="1" s="1"/>
  <c r="A43946" i="1" s="1"/>
  <c r="A43947" i="1" s="1"/>
  <c r="A43948" i="1" s="1"/>
  <c r="A43949" i="1" s="1"/>
  <c r="A43950" i="1" s="1"/>
  <c r="A43951" i="1" s="1"/>
  <c r="A43952" i="1" s="1"/>
  <c r="A43953" i="1" s="1"/>
  <c r="A43954" i="1" s="1"/>
  <c r="A43955" i="1" s="1"/>
  <c r="A43956" i="1" s="1"/>
  <c r="A43957" i="1" s="1"/>
  <c r="A43958" i="1" s="1"/>
  <c r="A43959" i="1" s="1"/>
  <c r="A43960" i="1" s="1"/>
  <c r="A43961" i="1" s="1"/>
  <c r="A43962" i="1" s="1"/>
  <c r="A43963" i="1" s="1"/>
  <c r="A43964" i="1" s="1"/>
  <c r="A43965" i="1" s="1"/>
  <c r="A43966" i="1" s="1"/>
  <c r="A43967" i="1" s="1"/>
  <c r="A43968" i="1" s="1"/>
  <c r="A43969" i="1" s="1"/>
  <c r="A43970" i="1" s="1"/>
  <c r="A43971" i="1" s="1"/>
  <c r="A43972" i="1" s="1"/>
  <c r="A43973" i="1" s="1"/>
  <c r="A43974" i="1" s="1"/>
  <c r="A43975" i="1" s="1"/>
  <c r="A43976" i="1" s="1"/>
  <c r="A43977" i="1" s="1"/>
  <c r="A43978" i="1" s="1"/>
  <c r="A43979" i="1" s="1"/>
  <c r="A43980" i="1" s="1"/>
  <c r="A43981" i="1" s="1"/>
  <c r="A43982" i="1" s="1"/>
  <c r="A43983" i="1" s="1"/>
  <c r="A43984" i="1" s="1"/>
  <c r="A43985" i="1" s="1"/>
  <c r="A43986" i="1" s="1"/>
  <c r="A43987" i="1" s="1"/>
  <c r="A43988" i="1" s="1"/>
  <c r="A43989" i="1" s="1"/>
  <c r="A43990" i="1" s="1"/>
  <c r="A43991" i="1" s="1"/>
  <c r="A43992" i="1" s="1"/>
  <c r="A43993" i="1" s="1"/>
  <c r="A43994" i="1" s="1"/>
  <c r="A43995" i="1" s="1"/>
  <c r="A43996" i="1" s="1"/>
  <c r="A43997" i="1" s="1"/>
  <c r="A43998" i="1" s="1"/>
  <c r="A43999" i="1" s="1"/>
  <c r="A44000" i="1" s="1"/>
  <c r="A44001" i="1" s="1"/>
  <c r="A44002" i="1" s="1"/>
  <c r="A44003" i="1" s="1"/>
  <c r="A44004" i="1" s="1"/>
  <c r="A44005" i="1" s="1"/>
  <c r="A44006" i="1" s="1"/>
  <c r="A44007" i="1" s="1"/>
  <c r="A44008" i="1" s="1"/>
  <c r="A44009" i="1" s="1"/>
  <c r="A44010" i="1" s="1"/>
  <c r="A44011" i="1" s="1"/>
  <c r="A44012" i="1" s="1"/>
  <c r="A44013" i="1" s="1"/>
  <c r="A44014" i="1" s="1"/>
  <c r="A44015" i="1" s="1"/>
  <c r="A44016" i="1" s="1"/>
  <c r="A44017" i="1" s="1"/>
  <c r="A44018" i="1" s="1"/>
  <c r="A44019" i="1" s="1"/>
  <c r="A44020" i="1" s="1"/>
  <c r="A44021" i="1" s="1"/>
  <c r="A44022" i="1" s="1"/>
  <c r="A44023" i="1" s="1"/>
  <c r="A44024" i="1" s="1"/>
  <c r="A44025" i="1" s="1"/>
  <c r="A44026" i="1" s="1"/>
  <c r="A44027" i="1" s="1"/>
  <c r="A44028" i="1" s="1"/>
  <c r="A44029" i="1" s="1"/>
  <c r="A44030" i="1" s="1"/>
  <c r="A44031" i="1" s="1"/>
  <c r="A44032" i="1" s="1"/>
  <c r="A44033" i="1" s="1"/>
  <c r="A44034" i="1" s="1"/>
  <c r="A44035" i="1" s="1"/>
  <c r="A44036" i="1" s="1"/>
  <c r="A44037" i="1" s="1"/>
  <c r="A44038" i="1" s="1"/>
  <c r="A44039" i="1" s="1"/>
  <c r="A44040" i="1" s="1"/>
  <c r="A44041" i="1" s="1"/>
  <c r="A44042" i="1" s="1"/>
  <c r="A44043" i="1" s="1"/>
  <c r="A44044" i="1" s="1"/>
  <c r="A44045" i="1" s="1"/>
  <c r="A44046" i="1" s="1"/>
  <c r="A44047" i="1" s="1"/>
  <c r="A44048" i="1" s="1"/>
  <c r="A44049" i="1" s="1"/>
  <c r="A44050" i="1" s="1"/>
  <c r="A44051" i="1" s="1"/>
  <c r="A44052" i="1" s="1"/>
  <c r="A44053" i="1" s="1"/>
  <c r="A44054" i="1" s="1"/>
  <c r="A44055" i="1" s="1"/>
  <c r="A44056" i="1" s="1"/>
  <c r="A44057" i="1" s="1"/>
  <c r="A44058" i="1" s="1"/>
  <c r="A44059" i="1" s="1"/>
  <c r="A44060" i="1" s="1"/>
  <c r="A44061" i="1" s="1"/>
  <c r="A44062" i="1" s="1"/>
  <c r="A44063" i="1" s="1"/>
  <c r="A44064" i="1" s="1"/>
  <c r="A44065" i="1" s="1"/>
  <c r="A44066" i="1" s="1"/>
  <c r="A44067" i="1" s="1"/>
  <c r="A44068" i="1" s="1"/>
  <c r="A44069" i="1" s="1"/>
  <c r="A44070" i="1" s="1"/>
  <c r="A44071" i="1" s="1"/>
  <c r="A44072" i="1" s="1"/>
  <c r="A44073" i="1" s="1"/>
  <c r="A44074" i="1" s="1"/>
  <c r="A44075" i="1" s="1"/>
  <c r="A44076" i="1" s="1"/>
  <c r="A44077" i="1" s="1"/>
  <c r="A44078" i="1" s="1"/>
  <c r="A44079" i="1" s="1"/>
  <c r="A44080" i="1" s="1"/>
  <c r="A44081" i="1" s="1"/>
  <c r="A44082" i="1" s="1"/>
  <c r="A44083" i="1" s="1"/>
  <c r="A44084" i="1" s="1"/>
  <c r="A44085" i="1" s="1"/>
  <c r="A44086" i="1" s="1"/>
  <c r="A44087" i="1" s="1"/>
  <c r="A44088" i="1" s="1"/>
  <c r="A44089" i="1" s="1"/>
  <c r="A44090" i="1" s="1"/>
  <c r="A44091" i="1" s="1"/>
  <c r="A44092" i="1" s="1"/>
  <c r="A44093" i="1" s="1"/>
  <c r="A44094" i="1" s="1"/>
  <c r="A44095" i="1" s="1"/>
  <c r="A44096" i="1" s="1"/>
  <c r="A44097" i="1" s="1"/>
  <c r="A44098" i="1" s="1"/>
  <c r="A44099" i="1" s="1"/>
  <c r="A44100" i="1" s="1"/>
  <c r="A44101" i="1" s="1"/>
  <c r="A44102" i="1" s="1"/>
  <c r="A44103" i="1" s="1"/>
  <c r="A44104" i="1" s="1"/>
  <c r="A44105" i="1" s="1"/>
  <c r="A44106" i="1" s="1"/>
  <c r="A44107" i="1" s="1"/>
  <c r="A44108" i="1" s="1"/>
  <c r="A44109" i="1" s="1"/>
  <c r="A44110" i="1" s="1"/>
  <c r="A44111" i="1" s="1"/>
  <c r="A44112" i="1" s="1"/>
  <c r="A44113" i="1" s="1"/>
  <c r="A44114" i="1" s="1"/>
  <c r="A44115" i="1" s="1"/>
  <c r="A44116" i="1" s="1"/>
  <c r="A44117" i="1" s="1"/>
  <c r="A44118" i="1" s="1"/>
  <c r="A44119" i="1" s="1"/>
  <c r="A44120" i="1" s="1"/>
  <c r="A44121" i="1" s="1"/>
  <c r="A44122" i="1" s="1"/>
  <c r="A44123" i="1" s="1"/>
  <c r="A44124" i="1" s="1"/>
  <c r="A44125" i="1" s="1"/>
  <c r="A44126" i="1" s="1"/>
  <c r="A44127" i="1" s="1"/>
  <c r="A44128" i="1" s="1"/>
  <c r="A44129" i="1" s="1"/>
  <c r="A44130" i="1" s="1"/>
  <c r="A44131" i="1" s="1"/>
  <c r="A44132" i="1" s="1"/>
  <c r="A44133" i="1" s="1"/>
  <c r="A44134" i="1" s="1"/>
  <c r="A44135" i="1" s="1"/>
  <c r="A44136" i="1" s="1"/>
  <c r="A44137" i="1" s="1"/>
  <c r="A44138" i="1" s="1"/>
  <c r="A44139" i="1" s="1"/>
  <c r="A44140" i="1" s="1"/>
  <c r="A44141" i="1" s="1"/>
  <c r="A44142" i="1" s="1"/>
  <c r="A44143" i="1" s="1"/>
  <c r="A44144" i="1" s="1"/>
  <c r="A44145" i="1" s="1"/>
  <c r="A44146" i="1" s="1"/>
  <c r="A44147" i="1" s="1"/>
  <c r="A44148" i="1" s="1"/>
  <c r="A44149" i="1" s="1"/>
  <c r="A44150" i="1" s="1"/>
  <c r="A44151" i="1" s="1"/>
  <c r="A44152" i="1" s="1"/>
  <c r="A44153" i="1" s="1"/>
  <c r="A44154" i="1" s="1"/>
  <c r="A44155" i="1" s="1"/>
  <c r="A44156" i="1" s="1"/>
  <c r="A44157" i="1" s="1"/>
  <c r="A44158" i="1" s="1"/>
  <c r="A44159" i="1" s="1"/>
  <c r="A44160" i="1" s="1"/>
  <c r="A44161" i="1" s="1"/>
  <c r="A44162" i="1" s="1"/>
  <c r="A44163" i="1" s="1"/>
  <c r="A44164" i="1" s="1"/>
  <c r="A44165" i="1" s="1"/>
  <c r="A44166" i="1" s="1"/>
  <c r="A44167" i="1" s="1"/>
  <c r="A44168" i="1" s="1"/>
  <c r="A44169" i="1" s="1"/>
  <c r="A44170" i="1" s="1"/>
  <c r="A44171" i="1" s="1"/>
  <c r="A44172" i="1" s="1"/>
  <c r="A44173" i="1" s="1"/>
  <c r="A44174" i="1" s="1"/>
  <c r="A44175" i="1" s="1"/>
  <c r="A44176" i="1" s="1"/>
  <c r="A44177" i="1" s="1"/>
  <c r="A44178" i="1" s="1"/>
  <c r="A44179" i="1" s="1"/>
  <c r="A44180" i="1" s="1"/>
  <c r="A44181" i="1" s="1"/>
  <c r="A44182" i="1" s="1"/>
  <c r="A44183" i="1" s="1"/>
  <c r="A44184" i="1" s="1"/>
  <c r="A44185" i="1" s="1"/>
  <c r="A44186" i="1" s="1"/>
  <c r="A44187" i="1" s="1"/>
  <c r="A44188" i="1" s="1"/>
  <c r="A44189" i="1" s="1"/>
  <c r="A44190" i="1" s="1"/>
  <c r="A44191" i="1" s="1"/>
  <c r="A44192" i="1" s="1"/>
  <c r="A44193" i="1" s="1"/>
  <c r="A44194" i="1" s="1"/>
  <c r="A44195" i="1" s="1"/>
  <c r="A44196" i="1" s="1"/>
  <c r="A44197" i="1" s="1"/>
  <c r="A44198" i="1" s="1"/>
  <c r="A44199" i="1" s="1"/>
  <c r="A44200" i="1" s="1"/>
  <c r="A44201" i="1" s="1"/>
  <c r="A44202" i="1" s="1"/>
  <c r="A44203" i="1" s="1"/>
  <c r="A44204" i="1" s="1"/>
  <c r="A44205" i="1" s="1"/>
  <c r="A44206" i="1" s="1"/>
  <c r="A44207" i="1" s="1"/>
  <c r="A44208" i="1" s="1"/>
  <c r="A44209" i="1" s="1"/>
  <c r="A44210" i="1" s="1"/>
  <c r="A44211" i="1" s="1"/>
  <c r="A44212" i="1" s="1"/>
  <c r="A44213" i="1" s="1"/>
  <c r="A44214" i="1" s="1"/>
  <c r="A44215" i="1" s="1"/>
  <c r="A44216" i="1" s="1"/>
  <c r="A44217" i="1" s="1"/>
  <c r="A44218" i="1" s="1"/>
  <c r="A44219" i="1" s="1"/>
  <c r="A44220" i="1" s="1"/>
  <c r="A44221" i="1" s="1"/>
  <c r="A44222" i="1" s="1"/>
  <c r="A44223" i="1" s="1"/>
  <c r="A44224" i="1" s="1"/>
  <c r="A44225" i="1" s="1"/>
  <c r="A44226" i="1" s="1"/>
  <c r="A44227" i="1" s="1"/>
  <c r="A44228" i="1" s="1"/>
  <c r="A44229" i="1" s="1"/>
  <c r="A44230" i="1" s="1"/>
  <c r="A44231" i="1" s="1"/>
  <c r="A44232" i="1" s="1"/>
  <c r="A44233" i="1" s="1"/>
  <c r="A44234" i="1" s="1"/>
  <c r="A44235" i="1" s="1"/>
  <c r="A44236" i="1" s="1"/>
  <c r="A44237" i="1" s="1"/>
  <c r="A44238" i="1" s="1"/>
  <c r="A44239" i="1" s="1"/>
  <c r="A44240" i="1" s="1"/>
  <c r="A44241" i="1" s="1"/>
  <c r="A44242" i="1" s="1"/>
  <c r="A44243" i="1" s="1"/>
  <c r="A44244" i="1" s="1"/>
  <c r="A44245" i="1" s="1"/>
  <c r="A44246" i="1" s="1"/>
  <c r="A44247" i="1" s="1"/>
  <c r="A44248" i="1" s="1"/>
  <c r="A44249" i="1" s="1"/>
  <c r="A44250" i="1" s="1"/>
  <c r="A44251" i="1" s="1"/>
  <c r="A44252" i="1" s="1"/>
  <c r="A44253" i="1" s="1"/>
  <c r="A44254" i="1" s="1"/>
  <c r="A44255" i="1" s="1"/>
  <c r="A44256" i="1" s="1"/>
  <c r="A44257" i="1" s="1"/>
  <c r="A44258" i="1" s="1"/>
  <c r="A44259" i="1" s="1"/>
  <c r="A44260" i="1" s="1"/>
  <c r="A44261" i="1" s="1"/>
  <c r="A44262" i="1" s="1"/>
  <c r="A44263" i="1" s="1"/>
  <c r="A44264" i="1" s="1"/>
  <c r="A44265" i="1" s="1"/>
  <c r="A44266" i="1" s="1"/>
  <c r="A44267" i="1" s="1"/>
  <c r="A44268" i="1" s="1"/>
  <c r="A44269" i="1" s="1"/>
  <c r="A44270" i="1" s="1"/>
  <c r="A44271" i="1" s="1"/>
  <c r="A44272" i="1" s="1"/>
  <c r="A44273" i="1" s="1"/>
  <c r="A44274" i="1" s="1"/>
  <c r="A44275" i="1" s="1"/>
  <c r="A44276" i="1" s="1"/>
  <c r="A44277" i="1" s="1"/>
  <c r="A44278" i="1" s="1"/>
  <c r="A44279" i="1" s="1"/>
  <c r="A44280" i="1" s="1"/>
  <c r="A44281" i="1" s="1"/>
  <c r="A44282" i="1" s="1"/>
  <c r="A44283" i="1" s="1"/>
  <c r="A44284" i="1" s="1"/>
  <c r="A44285" i="1" s="1"/>
  <c r="A44286" i="1" s="1"/>
  <c r="A44287" i="1" s="1"/>
  <c r="A44288" i="1" s="1"/>
  <c r="A44289" i="1" s="1"/>
  <c r="A44290" i="1" s="1"/>
  <c r="A44291" i="1" s="1"/>
  <c r="A44292" i="1" s="1"/>
  <c r="A44293" i="1" s="1"/>
  <c r="A44294" i="1" s="1"/>
  <c r="A44295" i="1" s="1"/>
  <c r="A44296" i="1" s="1"/>
  <c r="A44297" i="1" s="1"/>
  <c r="A44298" i="1" s="1"/>
  <c r="A44299" i="1" s="1"/>
  <c r="A44300" i="1" s="1"/>
  <c r="A44301" i="1" s="1"/>
  <c r="A44302" i="1" s="1"/>
  <c r="A44303" i="1" s="1"/>
  <c r="A44304" i="1" s="1"/>
  <c r="A44305" i="1" s="1"/>
  <c r="A44306" i="1" s="1"/>
  <c r="A44307" i="1" s="1"/>
  <c r="A44308" i="1" s="1"/>
  <c r="A44309" i="1" s="1"/>
  <c r="A44310" i="1" s="1"/>
  <c r="A44311" i="1" s="1"/>
  <c r="A44312" i="1" s="1"/>
  <c r="A44313" i="1" s="1"/>
  <c r="A44314" i="1" s="1"/>
  <c r="A44315" i="1" s="1"/>
  <c r="A44316" i="1" s="1"/>
  <c r="A44317" i="1" s="1"/>
  <c r="A44318" i="1" s="1"/>
  <c r="A44319" i="1" s="1"/>
  <c r="A44320" i="1" s="1"/>
  <c r="A44321" i="1" s="1"/>
  <c r="A44322" i="1" s="1"/>
  <c r="A44323" i="1" s="1"/>
  <c r="A44324" i="1" s="1"/>
  <c r="A44325" i="1" s="1"/>
  <c r="A44326" i="1" s="1"/>
  <c r="A44327" i="1" s="1"/>
  <c r="A44328" i="1" s="1"/>
  <c r="A44329" i="1" s="1"/>
  <c r="A44330" i="1" s="1"/>
  <c r="A44331" i="1" s="1"/>
  <c r="A44332" i="1" s="1"/>
  <c r="A44333" i="1" s="1"/>
  <c r="A44334" i="1" s="1"/>
  <c r="A44335" i="1" s="1"/>
  <c r="A44336" i="1" s="1"/>
  <c r="A44337" i="1" s="1"/>
  <c r="A44338" i="1" s="1"/>
  <c r="A44339" i="1" s="1"/>
  <c r="A44340" i="1" s="1"/>
  <c r="A44341" i="1" s="1"/>
  <c r="A44342" i="1" s="1"/>
  <c r="A44343" i="1" s="1"/>
  <c r="A44344" i="1" s="1"/>
  <c r="A44345" i="1" s="1"/>
  <c r="A44346" i="1" s="1"/>
  <c r="A44347" i="1" s="1"/>
  <c r="A44348" i="1" s="1"/>
  <c r="A44349" i="1" s="1"/>
  <c r="A44350" i="1" s="1"/>
  <c r="A44351" i="1" s="1"/>
  <c r="A44352" i="1" s="1"/>
  <c r="A44353" i="1" s="1"/>
  <c r="A44354" i="1" s="1"/>
  <c r="A44355" i="1" s="1"/>
  <c r="A44356" i="1" s="1"/>
  <c r="A44357" i="1" s="1"/>
  <c r="A44358" i="1" s="1"/>
  <c r="A44359" i="1" s="1"/>
  <c r="A44360" i="1" s="1"/>
  <c r="A44361" i="1" s="1"/>
  <c r="A44362" i="1" s="1"/>
  <c r="A44363" i="1" s="1"/>
  <c r="A44364" i="1" s="1"/>
  <c r="A44365" i="1" s="1"/>
  <c r="A44366" i="1" s="1"/>
  <c r="A44367" i="1" s="1"/>
  <c r="A44368" i="1" s="1"/>
  <c r="A44369" i="1" s="1"/>
  <c r="A44370" i="1" s="1"/>
  <c r="A44371" i="1" s="1"/>
  <c r="A44372" i="1" s="1"/>
  <c r="A44373" i="1" s="1"/>
  <c r="A44374" i="1" s="1"/>
  <c r="A44375" i="1" s="1"/>
  <c r="A44376" i="1" s="1"/>
  <c r="A44377" i="1" s="1"/>
  <c r="A44378" i="1" s="1"/>
  <c r="A44379" i="1" s="1"/>
  <c r="A44380" i="1" s="1"/>
  <c r="A44381" i="1" s="1"/>
  <c r="A44382" i="1" s="1"/>
  <c r="A44383" i="1" s="1"/>
  <c r="A44384" i="1" s="1"/>
  <c r="A44385" i="1" s="1"/>
  <c r="A44386" i="1" s="1"/>
  <c r="A44387" i="1" s="1"/>
  <c r="A44388" i="1" s="1"/>
  <c r="A44389" i="1" s="1"/>
  <c r="A44390" i="1" s="1"/>
  <c r="A44391" i="1" s="1"/>
  <c r="A44392" i="1" s="1"/>
  <c r="A44393" i="1" s="1"/>
  <c r="A44394" i="1" s="1"/>
  <c r="A44395" i="1" s="1"/>
  <c r="A44396" i="1" s="1"/>
  <c r="A44397" i="1" s="1"/>
  <c r="A44398" i="1" s="1"/>
  <c r="A44399" i="1" s="1"/>
  <c r="A44400" i="1" s="1"/>
  <c r="A44401" i="1" s="1"/>
  <c r="A44402" i="1" s="1"/>
  <c r="A44403" i="1" s="1"/>
  <c r="A44404" i="1" s="1"/>
  <c r="A44405" i="1" s="1"/>
  <c r="A44406" i="1" s="1"/>
  <c r="A44407" i="1" s="1"/>
  <c r="A44408" i="1" s="1"/>
  <c r="A44409" i="1" s="1"/>
  <c r="A44410" i="1" s="1"/>
  <c r="A44411" i="1" s="1"/>
  <c r="A44412" i="1" s="1"/>
  <c r="A44413" i="1" s="1"/>
  <c r="A44414" i="1" s="1"/>
  <c r="A44415" i="1" s="1"/>
  <c r="A44416" i="1" s="1"/>
  <c r="A44417" i="1" s="1"/>
  <c r="A44418" i="1" s="1"/>
  <c r="A44419" i="1" s="1"/>
  <c r="A44420" i="1" s="1"/>
  <c r="A44421" i="1" s="1"/>
  <c r="A44422" i="1" s="1"/>
  <c r="A44423" i="1" s="1"/>
  <c r="A44424" i="1" s="1"/>
  <c r="A44425" i="1" s="1"/>
  <c r="A44426" i="1" s="1"/>
  <c r="A44427" i="1" s="1"/>
  <c r="A44428" i="1" s="1"/>
  <c r="A44429" i="1" s="1"/>
  <c r="A44430" i="1" s="1"/>
  <c r="A44431" i="1" s="1"/>
  <c r="A44432" i="1" s="1"/>
  <c r="A44433" i="1" s="1"/>
  <c r="A44434" i="1" s="1"/>
  <c r="A44435" i="1" s="1"/>
  <c r="A44436" i="1" s="1"/>
  <c r="A44437" i="1" s="1"/>
  <c r="A44438" i="1" s="1"/>
  <c r="A44439" i="1" s="1"/>
  <c r="A44440" i="1" s="1"/>
  <c r="A44441" i="1" s="1"/>
  <c r="A44442" i="1" s="1"/>
  <c r="A44443" i="1" s="1"/>
  <c r="A44444" i="1" s="1"/>
  <c r="A44445" i="1" s="1"/>
  <c r="A44446" i="1" s="1"/>
  <c r="A44447" i="1" s="1"/>
  <c r="A44448" i="1" s="1"/>
  <c r="A44449" i="1" s="1"/>
  <c r="A44450" i="1" s="1"/>
  <c r="A44451" i="1" s="1"/>
  <c r="A44452" i="1" s="1"/>
  <c r="A44453" i="1" s="1"/>
  <c r="A44454" i="1" s="1"/>
  <c r="A44455" i="1" s="1"/>
  <c r="A44456" i="1" s="1"/>
  <c r="A44457" i="1" s="1"/>
  <c r="A44458" i="1" s="1"/>
  <c r="A44459" i="1" s="1"/>
  <c r="A44460" i="1" s="1"/>
  <c r="A44461" i="1" s="1"/>
  <c r="A44462" i="1" s="1"/>
  <c r="A44463" i="1" s="1"/>
  <c r="A44464" i="1" s="1"/>
  <c r="A44465" i="1" s="1"/>
  <c r="A44466" i="1" s="1"/>
  <c r="A44467" i="1" s="1"/>
  <c r="A44468" i="1" s="1"/>
  <c r="A44469" i="1" s="1"/>
  <c r="A44470" i="1" s="1"/>
  <c r="A44471" i="1" s="1"/>
  <c r="A44472" i="1" s="1"/>
  <c r="A44473" i="1" s="1"/>
  <c r="A44474" i="1" s="1"/>
  <c r="A44475" i="1" s="1"/>
  <c r="A44476" i="1" s="1"/>
  <c r="A44477" i="1" s="1"/>
  <c r="A44478" i="1" s="1"/>
  <c r="A44479" i="1" s="1"/>
  <c r="A44480" i="1" s="1"/>
  <c r="A44481" i="1" s="1"/>
  <c r="A44482" i="1" s="1"/>
  <c r="A44483" i="1" s="1"/>
  <c r="A44484" i="1" s="1"/>
  <c r="A44485" i="1" s="1"/>
  <c r="A44486" i="1" s="1"/>
  <c r="A44487" i="1" s="1"/>
  <c r="A44488" i="1" s="1"/>
  <c r="A44489" i="1" s="1"/>
  <c r="A44490" i="1" s="1"/>
  <c r="A44491" i="1" s="1"/>
  <c r="A44492" i="1" s="1"/>
  <c r="A44493" i="1" s="1"/>
  <c r="A44494" i="1" s="1"/>
  <c r="A44495" i="1" s="1"/>
  <c r="A44496" i="1" s="1"/>
  <c r="A44497" i="1" s="1"/>
  <c r="A44498" i="1" s="1"/>
  <c r="A44499" i="1" s="1"/>
  <c r="A44500" i="1" s="1"/>
  <c r="A44501" i="1" s="1"/>
  <c r="A44502" i="1" s="1"/>
  <c r="A44503" i="1" s="1"/>
  <c r="A44504" i="1" s="1"/>
  <c r="A44505" i="1" s="1"/>
  <c r="A44506" i="1" s="1"/>
  <c r="A44507" i="1" s="1"/>
  <c r="A44508" i="1" s="1"/>
  <c r="A44509" i="1" s="1"/>
  <c r="A44510" i="1" s="1"/>
  <c r="A44511" i="1" s="1"/>
  <c r="A44512" i="1" s="1"/>
  <c r="A44513" i="1" s="1"/>
  <c r="A44514" i="1" s="1"/>
  <c r="A44515" i="1" s="1"/>
  <c r="A44516" i="1" s="1"/>
  <c r="A44517" i="1" s="1"/>
  <c r="A44518" i="1" s="1"/>
  <c r="A44519" i="1" s="1"/>
  <c r="A44520" i="1" s="1"/>
  <c r="A44521" i="1" s="1"/>
  <c r="A44522" i="1" s="1"/>
  <c r="A44523" i="1" s="1"/>
  <c r="A44524" i="1" s="1"/>
  <c r="A44525" i="1" s="1"/>
  <c r="A44526" i="1" s="1"/>
  <c r="A44527" i="1" s="1"/>
  <c r="A44528" i="1" s="1"/>
  <c r="A44529" i="1" s="1"/>
  <c r="A44530" i="1" s="1"/>
  <c r="A44531" i="1" s="1"/>
  <c r="A44532" i="1" s="1"/>
  <c r="A44533" i="1" s="1"/>
  <c r="A44534" i="1" s="1"/>
  <c r="A44535" i="1" s="1"/>
  <c r="A44536" i="1" s="1"/>
  <c r="A44537" i="1" s="1"/>
  <c r="A44538" i="1" s="1"/>
  <c r="A44539" i="1" s="1"/>
  <c r="A44540" i="1" s="1"/>
  <c r="A44541" i="1" s="1"/>
  <c r="A44542" i="1" s="1"/>
  <c r="A44543" i="1" s="1"/>
  <c r="A44544" i="1" s="1"/>
  <c r="A44545" i="1" s="1"/>
  <c r="A44546" i="1" s="1"/>
  <c r="A44547" i="1" s="1"/>
  <c r="A44548" i="1" s="1"/>
  <c r="A44549" i="1" s="1"/>
  <c r="A44550" i="1" s="1"/>
  <c r="A44551" i="1" s="1"/>
  <c r="A44552" i="1" s="1"/>
  <c r="A44553" i="1" s="1"/>
  <c r="A44554" i="1" s="1"/>
  <c r="A44555" i="1" s="1"/>
  <c r="A44556" i="1" s="1"/>
  <c r="A44557" i="1" s="1"/>
  <c r="A44558" i="1" s="1"/>
  <c r="A44559" i="1" s="1"/>
  <c r="A44560" i="1" s="1"/>
  <c r="A44561" i="1" s="1"/>
  <c r="A44562" i="1" s="1"/>
  <c r="A44563" i="1" s="1"/>
  <c r="A44564" i="1" s="1"/>
  <c r="A44565" i="1" s="1"/>
  <c r="A44566" i="1" s="1"/>
  <c r="A44567" i="1" s="1"/>
  <c r="A44568" i="1" s="1"/>
  <c r="A44569" i="1" s="1"/>
  <c r="A44570" i="1" s="1"/>
  <c r="A44571" i="1" s="1"/>
  <c r="A44572" i="1" s="1"/>
  <c r="A44573" i="1" s="1"/>
  <c r="A44574" i="1" s="1"/>
  <c r="A44575" i="1" s="1"/>
  <c r="A44576" i="1" s="1"/>
  <c r="A44577" i="1" s="1"/>
  <c r="A44578" i="1" s="1"/>
  <c r="A44579" i="1" s="1"/>
  <c r="A44580" i="1" s="1"/>
  <c r="A44581" i="1" s="1"/>
  <c r="A44582" i="1" s="1"/>
  <c r="A44583" i="1" s="1"/>
  <c r="A44584" i="1" s="1"/>
  <c r="A44585" i="1" s="1"/>
  <c r="A44586" i="1" s="1"/>
  <c r="A44587" i="1" s="1"/>
  <c r="A44588" i="1" s="1"/>
  <c r="A44589" i="1" s="1"/>
  <c r="A44590" i="1" s="1"/>
  <c r="A44591" i="1" s="1"/>
  <c r="A44592" i="1" s="1"/>
  <c r="A44593" i="1" s="1"/>
  <c r="A44594" i="1" s="1"/>
  <c r="A44595" i="1" s="1"/>
  <c r="A44596" i="1" s="1"/>
  <c r="A44597" i="1" s="1"/>
  <c r="A44598" i="1" s="1"/>
  <c r="A44599" i="1" s="1"/>
  <c r="A44600" i="1" s="1"/>
  <c r="A44601" i="1" s="1"/>
  <c r="A44602" i="1" s="1"/>
  <c r="A44603" i="1" s="1"/>
  <c r="A44604" i="1" s="1"/>
  <c r="A44605" i="1" s="1"/>
  <c r="A44606" i="1" s="1"/>
  <c r="A44607" i="1" s="1"/>
  <c r="A44608" i="1" s="1"/>
  <c r="A44609" i="1" s="1"/>
  <c r="A44610" i="1" s="1"/>
  <c r="A44611" i="1" s="1"/>
  <c r="A44612" i="1" s="1"/>
  <c r="A44613" i="1" s="1"/>
  <c r="A44614" i="1" s="1"/>
  <c r="A44615" i="1" s="1"/>
  <c r="A44616" i="1" s="1"/>
  <c r="A44617" i="1" s="1"/>
  <c r="A44618" i="1" s="1"/>
  <c r="A44619" i="1" s="1"/>
  <c r="A44620" i="1" s="1"/>
  <c r="A44621" i="1" s="1"/>
  <c r="A44622" i="1" s="1"/>
  <c r="A44623" i="1" s="1"/>
  <c r="A44624" i="1" s="1"/>
  <c r="A44625" i="1" s="1"/>
  <c r="A44626" i="1" s="1"/>
  <c r="A44627" i="1" s="1"/>
  <c r="A44628" i="1" s="1"/>
  <c r="A44629" i="1" s="1"/>
  <c r="A44630" i="1" s="1"/>
  <c r="A44631" i="1" s="1"/>
  <c r="A44632" i="1" s="1"/>
  <c r="A44633" i="1" s="1"/>
  <c r="A44634" i="1" s="1"/>
  <c r="A44635" i="1" s="1"/>
  <c r="A44636" i="1" s="1"/>
  <c r="A44637" i="1" s="1"/>
  <c r="A44638" i="1" s="1"/>
  <c r="A44639" i="1" s="1"/>
  <c r="A44640" i="1" s="1"/>
  <c r="A44641" i="1" s="1"/>
  <c r="A44642" i="1" s="1"/>
  <c r="A44643" i="1" s="1"/>
  <c r="A44644" i="1" s="1"/>
  <c r="A44645" i="1" s="1"/>
  <c r="A44646" i="1" s="1"/>
  <c r="A44647" i="1" s="1"/>
  <c r="A44648" i="1" s="1"/>
  <c r="A44649" i="1" s="1"/>
  <c r="A44650" i="1" s="1"/>
  <c r="A44651" i="1" s="1"/>
  <c r="A44652" i="1" s="1"/>
  <c r="A44653" i="1" s="1"/>
  <c r="A44654" i="1" s="1"/>
  <c r="A44655" i="1" s="1"/>
  <c r="A44656" i="1" s="1"/>
  <c r="A44657" i="1" s="1"/>
  <c r="A44658" i="1" s="1"/>
  <c r="A44659" i="1" s="1"/>
  <c r="A44660" i="1" s="1"/>
  <c r="A44661" i="1" s="1"/>
  <c r="A44662" i="1" s="1"/>
  <c r="A44663" i="1" s="1"/>
  <c r="A44664" i="1" s="1"/>
  <c r="A44665" i="1" s="1"/>
  <c r="A44666" i="1" s="1"/>
  <c r="A44667" i="1" s="1"/>
  <c r="A44668" i="1" s="1"/>
  <c r="A44669" i="1" s="1"/>
  <c r="A44670" i="1" s="1"/>
  <c r="A44671" i="1" s="1"/>
  <c r="A44672" i="1" s="1"/>
  <c r="A44673" i="1" s="1"/>
  <c r="A44674" i="1" s="1"/>
  <c r="A44675" i="1" s="1"/>
  <c r="A44676" i="1" s="1"/>
  <c r="A44677" i="1" s="1"/>
  <c r="A44678" i="1" s="1"/>
  <c r="A44679" i="1" s="1"/>
  <c r="A44680" i="1" s="1"/>
  <c r="A44681" i="1" s="1"/>
  <c r="A44682" i="1" s="1"/>
  <c r="A44683" i="1" s="1"/>
  <c r="A44684" i="1" s="1"/>
  <c r="A44685" i="1" s="1"/>
  <c r="A44686" i="1" s="1"/>
  <c r="A44687" i="1" s="1"/>
  <c r="A44688" i="1" s="1"/>
  <c r="A44689" i="1" s="1"/>
  <c r="A44690" i="1" s="1"/>
  <c r="A44691" i="1" s="1"/>
  <c r="A44692" i="1" s="1"/>
  <c r="A44693" i="1" s="1"/>
  <c r="A44694" i="1" s="1"/>
  <c r="A44695" i="1" s="1"/>
  <c r="A44696" i="1" s="1"/>
  <c r="A44697" i="1" s="1"/>
  <c r="A44698" i="1" s="1"/>
  <c r="A44699" i="1" s="1"/>
  <c r="A44700" i="1" s="1"/>
  <c r="A44701" i="1" s="1"/>
  <c r="A44702" i="1" s="1"/>
  <c r="A44703" i="1" s="1"/>
  <c r="A44704" i="1" s="1"/>
  <c r="A44705" i="1" s="1"/>
  <c r="A44706" i="1" s="1"/>
  <c r="A44707" i="1" s="1"/>
  <c r="A44708" i="1" s="1"/>
  <c r="A44709" i="1" s="1"/>
  <c r="A44710" i="1" s="1"/>
  <c r="A44711" i="1" s="1"/>
  <c r="A44712" i="1" s="1"/>
  <c r="A44713" i="1" s="1"/>
  <c r="A44714" i="1" s="1"/>
  <c r="A44715" i="1" s="1"/>
  <c r="A44716" i="1" s="1"/>
  <c r="A44717" i="1" s="1"/>
  <c r="A44718" i="1" s="1"/>
  <c r="A44719" i="1" s="1"/>
  <c r="A44720" i="1" s="1"/>
  <c r="A44721" i="1" s="1"/>
  <c r="A44722" i="1" s="1"/>
  <c r="A44723" i="1" s="1"/>
  <c r="A44724" i="1" s="1"/>
  <c r="A44725" i="1" s="1"/>
  <c r="A44726" i="1" s="1"/>
  <c r="A44727" i="1" s="1"/>
  <c r="A44728" i="1" s="1"/>
  <c r="A44729" i="1" s="1"/>
  <c r="A44730" i="1" s="1"/>
  <c r="A44731" i="1" s="1"/>
  <c r="A44732" i="1" s="1"/>
  <c r="A44733" i="1" s="1"/>
  <c r="A44734" i="1" s="1"/>
  <c r="A44735" i="1" s="1"/>
  <c r="A44736" i="1" s="1"/>
  <c r="A44737" i="1" s="1"/>
  <c r="A44738" i="1" s="1"/>
  <c r="A44739" i="1" s="1"/>
  <c r="A44740" i="1" s="1"/>
  <c r="A44741" i="1" s="1"/>
  <c r="A44742" i="1" s="1"/>
  <c r="A44743" i="1" s="1"/>
  <c r="A44744" i="1" s="1"/>
  <c r="A44745" i="1" s="1"/>
  <c r="A44746" i="1" s="1"/>
  <c r="A44747" i="1" s="1"/>
  <c r="A44748" i="1" s="1"/>
  <c r="A44749" i="1" s="1"/>
  <c r="A44750" i="1" s="1"/>
  <c r="A44751" i="1" s="1"/>
  <c r="A44752" i="1" s="1"/>
  <c r="A44753" i="1" s="1"/>
  <c r="A44754" i="1" s="1"/>
  <c r="A44755" i="1" s="1"/>
  <c r="A44756" i="1" s="1"/>
  <c r="A44757" i="1" s="1"/>
  <c r="A44758" i="1" s="1"/>
  <c r="A44759" i="1" s="1"/>
  <c r="A44760" i="1" s="1"/>
  <c r="A44761" i="1" s="1"/>
  <c r="A44762" i="1" s="1"/>
  <c r="A44763" i="1" s="1"/>
  <c r="A44764" i="1" s="1"/>
  <c r="A44765" i="1" s="1"/>
  <c r="A44766" i="1" s="1"/>
  <c r="A44767" i="1" s="1"/>
  <c r="A44768" i="1" s="1"/>
  <c r="A44769" i="1" s="1"/>
  <c r="A44770" i="1" s="1"/>
  <c r="A44771" i="1" s="1"/>
  <c r="A44772" i="1" s="1"/>
  <c r="A44773" i="1" s="1"/>
  <c r="A44774" i="1" s="1"/>
  <c r="A44775" i="1" s="1"/>
  <c r="A44776" i="1" s="1"/>
  <c r="A44777" i="1" s="1"/>
  <c r="A44778" i="1" s="1"/>
  <c r="A44779" i="1" s="1"/>
  <c r="A44780" i="1" s="1"/>
  <c r="A44781" i="1" s="1"/>
  <c r="A44782" i="1" s="1"/>
  <c r="A44783" i="1" s="1"/>
  <c r="A44784" i="1" s="1"/>
  <c r="A44785" i="1" s="1"/>
  <c r="A44786" i="1" s="1"/>
  <c r="A44787" i="1" s="1"/>
  <c r="A44788" i="1" s="1"/>
  <c r="A44789" i="1" s="1"/>
  <c r="A44790" i="1" s="1"/>
  <c r="A44791" i="1" s="1"/>
  <c r="A44792" i="1" s="1"/>
  <c r="A44793" i="1" s="1"/>
  <c r="A44794" i="1" s="1"/>
  <c r="A44795" i="1" s="1"/>
  <c r="A44796" i="1" s="1"/>
  <c r="A44797" i="1" s="1"/>
  <c r="A44798" i="1" s="1"/>
  <c r="A44799" i="1" s="1"/>
  <c r="A44800" i="1" s="1"/>
  <c r="A44801" i="1" s="1"/>
  <c r="A44802" i="1" s="1"/>
  <c r="A44803" i="1" s="1"/>
  <c r="A44804" i="1" s="1"/>
  <c r="A44805" i="1" s="1"/>
  <c r="A44806" i="1" s="1"/>
  <c r="A44807" i="1" s="1"/>
  <c r="A44808" i="1" s="1"/>
  <c r="A44809" i="1" s="1"/>
  <c r="A44810" i="1" s="1"/>
  <c r="A44811" i="1" s="1"/>
  <c r="A44812" i="1" s="1"/>
  <c r="A44813" i="1" s="1"/>
  <c r="A44814" i="1" s="1"/>
  <c r="A44815" i="1" s="1"/>
  <c r="A44816" i="1" s="1"/>
  <c r="A44817" i="1" s="1"/>
  <c r="A44818" i="1" s="1"/>
  <c r="A44819" i="1" s="1"/>
  <c r="A44820" i="1" s="1"/>
  <c r="A44821" i="1" s="1"/>
  <c r="A44822" i="1" s="1"/>
  <c r="A44823" i="1" s="1"/>
  <c r="A44824" i="1" s="1"/>
  <c r="A44825" i="1" s="1"/>
  <c r="A44826" i="1" s="1"/>
  <c r="A44827" i="1" s="1"/>
  <c r="A44828" i="1" s="1"/>
  <c r="A44829" i="1" s="1"/>
  <c r="A44830" i="1" s="1"/>
  <c r="A44831" i="1" s="1"/>
  <c r="A44832" i="1" s="1"/>
  <c r="A44833" i="1" s="1"/>
  <c r="A44834" i="1" s="1"/>
  <c r="A44835" i="1" s="1"/>
  <c r="A44836" i="1" s="1"/>
  <c r="A44837" i="1" s="1"/>
  <c r="A44838" i="1" s="1"/>
  <c r="A44839" i="1" s="1"/>
  <c r="A44840" i="1" s="1"/>
  <c r="A44841" i="1" s="1"/>
  <c r="A44842" i="1" s="1"/>
  <c r="A44843" i="1" s="1"/>
  <c r="A44844" i="1" s="1"/>
  <c r="A44845" i="1" s="1"/>
  <c r="A44846" i="1" s="1"/>
  <c r="A44847" i="1" s="1"/>
  <c r="A44848" i="1" s="1"/>
  <c r="A44849" i="1" s="1"/>
  <c r="A44850" i="1" s="1"/>
  <c r="A44851" i="1" s="1"/>
  <c r="A44852" i="1" s="1"/>
  <c r="A44853" i="1" s="1"/>
  <c r="A44854" i="1" s="1"/>
  <c r="A44855" i="1" s="1"/>
  <c r="A44856" i="1" s="1"/>
  <c r="A44857" i="1" s="1"/>
  <c r="A44858" i="1" s="1"/>
  <c r="A44859" i="1" s="1"/>
  <c r="A44860" i="1" s="1"/>
  <c r="A44861" i="1" s="1"/>
  <c r="A44862" i="1" s="1"/>
  <c r="A44863" i="1" s="1"/>
  <c r="A44864" i="1" s="1"/>
  <c r="A44865" i="1" s="1"/>
  <c r="A44866" i="1" s="1"/>
  <c r="A44867" i="1" s="1"/>
  <c r="A44868" i="1" s="1"/>
  <c r="A44869" i="1" s="1"/>
  <c r="A44870" i="1" s="1"/>
  <c r="A44871" i="1" s="1"/>
  <c r="A44872" i="1" s="1"/>
  <c r="A44873" i="1" s="1"/>
  <c r="A44874" i="1" s="1"/>
  <c r="A44875" i="1" s="1"/>
  <c r="A44876" i="1" s="1"/>
  <c r="A44877" i="1" s="1"/>
  <c r="A44878" i="1" s="1"/>
  <c r="A44879" i="1" s="1"/>
  <c r="A44880" i="1" s="1"/>
  <c r="A44881" i="1" s="1"/>
  <c r="A44882" i="1" s="1"/>
  <c r="A44883" i="1" s="1"/>
  <c r="A44884" i="1" s="1"/>
  <c r="A44885" i="1" s="1"/>
  <c r="A44886" i="1" s="1"/>
  <c r="A44887" i="1" s="1"/>
  <c r="A44888" i="1" s="1"/>
  <c r="A44889" i="1" s="1"/>
  <c r="A44890" i="1" s="1"/>
  <c r="A44891" i="1" s="1"/>
  <c r="A44892" i="1" s="1"/>
  <c r="A44893" i="1" s="1"/>
  <c r="A44894" i="1" s="1"/>
  <c r="A44895" i="1" s="1"/>
  <c r="A44896" i="1" s="1"/>
  <c r="A44897" i="1" s="1"/>
  <c r="A44898" i="1" s="1"/>
  <c r="A44899" i="1" s="1"/>
  <c r="A44900" i="1" s="1"/>
  <c r="A44901" i="1" s="1"/>
  <c r="A44902" i="1" s="1"/>
  <c r="A44903" i="1" s="1"/>
  <c r="A44904" i="1" s="1"/>
  <c r="A44905" i="1" s="1"/>
  <c r="A44906" i="1" s="1"/>
  <c r="A44907" i="1" s="1"/>
  <c r="A44908" i="1" s="1"/>
  <c r="A44909" i="1" s="1"/>
  <c r="A44910" i="1" s="1"/>
  <c r="A44911" i="1" s="1"/>
  <c r="A44912" i="1" s="1"/>
  <c r="A44913" i="1" s="1"/>
  <c r="A44914" i="1" s="1"/>
  <c r="A44915" i="1" s="1"/>
  <c r="A44916" i="1" s="1"/>
  <c r="A44917" i="1" s="1"/>
  <c r="A44918" i="1" s="1"/>
  <c r="A44919" i="1" s="1"/>
  <c r="A44920" i="1" s="1"/>
  <c r="A44921" i="1" s="1"/>
  <c r="A44922" i="1" s="1"/>
  <c r="A44923" i="1" s="1"/>
  <c r="A44924" i="1" s="1"/>
  <c r="A44925" i="1" s="1"/>
  <c r="A44926" i="1" s="1"/>
  <c r="A44927" i="1" s="1"/>
  <c r="A44928" i="1" s="1"/>
  <c r="A44929" i="1" s="1"/>
  <c r="A44930" i="1" s="1"/>
  <c r="A44931" i="1" s="1"/>
  <c r="A44932" i="1" s="1"/>
  <c r="A44933" i="1" s="1"/>
  <c r="A44934" i="1" s="1"/>
  <c r="A44935" i="1" s="1"/>
  <c r="A44936" i="1" s="1"/>
  <c r="A44937" i="1" s="1"/>
  <c r="A44938" i="1" s="1"/>
  <c r="A44939" i="1" s="1"/>
  <c r="A44940" i="1" s="1"/>
  <c r="A44941" i="1" s="1"/>
  <c r="A44942" i="1" s="1"/>
  <c r="A44943" i="1" s="1"/>
  <c r="A44944" i="1" s="1"/>
  <c r="A44945" i="1" s="1"/>
  <c r="A44946" i="1" s="1"/>
  <c r="A44947" i="1" s="1"/>
  <c r="A44948" i="1" s="1"/>
  <c r="A44949" i="1" s="1"/>
  <c r="A44950" i="1" s="1"/>
  <c r="A44951" i="1" s="1"/>
  <c r="A44952" i="1" s="1"/>
  <c r="A44953" i="1" s="1"/>
  <c r="A44954" i="1" s="1"/>
  <c r="A44955" i="1" s="1"/>
  <c r="A44956" i="1" s="1"/>
  <c r="A44957" i="1" s="1"/>
  <c r="A44958" i="1" s="1"/>
  <c r="A44959" i="1" s="1"/>
  <c r="A44960" i="1" s="1"/>
  <c r="A44961" i="1" s="1"/>
  <c r="A44962" i="1" s="1"/>
  <c r="A44963" i="1" s="1"/>
  <c r="A44964" i="1" s="1"/>
  <c r="A44965" i="1" s="1"/>
  <c r="A44966" i="1" s="1"/>
  <c r="A44967" i="1" s="1"/>
  <c r="A44968" i="1" s="1"/>
  <c r="A44969" i="1" s="1"/>
  <c r="A44970" i="1" s="1"/>
  <c r="A44971" i="1" s="1"/>
  <c r="A44972" i="1" s="1"/>
  <c r="A44973" i="1" s="1"/>
  <c r="A44974" i="1" s="1"/>
  <c r="A44975" i="1" s="1"/>
  <c r="A44976" i="1" s="1"/>
  <c r="A44977" i="1" s="1"/>
  <c r="A44978" i="1" s="1"/>
  <c r="A44979" i="1" s="1"/>
  <c r="A44980" i="1" s="1"/>
  <c r="A44981" i="1" s="1"/>
  <c r="A44982" i="1" s="1"/>
  <c r="A44983" i="1" s="1"/>
  <c r="A44984" i="1" s="1"/>
  <c r="A44985" i="1" s="1"/>
  <c r="A44986" i="1" s="1"/>
  <c r="A44987" i="1" s="1"/>
  <c r="A44988" i="1" s="1"/>
  <c r="A44989" i="1" s="1"/>
  <c r="A44990" i="1" s="1"/>
  <c r="A44991" i="1" s="1"/>
  <c r="A44992" i="1" s="1"/>
  <c r="A44993" i="1" s="1"/>
  <c r="A44994" i="1" s="1"/>
  <c r="A44995" i="1" s="1"/>
  <c r="A44996" i="1" s="1"/>
  <c r="A44997" i="1" s="1"/>
  <c r="A44998" i="1" s="1"/>
  <c r="A44999" i="1" s="1"/>
  <c r="A45000" i="1" s="1"/>
  <c r="A45001" i="1" s="1"/>
  <c r="A45002" i="1" s="1"/>
  <c r="A45003" i="1" s="1"/>
  <c r="A45004" i="1" s="1"/>
  <c r="A45005" i="1" s="1"/>
  <c r="A45006" i="1" s="1"/>
  <c r="A45007" i="1" s="1"/>
  <c r="A45008" i="1" s="1"/>
  <c r="A45009" i="1" s="1"/>
  <c r="A45010" i="1" s="1"/>
  <c r="A45011" i="1" s="1"/>
  <c r="A45012" i="1" s="1"/>
  <c r="A45013" i="1" s="1"/>
  <c r="A45014" i="1" s="1"/>
  <c r="A45015" i="1" s="1"/>
  <c r="A45016" i="1" s="1"/>
  <c r="A45017" i="1" s="1"/>
  <c r="A45018" i="1" s="1"/>
  <c r="A45019" i="1" s="1"/>
  <c r="A45020" i="1" s="1"/>
  <c r="A45021" i="1" s="1"/>
  <c r="A45022" i="1" s="1"/>
  <c r="A45023" i="1" s="1"/>
  <c r="A45024" i="1" s="1"/>
  <c r="A45025" i="1" s="1"/>
  <c r="A45026" i="1" s="1"/>
  <c r="A45027" i="1" s="1"/>
  <c r="A45028" i="1" s="1"/>
  <c r="A45029" i="1" s="1"/>
  <c r="A45030" i="1" s="1"/>
  <c r="A45031" i="1" s="1"/>
  <c r="A45032" i="1" s="1"/>
  <c r="A45033" i="1" s="1"/>
  <c r="A45034" i="1" s="1"/>
  <c r="A45035" i="1" s="1"/>
  <c r="A45036" i="1" s="1"/>
  <c r="A45037" i="1" s="1"/>
  <c r="A45038" i="1" s="1"/>
  <c r="A45039" i="1" s="1"/>
  <c r="A45040" i="1" s="1"/>
  <c r="A45041" i="1" s="1"/>
  <c r="A45042" i="1" s="1"/>
  <c r="A45043" i="1" s="1"/>
  <c r="A45044" i="1" s="1"/>
  <c r="A45045" i="1" s="1"/>
  <c r="A45046" i="1" s="1"/>
  <c r="A45047" i="1" s="1"/>
  <c r="A45048" i="1" s="1"/>
  <c r="A45049" i="1" s="1"/>
  <c r="A45050" i="1" s="1"/>
  <c r="A45051" i="1" s="1"/>
  <c r="A45052" i="1" s="1"/>
  <c r="A45053" i="1" s="1"/>
  <c r="A45054" i="1" s="1"/>
  <c r="A45055" i="1" s="1"/>
  <c r="A45056" i="1" s="1"/>
  <c r="A45057" i="1" s="1"/>
  <c r="A45058" i="1" s="1"/>
  <c r="A45059" i="1" s="1"/>
  <c r="A45060" i="1" s="1"/>
  <c r="A45061" i="1" s="1"/>
  <c r="A45062" i="1" s="1"/>
  <c r="A45063" i="1" s="1"/>
  <c r="A45064" i="1" s="1"/>
  <c r="A45065" i="1" s="1"/>
  <c r="A45066" i="1" s="1"/>
  <c r="A45067" i="1" s="1"/>
  <c r="A45068" i="1" s="1"/>
  <c r="A45069" i="1" s="1"/>
  <c r="A45070" i="1" s="1"/>
  <c r="A45071" i="1" s="1"/>
  <c r="A45072" i="1" s="1"/>
  <c r="A45073" i="1" s="1"/>
  <c r="A45074" i="1" s="1"/>
  <c r="A45075" i="1" s="1"/>
  <c r="A45076" i="1" s="1"/>
  <c r="A45077" i="1" s="1"/>
  <c r="A45078" i="1" s="1"/>
  <c r="A45079" i="1" s="1"/>
  <c r="A45080" i="1" s="1"/>
  <c r="A45081" i="1" s="1"/>
  <c r="A45082" i="1" s="1"/>
  <c r="A45083" i="1" s="1"/>
  <c r="A45084" i="1" s="1"/>
  <c r="A45085" i="1" s="1"/>
  <c r="A45086" i="1" s="1"/>
  <c r="A45087" i="1" s="1"/>
  <c r="A45088" i="1" s="1"/>
  <c r="A45089" i="1" s="1"/>
  <c r="A45090" i="1" s="1"/>
  <c r="A45091" i="1" s="1"/>
  <c r="A45092" i="1" s="1"/>
  <c r="A45093" i="1" s="1"/>
  <c r="A45094" i="1" s="1"/>
  <c r="A45095" i="1" s="1"/>
  <c r="A45096" i="1" s="1"/>
  <c r="A45097" i="1" s="1"/>
  <c r="A45098" i="1" s="1"/>
  <c r="A45099" i="1" s="1"/>
  <c r="A45100" i="1" s="1"/>
  <c r="A45101" i="1" s="1"/>
  <c r="A45102" i="1" s="1"/>
  <c r="A45103" i="1" s="1"/>
  <c r="A45104" i="1" s="1"/>
  <c r="A45105" i="1" s="1"/>
  <c r="A45106" i="1" s="1"/>
  <c r="A45107" i="1" s="1"/>
  <c r="A45108" i="1" s="1"/>
  <c r="A45109" i="1" s="1"/>
  <c r="A45110" i="1" s="1"/>
  <c r="A45111" i="1" s="1"/>
  <c r="A45112" i="1" s="1"/>
  <c r="A45113" i="1" s="1"/>
  <c r="A45114" i="1" s="1"/>
  <c r="A45115" i="1" s="1"/>
  <c r="A45116" i="1" s="1"/>
  <c r="A45117" i="1" s="1"/>
  <c r="A45118" i="1" s="1"/>
  <c r="A45119" i="1" s="1"/>
  <c r="A45120" i="1" s="1"/>
  <c r="A45121" i="1" s="1"/>
  <c r="A45122" i="1" s="1"/>
  <c r="A45123" i="1" s="1"/>
  <c r="A45124" i="1" s="1"/>
  <c r="A45125" i="1" s="1"/>
  <c r="A45126" i="1" s="1"/>
  <c r="A45127" i="1" s="1"/>
  <c r="A45128" i="1" s="1"/>
  <c r="A45129" i="1" s="1"/>
  <c r="A45130" i="1" s="1"/>
  <c r="A45131" i="1" s="1"/>
  <c r="A45132" i="1" s="1"/>
  <c r="A45133" i="1" s="1"/>
  <c r="A45134" i="1" s="1"/>
  <c r="A45135" i="1" s="1"/>
  <c r="A45136" i="1" s="1"/>
  <c r="A45137" i="1" s="1"/>
  <c r="A45138" i="1" s="1"/>
  <c r="A45139" i="1" s="1"/>
  <c r="A45140" i="1" s="1"/>
  <c r="A45141" i="1" s="1"/>
  <c r="A45142" i="1" s="1"/>
  <c r="A45143" i="1" s="1"/>
  <c r="A45144" i="1" s="1"/>
  <c r="A45145" i="1" s="1"/>
  <c r="A45146" i="1" s="1"/>
  <c r="A45147" i="1" s="1"/>
  <c r="A45148" i="1" s="1"/>
  <c r="A45149" i="1" s="1"/>
  <c r="A45150" i="1" s="1"/>
  <c r="A45151" i="1" s="1"/>
  <c r="A45152" i="1" s="1"/>
  <c r="A45153" i="1" s="1"/>
  <c r="A45154" i="1" s="1"/>
  <c r="A45155" i="1" s="1"/>
  <c r="A45156" i="1" s="1"/>
  <c r="A45157" i="1" s="1"/>
  <c r="A45158" i="1" s="1"/>
  <c r="A45159" i="1" s="1"/>
  <c r="A45160" i="1" s="1"/>
  <c r="A45161" i="1" s="1"/>
  <c r="A45162" i="1" s="1"/>
  <c r="A45163" i="1" s="1"/>
  <c r="A45164" i="1" s="1"/>
  <c r="A45165" i="1" s="1"/>
  <c r="A45166" i="1" s="1"/>
  <c r="A45167" i="1" s="1"/>
  <c r="A45168" i="1" s="1"/>
  <c r="A45169" i="1" s="1"/>
  <c r="A45170" i="1" s="1"/>
  <c r="A45171" i="1" s="1"/>
  <c r="A45172" i="1" s="1"/>
  <c r="A45173" i="1" s="1"/>
  <c r="A45174" i="1" s="1"/>
  <c r="A45175" i="1" s="1"/>
  <c r="A45176" i="1" s="1"/>
  <c r="A45177" i="1" s="1"/>
  <c r="A45178" i="1" s="1"/>
  <c r="A45179" i="1" s="1"/>
  <c r="A45180" i="1" s="1"/>
  <c r="A45181" i="1" s="1"/>
  <c r="A45182" i="1" s="1"/>
  <c r="A45183" i="1" s="1"/>
  <c r="A45184" i="1" s="1"/>
  <c r="A45185" i="1" s="1"/>
  <c r="A45186" i="1" s="1"/>
  <c r="A45187" i="1" s="1"/>
  <c r="A45188" i="1" s="1"/>
  <c r="A45189" i="1" s="1"/>
  <c r="A45190" i="1" s="1"/>
  <c r="A45191" i="1" s="1"/>
  <c r="A45192" i="1" s="1"/>
  <c r="A45193" i="1" s="1"/>
  <c r="A45194" i="1" s="1"/>
  <c r="A45195" i="1" s="1"/>
  <c r="A45196" i="1" s="1"/>
  <c r="A45197" i="1" s="1"/>
  <c r="A45198" i="1" s="1"/>
  <c r="A45199" i="1" s="1"/>
  <c r="A45200" i="1" s="1"/>
  <c r="A45201" i="1" s="1"/>
  <c r="A45202" i="1" s="1"/>
  <c r="A45203" i="1" s="1"/>
  <c r="A45204" i="1" s="1"/>
  <c r="A45205" i="1" s="1"/>
  <c r="A45206" i="1" s="1"/>
  <c r="A45207" i="1" s="1"/>
  <c r="A45208" i="1" s="1"/>
  <c r="A45209" i="1" s="1"/>
  <c r="A45210" i="1" s="1"/>
  <c r="A45211" i="1" s="1"/>
  <c r="A45212" i="1" s="1"/>
  <c r="A45213" i="1" s="1"/>
  <c r="A45214" i="1" s="1"/>
  <c r="A45215" i="1" s="1"/>
  <c r="A45216" i="1" s="1"/>
  <c r="A45217" i="1" s="1"/>
  <c r="A45218" i="1" s="1"/>
  <c r="A45219" i="1" s="1"/>
  <c r="A45220" i="1" s="1"/>
  <c r="A45221" i="1" s="1"/>
  <c r="A45222" i="1" s="1"/>
  <c r="A45223" i="1" s="1"/>
  <c r="A45224" i="1" s="1"/>
  <c r="A45225" i="1" s="1"/>
  <c r="A45226" i="1" s="1"/>
  <c r="A45227" i="1" s="1"/>
  <c r="A45228" i="1" s="1"/>
  <c r="A45229" i="1" s="1"/>
  <c r="A45230" i="1" s="1"/>
  <c r="A45231" i="1" s="1"/>
  <c r="A45232" i="1" s="1"/>
  <c r="A45233" i="1" s="1"/>
  <c r="A45234" i="1" s="1"/>
  <c r="A45235" i="1" s="1"/>
  <c r="A45236" i="1" s="1"/>
  <c r="A45237" i="1" s="1"/>
  <c r="A45238" i="1" s="1"/>
  <c r="A45239" i="1" s="1"/>
  <c r="A45240" i="1" s="1"/>
  <c r="A45241" i="1" s="1"/>
  <c r="A45242" i="1" s="1"/>
  <c r="A45243" i="1" s="1"/>
  <c r="A45244" i="1" s="1"/>
  <c r="A45245" i="1" s="1"/>
  <c r="A45246" i="1" s="1"/>
  <c r="A45247" i="1" s="1"/>
  <c r="A45248" i="1" s="1"/>
  <c r="A45249" i="1" s="1"/>
  <c r="A45250" i="1" s="1"/>
  <c r="A45251" i="1" s="1"/>
  <c r="A45252" i="1" s="1"/>
  <c r="A45253" i="1" s="1"/>
  <c r="A45254" i="1" s="1"/>
  <c r="A45255" i="1" s="1"/>
  <c r="A45256" i="1" s="1"/>
  <c r="A45257" i="1" s="1"/>
  <c r="A45258" i="1" s="1"/>
  <c r="A45259" i="1" s="1"/>
  <c r="A45260" i="1" s="1"/>
  <c r="A45261" i="1" s="1"/>
  <c r="A45262" i="1" s="1"/>
  <c r="A45263" i="1" s="1"/>
  <c r="A45264" i="1" s="1"/>
  <c r="A45265" i="1" s="1"/>
  <c r="A45266" i="1" s="1"/>
  <c r="A45267" i="1" s="1"/>
  <c r="A45268" i="1" s="1"/>
  <c r="A45269" i="1" s="1"/>
  <c r="A45270" i="1" s="1"/>
  <c r="A45271" i="1" s="1"/>
  <c r="A45272" i="1" s="1"/>
  <c r="A45273" i="1" s="1"/>
  <c r="A45274" i="1" s="1"/>
  <c r="A45275" i="1" s="1"/>
  <c r="A45276" i="1" s="1"/>
  <c r="A45277" i="1" s="1"/>
  <c r="A45278" i="1" s="1"/>
  <c r="A45279" i="1" s="1"/>
  <c r="A45280" i="1" s="1"/>
  <c r="A45281" i="1" s="1"/>
  <c r="A45282" i="1" s="1"/>
  <c r="A45283" i="1" s="1"/>
  <c r="A45284" i="1" s="1"/>
  <c r="A45285" i="1" s="1"/>
  <c r="A45286" i="1" s="1"/>
  <c r="A45287" i="1" s="1"/>
  <c r="A45288" i="1" s="1"/>
  <c r="A45289" i="1" s="1"/>
  <c r="A45290" i="1" s="1"/>
  <c r="A45291" i="1" s="1"/>
  <c r="A45292" i="1" s="1"/>
  <c r="A45293" i="1" s="1"/>
  <c r="A45294" i="1" s="1"/>
  <c r="A45295" i="1" s="1"/>
  <c r="A45296" i="1" s="1"/>
  <c r="A45297" i="1" s="1"/>
  <c r="A45298" i="1" s="1"/>
  <c r="A45299" i="1" s="1"/>
  <c r="A45300" i="1" s="1"/>
  <c r="A45301" i="1" s="1"/>
  <c r="A45302" i="1" s="1"/>
  <c r="A45303" i="1" s="1"/>
  <c r="A45304" i="1" s="1"/>
  <c r="A45305" i="1" s="1"/>
  <c r="A45306" i="1" s="1"/>
  <c r="A45307" i="1" s="1"/>
  <c r="A45308" i="1" s="1"/>
  <c r="A45309" i="1" s="1"/>
  <c r="A45310" i="1" s="1"/>
  <c r="A45311" i="1" s="1"/>
  <c r="A45312" i="1" s="1"/>
  <c r="A45313" i="1" s="1"/>
  <c r="A45314" i="1" s="1"/>
  <c r="A45315" i="1" s="1"/>
  <c r="A45316" i="1" s="1"/>
  <c r="A45317" i="1" s="1"/>
  <c r="A45318" i="1" s="1"/>
  <c r="A45319" i="1" s="1"/>
  <c r="A45320" i="1" s="1"/>
  <c r="A45321" i="1" s="1"/>
  <c r="A45322" i="1" s="1"/>
  <c r="A45323" i="1" s="1"/>
  <c r="A45324" i="1" s="1"/>
  <c r="A45325" i="1" s="1"/>
  <c r="A45326" i="1" s="1"/>
  <c r="A45327" i="1" s="1"/>
  <c r="A45328" i="1" s="1"/>
  <c r="A45329" i="1" s="1"/>
  <c r="A45330" i="1" s="1"/>
  <c r="A45331" i="1" s="1"/>
  <c r="A45332" i="1" s="1"/>
  <c r="A45333" i="1" s="1"/>
  <c r="A45334" i="1" s="1"/>
  <c r="A45335" i="1" s="1"/>
  <c r="A45336" i="1" s="1"/>
  <c r="A45337" i="1" s="1"/>
  <c r="A45338" i="1" s="1"/>
  <c r="A45339" i="1" s="1"/>
  <c r="A45340" i="1" s="1"/>
  <c r="A45341" i="1" s="1"/>
  <c r="A45342" i="1" s="1"/>
  <c r="A45343" i="1" s="1"/>
  <c r="A45344" i="1" s="1"/>
  <c r="A45345" i="1" s="1"/>
  <c r="A45346" i="1" s="1"/>
  <c r="A45347" i="1" s="1"/>
  <c r="A45348" i="1" s="1"/>
  <c r="A45349" i="1" s="1"/>
  <c r="A45350" i="1" s="1"/>
  <c r="A45351" i="1" s="1"/>
  <c r="A45352" i="1" s="1"/>
  <c r="A45353" i="1" s="1"/>
  <c r="A45354" i="1" s="1"/>
  <c r="A45355" i="1" s="1"/>
  <c r="A45356" i="1" s="1"/>
  <c r="A45357" i="1" s="1"/>
  <c r="A45358" i="1" s="1"/>
  <c r="A45359" i="1" s="1"/>
  <c r="A45360" i="1" s="1"/>
  <c r="A45361" i="1" s="1"/>
  <c r="A45362" i="1" s="1"/>
  <c r="A45363" i="1" s="1"/>
  <c r="A45364" i="1" s="1"/>
  <c r="A45365" i="1" s="1"/>
  <c r="A45366" i="1" s="1"/>
  <c r="A45367" i="1" s="1"/>
  <c r="A45368" i="1" s="1"/>
  <c r="A45369" i="1" s="1"/>
  <c r="A45370" i="1" s="1"/>
  <c r="A45371" i="1" s="1"/>
  <c r="A45372" i="1" s="1"/>
  <c r="A45373" i="1" s="1"/>
  <c r="A45374" i="1" s="1"/>
  <c r="A45375" i="1" s="1"/>
  <c r="A45376" i="1" s="1"/>
  <c r="A45377" i="1" s="1"/>
  <c r="A45378" i="1" s="1"/>
  <c r="A45379" i="1" s="1"/>
  <c r="A45380" i="1" s="1"/>
  <c r="A45381" i="1" s="1"/>
  <c r="A45382" i="1" s="1"/>
  <c r="A45383" i="1" s="1"/>
  <c r="A45384" i="1" s="1"/>
  <c r="A45385" i="1" s="1"/>
  <c r="A45386" i="1" s="1"/>
  <c r="A45387" i="1" s="1"/>
  <c r="A45388" i="1" s="1"/>
  <c r="A45389" i="1" s="1"/>
  <c r="A45390" i="1" s="1"/>
  <c r="A45391" i="1" s="1"/>
  <c r="A45392" i="1" s="1"/>
  <c r="A45393" i="1" s="1"/>
  <c r="A45394" i="1" s="1"/>
  <c r="A45395" i="1" s="1"/>
  <c r="A45396" i="1" s="1"/>
  <c r="A45397" i="1" s="1"/>
  <c r="A45398" i="1" s="1"/>
  <c r="A45399" i="1" s="1"/>
  <c r="A45400" i="1" s="1"/>
  <c r="A45401" i="1" s="1"/>
  <c r="A45402" i="1" s="1"/>
  <c r="A45403" i="1" s="1"/>
  <c r="A45404" i="1" s="1"/>
  <c r="A45405" i="1" s="1"/>
  <c r="A45406" i="1" s="1"/>
  <c r="A45407" i="1" s="1"/>
  <c r="A45408" i="1" s="1"/>
  <c r="A45409" i="1" s="1"/>
  <c r="A45410" i="1" s="1"/>
  <c r="A45411" i="1" s="1"/>
  <c r="A45412" i="1" s="1"/>
  <c r="A45413" i="1" s="1"/>
  <c r="A45414" i="1" s="1"/>
  <c r="A45415" i="1" s="1"/>
  <c r="A45416" i="1" s="1"/>
  <c r="A45417" i="1" s="1"/>
  <c r="A45418" i="1" s="1"/>
  <c r="A45419" i="1" s="1"/>
  <c r="A45420" i="1" s="1"/>
  <c r="A45421" i="1" s="1"/>
  <c r="A45422" i="1" s="1"/>
  <c r="A45423" i="1" s="1"/>
  <c r="A45424" i="1" s="1"/>
  <c r="A45425" i="1" s="1"/>
  <c r="A45426" i="1" s="1"/>
  <c r="A45427" i="1" s="1"/>
  <c r="A45428" i="1" s="1"/>
  <c r="A45429" i="1" s="1"/>
  <c r="A45430" i="1" s="1"/>
  <c r="A45431" i="1" s="1"/>
  <c r="A45432" i="1" s="1"/>
  <c r="A45433" i="1" s="1"/>
  <c r="A45434" i="1" s="1"/>
  <c r="A45435" i="1" s="1"/>
  <c r="A45436" i="1" s="1"/>
  <c r="A45437" i="1" s="1"/>
  <c r="A45438" i="1" s="1"/>
  <c r="A45439" i="1" s="1"/>
  <c r="A45440" i="1" s="1"/>
  <c r="A45441" i="1" s="1"/>
  <c r="A45442" i="1" s="1"/>
  <c r="A45443" i="1" s="1"/>
  <c r="A45444" i="1" s="1"/>
  <c r="A45445" i="1" s="1"/>
  <c r="A45446" i="1" s="1"/>
  <c r="A45447" i="1" s="1"/>
  <c r="A45448" i="1" s="1"/>
  <c r="A45449" i="1" s="1"/>
  <c r="A45450" i="1" s="1"/>
  <c r="A45451" i="1" s="1"/>
  <c r="A45452" i="1" s="1"/>
  <c r="A45453" i="1" s="1"/>
  <c r="A45454" i="1" s="1"/>
  <c r="A45455" i="1" s="1"/>
  <c r="A45456" i="1" s="1"/>
  <c r="A45457" i="1" s="1"/>
  <c r="A45458" i="1" s="1"/>
  <c r="A45459" i="1" s="1"/>
  <c r="A45460" i="1" s="1"/>
  <c r="A45461" i="1" s="1"/>
  <c r="A45462" i="1" s="1"/>
  <c r="A45463" i="1" s="1"/>
  <c r="A45464" i="1" s="1"/>
  <c r="A45465" i="1" s="1"/>
  <c r="A45466" i="1" s="1"/>
  <c r="A45467" i="1" s="1"/>
  <c r="A45468" i="1" s="1"/>
  <c r="A45469" i="1" s="1"/>
  <c r="A45470" i="1" s="1"/>
  <c r="A45471" i="1" s="1"/>
  <c r="A45472" i="1" s="1"/>
  <c r="A45473" i="1" s="1"/>
  <c r="A45474" i="1" s="1"/>
  <c r="A45475" i="1" s="1"/>
  <c r="A45476" i="1" s="1"/>
  <c r="A45477" i="1" s="1"/>
  <c r="A45478" i="1" s="1"/>
  <c r="A45479" i="1" s="1"/>
  <c r="A45480" i="1" s="1"/>
  <c r="A45481" i="1" s="1"/>
  <c r="A45482" i="1" s="1"/>
  <c r="A45483" i="1" s="1"/>
  <c r="A45484" i="1" s="1"/>
  <c r="A45485" i="1" s="1"/>
  <c r="A45486" i="1" s="1"/>
  <c r="A45487" i="1" s="1"/>
  <c r="A45488" i="1" s="1"/>
  <c r="A45489" i="1" s="1"/>
  <c r="A45490" i="1" s="1"/>
  <c r="A45491" i="1" s="1"/>
  <c r="A45492" i="1" s="1"/>
  <c r="A45493" i="1" s="1"/>
  <c r="A45494" i="1" s="1"/>
  <c r="A45495" i="1" s="1"/>
  <c r="A45496" i="1" s="1"/>
  <c r="A45497" i="1" s="1"/>
  <c r="A45498" i="1" s="1"/>
  <c r="A45499" i="1" s="1"/>
  <c r="A45500" i="1" s="1"/>
  <c r="A45501" i="1" s="1"/>
  <c r="A45502" i="1" s="1"/>
  <c r="A45503" i="1" s="1"/>
  <c r="A45504" i="1" s="1"/>
  <c r="A45505" i="1" s="1"/>
  <c r="A45506" i="1" s="1"/>
  <c r="A45507" i="1" s="1"/>
  <c r="A45508" i="1" s="1"/>
  <c r="A45509" i="1" s="1"/>
  <c r="A45510" i="1" s="1"/>
  <c r="A45511" i="1" s="1"/>
  <c r="A45512" i="1" s="1"/>
  <c r="A45513" i="1" s="1"/>
  <c r="A45514" i="1" s="1"/>
  <c r="A45515" i="1" s="1"/>
  <c r="A45516" i="1" s="1"/>
  <c r="A45517" i="1" s="1"/>
  <c r="A45518" i="1" s="1"/>
  <c r="A45519" i="1" s="1"/>
  <c r="A45520" i="1" s="1"/>
  <c r="A45521" i="1" s="1"/>
  <c r="A45522" i="1" s="1"/>
  <c r="A45523" i="1" s="1"/>
  <c r="A45524" i="1" s="1"/>
  <c r="A45525" i="1" s="1"/>
  <c r="A45526" i="1" s="1"/>
  <c r="A45527" i="1" s="1"/>
  <c r="A45528" i="1" s="1"/>
  <c r="A45529" i="1" s="1"/>
  <c r="A45530" i="1" s="1"/>
  <c r="A45531" i="1" s="1"/>
  <c r="A45532" i="1" s="1"/>
  <c r="A45533" i="1" s="1"/>
  <c r="A45534" i="1" s="1"/>
  <c r="A45535" i="1" s="1"/>
  <c r="A45536" i="1" s="1"/>
  <c r="A45537" i="1" s="1"/>
  <c r="A45538" i="1" s="1"/>
  <c r="A45539" i="1" s="1"/>
  <c r="A45540" i="1" s="1"/>
  <c r="A45541" i="1" s="1"/>
  <c r="A45542" i="1" s="1"/>
  <c r="A45543" i="1" s="1"/>
  <c r="A45544" i="1" s="1"/>
  <c r="A45545" i="1" s="1"/>
  <c r="A45546" i="1" s="1"/>
  <c r="A45547" i="1" s="1"/>
  <c r="A45548" i="1" s="1"/>
  <c r="A45549" i="1" s="1"/>
  <c r="A45550" i="1" s="1"/>
  <c r="A45551" i="1" s="1"/>
  <c r="A45552" i="1" s="1"/>
  <c r="A45553" i="1" s="1"/>
  <c r="A45554" i="1" s="1"/>
  <c r="A45555" i="1" s="1"/>
  <c r="A45556" i="1" s="1"/>
  <c r="A45557" i="1" s="1"/>
  <c r="A45558" i="1" s="1"/>
  <c r="A45559" i="1" s="1"/>
  <c r="A45560" i="1" s="1"/>
  <c r="A45561" i="1" s="1"/>
  <c r="A45562" i="1" s="1"/>
  <c r="A45563" i="1" s="1"/>
  <c r="A45564" i="1" s="1"/>
  <c r="A45565" i="1" s="1"/>
  <c r="A45566" i="1" s="1"/>
  <c r="A45567" i="1" s="1"/>
  <c r="A45568" i="1" s="1"/>
  <c r="A45569" i="1" s="1"/>
  <c r="A45570" i="1" s="1"/>
  <c r="A45571" i="1" s="1"/>
  <c r="A45572" i="1" s="1"/>
  <c r="A45573" i="1" s="1"/>
  <c r="A45574" i="1" s="1"/>
  <c r="A45575" i="1" s="1"/>
  <c r="A45576" i="1" s="1"/>
  <c r="A45577" i="1" s="1"/>
  <c r="A45578" i="1" s="1"/>
  <c r="A45579" i="1" s="1"/>
  <c r="A45580" i="1" s="1"/>
  <c r="A45581" i="1" s="1"/>
  <c r="A45582" i="1" s="1"/>
  <c r="A45583" i="1" s="1"/>
  <c r="A45584" i="1" s="1"/>
  <c r="A45585" i="1" s="1"/>
  <c r="A45586" i="1" s="1"/>
  <c r="A45587" i="1" s="1"/>
  <c r="A45588" i="1" s="1"/>
  <c r="A45589" i="1" s="1"/>
  <c r="A45590" i="1" s="1"/>
  <c r="A45591" i="1" s="1"/>
  <c r="A45592" i="1" s="1"/>
  <c r="A45593" i="1" s="1"/>
  <c r="A45594" i="1" s="1"/>
  <c r="A45595" i="1" s="1"/>
  <c r="A45596" i="1" s="1"/>
  <c r="A45597" i="1" s="1"/>
  <c r="A45598" i="1" s="1"/>
  <c r="A45599" i="1" s="1"/>
  <c r="A45600" i="1" s="1"/>
  <c r="A45601" i="1" s="1"/>
  <c r="A45602" i="1" s="1"/>
  <c r="A45603" i="1" s="1"/>
  <c r="A45604" i="1" s="1"/>
  <c r="A45605" i="1" s="1"/>
  <c r="A45606" i="1" s="1"/>
  <c r="A45607" i="1" s="1"/>
  <c r="A45608" i="1" s="1"/>
  <c r="A45609" i="1" s="1"/>
  <c r="A45610" i="1" s="1"/>
  <c r="A45611" i="1" s="1"/>
  <c r="A45612" i="1" s="1"/>
  <c r="A45613" i="1" s="1"/>
  <c r="A45614" i="1" s="1"/>
  <c r="A45615" i="1" s="1"/>
  <c r="A45616" i="1" s="1"/>
  <c r="A45617" i="1" s="1"/>
  <c r="A45618" i="1" s="1"/>
  <c r="A45619" i="1" s="1"/>
  <c r="A45620" i="1" s="1"/>
  <c r="A45621" i="1" s="1"/>
  <c r="A45622" i="1" s="1"/>
  <c r="A45623" i="1" s="1"/>
  <c r="A45624" i="1" s="1"/>
  <c r="A45625" i="1" s="1"/>
  <c r="A45626" i="1" s="1"/>
  <c r="A45627" i="1" s="1"/>
  <c r="A45628" i="1" s="1"/>
  <c r="A45629" i="1" s="1"/>
  <c r="A45630" i="1" s="1"/>
  <c r="A45631" i="1" s="1"/>
  <c r="A45632" i="1" s="1"/>
  <c r="A45633" i="1" s="1"/>
  <c r="A45634" i="1" s="1"/>
  <c r="A45635" i="1" s="1"/>
  <c r="A45636" i="1" s="1"/>
  <c r="A45637" i="1" s="1"/>
  <c r="A45638" i="1" s="1"/>
  <c r="A45639" i="1" s="1"/>
  <c r="A45640" i="1" s="1"/>
  <c r="A45641" i="1" s="1"/>
  <c r="A45642" i="1" s="1"/>
  <c r="A45643" i="1" s="1"/>
  <c r="A45644" i="1" s="1"/>
  <c r="A45645" i="1" s="1"/>
  <c r="A45646" i="1" s="1"/>
  <c r="A45647" i="1" s="1"/>
  <c r="A45648" i="1" s="1"/>
  <c r="A45649" i="1" s="1"/>
  <c r="A45650" i="1" s="1"/>
  <c r="A45651" i="1" s="1"/>
  <c r="A45652" i="1" s="1"/>
  <c r="A45653" i="1" s="1"/>
  <c r="A45654" i="1" s="1"/>
  <c r="A45655" i="1" s="1"/>
  <c r="A45656" i="1" s="1"/>
  <c r="A45657" i="1" s="1"/>
  <c r="A45658" i="1" s="1"/>
  <c r="A45659" i="1" s="1"/>
  <c r="A45660" i="1" s="1"/>
  <c r="A45661" i="1" s="1"/>
  <c r="A45662" i="1" s="1"/>
  <c r="A45663" i="1" s="1"/>
  <c r="A45664" i="1" s="1"/>
  <c r="A45665" i="1" s="1"/>
  <c r="A45666" i="1" s="1"/>
  <c r="A45667" i="1" s="1"/>
  <c r="A45668" i="1" s="1"/>
  <c r="A45669" i="1" s="1"/>
  <c r="A45670" i="1" s="1"/>
  <c r="A45671" i="1" s="1"/>
  <c r="A45672" i="1" s="1"/>
  <c r="A45673" i="1" s="1"/>
  <c r="A45674" i="1" s="1"/>
  <c r="A45675" i="1" s="1"/>
  <c r="A45676" i="1" s="1"/>
  <c r="A45677" i="1" s="1"/>
  <c r="A45678" i="1" s="1"/>
  <c r="A45679" i="1" s="1"/>
  <c r="A45680" i="1" s="1"/>
  <c r="A45681" i="1" s="1"/>
  <c r="A45682" i="1" s="1"/>
  <c r="A45683" i="1" s="1"/>
  <c r="A45684" i="1" s="1"/>
  <c r="A45685" i="1" s="1"/>
  <c r="A45686" i="1" s="1"/>
  <c r="A45687" i="1" s="1"/>
  <c r="A45688" i="1" s="1"/>
  <c r="A45689" i="1" s="1"/>
  <c r="A45690" i="1" s="1"/>
  <c r="A45691" i="1" s="1"/>
  <c r="A45692" i="1" s="1"/>
  <c r="A45693" i="1" s="1"/>
  <c r="A45694" i="1" s="1"/>
  <c r="A45695" i="1" s="1"/>
  <c r="A45696" i="1" s="1"/>
  <c r="A45697" i="1" s="1"/>
  <c r="A45698" i="1" s="1"/>
  <c r="A45699" i="1" s="1"/>
  <c r="A45700" i="1" s="1"/>
  <c r="A45701" i="1" s="1"/>
  <c r="A45702" i="1" s="1"/>
  <c r="A45703" i="1" s="1"/>
  <c r="A45704" i="1" s="1"/>
  <c r="A45705" i="1" s="1"/>
  <c r="A45706" i="1" s="1"/>
  <c r="A45707" i="1" s="1"/>
  <c r="A45708" i="1" s="1"/>
  <c r="A45709" i="1" s="1"/>
  <c r="A45710" i="1" s="1"/>
  <c r="A45711" i="1" s="1"/>
  <c r="A45712" i="1" s="1"/>
  <c r="A45713" i="1" s="1"/>
  <c r="A45714" i="1" s="1"/>
  <c r="A45715" i="1" s="1"/>
  <c r="A45716" i="1" s="1"/>
  <c r="A45717" i="1" s="1"/>
  <c r="A45718" i="1" s="1"/>
  <c r="A45719" i="1" s="1"/>
  <c r="A45720" i="1" s="1"/>
  <c r="A45721" i="1" s="1"/>
  <c r="A45722" i="1" s="1"/>
  <c r="A45723" i="1" s="1"/>
  <c r="A45724" i="1" s="1"/>
  <c r="A45725" i="1" s="1"/>
  <c r="A45726" i="1" s="1"/>
  <c r="A45727" i="1" s="1"/>
  <c r="A45728" i="1" s="1"/>
  <c r="A45729" i="1" s="1"/>
  <c r="A45730" i="1" s="1"/>
  <c r="A45731" i="1" s="1"/>
  <c r="A45732" i="1" s="1"/>
  <c r="A45733" i="1" s="1"/>
  <c r="A45734" i="1" s="1"/>
  <c r="A45735" i="1" s="1"/>
  <c r="A45736" i="1" s="1"/>
  <c r="A45737" i="1" s="1"/>
  <c r="A45738" i="1" s="1"/>
  <c r="A45739" i="1" s="1"/>
  <c r="A45740" i="1" s="1"/>
  <c r="A45741" i="1" s="1"/>
  <c r="A45742" i="1" s="1"/>
  <c r="A45743" i="1" s="1"/>
  <c r="A45744" i="1" s="1"/>
  <c r="A45745" i="1" s="1"/>
  <c r="A45746" i="1" s="1"/>
  <c r="A45747" i="1" s="1"/>
  <c r="A45748" i="1" s="1"/>
  <c r="A45749" i="1" s="1"/>
  <c r="A45750" i="1" s="1"/>
  <c r="A45751" i="1" s="1"/>
  <c r="A45752" i="1" s="1"/>
  <c r="A45753" i="1" s="1"/>
  <c r="A45754" i="1" s="1"/>
  <c r="A45755" i="1" s="1"/>
  <c r="A45756" i="1" s="1"/>
  <c r="A45757" i="1" s="1"/>
  <c r="A45758" i="1" s="1"/>
  <c r="A45759" i="1" s="1"/>
  <c r="A45760" i="1" s="1"/>
  <c r="A45761" i="1" s="1"/>
  <c r="A45762" i="1" s="1"/>
  <c r="A45763" i="1" s="1"/>
  <c r="A45764" i="1" s="1"/>
  <c r="A45765" i="1" s="1"/>
  <c r="A45766" i="1" s="1"/>
  <c r="A45767" i="1" s="1"/>
  <c r="A45768" i="1" s="1"/>
  <c r="A45769" i="1" s="1"/>
  <c r="A45770" i="1" s="1"/>
  <c r="A45771" i="1" s="1"/>
  <c r="A45772" i="1" s="1"/>
  <c r="A45773" i="1" s="1"/>
  <c r="A45774" i="1" s="1"/>
  <c r="A45775" i="1" s="1"/>
  <c r="A45776" i="1" s="1"/>
  <c r="A45777" i="1" s="1"/>
  <c r="A45778" i="1" s="1"/>
  <c r="A45779" i="1" s="1"/>
  <c r="A45780" i="1" s="1"/>
  <c r="A45781" i="1" s="1"/>
  <c r="A45782" i="1" s="1"/>
  <c r="A45783" i="1" s="1"/>
  <c r="A45784" i="1" s="1"/>
  <c r="A45785" i="1" s="1"/>
  <c r="A45786" i="1" s="1"/>
  <c r="A45787" i="1" s="1"/>
  <c r="A45788" i="1" s="1"/>
  <c r="A45789" i="1" s="1"/>
  <c r="A45790" i="1" s="1"/>
  <c r="A45791" i="1" s="1"/>
  <c r="A45792" i="1" s="1"/>
  <c r="A45793" i="1" s="1"/>
  <c r="A45794" i="1" s="1"/>
  <c r="A45795" i="1" s="1"/>
  <c r="A45796" i="1" s="1"/>
  <c r="A45797" i="1" s="1"/>
  <c r="A45798" i="1" s="1"/>
  <c r="A45799" i="1" s="1"/>
  <c r="A45800" i="1" s="1"/>
  <c r="A45801" i="1" s="1"/>
  <c r="A45802" i="1" s="1"/>
  <c r="A45803" i="1" s="1"/>
  <c r="A45804" i="1" s="1"/>
  <c r="A45805" i="1" s="1"/>
  <c r="A45806" i="1" s="1"/>
  <c r="A45807" i="1" s="1"/>
  <c r="A45808" i="1" s="1"/>
  <c r="A45809" i="1" s="1"/>
  <c r="A45810" i="1" s="1"/>
  <c r="A45811" i="1" s="1"/>
  <c r="A45812" i="1" s="1"/>
  <c r="A45813" i="1" s="1"/>
  <c r="A45814" i="1" s="1"/>
  <c r="A45815" i="1" s="1"/>
  <c r="A45816" i="1" s="1"/>
  <c r="A45817" i="1" s="1"/>
  <c r="A45818" i="1" s="1"/>
  <c r="A45819" i="1" s="1"/>
  <c r="A45820" i="1" s="1"/>
  <c r="A45821" i="1" s="1"/>
  <c r="A45822" i="1" s="1"/>
  <c r="A45823" i="1" s="1"/>
  <c r="A45824" i="1" s="1"/>
  <c r="A45825" i="1" s="1"/>
  <c r="A45826" i="1" s="1"/>
  <c r="A45827" i="1" s="1"/>
  <c r="A45828" i="1" s="1"/>
  <c r="A45829" i="1" s="1"/>
  <c r="A45830" i="1" s="1"/>
  <c r="A45831" i="1" s="1"/>
  <c r="A45832" i="1" s="1"/>
  <c r="A45833" i="1" s="1"/>
  <c r="A45834" i="1" s="1"/>
  <c r="A45835" i="1" s="1"/>
  <c r="A45836" i="1" s="1"/>
  <c r="A45837" i="1" s="1"/>
  <c r="A45838" i="1" s="1"/>
  <c r="A45839" i="1" s="1"/>
  <c r="A45840" i="1" s="1"/>
  <c r="A45841" i="1" s="1"/>
  <c r="A45842" i="1" s="1"/>
  <c r="A45843" i="1" s="1"/>
  <c r="A45844" i="1" s="1"/>
  <c r="A45845" i="1" s="1"/>
  <c r="A45846" i="1" s="1"/>
  <c r="A45847" i="1" s="1"/>
  <c r="A45848" i="1" s="1"/>
  <c r="A45849" i="1" s="1"/>
  <c r="A45850" i="1" s="1"/>
  <c r="A45851" i="1" s="1"/>
  <c r="A45852" i="1" s="1"/>
  <c r="A45853" i="1" s="1"/>
  <c r="A45854" i="1" s="1"/>
  <c r="A45855" i="1" s="1"/>
  <c r="A45856" i="1" s="1"/>
  <c r="A45857" i="1" s="1"/>
  <c r="A45858" i="1" s="1"/>
  <c r="A45859" i="1" s="1"/>
  <c r="A45860" i="1" s="1"/>
  <c r="A45861" i="1" s="1"/>
  <c r="A45862" i="1" s="1"/>
  <c r="A45863" i="1" s="1"/>
  <c r="A45864" i="1" s="1"/>
  <c r="A45865" i="1" s="1"/>
  <c r="A45866" i="1" s="1"/>
  <c r="A45867" i="1" s="1"/>
  <c r="A45868" i="1" s="1"/>
  <c r="A45869" i="1" s="1"/>
  <c r="A45870" i="1" s="1"/>
  <c r="A45871" i="1" s="1"/>
  <c r="A45872" i="1" s="1"/>
  <c r="A45873" i="1" s="1"/>
  <c r="A45874" i="1" s="1"/>
  <c r="A45875" i="1" s="1"/>
  <c r="A45876" i="1" s="1"/>
  <c r="A45877" i="1" s="1"/>
  <c r="A45878" i="1" s="1"/>
  <c r="A45879" i="1" s="1"/>
  <c r="A45880" i="1" s="1"/>
  <c r="A45881" i="1" s="1"/>
  <c r="A45882" i="1" s="1"/>
  <c r="A45883" i="1" s="1"/>
  <c r="A45884" i="1" s="1"/>
  <c r="A45885" i="1" s="1"/>
  <c r="A45886" i="1" s="1"/>
  <c r="A45887" i="1" s="1"/>
  <c r="A45888" i="1" s="1"/>
  <c r="A45889" i="1" s="1"/>
  <c r="A45890" i="1" s="1"/>
  <c r="A45891" i="1" s="1"/>
  <c r="A45892" i="1" s="1"/>
  <c r="A45893" i="1" s="1"/>
  <c r="A45894" i="1" s="1"/>
  <c r="A45895" i="1" s="1"/>
  <c r="A45896" i="1" s="1"/>
  <c r="A45897" i="1" s="1"/>
  <c r="A45898" i="1" s="1"/>
  <c r="A45899" i="1" s="1"/>
  <c r="A45900" i="1" s="1"/>
  <c r="A45901" i="1" s="1"/>
  <c r="A45902" i="1" s="1"/>
  <c r="A45903" i="1" s="1"/>
  <c r="A45904" i="1" s="1"/>
  <c r="A45905" i="1" s="1"/>
  <c r="A45906" i="1" s="1"/>
  <c r="A45907" i="1" s="1"/>
  <c r="A45908" i="1" s="1"/>
  <c r="A45909" i="1" s="1"/>
  <c r="A45910" i="1" s="1"/>
  <c r="A45911" i="1" s="1"/>
  <c r="A45912" i="1" s="1"/>
  <c r="A45913" i="1" s="1"/>
  <c r="A45914" i="1" s="1"/>
  <c r="A45915" i="1" s="1"/>
  <c r="A45916" i="1" s="1"/>
  <c r="A45917" i="1" s="1"/>
  <c r="A45918" i="1" s="1"/>
  <c r="A45919" i="1" s="1"/>
  <c r="A45920" i="1" s="1"/>
  <c r="A45921" i="1" s="1"/>
  <c r="A45922" i="1" s="1"/>
  <c r="A45923" i="1" s="1"/>
  <c r="A45924" i="1" s="1"/>
  <c r="A45925" i="1" s="1"/>
  <c r="A45926" i="1" s="1"/>
  <c r="A45927" i="1" s="1"/>
  <c r="A45928" i="1" s="1"/>
  <c r="A45929" i="1" s="1"/>
  <c r="A45930" i="1" s="1"/>
  <c r="A45931" i="1" s="1"/>
  <c r="A45932" i="1" s="1"/>
  <c r="A45933" i="1" s="1"/>
  <c r="A45934" i="1" s="1"/>
  <c r="A45935" i="1" s="1"/>
  <c r="A45936" i="1" s="1"/>
  <c r="A45937" i="1" s="1"/>
  <c r="A45938" i="1" s="1"/>
  <c r="A45939" i="1" s="1"/>
  <c r="A45940" i="1" s="1"/>
  <c r="A45941" i="1" s="1"/>
  <c r="A45942" i="1" s="1"/>
  <c r="A45943" i="1" s="1"/>
  <c r="A45944" i="1" s="1"/>
  <c r="A45945" i="1" s="1"/>
  <c r="A45946" i="1" s="1"/>
  <c r="A45947" i="1" s="1"/>
  <c r="A45948" i="1" s="1"/>
  <c r="A45949" i="1" s="1"/>
  <c r="A45950" i="1" s="1"/>
  <c r="A45951" i="1" s="1"/>
  <c r="A45952" i="1" s="1"/>
  <c r="A45953" i="1" s="1"/>
  <c r="A45954" i="1" s="1"/>
  <c r="A45955" i="1" s="1"/>
  <c r="A45956" i="1" s="1"/>
  <c r="A45957" i="1" s="1"/>
  <c r="A45958" i="1" s="1"/>
  <c r="A45959" i="1" s="1"/>
  <c r="A45960" i="1" s="1"/>
  <c r="A45961" i="1" s="1"/>
  <c r="A45962" i="1" s="1"/>
  <c r="A45963" i="1" s="1"/>
  <c r="A45964" i="1" s="1"/>
  <c r="A45965" i="1" s="1"/>
  <c r="A45966" i="1" s="1"/>
  <c r="A45967" i="1" s="1"/>
  <c r="A45968" i="1" s="1"/>
  <c r="A45969" i="1" s="1"/>
  <c r="A45970" i="1" s="1"/>
  <c r="A45971" i="1" s="1"/>
  <c r="A45972" i="1" s="1"/>
  <c r="A45973" i="1" s="1"/>
  <c r="A45974" i="1" s="1"/>
  <c r="A45975" i="1" s="1"/>
  <c r="A45976" i="1" s="1"/>
  <c r="A45977" i="1" s="1"/>
  <c r="A45978" i="1" s="1"/>
  <c r="A45979" i="1" s="1"/>
  <c r="A45980" i="1" s="1"/>
  <c r="A45981" i="1" s="1"/>
  <c r="A45982" i="1" s="1"/>
  <c r="A45983" i="1" s="1"/>
  <c r="A45984" i="1" s="1"/>
  <c r="A45985" i="1" s="1"/>
  <c r="A45986" i="1" s="1"/>
  <c r="A45987" i="1" s="1"/>
  <c r="A45988" i="1" s="1"/>
  <c r="A45989" i="1" s="1"/>
  <c r="A45990" i="1" s="1"/>
  <c r="A45991" i="1" s="1"/>
  <c r="A45992" i="1" s="1"/>
  <c r="A45993" i="1" s="1"/>
  <c r="A45994" i="1" s="1"/>
  <c r="A45995" i="1" s="1"/>
  <c r="A45996" i="1" s="1"/>
  <c r="A45997" i="1" s="1"/>
  <c r="A45998" i="1" s="1"/>
  <c r="A45999" i="1" s="1"/>
  <c r="A46000" i="1" s="1"/>
  <c r="A46001" i="1" s="1"/>
  <c r="A46002" i="1" s="1"/>
  <c r="A46003" i="1" s="1"/>
  <c r="A46004" i="1" s="1"/>
  <c r="A46005" i="1" s="1"/>
  <c r="A46006" i="1" s="1"/>
  <c r="A46007" i="1" s="1"/>
  <c r="A46008" i="1" s="1"/>
  <c r="A46009" i="1" s="1"/>
  <c r="A46010" i="1" s="1"/>
  <c r="A46011" i="1" s="1"/>
  <c r="A46012" i="1" s="1"/>
  <c r="A46013" i="1" s="1"/>
  <c r="A46014" i="1" s="1"/>
  <c r="A46015" i="1" s="1"/>
  <c r="A46016" i="1" s="1"/>
  <c r="A46017" i="1" s="1"/>
  <c r="A46018" i="1" s="1"/>
  <c r="A46019" i="1" s="1"/>
  <c r="A46020" i="1" s="1"/>
  <c r="A46021" i="1" s="1"/>
  <c r="A46022" i="1" s="1"/>
  <c r="A46023" i="1" s="1"/>
  <c r="A46024" i="1" s="1"/>
  <c r="A46025" i="1" s="1"/>
  <c r="A46026" i="1" s="1"/>
  <c r="A46027" i="1" s="1"/>
  <c r="A46028" i="1" s="1"/>
  <c r="A46029" i="1" s="1"/>
  <c r="A46030" i="1" s="1"/>
  <c r="A46031" i="1" s="1"/>
  <c r="A46032" i="1" s="1"/>
  <c r="A46033" i="1" s="1"/>
  <c r="A46034" i="1" s="1"/>
  <c r="A46035" i="1" s="1"/>
  <c r="A46036" i="1" s="1"/>
  <c r="A46037" i="1" s="1"/>
  <c r="A46038" i="1" s="1"/>
  <c r="A46039" i="1" s="1"/>
  <c r="A46040" i="1" s="1"/>
  <c r="A46041" i="1" s="1"/>
  <c r="A46042" i="1" s="1"/>
  <c r="A46043" i="1" s="1"/>
  <c r="A46044" i="1" s="1"/>
  <c r="A46045" i="1" s="1"/>
  <c r="A46046" i="1" s="1"/>
  <c r="A46047" i="1" s="1"/>
  <c r="A46048" i="1" s="1"/>
  <c r="A46049" i="1" s="1"/>
  <c r="A46050" i="1" s="1"/>
  <c r="A46051" i="1" s="1"/>
  <c r="A46052" i="1" s="1"/>
  <c r="A46053" i="1" s="1"/>
  <c r="A46054" i="1" s="1"/>
  <c r="A46055" i="1" s="1"/>
  <c r="A46056" i="1" s="1"/>
  <c r="A46057" i="1" s="1"/>
  <c r="A46058" i="1" s="1"/>
  <c r="A46059" i="1" s="1"/>
  <c r="A46060" i="1" s="1"/>
  <c r="A46061" i="1" s="1"/>
  <c r="A46062" i="1" s="1"/>
  <c r="A46063" i="1" s="1"/>
  <c r="A46064" i="1" s="1"/>
  <c r="A46065" i="1" s="1"/>
  <c r="A46066" i="1" s="1"/>
  <c r="A46067" i="1" s="1"/>
  <c r="A46068" i="1" s="1"/>
  <c r="A46069" i="1" s="1"/>
  <c r="A46070" i="1" s="1"/>
  <c r="A46071" i="1" s="1"/>
  <c r="A46072" i="1" s="1"/>
  <c r="A46073" i="1" s="1"/>
  <c r="A46074" i="1" s="1"/>
  <c r="A46075" i="1" s="1"/>
  <c r="A46076" i="1" s="1"/>
  <c r="A46077" i="1" s="1"/>
  <c r="A46078" i="1" s="1"/>
  <c r="A46079" i="1" s="1"/>
  <c r="A46080" i="1" s="1"/>
  <c r="A46081" i="1" s="1"/>
  <c r="A46082" i="1" s="1"/>
  <c r="A46083" i="1" s="1"/>
  <c r="A46084" i="1" s="1"/>
  <c r="A46085" i="1" s="1"/>
  <c r="A46086" i="1" s="1"/>
  <c r="A46087" i="1" s="1"/>
  <c r="A46088" i="1" s="1"/>
  <c r="A46089" i="1" s="1"/>
  <c r="A46090" i="1" s="1"/>
  <c r="A46091" i="1" s="1"/>
  <c r="A46092" i="1" s="1"/>
  <c r="A46093" i="1" s="1"/>
  <c r="A46094" i="1" s="1"/>
  <c r="A46095" i="1" s="1"/>
  <c r="A46096" i="1" s="1"/>
  <c r="A46097" i="1" s="1"/>
  <c r="A46098" i="1" s="1"/>
  <c r="A46099" i="1" s="1"/>
  <c r="A46100" i="1" s="1"/>
  <c r="A46101" i="1" s="1"/>
  <c r="A46102" i="1" s="1"/>
  <c r="A46103" i="1" s="1"/>
  <c r="A46104" i="1" s="1"/>
  <c r="A46105" i="1" s="1"/>
  <c r="A46106" i="1" s="1"/>
  <c r="A46107" i="1" s="1"/>
  <c r="A46108" i="1" s="1"/>
  <c r="A46109" i="1" s="1"/>
  <c r="A46110" i="1" s="1"/>
  <c r="A46111" i="1" s="1"/>
  <c r="A46112" i="1" s="1"/>
  <c r="A46113" i="1" s="1"/>
  <c r="A46114" i="1" s="1"/>
  <c r="A46115" i="1" s="1"/>
  <c r="A46116" i="1" s="1"/>
  <c r="A46117" i="1" s="1"/>
  <c r="A46118" i="1" s="1"/>
  <c r="A46119" i="1" s="1"/>
  <c r="A46120" i="1" s="1"/>
  <c r="A46121" i="1" s="1"/>
  <c r="A46122" i="1" s="1"/>
  <c r="A46123" i="1" s="1"/>
  <c r="A46124" i="1" s="1"/>
  <c r="A46125" i="1" s="1"/>
  <c r="A46126" i="1" s="1"/>
  <c r="A46127" i="1" s="1"/>
  <c r="A46128" i="1" s="1"/>
  <c r="A46129" i="1" s="1"/>
  <c r="A46130" i="1" s="1"/>
  <c r="A46131" i="1" s="1"/>
  <c r="A46132" i="1" s="1"/>
  <c r="A46133" i="1" s="1"/>
  <c r="A46134" i="1" s="1"/>
  <c r="A46135" i="1" s="1"/>
  <c r="A46136" i="1" s="1"/>
  <c r="A46137" i="1" s="1"/>
  <c r="A46138" i="1" s="1"/>
  <c r="A46139" i="1" s="1"/>
  <c r="A46140" i="1" s="1"/>
  <c r="A46141" i="1" s="1"/>
  <c r="A46142" i="1" s="1"/>
  <c r="A46143" i="1" s="1"/>
  <c r="A46144" i="1" s="1"/>
  <c r="A46145" i="1" s="1"/>
  <c r="A46146" i="1" s="1"/>
  <c r="A46147" i="1" s="1"/>
  <c r="A46148" i="1" s="1"/>
  <c r="A46149" i="1" s="1"/>
  <c r="A46150" i="1" s="1"/>
  <c r="A46151" i="1" s="1"/>
  <c r="A46152" i="1" s="1"/>
  <c r="A46153" i="1" s="1"/>
  <c r="A46154" i="1" s="1"/>
  <c r="A46155" i="1" s="1"/>
  <c r="A46156" i="1" s="1"/>
  <c r="A46157" i="1" s="1"/>
  <c r="A46158" i="1" s="1"/>
  <c r="A46159" i="1" s="1"/>
  <c r="A46160" i="1" s="1"/>
  <c r="A46161" i="1" s="1"/>
  <c r="A46162" i="1" s="1"/>
  <c r="A46163" i="1" s="1"/>
  <c r="A46164" i="1" s="1"/>
  <c r="A46165" i="1" s="1"/>
  <c r="A46166" i="1" s="1"/>
  <c r="A46167" i="1" s="1"/>
  <c r="A46168" i="1" s="1"/>
  <c r="A46169" i="1" s="1"/>
  <c r="A46170" i="1" s="1"/>
  <c r="A46171" i="1" s="1"/>
  <c r="A46172" i="1" s="1"/>
  <c r="A46173" i="1" s="1"/>
  <c r="A46174" i="1" s="1"/>
  <c r="A46175" i="1" s="1"/>
  <c r="A46176" i="1" s="1"/>
  <c r="A46177" i="1" s="1"/>
  <c r="A46178" i="1" s="1"/>
  <c r="A46179" i="1" s="1"/>
  <c r="A46180" i="1" s="1"/>
  <c r="A46181" i="1" s="1"/>
  <c r="A46182" i="1" s="1"/>
  <c r="A46183" i="1" s="1"/>
  <c r="A46184" i="1" s="1"/>
  <c r="A46185" i="1" s="1"/>
  <c r="A46186" i="1" s="1"/>
  <c r="A46187" i="1" s="1"/>
  <c r="A46188" i="1" s="1"/>
  <c r="A46189" i="1" s="1"/>
  <c r="A46190" i="1" s="1"/>
  <c r="A46191" i="1" s="1"/>
  <c r="A46192" i="1" s="1"/>
  <c r="A46193" i="1" s="1"/>
  <c r="A46194" i="1" s="1"/>
  <c r="A46195" i="1" s="1"/>
  <c r="A46196" i="1" s="1"/>
  <c r="A46197" i="1" s="1"/>
  <c r="A46198" i="1" s="1"/>
  <c r="A46199" i="1" s="1"/>
  <c r="A46200" i="1" s="1"/>
  <c r="A46201" i="1" s="1"/>
  <c r="A46202" i="1" s="1"/>
  <c r="A46203" i="1" s="1"/>
  <c r="A46204" i="1" s="1"/>
  <c r="A46205" i="1" s="1"/>
  <c r="A46206" i="1" s="1"/>
  <c r="A46207" i="1" s="1"/>
  <c r="A46208" i="1" s="1"/>
  <c r="A46209" i="1" s="1"/>
  <c r="A46210" i="1" s="1"/>
  <c r="A46211" i="1" s="1"/>
  <c r="A46212" i="1" s="1"/>
  <c r="A46213" i="1" s="1"/>
  <c r="A46214" i="1" s="1"/>
  <c r="A46215" i="1" s="1"/>
  <c r="A46216" i="1" s="1"/>
  <c r="A46217" i="1" s="1"/>
  <c r="A46218" i="1" s="1"/>
  <c r="A46219" i="1" s="1"/>
  <c r="A46220" i="1" s="1"/>
  <c r="A46221" i="1" s="1"/>
  <c r="A46222" i="1" s="1"/>
  <c r="A46223" i="1" s="1"/>
  <c r="A46224" i="1" s="1"/>
  <c r="A46225" i="1" s="1"/>
  <c r="A46226" i="1" s="1"/>
  <c r="A46227" i="1" s="1"/>
  <c r="A46228" i="1" s="1"/>
  <c r="A46229" i="1" s="1"/>
  <c r="A46230" i="1" s="1"/>
  <c r="A46231" i="1" s="1"/>
  <c r="A46232" i="1" s="1"/>
  <c r="A46233" i="1" s="1"/>
  <c r="A46234" i="1" s="1"/>
  <c r="A46235" i="1" s="1"/>
  <c r="A46236" i="1" s="1"/>
  <c r="A46237" i="1" s="1"/>
  <c r="A46238" i="1" s="1"/>
  <c r="A46239" i="1" s="1"/>
  <c r="A46240" i="1" s="1"/>
  <c r="A46241" i="1" s="1"/>
  <c r="A46242" i="1" s="1"/>
  <c r="A46243" i="1" s="1"/>
  <c r="A46244" i="1" s="1"/>
  <c r="A46245" i="1" s="1"/>
  <c r="A46246" i="1" s="1"/>
  <c r="A46247" i="1" s="1"/>
  <c r="A46248" i="1" s="1"/>
  <c r="A46249" i="1" s="1"/>
  <c r="A46250" i="1" s="1"/>
  <c r="A46251" i="1" s="1"/>
  <c r="A46252" i="1" s="1"/>
  <c r="A46253" i="1" s="1"/>
  <c r="A46254" i="1" s="1"/>
  <c r="A46255" i="1" s="1"/>
  <c r="A46256" i="1" s="1"/>
  <c r="A46257" i="1" s="1"/>
  <c r="A46258" i="1" s="1"/>
  <c r="A46259" i="1" s="1"/>
  <c r="A46260" i="1" s="1"/>
  <c r="A46261" i="1" s="1"/>
  <c r="A46262" i="1" s="1"/>
  <c r="A46263" i="1" s="1"/>
  <c r="A46264" i="1" s="1"/>
  <c r="A46265" i="1" s="1"/>
  <c r="A46266" i="1" s="1"/>
  <c r="A46267" i="1" s="1"/>
  <c r="A46268" i="1" s="1"/>
  <c r="A46269" i="1" s="1"/>
  <c r="A46270" i="1" s="1"/>
  <c r="A46271" i="1" s="1"/>
  <c r="A46272" i="1" s="1"/>
  <c r="A46273" i="1" s="1"/>
  <c r="A46274" i="1" s="1"/>
  <c r="A46275" i="1" s="1"/>
  <c r="A46276" i="1" s="1"/>
  <c r="A46277" i="1" s="1"/>
  <c r="A46278" i="1" s="1"/>
  <c r="A46279" i="1" s="1"/>
  <c r="A46280" i="1" s="1"/>
  <c r="A46281" i="1" s="1"/>
  <c r="A46282" i="1" s="1"/>
  <c r="A46283" i="1" s="1"/>
  <c r="A46284" i="1" s="1"/>
  <c r="A46285" i="1" s="1"/>
  <c r="A46286" i="1" s="1"/>
  <c r="A46287" i="1" s="1"/>
  <c r="A46288" i="1" s="1"/>
  <c r="A46289" i="1" s="1"/>
  <c r="A46290" i="1" s="1"/>
  <c r="A46291" i="1" s="1"/>
  <c r="A46292" i="1" s="1"/>
  <c r="A46293" i="1" s="1"/>
  <c r="A46294" i="1" s="1"/>
  <c r="A46295" i="1" s="1"/>
  <c r="A46296" i="1" s="1"/>
  <c r="A46297" i="1" s="1"/>
  <c r="A46298" i="1" s="1"/>
  <c r="A46299" i="1" s="1"/>
  <c r="A46300" i="1" s="1"/>
  <c r="A46301" i="1" s="1"/>
  <c r="A46302" i="1" s="1"/>
  <c r="A46303" i="1" s="1"/>
  <c r="A46304" i="1" s="1"/>
  <c r="A46305" i="1" s="1"/>
  <c r="A46306" i="1" s="1"/>
  <c r="A46307" i="1" s="1"/>
  <c r="A46308" i="1" s="1"/>
  <c r="A46309" i="1" s="1"/>
  <c r="A46310" i="1" s="1"/>
  <c r="A46311" i="1" s="1"/>
  <c r="A46312" i="1" s="1"/>
  <c r="A46313" i="1" s="1"/>
  <c r="A46314" i="1" s="1"/>
  <c r="A46315" i="1" s="1"/>
  <c r="A46316" i="1" s="1"/>
  <c r="A46317" i="1" s="1"/>
  <c r="A46318" i="1" s="1"/>
  <c r="A46319" i="1" s="1"/>
  <c r="A46320" i="1" s="1"/>
  <c r="A46321" i="1" s="1"/>
  <c r="A46322" i="1" s="1"/>
  <c r="A46323" i="1" s="1"/>
  <c r="A46324" i="1" s="1"/>
  <c r="A46325" i="1" s="1"/>
  <c r="A46326" i="1" s="1"/>
  <c r="A46327" i="1" s="1"/>
  <c r="A46328" i="1" s="1"/>
  <c r="A46329" i="1" s="1"/>
  <c r="A46330" i="1" s="1"/>
  <c r="A46331" i="1" s="1"/>
  <c r="A46332" i="1" s="1"/>
  <c r="A46333" i="1" s="1"/>
  <c r="A46334" i="1" s="1"/>
  <c r="A46335" i="1" s="1"/>
  <c r="A46336" i="1" s="1"/>
  <c r="A46337" i="1" s="1"/>
  <c r="A46338" i="1" s="1"/>
  <c r="A46339" i="1" s="1"/>
  <c r="A46340" i="1" s="1"/>
  <c r="A46341" i="1" s="1"/>
  <c r="A46342" i="1" s="1"/>
  <c r="A46343" i="1" s="1"/>
  <c r="A46344" i="1" s="1"/>
  <c r="A46345" i="1" s="1"/>
  <c r="A46346" i="1" s="1"/>
  <c r="A46347" i="1" s="1"/>
  <c r="A46348" i="1" s="1"/>
  <c r="A46349" i="1" s="1"/>
  <c r="A46350" i="1" s="1"/>
  <c r="A46351" i="1" s="1"/>
  <c r="A46352" i="1" s="1"/>
  <c r="A46353" i="1" s="1"/>
  <c r="A46354" i="1" s="1"/>
  <c r="A46355" i="1" s="1"/>
  <c r="A46356" i="1" s="1"/>
  <c r="A46357" i="1" s="1"/>
  <c r="A46358" i="1" s="1"/>
  <c r="A46359" i="1" s="1"/>
  <c r="A46360" i="1" s="1"/>
  <c r="A46361" i="1" s="1"/>
  <c r="A46362" i="1" s="1"/>
  <c r="A46363" i="1" s="1"/>
  <c r="A46364" i="1" s="1"/>
  <c r="A46365" i="1" s="1"/>
  <c r="A46366" i="1" s="1"/>
  <c r="A46367" i="1" s="1"/>
  <c r="A46368" i="1" s="1"/>
  <c r="A46369" i="1" s="1"/>
  <c r="A46370" i="1" s="1"/>
  <c r="A46371" i="1" s="1"/>
  <c r="A46372" i="1" s="1"/>
  <c r="A46373" i="1" s="1"/>
  <c r="A46374" i="1" s="1"/>
  <c r="A46375" i="1" s="1"/>
  <c r="A46376" i="1" s="1"/>
  <c r="A46377" i="1" s="1"/>
  <c r="A46378" i="1" s="1"/>
  <c r="A46379" i="1" s="1"/>
  <c r="A46380" i="1" s="1"/>
  <c r="A46381" i="1" s="1"/>
  <c r="A46382" i="1" s="1"/>
  <c r="A46383" i="1" s="1"/>
  <c r="A46384" i="1" s="1"/>
  <c r="A46385" i="1" s="1"/>
  <c r="A46386" i="1" s="1"/>
  <c r="A46387" i="1" s="1"/>
  <c r="A46388" i="1" s="1"/>
  <c r="A46389" i="1" s="1"/>
  <c r="A46390" i="1" s="1"/>
  <c r="A46391" i="1" s="1"/>
  <c r="A46392" i="1" s="1"/>
  <c r="A46393" i="1" s="1"/>
  <c r="A46394" i="1" s="1"/>
  <c r="A46395" i="1" s="1"/>
  <c r="A46396" i="1" s="1"/>
  <c r="A46397" i="1" s="1"/>
  <c r="A46398" i="1" s="1"/>
  <c r="A46399" i="1" s="1"/>
  <c r="A46400" i="1" s="1"/>
  <c r="A46401" i="1" s="1"/>
  <c r="A46402" i="1" s="1"/>
  <c r="A46403" i="1" s="1"/>
  <c r="A46404" i="1" s="1"/>
  <c r="A46405" i="1" s="1"/>
  <c r="A46406" i="1" s="1"/>
  <c r="A46407" i="1" s="1"/>
  <c r="A46408" i="1" s="1"/>
  <c r="A46409" i="1" s="1"/>
  <c r="A46410" i="1" s="1"/>
  <c r="A46411" i="1" s="1"/>
  <c r="A46412" i="1" s="1"/>
  <c r="A46413" i="1" s="1"/>
  <c r="A46414" i="1" s="1"/>
  <c r="A46415" i="1" s="1"/>
  <c r="A46416" i="1" s="1"/>
  <c r="A46417" i="1" s="1"/>
  <c r="A46418" i="1" s="1"/>
  <c r="A46419" i="1" s="1"/>
  <c r="A46420" i="1" s="1"/>
  <c r="A46421" i="1" s="1"/>
  <c r="A46422" i="1" s="1"/>
  <c r="A46423" i="1" s="1"/>
  <c r="A46424" i="1" s="1"/>
  <c r="A46425" i="1" s="1"/>
  <c r="A46426" i="1" s="1"/>
  <c r="A46427" i="1" s="1"/>
  <c r="A46428" i="1" s="1"/>
  <c r="A46429" i="1" s="1"/>
  <c r="A46430" i="1" s="1"/>
  <c r="A46431" i="1" s="1"/>
  <c r="A46432" i="1" s="1"/>
  <c r="A46433" i="1" s="1"/>
  <c r="A46434" i="1" s="1"/>
  <c r="A46435" i="1" s="1"/>
  <c r="A46436" i="1" s="1"/>
  <c r="A46437" i="1" s="1"/>
  <c r="A46438" i="1" s="1"/>
  <c r="A46439" i="1" s="1"/>
  <c r="A46440" i="1" s="1"/>
  <c r="A46441" i="1" s="1"/>
  <c r="A46442" i="1" s="1"/>
  <c r="A46443" i="1" s="1"/>
  <c r="A46444" i="1" s="1"/>
  <c r="A46445" i="1" s="1"/>
  <c r="A46446" i="1" s="1"/>
  <c r="A46447" i="1" s="1"/>
  <c r="A46448" i="1" s="1"/>
  <c r="A46449" i="1" s="1"/>
  <c r="A46450" i="1" s="1"/>
  <c r="A46451" i="1" s="1"/>
  <c r="A46452" i="1" s="1"/>
  <c r="A46453" i="1" s="1"/>
  <c r="A46454" i="1" s="1"/>
  <c r="A46455" i="1" s="1"/>
  <c r="A46456" i="1" s="1"/>
  <c r="A46457" i="1" s="1"/>
  <c r="A46458" i="1" s="1"/>
  <c r="A46459" i="1" s="1"/>
  <c r="A46460" i="1" s="1"/>
  <c r="A46461" i="1" s="1"/>
  <c r="A46462" i="1" s="1"/>
  <c r="A46463" i="1" s="1"/>
  <c r="A46464" i="1" s="1"/>
  <c r="A46465" i="1" s="1"/>
  <c r="A46466" i="1" s="1"/>
  <c r="A46467" i="1" s="1"/>
  <c r="A46468" i="1" s="1"/>
  <c r="A46469" i="1" s="1"/>
  <c r="A46470" i="1" s="1"/>
  <c r="A46471" i="1" s="1"/>
  <c r="A46472" i="1" s="1"/>
  <c r="A46473" i="1" s="1"/>
  <c r="A46474" i="1" s="1"/>
  <c r="A46475" i="1" s="1"/>
  <c r="A46476" i="1" s="1"/>
  <c r="A46477" i="1" s="1"/>
  <c r="A46478" i="1" s="1"/>
  <c r="A46479" i="1" s="1"/>
  <c r="A46480" i="1" s="1"/>
  <c r="A46481" i="1" s="1"/>
  <c r="A46482" i="1" s="1"/>
  <c r="A46483" i="1" s="1"/>
  <c r="A46484" i="1" s="1"/>
  <c r="A46485" i="1" s="1"/>
  <c r="A46486" i="1" s="1"/>
  <c r="A46487" i="1" s="1"/>
  <c r="A46488" i="1" s="1"/>
  <c r="A46489" i="1" s="1"/>
  <c r="A46490" i="1" s="1"/>
  <c r="A46491" i="1" s="1"/>
  <c r="A46492" i="1" s="1"/>
  <c r="A46493" i="1" s="1"/>
  <c r="A46494" i="1" s="1"/>
  <c r="A46495" i="1" s="1"/>
  <c r="A46496" i="1" s="1"/>
  <c r="A46497" i="1" s="1"/>
  <c r="A46498" i="1" s="1"/>
  <c r="A46499" i="1" s="1"/>
  <c r="A46500" i="1" s="1"/>
  <c r="A46501" i="1" s="1"/>
  <c r="A46502" i="1" s="1"/>
  <c r="A46503" i="1" s="1"/>
  <c r="A46504" i="1" s="1"/>
  <c r="A46505" i="1" s="1"/>
  <c r="A46506" i="1" s="1"/>
  <c r="A46507" i="1" s="1"/>
  <c r="A46508" i="1" s="1"/>
  <c r="A46509" i="1" s="1"/>
  <c r="A46510" i="1" s="1"/>
  <c r="A46511" i="1" s="1"/>
  <c r="A46512" i="1" s="1"/>
  <c r="A46513" i="1" s="1"/>
  <c r="A46514" i="1" s="1"/>
  <c r="A46515" i="1" s="1"/>
  <c r="A46516" i="1" s="1"/>
  <c r="A46517" i="1" s="1"/>
  <c r="A46518" i="1" s="1"/>
  <c r="A46519" i="1" s="1"/>
  <c r="A46520" i="1" s="1"/>
  <c r="A46521" i="1" s="1"/>
  <c r="A46522" i="1" s="1"/>
  <c r="A46523" i="1" s="1"/>
  <c r="A46524" i="1" s="1"/>
  <c r="A46525" i="1" s="1"/>
  <c r="A46526" i="1" s="1"/>
  <c r="A46527" i="1" s="1"/>
  <c r="A46528" i="1" s="1"/>
  <c r="A46529" i="1" s="1"/>
  <c r="A46530" i="1" s="1"/>
  <c r="A46531" i="1" s="1"/>
  <c r="A46532" i="1" s="1"/>
  <c r="A46533" i="1" s="1"/>
  <c r="A46534" i="1" s="1"/>
  <c r="A46535" i="1" s="1"/>
  <c r="A46536" i="1" s="1"/>
  <c r="A46537" i="1" s="1"/>
  <c r="A46538" i="1" s="1"/>
  <c r="A46539" i="1" s="1"/>
  <c r="A46540" i="1" s="1"/>
  <c r="A46541" i="1" s="1"/>
  <c r="A46542" i="1" s="1"/>
  <c r="A46543" i="1" s="1"/>
  <c r="A46544" i="1" s="1"/>
  <c r="A46545" i="1" s="1"/>
  <c r="A46546" i="1" s="1"/>
  <c r="A46547" i="1" s="1"/>
  <c r="A46548" i="1" s="1"/>
  <c r="A46549" i="1" s="1"/>
  <c r="A46550" i="1" s="1"/>
  <c r="A46551" i="1" s="1"/>
  <c r="A46552" i="1" s="1"/>
  <c r="A46553" i="1" s="1"/>
  <c r="A46554" i="1" s="1"/>
  <c r="A46555" i="1" s="1"/>
  <c r="A46556" i="1" s="1"/>
  <c r="A46557" i="1" s="1"/>
  <c r="A46558" i="1" s="1"/>
  <c r="A46559" i="1" s="1"/>
  <c r="A46560" i="1" s="1"/>
  <c r="A46561" i="1" s="1"/>
  <c r="A46562" i="1" s="1"/>
  <c r="A46563" i="1" s="1"/>
  <c r="A46564" i="1" s="1"/>
  <c r="A46565" i="1" s="1"/>
  <c r="A46566" i="1" s="1"/>
  <c r="A46567" i="1" s="1"/>
  <c r="A46568" i="1" s="1"/>
  <c r="A46569" i="1" s="1"/>
  <c r="A46570" i="1" s="1"/>
  <c r="A46571" i="1" s="1"/>
  <c r="A46572" i="1" s="1"/>
  <c r="A46573" i="1" s="1"/>
  <c r="A46574" i="1" s="1"/>
  <c r="A46575" i="1" s="1"/>
  <c r="A46576" i="1" s="1"/>
  <c r="A46577" i="1" s="1"/>
  <c r="A46578" i="1" s="1"/>
  <c r="A46579" i="1" s="1"/>
  <c r="A46580" i="1" s="1"/>
  <c r="A46581" i="1" s="1"/>
  <c r="A46582" i="1" s="1"/>
  <c r="A46583" i="1" s="1"/>
  <c r="A46584" i="1" s="1"/>
  <c r="A46585" i="1" s="1"/>
  <c r="A46586" i="1" s="1"/>
  <c r="A46587" i="1" s="1"/>
  <c r="A46588" i="1" s="1"/>
  <c r="A46589" i="1" s="1"/>
  <c r="A46590" i="1" s="1"/>
  <c r="A46591" i="1" s="1"/>
  <c r="A46592" i="1" s="1"/>
  <c r="A46593" i="1" s="1"/>
  <c r="A46594" i="1" s="1"/>
  <c r="A46595" i="1" s="1"/>
  <c r="A46596" i="1" s="1"/>
  <c r="A46597" i="1" s="1"/>
  <c r="A46598" i="1" s="1"/>
  <c r="A46599" i="1" s="1"/>
  <c r="A46600" i="1" s="1"/>
  <c r="A46601" i="1" s="1"/>
  <c r="A46602" i="1" s="1"/>
  <c r="A46603" i="1" s="1"/>
  <c r="A46604" i="1" s="1"/>
  <c r="A46605" i="1" s="1"/>
  <c r="A46606" i="1" s="1"/>
  <c r="A46607" i="1" s="1"/>
  <c r="A46608" i="1" s="1"/>
  <c r="A46609" i="1" s="1"/>
  <c r="A46610" i="1" s="1"/>
  <c r="A46611" i="1" s="1"/>
  <c r="A46612" i="1" s="1"/>
  <c r="A46613" i="1" s="1"/>
  <c r="A46614" i="1" s="1"/>
  <c r="A46615" i="1" s="1"/>
  <c r="A46616" i="1" s="1"/>
  <c r="A46617" i="1" s="1"/>
  <c r="A46618" i="1" s="1"/>
  <c r="A46619" i="1" s="1"/>
  <c r="A46620" i="1" s="1"/>
  <c r="A46621" i="1" s="1"/>
  <c r="A46622" i="1" s="1"/>
  <c r="A46623" i="1" s="1"/>
  <c r="A46624" i="1" s="1"/>
  <c r="A46625" i="1" s="1"/>
  <c r="A46626" i="1" s="1"/>
  <c r="A46627" i="1" s="1"/>
  <c r="A46628" i="1" s="1"/>
  <c r="A46629" i="1" s="1"/>
  <c r="A46630" i="1" s="1"/>
  <c r="A46631" i="1" s="1"/>
  <c r="A46632" i="1" s="1"/>
  <c r="A46633" i="1" s="1"/>
  <c r="A46634" i="1" s="1"/>
  <c r="A46635" i="1" s="1"/>
  <c r="A46636" i="1" s="1"/>
  <c r="A46637" i="1" s="1"/>
  <c r="A46638" i="1" s="1"/>
  <c r="A46639" i="1" s="1"/>
  <c r="A46640" i="1" s="1"/>
  <c r="A46641" i="1" s="1"/>
  <c r="A46642" i="1" s="1"/>
  <c r="A46643" i="1" s="1"/>
  <c r="A46644" i="1" s="1"/>
  <c r="A46645" i="1" s="1"/>
  <c r="A46646" i="1" s="1"/>
  <c r="A46647" i="1" s="1"/>
  <c r="A46648" i="1" s="1"/>
  <c r="A46649" i="1" s="1"/>
  <c r="A46650" i="1" s="1"/>
  <c r="A46651" i="1" s="1"/>
  <c r="A46652" i="1" s="1"/>
  <c r="A46653" i="1" s="1"/>
  <c r="A46654" i="1" s="1"/>
  <c r="A46655" i="1" s="1"/>
  <c r="A46656" i="1" s="1"/>
  <c r="A46657" i="1" s="1"/>
  <c r="A46658" i="1" s="1"/>
  <c r="A46659" i="1" s="1"/>
  <c r="A46660" i="1" s="1"/>
  <c r="A46661" i="1" s="1"/>
  <c r="A46662" i="1" s="1"/>
  <c r="A46663" i="1" s="1"/>
  <c r="A46664" i="1" s="1"/>
  <c r="A46665" i="1" s="1"/>
  <c r="A46666" i="1" s="1"/>
  <c r="A46667" i="1" s="1"/>
  <c r="A46668" i="1" s="1"/>
  <c r="A46669" i="1" s="1"/>
  <c r="A46670" i="1" s="1"/>
  <c r="A46671" i="1" s="1"/>
  <c r="A46672" i="1" s="1"/>
  <c r="A46673" i="1" s="1"/>
  <c r="A46674" i="1" s="1"/>
  <c r="A46675" i="1" s="1"/>
  <c r="A46676" i="1" s="1"/>
  <c r="A46677" i="1" s="1"/>
  <c r="A46678" i="1" s="1"/>
  <c r="A46679" i="1" s="1"/>
  <c r="A46680" i="1" s="1"/>
  <c r="A46681" i="1" s="1"/>
  <c r="A46682" i="1" s="1"/>
  <c r="A46683" i="1" s="1"/>
  <c r="A46684" i="1" s="1"/>
  <c r="A46685" i="1" s="1"/>
  <c r="A46686" i="1" s="1"/>
  <c r="A46687" i="1" s="1"/>
  <c r="A46688" i="1" s="1"/>
  <c r="A46689" i="1" s="1"/>
  <c r="A46690" i="1" s="1"/>
  <c r="A46691" i="1" s="1"/>
  <c r="A46692" i="1" s="1"/>
  <c r="A46693" i="1" s="1"/>
  <c r="A46694" i="1" s="1"/>
  <c r="A46695" i="1" s="1"/>
  <c r="A46696" i="1" s="1"/>
  <c r="A46697" i="1" s="1"/>
  <c r="A46698" i="1" s="1"/>
  <c r="A46699" i="1" s="1"/>
  <c r="A46700" i="1" s="1"/>
  <c r="A46701" i="1" s="1"/>
  <c r="A46702" i="1" s="1"/>
  <c r="A46703" i="1" s="1"/>
  <c r="A46704" i="1" s="1"/>
  <c r="A46705" i="1" s="1"/>
  <c r="A46706" i="1" s="1"/>
  <c r="A46707" i="1" s="1"/>
  <c r="A46708" i="1" s="1"/>
  <c r="A46709" i="1" s="1"/>
  <c r="A46710" i="1" s="1"/>
  <c r="A46711" i="1" s="1"/>
  <c r="A46712" i="1" s="1"/>
  <c r="A46713" i="1" s="1"/>
  <c r="A46714" i="1" s="1"/>
  <c r="A46715" i="1" s="1"/>
  <c r="A46716" i="1" s="1"/>
  <c r="A46717" i="1" s="1"/>
  <c r="A46718" i="1" s="1"/>
  <c r="A46719" i="1" s="1"/>
  <c r="A46720" i="1" s="1"/>
  <c r="A46721" i="1" s="1"/>
  <c r="A46722" i="1" s="1"/>
  <c r="A46723" i="1" s="1"/>
  <c r="A46724" i="1" s="1"/>
  <c r="A46725" i="1" s="1"/>
  <c r="A46726" i="1" s="1"/>
  <c r="A46727" i="1" s="1"/>
  <c r="A46728" i="1" s="1"/>
  <c r="A46729" i="1" s="1"/>
  <c r="A46730" i="1" s="1"/>
  <c r="A46731" i="1" s="1"/>
  <c r="A46732" i="1" s="1"/>
  <c r="A46733" i="1" s="1"/>
  <c r="A46734" i="1" s="1"/>
  <c r="A46735" i="1" s="1"/>
  <c r="A46736" i="1" s="1"/>
  <c r="A46737" i="1" s="1"/>
  <c r="A46738" i="1" s="1"/>
  <c r="A46739" i="1" s="1"/>
  <c r="A46740" i="1" s="1"/>
  <c r="A46741" i="1" s="1"/>
  <c r="A46742" i="1" s="1"/>
  <c r="A46743" i="1" s="1"/>
  <c r="A46744" i="1" s="1"/>
  <c r="A46745" i="1" s="1"/>
  <c r="A46746" i="1" s="1"/>
  <c r="A46747" i="1" s="1"/>
  <c r="A46748" i="1" s="1"/>
  <c r="A46749" i="1" s="1"/>
  <c r="A46750" i="1" s="1"/>
  <c r="A46751" i="1" s="1"/>
  <c r="A46752" i="1" s="1"/>
  <c r="A46753" i="1" s="1"/>
  <c r="A46754" i="1" s="1"/>
  <c r="A46755" i="1" s="1"/>
  <c r="A46756" i="1" s="1"/>
  <c r="A46757" i="1" s="1"/>
  <c r="A46758" i="1" s="1"/>
  <c r="A46759" i="1" s="1"/>
  <c r="A46760" i="1" s="1"/>
  <c r="A46761" i="1" s="1"/>
  <c r="A46762" i="1" s="1"/>
  <c r="A46763" i="1" s="1"/>
  <c r="A46764" i="1" s="1"/>
  <c r="A46765" i="1" s="1"/>
  <c r="A46766" i="1" s="1"/>
  <c r="A46767" i="1" s="1"/>
  <c r="A46768" i="1" s="1"/>
  <c r="A46769" i="1" s="1"/>
  <c r="A46770" i="1" s="1"/>
  <c r="A46771" i="1" s="1"/>
  <c r="A46772" i="1" s="1"/>
  <c r="A46773" i="1" s="1"/>
  <c r="A46774" i="1" s="1"/>
  <c r="A46775" i="1" s="1"/>
  <c r="A46776" i="1" s="1"/>
  <c r="A46777" i="1" s="1"/>
  <c r="A46778" i="1" s="1"/>
  <c r="A46779" i="1" s="1"/>
  <c r="A46780" i="1" s="1"/>
  <c r="A46781" i="1" s="1"/>
  <c r="A46782" i="1" s="1"/>
  <c r="A46783" i="1" s="1"/>
  <c r="A46784" i="1" s="1"/>
  <c r="A46785" i="1" s="1"/>
  <c r="A46786" i="1" s="1"/>
  <c r="A46787" i="1" s="1"/>
  <c r="A46788" i="1" s="1"/>
  <c r="A46789" i="1" s="1"/>
  <c r="A46790" i="1" s="1"/>
  <c r="A46791" i="1" s="1"/>
  <c r="A46792" i="1" s="1"/>
  <c r="A46793" i="1" s="1"/>
  <c r="A46794" i="1" s="1"/>
  <c r="A46795" i="1" s="1"/>
  <c r="A46796" i="1" s="1"/>
  <c r="A46797" i="1" s="1"/>
  <c r="A46798" i="1" s="1"/>
  <c r="A46799" i="1" s="1"/>
  <c r="A46800" i="1" s="1"/>
  <c r="A46801" i="1" s="1"/>
  <c r="A46802" i="1" s="1"/>
  <c r="A46803" i="1" s="1"/>
  <c r="A46804" i="1" s="1"/>
  <c r="A46805" i="1" s="1"/>
  <c r="A46806" i="1" s="1"/>
  <c r="A46807" i="1" s="1"/>
  <c r="A46808" i="1" s="1"/>
  <c r="A46809" i="1" s="1"/>
  <c r="A46810" i="1" s="1"/>
  <c r="A46811" i="1" s="1"/>
  <c r="A46812" i="1" s="1"/>
  <c r="A46813" i="1" s="1"/>
  <c r="A46814" i="1" s="1"/>
  <c r="A46815" i="1" s="1"/>
  <c r="A46816" i="1" s="1"/>
  <c r="A46817" i="1" s="1"/>
  <c r="A46818" i="1" s="1"/>
  <c r="A46819" i="1" s="1"/>
  <c r="A46820" i="1" s="1"/>
  <c r="A46821" i="1" s="1"/>
  <c r="A46822" i="1" s="1"/>
  <c r="A46823" i="1" s="1"/>
  <c r="A46824" i="1" s="1"/>
  <c r="A46825" i="1" s="1"/>
  <c r="A46826" i="1" s="1"/>
  <c r="A46827" i="1" s="1"/>
  <c r="A46828" i="1" s="1"/>
  <c r="A46829" i="1" s="1"/>
  <c r="A46830" i="1" s="1"/>
  <c r="A46831" i="1" s="1"/>
  <c r="A46832" i="1" s="1"/>
  <c r="A46833" i="1" s="1"/>
  <c r="A46834" i="1" s="1"/>
  <c r="A46835" i="1" s="1"/>
  <c r="A46836" i="1" s="1"/>
  <c r="A46837" i="1" s="1"/>
  <c r="A46838" i="1" s="1"/>
  <c r="A46839" i="1" s="1"/>
  <c r="A46840" i="1" s="1"/>
  <c r="A46841" i="1" s="1"/>
  <c r="A46842" i="1" s="1"/>
  <c r="A46843" i="1" s="1"/>
  <c r="A46844" i="1" s="1"/>
  <c r="A46845" i="1" s="1"/>
  <c r="A46846" i="1" s="1"/>
  <c r="A46847" i="1" s="1"/>
  <c r="A46848" i="1" s="1"/>
  <c r="A46849" i="1" s="1"/>
  <c r="A46850" i="1" s="1"/>
  <c r="A46851" i="1" s="1"/>
  <c r="A46852" i="1" s="1"/>
  <c r="A46853" i="1" s="1"/>
  <c r="A46854" i="1" s="1"/>
  <c r="A46855" i="1" s="1"/>
  <c r="A46856" i="1" s="1"/>
  <c r="A46857" i="1" s="1"/>
  <c r="A46858" i="1" s="1"/>
  <c r="A46859" i="1" s="1"/>
  <c r="A46860" i="1" s="1"/>
  <c r="A46861" i="1" s="1"/>
  <c r="A46862" i="1" s="1"/>
  <c r="A46863" i="1" s="1"/>
  <c r="A46864" i="1" s="1"/>
  <c r="A46865" i="1" s="1"/>
  <c r="A46866" i="1" s="1"/>
  <c r="A46867" i="1" s="1"/>
  <c r="A46868" i="1" s="1"/>
  <c r="A46869" i="1" s="1"/>
  <c r="A46870" i="1" s="1"/>
  <c r="A46871" i="1" s="1"/>
  <c r="A46872" i="1" s="1"/>
  <c r="A46873" i="1" s="1"/>
  <c r="A46874" i="1" s="1"/>
  <c r="A46875" i="1" s="1"/>
  <c r="A46876" i="1" s="1"/>
  <c r="A46877" i="1" s="1"/>
  <c r="A46878" i="1" s="1"/>
  <c r="A46879" i="1" s="1"/>
  <c r="A46880" i="1" s="1"/>
  <c r="A46881" i="1" s="1"/>
  <c r="A46882" i="1" s="1"/>
  <c r="A46883" i="1" s="1"/>
  <c r="A46884" i="1" s="1"/>
  <c r="A46885" i="1" s="1"/>
  <c r="A46886" i="1" s="1"/>
  <c r="A46887" i="1" s="1"/>
  <c r="A46888" i="1" s="1"/>
  <c r="A46889" i="1" s="1"/>
  <c r="A46890" i="1" s="1"/>
  <c r="A46891" i="1" s="1"/>
  <c r="A46892" i="1" s="1"/>
  <c r="A46893" i="1" s="1"/>
  <c r="A46894" i="1" s="1"/>
  <c r="A46895" i="1" s="1"/>
  <c r="A46896" i="1" s="1"/>
  <c r="A46897" i="1" s="1"/>
  <c r="A46898" i="1" s="1"/>
  <c r="A46899" i="1" s="1"/>
  <c r="A46900" i="1" s="1"/>
  <c r="A46901" i="1" s="1"/>
  <c r="A46902" i="1" s="1"/>
  <c r="A46903" i="1" s="1"/>
  <c r="A46904" i="1" s="1"/>
  <c r="A46905" i="1" s="1"/>
  <c r="A46906" i="1" s="1"/>
  <c r="A46907" i="1" s="1"/>
  <c r="A46908" i="1" s="1"/>
  <c r="A46909" i="1" s="1"/>
  <c r="A46910" i="1" s="1"/>
  <c r="A46911" i="1" s="1"/>
  <c r="A46912" i="1" s="1"/>
  <c r="A46913" i="1" s="1"/>
  <c r="A46914" i="1" s="1"/>
  <c r="A46915" i="1" s="1"/>
  <c r="A46916" i="1" s="1"/>
  <c r="A46917" i="1" s="1"/>
  <c r="A46918" i="1" s="1"/>
  <c r="A46919" i="1" s="1"/>
  <c r="A46920" i="1" s="1"/>
  <c r="A46921" i="1" s="1"/>
  <c r="A46922" i="1" s="1"/>
  <c r="A46923" i="1" s="1"/>
  <c r="A46924" i="1" s="1"/>
  <c r="A46925" i="1" s="1"/>
  <c r="A46926" i="1" s="1"/>
  <c r="A46927" i="1" s="1"/>
  <c r="A46928" i="1" s="1"/>
  <c r="A46929" i="1" s="1"/>
  <c r="A46930" i="1" s="1"/>
  <c r="A46931" i="1" s="1"/>
  <c r="A46932" i="1" s="1"/>
  <c r="A46933" i="1" s="1"/>
  <c r="A46934" i="1" s="1"/>
  <c r="A46935" i="1" s="1"/>
  <c r="A46936" i="1" s="1"/>
  <c r="A46937" i="1" s="1"/>
  <c r="A46938" i="1" s="1"/>
  <c r="A46939" i="1" s="1"/>
  <c r="A46940" i="1" s="1"/>
  <c r="A46941" i="1" s="1"/>
  <c r="A46942" i="1" s="1"/>
  <c r="A46943" i="1" s="1"/>
  <c r="A46944" i="1" s="1"/>
  <c r="A46945" i="1" s="1"/>
  <c r="A46946" i="1" s="1"/>
  <c r="A46947" i="1" s="1"/>
  <c r="A46948" i="1" s="1"/>
  <c r="A46949" i="1" s="1"/>
  <c r="A46950" i="1" s="1"/>
  <c r="A46951" i="1" s="1"/>
  <c r="A46952" i="1" s="1"/>
  <c r="A46953" i="1" s="1"/>
  <c r="A46954" i="1" s="1"/>
  <c r="A46955" i="1" s="1"/>
  <c r="A46956" i="1" s="1"/>
  <c r="A46957" i="1" s="1"/>
  <c r="A46958" i="1" s="1"/>
  <c r="A46959" i="1" s="1"/>
  <c r="A46960" i="1" s="1"/>
  <c r="A46961" i="1" s="1"/>
  <c r="A46962" i="1" s="1"/>
  <c r="A46963" i="1" s="1"/>
  <c r="A46964" i="1" s="1"/>
  <c r="A46965" i="1" s="1"/>
  <c r="A46966" i="1" s="1"/>
  <c r="A46967" i="1" s="1"/>
  <c r="A46968" i="1" s="1"/>
  <c r="A46969" i="1" s="1"/>
  <c r="A46970" i="1" s="1"/>
  <c r="A46971" i="1" s="1"/>
  <c r="A46972" i="1" s="1"/>
  <c r="A46973" i="1" s="1"/>
  <c r="A46974" i="1" s="1"/>
  <c r="A46975" i="1" s="1"/>
  <c r="A46976" i="1" s="1"/>
  <c r="A46977" i="1" s="1"/>
  <c r="A46978" i="1" s="1"/>
  <c r="A46979" i="1" s="1"/>
  <c r="A46980" i="1" s="1"/>
  <c r="A46981" i="1" s="1"/>
  <c r="A46982" i="1" s="1"/>
  <c r="A46983" i="1" s="1"/>
  <c r="A46984" i="1" s="1"/>
  <c r="A46985" i="1" s="1"/>
  <c r="A46986" i="1" s="1"/>
  <c r="A46987" i="1" s="1"/>
  <c r="A46988" i="1" s="1"/>
  <c r="A46989" i="1" s="1"/>
  <c r="A46990" i="1" s="1"/>
  <c r="A46991" i="1" s="1"/>
  <c r="A46992" i="1" s="1"/>
  <c r="A46993" i="1" s="1"/>
  <c r="A46994" i="1" s="1"/>
  <c r="A46995" i="1" s="1"/>
  <c r="A46996" i="1" s="1"/>
  <c r="A46997" i="1" s="1"/>
  <c r="A46998" i="1" s="1"/>
  <c r="A46999" i="1" s="1"/>
  <c r="A47000" i="1" s="1"/>
  <c r="A47001" i="1" s="1"/>
  <c r="A47002" i="1" s="1"/>
  <c r="A47003" i="1" s="1"/>
  <c r="A47004" i="1" s="1"/>
  <c r="A47005" i="1" s="1"/>
  <c r="A47006" i="1" s="1"/>
  <c r="A47007" i="1" s="1"/>
  <c r="A47008" i="1" s="1"/>
  <c r="A47009" i="1" s="1"/>
  <c r="A47010" i="1" s="1"/>
  <c r="A47011" i="1" s="1"/>
  <c r="A47012" i="1" s="1"/>
  <c r="A47013" i="1" s="1"/>
  <c r="A47014" i="1" s="1"/>
  <c r="A47015" i="1" s="1"/>
  <c r="A47016" i="1" s="1"/>
  <c r="A47017" i="1" s="1"/>
  <c r="A47018" i="1" s="1"/>
  <c r="A47019" i="1" s="1"/>
  <c r="A47020" i="1" s="1"/>
  <c r="A47021" i="1" s="1"/>
  <c r="A47022" i="1" s="1"/>
  <c r="A47023" i="1" s="1"/>
  <c r="A47024" i="1" s="1"/>
  <c r="A47025" i="1" s="1"/>
  <c r="A47026" i="1" s="1"/>
  <c r="A47027" i="1" s="1"/>
  <c r="A47028" i="1" s="1"/>
  <c r="A47029" i="1" s="1"/>
  <c r="A47030" i="1" s="1"/>
  <c r="A47031" i="1" s="1"/>
  <c r="A47032" i="1" s="1"/>
  <c r="A47033" i="1" s="1"/>
  <c r="A47034" i="1" s="1"/>
  <c r="A47035" i="1" s="1"/>
  <c r="A47036" i="1" s="1"/>
  <c r="A47037" i="1" s="1"/>
  <c r="A47038" i="1" s="1"/>
  <c r="A47039" i="1" s="1"/>
  <c r="A47040" i="1" s="1"/>
  <c r="A47041" i="1" s="1"/>
  <c r="A47042" i="1" s="1"/>
  <c r="A47043" i="1" s="1"/>
  <c r="A47044" i="1" s="1"/>
  <c r="A47045" i="1" s="1"/>
  <c r="A47046" i="1" s="1"/>
  <c r="A47047" i="1" s="1"/>
  <c r="A47048" i="1" s="1"/>
  <c r="A47049" i="1" s="1"/>
  <c r="A47050" i="1" s="1"/>
  <c r="A47051" i="1" s="1"/>
  <c r="A47052" i="1" s="1"/>
  <c r="A47053" i="1" s="1"/>
  <c r="A47054" i="1" s="1"/>
  <c r="A47055" i="1" s="1"/>
  <c r="A47056" i="1" s="1"/>
  <c r="A47057" i="1" s="1"/>
  <c r="A47058" i="1" s="1"/>
  <c r="A47059" i="1" s="1"/>
  <c r="A47060" i="1" s="1"/>
  <c r="A47061" i="1" s="1"/>
  <c r="A47062" i="1" s="1"/>
  <c r="A47063" i="1" s="1"/>
  <c r="A47064" i="1" s="1"/>
  <c r="A47065" i="1" s="1"/>
  <c r="A47066" i="1" s="1"/>
  <c r="A47067" i="1" s="1"/>
  <c r="A47068" i="1" s="1"/>
  <c r="A47069" i="1" s="1"/>
  <c r="A47070" i="1" s="1"/>
  <c r="A47071" i="1" s="1"/>
  <c r="A47072" i="1" s="1"/>
  <c r="A47073" i="1" s="1"/>
  <c r="A47074" i="1" s="1"/>
  <c r="A47075" i="1" s="1"/>
  <c r="A47076" i="1" s="1"/>
  <c r="A47077" i="1" s="1"/>
  <c r="A47078" i="1" s="1"/>
  <c r="A47079" i="1" s="1"/>
  <c r="A47080" i="1" s="1"/>
  <c r="A47081" i="1" s="1"/>
  <c r="A47082" i="1" s="1"/>
  <c r="A47083" i="1" s="1"/>
  <c r="A47084" i="1" s="1"/>
  <c r="A47085" i="1" s="1"/>
  <c r="A47086" i="1" s="1"/>
  <c r="A47087" i="1" s="1"/>
  <c r="A47088" i="1" s="1"/>
  <c r="A47089" i="1" s="1"/>
  <c r="A47090" i="1" s="1"/>
  <c r="A47091" i="1" s="1"/>
  <c r="A47092" i="1" s="1"/>
  <c r="A47093" i="1" s="1"/>
  <c r="A47094" i="1" s="1"/>
  <c r="A47095" i="1" s="1"/>
  <c r="A47096" i="1" s="1"/>
  <c r="A47097" i="1" s="1"/>
  <c r="A47098" i="1" s="1"/>
  <c r="A47099" i="1" s="1"/>
  <c r="A47100" i="1" s="1"/>
  <c r="A47101" i="1" s="1"/>
  <c r="A47102" i="1" s="1"/>
  <c r="A47103" i="1" s="1"/>
  <c r="A47104" i="1" s="1"/>
  <c r="A47105" i="1" s="1"/>
  <c r="A47106" i="1" s="1"/>
  <c r="A47107" i="1" s="1"/>
  <c r="A47108" i="1" s="1"/>
  <c r="A47109" i="1" s="1"/>
  <c r="A47110" i="1" s="1"/>
  <c r="A47111" i="1" s="1"/>
  <c r="A47112" i="1" s="1"/>
  <c r="A47113" i="1" s="1"/>
  <c r="A47114" i="1" s="1"/>
  <c r="A47115" i="1" s="1"/>
  <c r="A47116" i="1" s="1"/>
  <c r="A47117" i="1" s="1"/>
  <c r="A47118" i="1" s="1"/>
  <c r="A47119" i="1" s="1"/>
  <c r="A47120" i="1" s="1"/>
  <c r="A47121" i="1" s="1"/>
  <c r="A47122" i="1" s="1"/>
  <c r="A47123" i="1" s="1"/>
  <c r="A47124" i="1" s="1"/>
  <c r="A47125" i="1" s="1"/>
  <c r="A47126" i="1" s="1"/>
  <c r="A47127" i="1" s="1"/>
  <c r="A47128" i="1" s="1"/>
  <c r="A47129" i="1" s="1"/>
  <c r="A47130" i="1" s="1"/>
  <c r="A47131" i="1" s="1"/>
  <c r="A47132" i="1" s="1"/>
  <c r="A47133" i="1" s="1"/>
  <c r="A47134" i="1" s="1"/>
  <c r="A47135" i="1" s="1"/>
  <c r="A47136" i="1" s="1"/>
  <c r="A47137" i="1" s="1"/>
  <c r="A47138" i="1" s="1"/>
  <c r="A47139" i="1" s="1"/>
  <c r="A47140" i="1" s="1"/>
  <c r="A47141" i="1" s="1"/>
  <c r="A47142" i="1" s="1"/>
  <c r="A47143" i="1" s="1"/>
  <c r="A47144" i="1" s="1"/>
  <c r="A47145" i="1" s="1"/>
  <c r="A47146" i="1" s="1"/>
  <c r="A47147" i="1" s="1"/>
  <c r="A47148" i="1" s="1"/>
  <c r="A47149" i="1" s="1"/>
  <c r="A47150" i="1" s="1"/>
  <c r="A47151" i="1" s="1"/>
  <c r="A47152" i="1" s="1"/>
  <c r="A47153" i="1" s="1"/>
  <c r="A47154" i="1" s="1"/>
  <c r="A47155" i="1" s="1"/>
  <c r="A47156" i="1" s="1"/>
  <c r="A47157" i="1" s="1"/>
  <c r="A47158" i="1" s="1"/>
  <c r="A47159" i="1" s="1"/>
  <c r="A47160" i="1" s="1"/>
  <c r="A47161" i="1" s="1"/>
  <c r="A47162" i="1" s="1"/>
  <c r="A47163" i="1" s="1"/>
  <c r="A47164" i="1" s="1"/>
  <c r="A47165" i="1" s="1"/>
  <c r="A47166" i="1" s="1"/>
  <c r="A47167" i="1" s="1"/>
  <c r="A47168" i="1" s="1"/>
  <c r="A47169" i="1" s="1"/>
  <c r="A47170" i="1" s="1"/>
  <c r="A47171" i="1" s="1"/>
  <c r="A47172" i="1" s="1"/>
  <c r="A47173" i="1" s="1"/>
  <c r="A47174" i="1" s="1"/>
  <c r="A47175" i="1" s="1"/>
  <c r="A47176" i="1" s="1"/>
  <c r="A47177" i="1" s="1"/>
  <c r="A47178" i="1" s="1"/>
  <c r="A47179" i="1" s="1"/>
  <c r="A47180" i="1" s="1"/>
  <c r="A47181" i="1" s="1"/>
  <c r="A47182" i="1" s="1"/>
  <c r="A47183" i="1" s="1"/>
  <c r="A47184" i="1" s="1"/>
  <c r="A47185" i="1" s="1"/>
  <c r="A47186" i="1" s="1"/>
  <c r="A47187" i="1" s="1"/>
  <c r="A47188" i="1" s="1"/>
  <c r="A47189" i="1" s="1"/>
  <c r="A47190" i="1" s="1"/>
  <c r="A47191" i="1" s="1"/>
  <c r="A47192" i="1" s="1"/>
  <c r="A47193" i="1" s="1"/>
  <c r="A47194" i="1" s="1"/>
  <c r="A47195" i="1" s="1"/>
  <c r="A47196" i="1" s="1"/>
  <c r="A47197" i="1" s="1"/>
  <c r="A47198" i="1" s="1"/>
  <c r="A47199" i="1" s="1"/>
  <c r="A47200" i="1" s="1"/>
  <c r="A47201" i="1" s="1"/>
  <c r="A47202" i="1" s="1"/>
  <c r="A47203" i="1" s="1"/>
  <c r="A47204" i="1" s="1"/>
  <c r="A47205" i="1" s="1"/>
  <c r="A47206" i="1" s="1"/>
  <c r="A47207" i="1" s="1"/>
  <c r="A47208" i="1" s="1"/>
  <c r="A47209" i="1" s="1"/>
  <c r="A47210" i="1" s="1"/>
  <c r="A47211" i="1" s="1"/>
  <c r="A47212" i="1" s="1"/>
  <c r="A47213" i="1" s="1"/>
  <c r="A47214" i="1" s="1"/>
  <c r="A47215" i="1" s="1"/>
  <c r="A47216" i="1" s="1"/>
  <c r="A47217" i="1" s="1"/>
  <c r="A47218" i="1" s="1"/>
  <c r="A47219" i="1" s="1"/>
  <c r="A47220" i="1" s="1"/>
  <c r="A47221" i="1" s="1"/>
  <c r="A47222" i="1" s="1"/>
  <c r="A47223" i="1" s="1"/>
  <c r="A47224" i="1" s="1"/>
  <c r="A47225" i="1" s="1"/>
  <c r="A47226" i="1" s="1"/>
  <c r="A47227" i="1" s="1"/>
  <c r="A47228" i="1" s="1"/>
  <c r="A47229" i="1" s="1"/>
  <c r="A47230" i="1" s="1"/>
  <c r="A47231" i="1" s="1"/>
  <c r="A47232" i="1" s="1"/>
  <c r="A47233" i="1" s="1"/>
  <c r="A47234" i="1" s="1"/>
  <c r="A47235" i="1" s="1"/>
  <c r="A47236" i="1" s="1"/>
  <c r="A47237" i="1" s="1"/>
  <c r="A47238" i="1" s="1"/>
  <c r="A47239" i="1" s="1"/>
  <c r="A47240" i="1" s="1"/>
  <c r="A47241" i="1" s="1"/>
  <c r="A47242" i="1" s="1"/>
  <c r="A47243" i="1" s="1"/>
  <c r="A47244" i="1" s="1"/>
  <c r="A47245" i="1" s="1"/>
  <c r="A47246" i="1" s="1"/>
  <c r="A47247" i="1" s="1"/>
  <c r="A47248" i="1" s="1"/>
  <c r="A47249" i="1" s="1"/>
  <c r="A47250" i="1" s="1"/>
  <c r="A47251" i="1" s="1"/>
  <c r="A47252" i="1" s="1"/>
  <c r="A47253" i="1" s="1"/>
  <c r="A47254" i="1" s="1"/>
  <c r="A47255" i="1" s="1"/>
  <c r="A47256" i="1" s="1"/>
  <c r="A47257" i="1" s="1"/>
  <c r="A47258" i="1" s="1"/>
  <c r="A47259" i="1" s="1"/>
  <c r="A47260" i="1" s="1"/>
  <c r="A47261" i="1" s="1"/>
  <c r="A47262" i="1" s="1"/>
  <c r="A47263" i="1" s="1"/>
  <c r="A47264" i="1" s="1"/>
  <c r="A47265" i="1" s="1"/>
  <c r="A47266" i="1" s="1"/>
  <c r="A47267" i="1" s="1"/>
  <c r="A47268" i="1" s="1"/>
  <c r="A47269" i="1" s="1"/>
  <c r="A47270" i="1" s="1"/>
  <c r="A47271" i="1" s="1"/>
  <c r="A47272" i="1" s="1"/>
  <c r="A47273" i="1" s="1"/>
  <c r="A47274" i="1" s="1"/>
  <c r="A47275" i="1" s="1"/>
  <c r="A47276" i="1" s="1"/>
  <c r="A47277" i="1" s="1"/>
  <c r="A47278" i="1" s="1"/>
  <c r="A47279" i="1" s="1"/>
  <c r="A47280" i="1" s="1"/>
  <c r="A47281" i="1" s="1"/>
  <c r="A47282" i="1" s="1"/>
  <c r="A47283" i="1" s="1"/>
  <c r="A47284" i="1" s="1"/>
  <c r="A47285" i="1" s="1"/>
  <c r="A47286" i="1" s="1"/>
  <c r="A47287" i="1" s="1"/>
  <c r="A47288" i="1" s="1"/>
  <c r="A47289" i="1" s="1"/>
  <c r="A47290" i="1" s="1"/>
  <c r="A47291" i="1" s="1"/>
  <c r="A47292" i="1" s="1"/>
  <c r="A47293" i="1" s="1"/>
  <c r="A47294" i="1" s="1"/>
  <c r="A47295" i="1" s="1"/>
  <c r="A47296" i="1" s="1"/>
  <c r="A47297" i="1" s="1"/>
  <c r="A47298" i="1" s="1"/>
  <c r="A47299" i="1" s="1"/>
  <c r="A47300" i="1" s="1"/>
  <c r="A47301" i="1" s="1"/>
  <c r="A47302" i="1" s="1"/>
  <c r="A47303" i="1" s="1"/>
  <c r="A47304" i="1" s="1"/>
  <c r="A47305" i="1" s="1"/>
  <c r="A47306" i="1" s="1"/>
  <c r="A47307" i="1" s="1"/>
  <c r="A47308" i="1" s="1"/>
  <c r="A47309" i="1" s="1"/>
  <c r="A47310" i="1" s="1"/>
  <c r="A47311" i="1" s="1"/>
  <c r="A47312" i="1" s="1"/>
  <c r="A47313" i="1" s="1"/>
  <c r="A47314" i="1" s="1"/>
  <c r="A47315" i="1" s="1"/>
  <c r="A47316" i="1" s="1"/>
  <c r="A47317" i="1" s="1"/>
  <c r="A47318" i="1" s="1"/>
  <c r="A47319" i="1" s="1"/>
  <c r="A47320" i="1" s="1"/>
  <c r="A47321" i="1" s="1"/>
  <c r="A47322" i="1" s="1"/>
  <c r="A47323" i="1" s="1"/>
  <c r="A47324" i="1" s="1"/>
  <c r="A47325" i="1" s="1"/>
  <c r="A47326" i="1" s="1"/>
  <c r="A47327" i="1" s="1"/>
  <c r="A47328" i="1" s="1"/>
  <c r="A47329" i="1" s="1"/>
  <c r="A47330" i="1" s="1"/>
  <c r="A47331" i="1" s="1"/>
  <c r="A47332" i="1" s="1"/>
  <c r="A47333" i="1" s="1"/>
  <c r="A47334" i="1" s="1"/>
  <c r="A47335" i="1" s="1"/>
  <c r="A47336" i="1" s="1"/>
  <c r="A47337" i="1" s="1"/>
  <c r="A47338" i="1" s="1"/>
  <c r="A47339" i="1" s="1"/>
  <c r="A47340" i="1" s="1"/>
  <c r="A47341" i="1" s="1"/>
  <c r="A47342" i="1" s="1"/>
  <c r="A47343" i="1" s="1"/>
  <c r="A47344" i="1" s="1"/>
  <c r="A47345" i="1" s="1"/>
  <c r="A47346" i="1" s="1"/>
  <c r="A47347" i="1" s="1"/>
  <c r="A47348" i="1" s="1"/>
  <c r="A47349" i="1" s="1"/>
  <c r="A47350" i="1" s="1"/>
  <c r="A47351" i="1" s="1"/>
  <c r="A47352" i="1" s="1"/>
  <c r="A47353" i="1" s="1"/>
  <c r="A47354" i="1" s="1"/>
  <c r="A47355" i="1" s="1"/>
  <c r="A47356" i="1" s="1"/>
  <c r="A47357" i="1" s="1"/>
  <c r="A47358" i="1" s="1"/>
  <c r="A47359" i="1" s="1"/>
  <c r="A47360" i="1" s="1"/>
  <c r="A47361" i="1" s="1"/>
  <c r="A47362" i="1" s="1"/>
  <c r="A47363" i="1" s="1"/>
  <c r="A47364" i="1" s="1"/>
  <c r="A47365" i="1" s="1"/>
  <c r="A47366" i="1" s="1"/>
  <c r="A47367" i="1" s="1"/>
  <c r="A47368" i="1" s="1"/>
  <c r="A47369" i="1" s="1"/>
  <c r="A47370" i="1" s="1"/>
  <c r="A47371" i="1" s="1"/>
  <c r="A47372" i="1" s="1"/>
  <c r="A47373" i="1" s="1"/>
  <c r="A47374" i="1" s="1"/>
  <c r="A47375" i="1" s="1"/>
  <c r="A47376" i="1" s="1"/>
  <c r="A47377" i="1" s="1"/>
  <c r="A47378" i="1" s="1"/>
  <c r="A47379" i="1" s="1"/>
  <c r="A47380" i="1" s="1"/>
  <c r="A47381" i="1" s="1"/>
  <c r="A47382" i="1" s="1"/>
  <c r="A47383" i="1" s="1"/>
  <c r="A47384" i="1" s="1"/>
  <c r="A47385" i="1" s="1"/>
  <c r="A47386" i="1" s="1"/>
  <c r="A47387" i="1" s="1"/>
  <c r="A47388" i="1" s="1"/>
  <c r="A47389" i="1" s="1"/>
  <c r="A47390" i="1" s="1"/>
  <c r="A47391" i="1" s="1"/>
  <c r="A47392" i="1" s="1"/>
  <c r="A47393" i="1" s="1"/>
  <c r="A47394" i="1" s="1"/>
  <c r="A47395" i="1" s="1"/>
  <c r="A47396" i="1" s="1"/>
  <c r="A47397" i="1" s="1"/>
  <c r="A47398" i="1" s="1"/>
  <c r="A47399" i="1" s="1"/>
  <c r="A47400" i="1" s="1"/>
  <c r="A47401" i="1" s="1"/>
  <c r="A47402" i="1" s="1"/>
  <c r="A47403" i="1" s="1"/>
  <c r="A47404" i="1" s="1"/>
  <c r="A47405" i="1" s="1"/>
  <c r="A47406" i="1" s="1"/>
  <c r="A47407" i="1" s="1"/>
  <c r="A47408" i="1" s="1"/>
  <c r="A47409" i="1" s="1"/>
  <c r="A47410" i="1" s="1"/>
  <c r="A47411" i="1" s="1"/>
  <c r="A47412" i="1" s="1"/>
  <c r="A47413" i="1" s="1"/>
  <c r="A47414" i="1" s="1"/>
  <c r="A47415" i="1" s="1"/>
  <c r="A47416" i="1" s="1"/>
  <c r="A47417" i="1" s="1"/>
  <c r="A47418" i="1" s="1"/>
  <c r="A47419" i="1" s="1"/>
  <c r="A47420" i="1" s="1"/>
  <c r="A47421" i="1" s="1"/>
  <c r="A47422" i="1" s="1"/>
  <c r="A47423" i="1" s="1"/>
  <c r="A47424" i="1" s="1"/>
  <c r="A47425" i="1" s="1"/>
  <c r="A47426" i="1" s="1"/>
  <c r="A47427" i="1" s="1"/>
  <c r="A47428" i="1" s="1"/>
  <c r="A47429" i="1" s="1"/>
  <c r="A47430" i="1" s="1"/>
  <c r="A47431" i="1" s="1"/>
  <c r="A47432" i="1" s="1"/>
  <c r="A47433" i="1" s="1"/>
  <c r="A47434" i="1" s="1"/>
  <c r="A47435" i="1" s="1"/>
  <c r="A47436" i="1" s="1"/>
  <c r="A47437" i="1" s="1"/>
  <c r="A47438" i="1" s="1"/>
  <c r="A47439" i="1" s="1"/>
  <c r="A47440" i="1" s="1"/>
  <c r="A47441" i="1" s="1"/>
  <c r="A47442" i="1" s="1"/>
  <c r="A47443" i="1" s="1"/>
  <c r="A47444" i="1" s="1"/>
  <c r="A47445" i="1" s="1"/>
  <c r="A47446" i="1" s="1"/>
  <c r="A47447" i="1" s="1"/>
  <c r="A47448" i="1" s="1"/>
  <c r="A47449" i="1" s="1"/>
  <c r="A47450" i="1" s="1"/>
  <c r="A47451" i="1" s="1"/>
  <c r="A47452" i="1" s="1"/>
  <c r="A47453" i="1" s="1"/>
  <c r="A47454" i="1" s="1"/>
  <c r="A47455" i="1" s="1"/>
  <c r="A47456" i="1" s="1"/>
  <c r="A47457" i="1" s="1"/>
  <c r="A47458" i="1" s="1"/>
  <c r="A47459" i="1" s="1"/>
  <c r="A47460" i="1" s="1"/>
  <c r="A47461" i="1" s="1"/>
  <c r="A47462" i="1" s="1"/>
  <c r="A47463" i="1" s="1"/>
  <c r="A47464" i="1" s="1"/>
  <c r="A47465" i="1" s="1"/>
  <c r="A47466" i="1" s="1"/>
  <c r="A47467" i="1" s="1"/>
  <c r="A47468" i="1" s="1"/>
  <c r="A47469" i="1" s="1"/>
  <c r="A47470" i="1" s="1"/>
  <c r="A47471" i="1" s="1"/>
  <c r="A47472" i="1" s="1"/>
  <c r="A47473" i="1" s="1"/>
  <c r="A47474" i="1" s="1"/>
  <c r="A47475" i="1" s="1"/>
  <c r="A47476" i="1" s="1"/>
  <c r="A47477" i="1" s="1"/>
  <c r="A47478" i="1" s="1"/>
  <c r="A47479" i="1" s="1"/>
  <c r="A47480" i="1" s="1"/>
  <c r="A47481" i="1" s="1"/>
  <c r="A47482" i="1" s="1"/>
  <c r="A47483" i="1" s="1"/>
  <c r="A47484" i="1" s="1"/>
  <c r="A47485" i="1" s="1"/>
  <c r="A47486" i="1" s="1"/>
  <c r="A47487" i="1" s="1"/>
  <c r="A47488" i="1" s="1"/>
  <c r="A47489" i="1" s="1"/>
  <c r="A47490" i="1" s="1"/>
  <c r="A47491" i="1" s="1"/>
  <c r="A47492" i="1" s="1"/>
  <c r="A47493" i="1" s="1"/>
  <c r="A47494" i="1" s="1"/>
  <c r="A47495" i="1" s="1"/>
  <c r="A47496" i="1" s="1"/>
  <c r="A47497" i="1" s="1"/>
  <c r="A47498" i="1" s="1"/>
  <c r="A47499" i="1" s="1"/>
  <c r="A47500" i="1" s="1"/>
  <c r="A47501" i="1" s="1"/>
  <c r="A47502" i="1" s="1"/>
  <c r="A47503" i="1" s="1"/>
  <c r="A47504" i="1" s="1"/>
  <c r="A47505" i="1" s="1"/>
  <c r="A47506" i="1" s="1"/>
  <c r="A47507" i="1" s="1"/>
  <c r="A47508" i="1" s="1"/>
  <c r="A47509" i="1" s="1"/>
  <c r="A47510" i="1" s="1"/>
  <c r="A47511" i="1" s="1"/>
  <c r="A47512" i="1" s="1"/>
  <c r="A47513" i="1" s="1"/>
  <c r="A47514" i="1" s="1"/>
  <c r="A47515" i="1" s="1"/>
  <c r="A47516" i="1" s="1"/>
  <c r="A47517" i="1" s="1"/>
  <c r="A47518" i="1" s="1"/>
  <c r="A47519" i="1" s="1"/>
  <c r="A47520" i="1" s="1"/>
  <c r="A47521" i="1" s="1"/>
  <c r="A47522" i="1" s="1"/>
  <c r="A47523" i="1" s="1"/>
  <c r="A47524" i="1" s="1"/>
  <c r="A47525" i="1" s="1"/>
  <c r="A47526" i="1" s="1"/>
  <c r="A47527" i="1" s="1"/>
  <c r="A47528" i="1" s="1"/>
  <c r="A47529" i="1" s="1"/>
  <c r="A47530" i="1" s="1"/>
  <c r="A47531" i="1" s="1"/>
  <c r="A47532" i="1" s="1"/>
  <c r="A47533" i="1" s="1"/>
  <c r="A47534" i="1" s="1"/>
  <c r="A47535" i="1" s="1"/>
  <c r="A47536" i="1" s="1"/>
  <c r="A47537" i="1" s="1"/>
  <c r="A47538" i="1" s="1"/>
  <c r="A47539" i="1" s="1"/>
  <c r="A47540" i="1" s="1"/>
  <c r="A47541" i="1" s="1"/>
  <c r="A47542" i="1" s="1"/>
  <c r="A47543" i="1" s="1"/>
  <c r="A47544" i="1" s="1"/>
  <c r="A47545" i="1" s="1"/>
  <c r="A47546" i="1" s="1"/>
  <c r="A47547" i="1" s="1"/>
  <c r="A47548" i="1" s="1"/>
  <c r="A47549" i="1" s="1"/>
  <c r="A47550" i="1" s="1"/>
  <c r="A47551" i="1" s="1"/>
  <c r="A47552" i="1" s="1"/>
  <c r="A47553" i="1" s="1"/>
  <c r="A47554" i="1" s="1"/>
  <c r="A47555" i="1" s="1"/>
  <c r="A47556" i="1" s="1"/>
  <c r="A47557" i="1" s="1"/>
  <c r="A47558" i="1" s="1"/>
  <c r="A47559" i="1" s="1"/>
  <c r="A47560" i="1" s="1"/>
  <c r="A47561" i="1" s="1"/>
  <c r="A47562" i="1" s="1"/>
  <c r="A47563" i="1" s="1"/>
  <c r="A47564" i="1" s="1"/>
  <c r="A47565" i="1" s="1"/>
  <c r="A47566" i="1" s="1"/>
  <c r="A47567" i="1" s="1"/>
  <c r="A47568" i="1" s="1"/>
  <c r="A47569" i="1" s="1"/>
  <c r="A47570" i="1" s="1"/>
  <c r="A47571" i="1" s="1"/>
  <c r="A47572" i="1" s="1"/>
  <c r="A47573" i="1" s="1"/>
  <c r="A47574" i="1" s="1"/>
  <c r="A47575" i="1" s="1"/>
  <c r="A47576" i="1" s="1"/>
  <c r="A47577" i="1" s="1"/>
  <c r="A47578" i="1" s="1"/>
  <c r="A47579" i="1" s="1"/>
  <c r="A47580" i="1" s="1"/>
  <c r="A47581" i="1" s="1"/>
  <c r="A47582" i="1" s="1"/>
  <c r="A47583" i="1" s="1"/>
  <c r="A47584" i="1" s="1"/>
  <c r="A47585" i="1" s="1"/>
  <c r="A47586" i="1" s="1"/>
  <c r="A47587" i="1" s="1"/>
  <c r="A47588" i="1" s="1"/>
  <c r="A47589" i="1" s="1"/>
  <c r="A47590" i="1" s="1"/>
  <c r="A47591" i="1" s="1"/>
  <c r="A47592" i="1" s="1"/>
  <c r="A47593" i="1" s="1"/>
  <c r="A47594" i="1" s="1"/>
  <c r="A47595" i="1" s="1"/>
  <c r="A47596" i="1" s="1"/>
  <c r="A47597" i="1" s="1"/>
  <c r="A47598" i="1" s="1"/>
  <c r="A47599" i="1" s="1"/>
  <c r="A47600" i="1" s="1"/>
  <c r="A47601" i="1" s="1"/>
  <c r="A47602" i="1" s="1"/>
  <c r="A47603" i="1" s="1"/>
  <c r="A47604" i="1" s="1"/>
  <c r="A47605" i="1" s="1"/>
  <c r="A47606" i="1" s="1"/>
  <c r="A47607" i="1" s="1"/>
  <c r="A47608" i="1" s="1"/>
  <c r="A47609" i="1" s="1"/>
  <c r="A47610" i="1" s="1"/>
  <c r="A47611" i="1" s="1"/>
  <c r="A47612" i="1" s="1"/>
  <c r="A47613" i="1" s="1"/>
  <c r="A47614" i="1" s="1"/>
  <c r="A47615" i="1" s="1"/>
  <c r="A47616" i="1" s="1"/>
  <c r="A47617" i="1" s="1"/>
  <c r="A47618" i="1" s="1"/>
  <c r="A47619" i="1" s="1"/>
  <c r="A47620" i="1" s="1"/>
  <c r="A47621" i="1" s="1"/>
  <c r="A47622" i="1" s="1"/>
  <c r="A47623" i="1" s="1"/>
  <c r="A47624" i="1" s="1"/>
  <c r="A47625" i="1" s="1"/>
  <c r="A47626" i="1" s="1"/>
  <c r="A47627" i="1" s="1"/>
  <c r="A47628" i="1" s="1"/>
  <c r="A47629" i="1" s="1"/>
  <c r="A47630" i="1" s="1"/>
  <c r="A47631" i="1" s="1"/>
  <c r="A47632" i="1" s="1"/>
  <c r="A47633" i="1" s="1"/>
  <c r="A47634" i="1" s="1"/>
  <c r="A47635" i="1" s="1"/>
  <c r="A47636" i="1" s="1"/>
  <c r="A47637" i="1" s="1"/>
  <c r="A47638" i="1" s="1"/>
  <c r="A47639" i="1" s="1"/>
  <c r="A47640" i="1" s="1"/>
  <c r="A47641" i="1" s="1"/>
  <c r="A47642" i="1" s="1"/>
  <c r="A47643" i="1" s="1"/>
  <c r="A47644" i="1" s="1"/>
  <c r="A47645" i="1" s="1"/>
  <c r="A47646" i="1" s="1"/>
  <c r="A47647" i="1" s="1"/>
  <c r="A47648" i="1" s="1"/>
  <c r="A47649" i="1" s="1"/>
  <c r="A47650" i="1" s="1"/>
  <c r="A47651" i="1" s="1"/>
  <c r="A47652" i="1" s="1"/>
  <c r="A47653" i="1" s="1"/>
  <c r="A47654" i="1" s="1"/>
  <c r="A47655" i="1" s="1"/>
  <c r="A47656" i="1" s="1"/>
  <c r="A47657" i="1" s="1"/>
  <c r="A47658" i="1" s="1"/>
  <c r="A47659" i="1" s="1"/>
  <c r="A47660" i="1" s="1"/>
  <c r="A47661" i="1" s="1"/>
  <c r="A47662" i="1" s="1"/>
  <c r="A47663" i="1" s="1"/>
  <c r="A47664" i="1" s="1"/>
  <c r="A47665" i="1" s="1"/>
  <c r="A47666" i="1" s="1"/>
  <c r="A47667" i="1" s="1"/>
  <c r="A47668" i="1" s="1"/>
  <c r="A47669" i="1" s="1"/>
  <c r="A47670" i="1" s="1"/>
  <c r="A47671" i="1" s="1"/>
  <c r="A47672" i="1" s="1"/>
  <c r="A47673" i="1" s="1"/>
  <c r="A47674" i="1" s="1"/>
  <c r="A47675" i="1" s="1"/>
  <c r="A47676" i="1" s="1"/>
  <c r="A47677" i="1" s="1"/>
  <c r="A47678" i="1" s="1"/>
  <c r="A47679" i="1" s="1"/>
  <c r="A47680" i="1" s="1"/>
  <c r="A47681" i="1" s="1"/>
  <c r="A47682" i="1" s="1"/>
  <c r="A47683" i="1" s="1"/>
  <c r="A47684" i="1" s="1"/>
  <c r="A47685" i="1" s="1"/>
  <c r="A47686" i="1" s="1"/>
  <c r="A47687" i="1" s="1"/>
  <c r="A47688" i="1" s="1"/>
  <c r="A47689" i="1" s="1"/>
  <c r="A47690" i="1" s="1"/>
  <c r="A47691" i="1" s="1"/>
  <c r="A47692" i="1" s="1"/>
  <c r="A47693" i="1" s="1"/>
  <c r="A47694" i="1" s="1"/>
  <c r="A47695" i="1" s="1"/>
  <c r="A47696" i="1" s="1"/>
  <c r="A47697" i="1" s="1"/>
  <c r="A47698" i="1" s="1"/>
  <c r="A47699" i="1" s="1"/>
  <c r="A47700" i="1" s="1"/>
  <c r="A47701" i="1" s="1"/>
  <c r="A47702" i="1" s="1"/>
  <c r="A47703" i="1" s="1"/>
  <c r="A47704" i="1" s="1"/>
  <c r="A47705" i="1" s="1"/>
  <c r="A47706" i="1" s="1"/>
  <c r="A47707" i="1" s="1"/>
  <c r="A47708" i="1" s="1"/>
  <c r="A47709" i="1" s="1"/>
  <c r="A47710" i="1" s="1"/>
  <c r="A47711" i="1" s="1"/>
  <c r="A47712" i="1" s="1"/>
  <c r="A47713" i="1" s="1"/>
  <c r="A47714" i="1" s="1"/>
  <c r="A47715" i="1" s="1"/>
  <c r="A47716" i="1" s="1"/>
  <c r="A47717" i="1" s="1"/>
  <c r="A47718" i="1" s="1"/>
  <c r="A47719" i="1" s="1"/>
  <c r="A47720" i="1" s="1"/>
  <c r="A47721" i="1" s="1"/>
  <c r="A47722" i="1" s="1"/>
  <c r="A47723" i="1" s="1"/>
  <c r="A47724" i="1" s="1"/>
  <c r="A47725" i="1" s="1"/>
  <c r="A47726" i="1" s="1"/>
  <c r="A47727" i="1" s="1"/>
  <c r="A47728" i="1" s="1"/>
  <c r="A47729" i="1" s="1"/>
  <c r="A47730" i="1" s="1"/>
  <c r="A47731" i="1" s="1"/>
  <c r="A47732" i="1" s="1"/>
  <c r="A47733" i="1" s="1"/>
  <c r="A47734" i="1" s="1"/>
  <c r="A47735" i="1" s="1"/>
  <c r="A47736" i="1" s="1"/>
  <c r="A47737" i="1" s="1"/>
  <c r="A47738" i="1" s="1"/>
  <c r="A47739" i="1" s="1"/>
  <c r="A47740" i="1" s="1"/>
  <c r="A47741" i="1" s="1"/>
  <c r="A47742" i="1" s="1"/>
  <c r="A47743" i="1" s="1"/>
  <c r="A47744" i="1" s="1"/>
  <c r="A47745" i="1" s="1"/>
  <c r="A47746" i="1" s="1"/>
  <c r="A47747" i="1" s="1"/>
  <c r="A47748" i="1" s="1"/>
  <c r="A47749" i="1" s="1"/>
  <c r="A47750" i="1" s="1"/>
  <c r="A47751" i="1" s="1"/>
  <c r="A47752" i="1" s="1"/>
  <c r="A47753" i="1" s="1"/>
  <c r="A47754" i="1" s="1"/>
  <c r="A47755" i="1" s="1"/>
  <c r="A47756" i="1" s="1"/>
  <c r="A47757" i="1" s="1"/>
  <c r="A47758" i="1" s="1"/>
  <c r="A47759" i="1" s="1"/>
  <c r="A47760" i="1" s="1"/>
  <c r="A47761" i="1" s="1"/>
  <c r="A47762" i="1" s="1"/>
  <c r="A47763" i="1" s="1"/>
  <c r="A47764" i="1" s="1"/>
  <c r="A47765" i="1" s="1"/>
  <c r="A47766" i="1" s="1"/>
  <c r="A47767" i="1" s="1"/>
  <c r="A47768" i="1" s="1"/>
  <c r="A47769" i="1" s="1"/>
  <c r="A47770" i="1" s="1"/>
  <c r="A47771" i="1" s="1"/>
  <c r="A47772" i="1" s="1"/>
  <c r="A47773" i="1" s="1"/>
  <c r="A47774" i="1" s="1"/>
  <c r="A47775" i="1" s="1"/>
  <c r="A47776" i="1" s="1"/>
  <c r="A47777" i="1" s="1"/>
  <c r="A47778" i="1" s="1"/>
  <c r="A47779" i="1" s="1"/>
  <c r="A47780" i="1" s="1"/>
  <c r="A47781" i="1" s="1"/>
  <c r="A47782" i="1" s="1"/>
  <c r="A47783" i="1" s="1"/>
  <c r="A47784" i="1" s="1"/>
  <c r="A47785" i="1" s="1"/>
  <c r="A47786" i="1" s="1"/>
  <c r="A47787" i="1" s="1"/>
  <c r="A47788" i="1" s="1"/>
  <c r="A47789" i="1" s="1"/>
  <c r="A47790" i="1" s="1"/>
  <c r="A47791" i="1" s="1"/>
  <c r="A47792" i="1" s="1"/>
  <c r="A47793" i="1" s="1"/>
  <c r="A47794" i="1" s="1"/>
  <c r="A47795" i="1" s="1"/>
  <c r="A47796" i="1" s="1"/>
  <c r="A47797" i="1" s="1"/>
  <c r="A47798" i="1" s="1"/>
  <c r="A47799" i="1" s="1"/>
  <c r="A47800" i="1" s="1"/>
  <c r="A47801" i="1" s="1"/>
  <c r="A47802" i="1" s="1"/>
  <c r="A47803" i="1" s="1"/>
  <c r="A47804" i="1" s="1"/>
  <c r="A47805" i="1" s="1"/>
  <c r="A47806" i="1" s="1"/>
  <c r="A47807" i="1" s="1"/>
  <c r="A47808" i="1" s="1"/>
  <c r="A47809" i="1" s="1"/>
  <c r="A47810" i="1" s="1"/>
  <c r="A47811" i="1" s="1"/>
  <c r="A47812" i="1" s="1"/>
  <c r="A47813" i="1" s="1"/>
  <c r="A47814" i="1" s="1"/>
  <c r="A47815" i="1" s="1"/>
  <c r="A47816" i="1" s="1"/>
  <c r="A47817" i="1" s="1"/>
  <c r="A47818" i="1" s="1"/>
  <c r="A47819" i="1" s="1"/>
  <c r="A47820" i="1" s="1"/>
  <c r="A47821" i="1" s="1"/>
  <c r="A47822" i="1" s="1"/>
  <c r="A47823" i="1" s="1"/>
  <c r="A47824" i="1" s="1"/>
  <c r="A47825" i="1" s="1"/>
  <c r="A47826" i="1" s="1"/>
  <c r="A47827" i="1" s="1"/>
  <c r="A47828" i="1" s="1"/>
  <c r="A47829" i="1" s="1"/>
  <c r="A47830" i="1" s="1"/>
  <c r="A47831" i="1" s="1"/>
  <c r="A47832" i="1" s="1"/>
  <c r="A47833" i="1" s="1"/>
  <c r="A47834" i="1" s="1"/>
  <c r="A47835" i="1" s="1"/>
  <c r="A47836" i="1" s="1"/>
  <c r="A47837" i="1" s="1"/>
  <c r="A47838" i="1" s="1"/>
  <c r="A47839" i="1" s="1"/>
  <c r="A47840" i="1" s="1"/>
  <c r="A47841" i="1" s="1"/>
  <c r="A47842" i="1" s="1"/>
  <c r="A47843" i="1" s="1"/>
  <c r="A47844" i="1" s="1"/>
  <c r="A47845" i="1" s="1"/>
  <c r="A47846" i="1" s="1"/>
  <c r="A47847" i="1" s="1"/>
  <c r="A47848" i="1" s="1"/>
  <c r="A47849" i="1" s="1"/>
  <c r="A47850" i="1" s="1"/>
  <c r="A47851" i="1" s="1"/>
  <c r="A47852" i="1" s="1"/>
  <c r="A47853" i="1" s="1"/>
  <c r="A47854" i="1" s="1"/>
  <c r="A47855" i="1" s="1"/>
  <c r="A47856" i="1" s="1"/>
  <c r="A47857" i="1" s="1"/>
  <c r="A47858" i="1" s="1"/>
  <c r="A47859" i="1" s="1"/>
  <c r="A47860" i="1" s="1"/>
  <c r="A47861" i="1" s="1"/>
  <c r="A47862" i="1" s="1"/>
  <c r="A47863" i="1" s="1"/>
  <c r="A47864" i="1" s="1"/>
  <c r="A47865" i="1" s="1"/>
  <c r="A47866" i="1" s="1"/>
  <c r="A47867" i="1" s="1"/>
  <c r="A47868" i="1" s="1"/>
  <c r="A47869" i="1" s="1"/>
  <c r="A47870" i="1" s="1"/>
  <c r="A47871" i="1" s="1"/>
  <c r="A47872" i="1" s="1"/>
  <c r="A47873" i="1" s="1"/>
  <c r="A47874" i="1" s="1"/>
  <c r="A47875" i="1" s="1"/>
  <c r="A47876" i="1" s="1"/>
  <c r="A47877" i="1" s="1"/>
  <c r="A47878" i="1" s="1"/>
  <c r="A47879" i="1" s="1"/>
  <c r="A47880" i="1" s="1"/>
  <c r="A47881" i="1" s="1"/>
  <c r="A47882" i="1" s="1"/>
  <c r="A47883" i="1" s="1"/>
  <c r="A47884" i="1" s="1"/>
  <c r="A47885" i="1" s="1"/>
  <c r="A47886" i="1" s="1"/>
  <c r="A47887" i="1" s="1"/>
  <c r="A47888" i="1" s="1"/>
  <c r="A47889" i="1" s="1"/>
  <c r="A47890" i="1" s="1"/>
  <c r="A47891" i="1" s="1"/>
  <c r="A47892" i="1" s="1"/>
  <c r="A47893" i="1" s="1"/>
  <c r="A47894" i="1" s="1"/>
  <c r="A47895" i="1" s="1"/>
  <c r="A47896" i="1" s="1"/>
  <c r="A47897" i="1" s="1"/>
  <c r="A47898" i="1" s="1"/>
  <c r="A47899" i="1" s="1"/>
  <c r="A47900" i="1" s="1"/>
  <c r="A47901" i="1" s="1"/>
  <c r="A47902" i="1" s="1"/>
  <c r="A47903" i="1" s="1"/>
  <c r="A47904" i="1" s="1"/>
  <c r="A47905" i="1" s="1"/>
  <c r="A47906" i="1" s="1"/>
  <c r="A47907" i="1" s="1"/>
  <c r="A47908" i="1" s="1"/>
  <c r="A47909" i="1" s="1"/>
  <c r="A47910" i="1" s="1"/>
  <c r="A47911" i="1" s="1"/>
  <c r="A47912" i="1" s="1"/>
  <c r="A47913" i="1" s="1"/>
  <c r="A47914" i="1" s="1"/>
  <c r="A47915" i="1" s="1"/>
  <c r="A47916" i="1" s="1"/>
  <c r="A47917" i="1" s="1"/>
  <c r="A47918" i="1" s="1"/>
  <c r="A47919" i="1" s="1"/>
  <c r="A47920" i="1" s="1"/>
  <c r="A47921" i="1" s="1"/>
  <c r="A47922" i="1" s="1"/>
  <c r="A47923" i="1" s="1"/>
  <c r="A47924" i="1" s="1"/>
  <c r="A47925" i="1" s="1"/>
  <c r="A47926" i="1" s="1"/>
  <c r="A47927" i="1" s="1"/>
  <c r="A47928" i="1" s="1"/>
  <c r="A47929" i="1" s="1"/>
  <c r="A47930" i="1" s="1"/>
  <c r="A47931" i="1" s="1"/>
  <c r="A47932" i="1" s="1"/>
  <c r="A47933" i="1" s="1"/>
  <c r="A47934" i="1" s="1"/>
  <c r="A47935" i="1" s="1"/>
  <c r="A47936" i="1" s="1"/>
  <c r="A47937" i="1" s="1"/>
  <c r="A47938" i="1" s="1"/>
  <c r="A47939" i="1" s="1"/>
  <c r="A47940" i="1" s="1"/>
  <c r="A47941" i="1" s="1"/>
  <c r="A47942" i="1" s="1"/>
  <c r="A47943" i="1" s="1"/>
  <c r="A47944" i="1" s="1"/>
  <c r="A47945" i="1" s="1"/>
  <c r="A47946" i="1" s="1"/>
  <c r="A47947" i="1" s="1"/>
  <c r="A47948" i="1" s="1"/>
  <c r="A47949" i="1" s="1"/>
  <c r="A47950" i="1" s="1"/>
  <c r="A47951" i="1" s="1"/>
  <c r="A47952" i="1" s="1"/>
  <c r="A47953" i="1" s="1"/>
  <c r="A47954" i="1" s="1"/>
  <c r="A47955" i="1" s="1"/>
  <c r="A47956" i="1" s="1"/>
  <c r="A47957" i="1" s="1"/>
  <c r="A47958" i="1" s="1"/>
  <c r="A47959" i="1" s="1"/>
  <c r="A47960" i="1" s="1"/>
  <c r="A47961" i="1" s="1"/>
  <c r="A47962" i="1" s="1"/>
  <c r="A47963" i="1" s="1"/>
  <c r="A47964" i="1" s="1"/>
  <c r="A47965" i="1" s="1"/>
  <c r="A47966" i="1" s="1"/>
  <c r="A47967" i="1" s="1"/>
  <c r="A47968" i="1" s="1"/>
  <c r="A47969" i="1" s="1"/>
  <c r="A47970" i="1" s="1"/>
  <c r="A47971" i="1" s="1"/>
  <c r="A47972" i="1" s="1"/>
  <c r="A47973" i="1" s="1"/>
  <c r="A47974" i="1" s="1"/>
  <c r="A47975" i="1" s="1"/>
  <c r="A47976" i="1" s="1"/>
  <c r="A47977" i="1" s="1"/>
  <c r="A47978" i="1" s="1"/>
  <c r="A47979" i="1" s="1"/>
  <c r="A47980" i="1" s="1"/>
  <c r="A47981" i="1" s="1"/>
  <c r="A47982" i="1" s="1"/>
  <c r="A47983" i="1" s="1"/>
  <c r="A47984" i="1" s="1"/>
  <c r="A47985" i="1" s="1"/>
  <c r="A47986" i="1" s="1"/>
  <c r="A47987" i="1" s="1"/>
  <c r="A47988" i="1" s="1"/>
  <c r="A47989" i="1" s="1"/>
  <c r="A47990" i="1" s="1"/>
  <c r="A47991" i="1" s="1"/>
  <c r="A47992" i="1" s="1"/>
  <c r="A47993" i="1" s="1"/>
  <c r="A47994" i="1" s="1"/>
  <c r="A47995" i="1" s="1"/>
  <c r="A47996" i="1" s="1"/>
  <c r="A47997" i="1" s="1"/>
  <c r="A47998" i="1" s="1"/>
  <c r="A47999" i="1" s="1"/>
  <c r="A48000" i="1" s="1"/>
  <c r="A48001" i="1" s="1"/>
  <c r="A48002" i="1" s="1"/>
  <c r="A48003" i="1" s="1"/>
  <c r="A48004" i="1" s="1"/>
  <c r="A48005" i="1" s="1"/>
  <c r="A48006" i="1" s="1"/>
  <c r="A48007" i="1" s="1"/>
  <c r="A48008" i="1" s="1"/>
  <c r="A48009" i="1" s="1"/>
  <c r="A48010" i="1" s="1"/>
  <c r="A48011" i="1" s="1"/>
  <c r="A48012" i="1" s="1"/>
  <c r="A48013" i="1" s="1"/>
  <c r="A48014" i="1" s="1"/>
  <c r="A48015" i="1" s="1"/>
  <c r="A48016" i="1" s="1"/>
  <c r="A48017" i="1" s="1"/>
  <c r="A48018" i="1" s="1"/>
  <c r="A48019" i="1" s="1"/>
  <c r="A48020" i="1" s="1"/>
  <c r="A48021" i="1" s="1"/>
  <c r="A48022" i="1" s="1"/>
  <c r="A48023" i="1" s="1"/>
  <c r="A48024" i="1" s="1"/>
  <c r="A48025" i="1" s="1"/>
  <c r="A48026" i="1" s="1"/>
  <c r="A48027" i="1" s="1"/>
  <c r="A48028" i="1" s="1"/>
  <c r="A48029" i="1" s="1"/>
  <c r="A48030" i="1" s="1"/>
  <c r="A48031" i="1" s="1"/>
  <c r="A48032" i="1" s="1"/>
  <c r="A48033" i="1" s="1"/>
  <c r="A48034" i="1" s="1"/>
  <c r="A48035" i="1" s="1"/>
  <c r="A48036" i="1" s="1"/>
  <c r="A48037" i="1" s="1"/>
  <c r="A48038" i="1" s="1"/>
  <c r="A48039" i="1" s="1"/>
  <c r="A48040" i="1" s="1"/>
  <c r="A48041" i="1" s="1"/>
  <c r="A48042" i="1" s="1"/>
  <c r="A48043" i="1" s="1"/>
  <c r="A48044" i="1" s="1"/>
  <c r="A48045" i="1" s="1"/>
  <c r="A48046" i="1" s="1"/>
  <c r="A48047" i="1" s="1"/>
  <c r="A48048" i="1" s="1"/>
  <c r="A48049" i="1" s="1"/>
  <c r="A48050" i="1" s="1"/>
  <c r="A48051" i="1" s="1"/>
  <c r="A48052" i="1" s="1"/>
  <c r="A48053" i="1" s="1"/>
  <c r="A48054" i="1" s="1"/>
  <c r="A48055" i="1" s="1"/>
  <c r="A48056" i="1" s="1"/>
  <c r="A48057" i="1" s="1"/>
  <c r="A48058" i="1" s="1"/>
  <c r="A48059" i="1" s="1"/>
  <c r="A48060" i="1" s="1"/>
  <c r="A48061" i="1" s="1"/>
  <c r="A48062" i="1" s="1"/>
  <c r="A48063" i="1" s="1"/>
  <c r="A48064" i="1" s="1"/>
  <c r="A48065" i="1" s="1"/>
  <c r="A48066" i="1" s="1"/>
  <c r="A48067" i="1" s="1"/>
  <c r="A48068" i="1" s="1"/>
  <c r="A48069" i="1" s="1"/>
  <c r="A48070" i="1" s="1"/>
  <c r="A48071" i="1" s="1"/>
  <c r="A48072" i="1" s="1"/>
  <c r="A48073" i="1" s="1"/>
  <c r="A48074" i="1" s="1"/>
  <c r="A48075" i="1" s="1"/>
  <c r="A48076" i="1" s="1"/>
  <c r="A48077" i="1" s="1"/>
  <c r="A48078" i="1" s="1"/>
  <c r="A48079" i="1" s="1"/>
  <c r="A48080" i="1" s="1"/>
  <c r="A48081" i="1" s="1"/>
  <c r="A48082" i="1" s="1"/>
  <c r="A48083" i="1" s="1"/>
  <c r="A48084" i="1" s="1"/>
  <c r="A48085" i="1" s="1"/>
  <c r="A48086" i="1" s="1"/>
  <c r="A48087" i="1" s="1"/>
  <c r="A48088" i="1" s="1"/>
  <c r="A48089" i="1" s="1"/>
  <c r="A48090" i="1" s="1"/>
  <c r="A48091" i="1" s="1"/>
  <c r="A48092" i="1" s="1"/>
  <c r="A48093" i="1" s="1"/>
  <c r="A48094" i="1" s="1"/>
  <c r="A48095" i="1" s="1"/>
  <c r="A48096" i="1" s="1"/>
  <c r="A48097" i="1" s="1"/>
  <c r="A48098" i="1" s="1"/>
  <c r="A48099" i="1" s="1"/>
  <c r="A48100" i="1" s="1"/>
  <c r="A48101" i="1" s="1"/>
  <c r="A48102" i="1" s="1"/>
  <c r="A48103" i="1" s="1"/>
  <c r="A48104" i="1" s="1"/>
  <c r="A48105" i="1" s="1"/>
  <c r="A48106" i="1" s="1"/>
  <c r="A48107" i="1" s="1"/>
  <c r="A48108" i="1" s="1"/>
  <c r="A48109" i="1" s="1"/>
  <c r="A48110" i="1" s="1"/>
  <c r="A48111" i="1" s="1"/>
  <c r="A48112" i="1" s="1"/>
  <c r="A48113" i="1" s="1"/>
  <c r="A48114" i="1" s="1"/>
  <c r="A48115" i="1" s="1"/>
  <c r="A48116" i="1" s="1"/>
  <c r="A48117" i="1" s="1"/>
  <c r="A48118" i="1" s="1"/>
  <c r="A48119" i="1" s="1"/>
  <c r="A48120" i="1" s="1"/>
  <c r="A48121" i="1" s="1"/>
  <c r="A48122" i="1" s="1"/>
  <c r="A48123" i="1" s="1"/>
  <c r="A48124" i="1" s="1"/>
  <c r="A48125" i="1" s="1"/>
  <c r="A48126" i="1" s="1"/>
  <c r="A48127" i="1" s="1"/>
  <c r="A48128" i="1" s="1"/>
  <c r="A48129" i="1" s="1"/>
  <c r="A48130" i="1" s="1"/>
  <c r="A48131" i="1" s="1"/>
  <c r="A48132" i="1" s="1"/>
  <c r="A48133" i="1" s="1"/>
  <c r="A48134" i="1" s="1"/>
  <c r="A48135" i="1" s="1"/>
  <c r="A48136" i="1" s="1"/>
  <c r="A48137" i="1" s="1"/>
  <c r="A48138" i="1" s="1"/>
  <c r="A48139" i="1" s="1"/>
  <c r="A48140" i="1" s="1"/>
  <c r="A48141" i="1" s="1"/>
  <c r="A48142" i="1" s="1"/>
  <c r="A48143" i="1" s="1"/>
  <c r="A48144" i="1" s="1"/>
  <c r="A48145" i="1" s="1"/>
  <c r="A48146" i="1" s="1"/>
  <c r="A48147" i="1" s="1"/>
  <c r="A48148" i="1" s="1"/>
  <c r="A48149" i="1" s="1"/>
  <c r="A48150" i="1" s="1"/>
  <c r="A48151" i="1" s="1"/>
  <c r="A48152" i="1" s="1"/>
  <c r="A48153" i="1" s="1"/>
  <c r="A48154" i="1" s="1"/>
  <c r="A48155" i="1" s="1"/>
  <c r="A48156" i="1" s="1"/>
  <c r="A48157" i="1" s="1"/>
  <c r="A48158" i="1" s="1"/>
  <c r="A48159" i="1" s="1"/>
  <c r="A48160" i="1" s="1"/>
  <c r="A48161" i="1" s="1"/>
  <c r="A48162" i="1" s="1"/>
  <c r="A48163" i="1" s="1"/>
  <c r="A48164" i="1" s="1"/>
  <c r="A48165" i="1" s="1"/>
  <c r="A48166" i="1" s="1"/>
  <c r="A48167" i="1" s="1"/>
  <c r="A48168" i="1" s="1"/>
  <c r="A48169" i="1" s="1"/>
  <c r="A48170" i="1" s="1"/>
  <c r="A48171" i="1" s="1"/>
  <c r="A48172" i="1" s="1"/>
  <c r="A48173" i="1" s="1"/>
  <c r="A48174" i="1" s="1"/>
  <c r="A48175" i="1" s="1"/>
  <c r="A48176" i="1" s="1"/>
  <c r="A48177" i="1" s="1"/>
  <c r="A48178" i="1" s="1"/>
  <c r="A48179" i="1" s="1"/>
  <c r="A48180" i="1" s="1"/>
  <c r="A48181" i="1" s="1"/>
  <c r="A48182" i="1" s="1"/>
  <c r="A48183" i="1" s="1"/>
  <c r="A48184" i="1" s="1"/>
  <c r="A48185" i="1" s="1"/>
  <c r="A48186" i="1" s="1"/>
  <c r="A48187" i="1" s="1"/>
  <c r="A48188" i="1" s="1"/>
  <c r="A48189" i="1" s="1"/>
  <c r="A48190" i="1" s="1"/>
  <c r="A48191" i="1" s="1"/>
  <c r="A48192" i="1" s="1"/>
  <c r="A48193" i="1" s="1"/>
  <c r="A48194" i="1" s="1"/>
  <c r="A48195" i="1" s="1"/>
  <c r="A48196" i="1" s="1"/>
  <c r="A48197" i="1" s="1"/>
  <c r="A48198" i="1" s="1"/>
  <c r="A48199" i="1" s="1"/>
  <c r="A48200" i="1" s="1"/>
  <c r="A48201" i="1" s="1"/>
  <c r="A48202" i="1" s="1"/>
  <c r="A48203" i="1" s="1"/>
  <c r="A48204" i="1" s="1"/>
  <c r="A48205" i="1" s="1"/>
  <c r="A48206" i="1" s="1"/>
  <c r="A48207" i="1" s="1"/>
  <c r="A48208" i="1" s="1"/>
  <c r="A48209" i="1" s="1"/>
  <c r="A48210" i="1" s="1"/>
  <c r="A48211" i="1" s="1"/>
  <c r="A48212" i="1" s="1"/>
  <c r="A48213" i="1" s="1"/>
  <c r="A48214" i="1" s="1"/>
  <c r="A48215" i="1" s="1"/>
  <c r="A48216" i="1" s="1"/>
  <c r="A48217" i="1" s="1"/>
  <c r="A48218" i="1" s="1"/>
  <c r="A48219" i="1" s="1"/>
  <c r="A48220" i="1" s="1"/>
  <c r="A48221" i="1" s="1"/>
  <c r="A48222" i="1" s="1"/>
  <c r="A48223" i="1" s="1"/>
  <c r="A48224" i="1" s="1"/>
  <c r="A48225" i="1" s="1"/>
  <c r="A48226" i="1" s="1"/>
  <c r="A48227" i="1" s="1"/>
  <c r="A48228" i="1" s="1"/>
  <c r="A48229" i="1" s="1"/>
  <c r="A48230" i="1" s="1"/>
  <c r="A48231" i="1" s="1"/>
  <c r="A48232" i="1" s="1"/>
  <c r="A48233" i="1" s="1"/>
  <c r="A48234" i="1" s="1"/>
  <c r="A48235" i="1" s="1"/>
  <c r="A48236" i="1" s="1"/>
  <c r="A48237" i="1" s="1"/>
  <c r="A48238" i="1" s="1"/>
  <c r="A48239" i="1" s="1"/>
  <c r="A48240" i="1" s="1"/>
  <c r="A48241" i="1" s="1"/>
  <c r="A48242" i="1" s="1"/>
  <c r="A48243" i="1" s="1"/>
  <c r="A48244" i="1" s="1"/>
  <c r="A48245" i="1" s="1"/>
  <c r="A48246" i="1" s="1"/>
  <c r="A48247" i="1" s="1"/>
  <c r="A48248" i="1" s="1"/>
  <c r="A48249" i="1" s="1"/>
  <c r="A48250" i="1" s="1"/>
  <c r="A48251" i="1" s="1"/>
  <c r="A48252" i="1" s="1"/>
  <c r="A48253" i="1" s="1"/>
  <c r="A48254" i="1" s="1"/>
  <c r="A48255" i="1" s="1"/>
  <c r="A48256" i="1" s="1"/>
  <c r="A48257" i="1" s="1"/>
  <c r="A48258" i="1" s="1"/>
  <c r="A48259" i="1" s="1"/>
  <c r="A48260" i="1" s="1"/>
  <c r="A48261" i="1" s="1"/>
  <c r="A48262" i="1" s="1"/>
  <c r="A48263" i="1" s="1"/>
  <c r="A48264" i="1" s="1"/>
  <c r="A48265" i="1" s="1"/>
  <c r="A48266" i="1" s="1"/>
  <c r="A48267" i="1" s="1"/>
  <c r="A48268" i="1" s="1"/>
  <c r="A48269" i="1" s="1"/>
  <c r="A48270" i="1" s="1"/>
  <c r="A48271" i="1" s="1"/>
  <c r="A48272" i="1" s="1"/>
  <c r="A48273" i="1" s="1"/>
  <c r="A48274" i="1" s="1"/>
  <c r="A48275" i="1" s="1"/>
  <c r="A48276" i="1" s="1"/>
  <c r="A48277" i="1" s="1"/>
  <c r="A48278" i="1" s="1"/>
  <c r="A48279" i="1" s="1"/>
  <c r="A48280" i="1" s="1"/>
  <c r="A48281" i="1" s="1"/>
  <c r="A48282" i="1" s="1"/>
  <c r="A48283" i="1" s="1"/>
  <c r="A48284" i="1" s="1"/>
  <c r="A48285" i="1" s="1"/>
  <c r="A48286" i="1" s="1"/>
  <c r="A48287" i="1" s="1"/>
  <c r="A48288" i="1" s="1"/>
  <c r="A48289" i="1" s="1"/>
  <c r="A48290" i="1" s="1"/>
  <c r="A48291" i="1" s="1"/>
  <c r="A48292" i="1" s="1"/>
  <c r="A48293" i="1" s="1"/>
  <c r="A48294" i="1" s="1"/>
  <c r="A48295" i="1" s="1"/>
  <c r="A48296" i="1" s="1"/>
  <c r="A48297" i="1" s="1"/>
  <c r="A48298" i="1" s="1"/>
  <c r="A48299" i="1" s="1"/>
  <c r="A48300" i="1" s="1"/>
  <c r="A48301" i="1" s="1"/>
  <c r="A48302" i="1" s="1"/>
  <c r="A48303" i="1" s="1"/>
  <c r="A48304" i="1" s="1"/>
  <c r="A48305" i="1" s="1"/>
  <c r="A48306" i="1" s="1"/>
  <c r="A48307" i="1" s="1"/>
  <c r="A48308" i="1" s="1"/>
  <c r="A48309" i="1" s="1"/>
  <c r="A48310" i="1" s="1"/>
  <c r="A48311" i="1" s="1"/>
  <c r="A48312" i="1" s="1"/>
  <c r="A48313" i="1" s="1"/>
  <c r="A48314" i="1" s="1"/>
  <c r="A48315" i="1" s="1"/>
  <c r="A48316" i="1" s="1"/>
  <c r="A48317" i="1" s="1"/>
  <c r="A48318" i="1" s="1"/>
  <c r="A48319" i="1" s="1"/>
  <c r="A48320" i="1" s="1"/>
  <c r="A48321" i="1" s="1"/>
  <c r="A48322" i="1" s="1"/>
  <c r="A48323" i="1" s="1"/>
  <c r="A48324" i="1" s="1"/>
  <c r="A48325" i="1" s="1"/>
  <c r="A48326" i="1" s="1"/>
  <c r="A48327" i="1" s="1"/>
  <c r="A48328" i="1" s="1"/>
  <c r="A48329" i="1" s="1"/>
  <c r="A48330" i="1" s="1"/>
  <c r="A48331" i="1" s="1"/>
  <c r="A48332" i="1" s="1"/>
  <c r="A48333" i="1" s="1"/>
  <c r="A48334" i="1" s="1"/>
  <c r="A48335" i="1" s="1"/>
  <c r="A48336" i="1" s="1"/>
  <c r="A48337" i="1" s="1"/>
  <c r="A48338" i="1" s="1"/>
  <c r="A48339" i="1" s="1"/>
  <c r="A48340" i="1" s="1"/>
  <c r="A48341" i="1" s="1"/>
  <c r="A48342" i="1" s="1"/>
  <c r="A48343" i="1" s="1"/>
  <c r="A48344" i="1" s="1"/>
  <c r="A48345" i="1" s="1"/>
  <c r="A48346" i="1" s="1"/>
  <c r="A48347" i="1" s="1"/>
  <c r="A48348" i="1" s="1"/>
  <c r="A48349" i="1" s="1"/>
  <c r="A48350" i="1" s="1"/>
  <c r="A48351" i="1" s="1"/>
  <c r="A48352" i="1" s="1"/>
  <c r="A48353" i="1" s="1"/>
  <c r="A48354" i="1" s="1"/>
  <c r="A48355" i="1" s="1"/>
  <c r="A48356" i="1" s="1"/>
  <c r="A48357" i="1" s="1"/>
  <c r="A48358" i="1" s="1"/>
  <c r="A48359" i="1" s="1"/>
  <c r="A48360" i="1" s="1"/>
  <c r="A48361" i="1" s="1"/>
  <c r="A48362" i="1" s="1"/>
  <c r="A48363" i="1" s="1"/>
  <c r="A48364" i="1" s="1"/>
  <c r="A48365" i="1" s="1"/>
  <c r="A48366" i="1" s="1"/>
  <c r="A48367" i="1" s="1"/>
  <c r="A48368" i="1" s="1"/>
  <c r="A48369" i="1" s="1"/>
  <c r="A48370" i="1" s="1"/>
  <c r="A48371" i="1" s="1"/>
  <c r="A48372" i="1" s="1"/>
  <c r="A48373" i="1" s="1"/>
  <c r="A48374" i="1" s="1"/>
  <c r="A48375" i="1" s="1"/>
  <c r="A48376" i="1" s="1"/>
  <c r="A48377" i="1" s="1"/>
  <c r="A48378" i="1" s="1"/>
  <c r="A48379" i="1" s="1"/>
  <c r="A48380" i="1" s="1"/>
  <c r="A48381" i="1" s="1"/>
  <c r="A48382" i="1" s="1"/>
  <c r="A48383" i="1" s="1"/>
  <c r="A48384" i="1" s="1"/>
  <c r="A48385" i="1" s="1"/>
  <c r="A48386" i="1" s="1"/>
  <c r="A48387" i="1" s="1"/>
  <c r="A48388" i="1" s="1"/>
  <c r="A48389" i="1" s="1"/>
  <c r="A48390" i="1" s="1"/>
  <c r="A48391" i="1" s="1"/>
  <c r="A48392" i="1" s="1"/>
  <c r="A48393" i="1" s="1"/>
  <c r="A48394" i="1" s="1"/>
  <c r="A48395" i="1" s="1"/>
  <c r="A48396" i="1" s="1"/>
  <c r="A48397" i="1" s="1"/>
  <c r="A48398" i="1" s="1"/>
  <c r="A48399" i="1" s="1"/>
  <c r="A48400" i="1" s="1"/>
  <c r="A48401" i="1" s="1"/>
  <c r="A48402" i="1" s="1"/>
  <c r="A48403" i="1" s="1"/>
  <c r="A48404" i="1" s="1"/>
  <c r="A48405" i="1" s="1"/>
  <c r="A48406" i="1" s="1"/>
  <c r="A48407" i="1" s="1"/>
  <c r="A48408" i="1" s="1"/>
  <c r="A48409" i="1" s="1"/>
  <c r="A48410" i="1" s="1"/>
  <c r="A48411" i="1" s="1"/>
  <c r="A48412" i="1" s="1"/>
  <c r="A48413" i="1" s="1"/>
  <c r="A48414" i="1" s="1"/>
  <c r="A48415" i="1" s="1"/>
  <c r="A48416" i="1" s="1"/>
  <c r="A48417" i="1" s="1"/>
  <c r="A48418" i="1" s="1"/>
  <c r="A48419" i="1" s="1"/>
  <c r="A48420" i="1" s="1"/>
  <c r="A48421" i="1" s="1"/>
  <c r="A48422" i="1" s="1"/>
  <c r="A48423" i="1" s="1"/>
  <c r="A48424" i="1" s="1"/>
  <c r="A48425" i="1" s="1"/>
  <c r="A48426" i="1" s="1"/>
  <c r="A48427" i="1" s="1"/>
  <c r="A48428" i="1" s="1"/>
  <c r="A48429" i="1" s="1"/>
  <c r="A48430" i="1" s="1"/>
  <c r="A48431" i="1" s="1"/>
  <c r="A48432" i="1" s="1"/>
  <c r="A48433" i="1" s="1"/>
  <c r="A48434" i="1" s="1"/>
  <c r="A48435" i="1" s="1"/>
  <c r="A48436" i="1" s="1"/>
  <c r="A48437" i="1" s="1"/>
  <c r="A48438" i="1" s="1"/>
  <c r="A48439" i="1" s="1"/>
  <c r="A48440" i="1" s="1"/>
  <c r="A48441" i="1" s="1"/>
  <c r="A48442" i="1" s="1"/>
  <c r="A48443" i="1" s="1"/>
  <c r="A48444" i="1" s="1"/>
  <c r="A48445" i="1" s="1"/>
  <c r="A48446" i="1" s="1"/>
  <c r="A48447" i="1" s="1"/>
  <c r="A48448" i="1" s="1"/>
  <c r="A48449" i="1" s="1"/>
  <c r="A48450" i="1" s="1"/>
  <c r="A48451" i="1" s="1"/>
  <c r="A48452" i="1" s="1"/>
  <c r="A48453" i="1" s="1"/>
  <c r="A48454" i="1" s="1"/>
  <c r="A48455" i="1" s="1"/>
  <c r="A48456" i="1" s="1"/>
  <c r="A48457" i="1" s="1"/>
  <c r="A48458" i="1" s="1"/>
  <c r="A48459" i="1" s="1"/>
  <c r="A48460" i="1" s="1"/>
  <c r="A48461" i="1" s="1"/>
  <c r="A48462" i="1" s="1"/>
  <c r="A48463" i="1" s="1"/>
  <c r="A48464" i="1" s="1"/>
  <c r="A48465" i="1" s="1"/>
  <c r="A48466" i="1" s="1"/>
  <c r="A48467" i="1" s="1"/>
  <c r="A48468" i="1" s="1"/>
  <c r="A48469" i="1" s="1"/>
  <c r="A48470" i="1" s="1"/>
  <c r="A48471" i="1" s="1"/>
  <c r="A48472" i="1" s="1"/>
  <c r="A48473" i="1" s="1"/>
  <c r="A48474" i="1" s="1"/>
  <c r="A48475" i="1" s="1"/>
  <c r="A48476" i="1" s="1"/>
  <c r="A48477" i="1" s="1"/>
  <c r="A48478" i="1" s="1"/>
  <c r="A48479" i="1" s="1"/>
  <c r="A48480" i="1" s="1"/>
  <c r="A48481" i="1" s="1"/>
  <c r="A48482" i="1" s="1"/>
  <c r="A48483" i="1" s="1"/>
  <c r="A48484" i="1" s="1"/>
  <c r="A48485" i="1" s="1"/>
  <c r="A48486" i="1" s="1"/>
  <c r="A48487" i="1" s="1"/>
  <c r="A48488" i="1" s="1"/>
  <c r="A48489" i="1" s="1"/>
  <c r="A48490" i="1" s="1"/>
  <c r="A48491" i="1" s="1"/>
  <c r="A48492" i="1" s="1"/>
  <c r="A48493" i="1" s="1"/>
  <c r="A48494" i="1" s="1"/>
  <c r="A48495" i="1" s="1"/>
  <c r="A48496" i="1" s="1"/>
  <c r="A48497" i="1" s="1"/>
  <c r="A48498" i="1" s="1"/>
  <c r="A48499" i="1" s="1"/>
  <c r="A48500" i="1" s="1"/>
  <c r="A48501" i="1" s="1"/>
  <c r="A48502" i="1" s="1"/>
  <c r="A48503" i="1" s="1"/>
  <c r="A48504" i="1" s="1"/>
  <c r="A48505" i="1" s="1"/>
  <c r="A48506" i="1" s="1"/>
  <c r="A48507" i="1" s="1"/>
  <c r="A48508" i="1" s="1"/>
  <c r="A48509" i="1" s="1"/>
  <c r="A48510" i="1" s="1"/>
  <c r="A48511" i="1" s="1"/>
  <c r="A48512" i="1" s="1"/>
  <c r="A48513" i="1" s="1"/>
  <c r="A48514" i="1" s="1"/>
  <c r="A48515" i="1" s="1"/>
  <c r="A48516" i="1" s="1"/>
  <c r="A48517" i="1" s="1"/>
  <c r="A48518" i="1" s="1"/>
  <c r="A48519" i="1" s="1"/>
  <c r="A48520" i="1" s="1"/>
  <c r="A48521" i="1" s="1"/>
  <c r="A48522" i="1" s="1"/>
  <c r="A48523" i="1" s="1"/>
  <c r="A48524" i="1" s="1"/>
  <c r="A48525" i="1" s="1"/>
  <c r="A48526" i="1" s="1"/>
  <c r="A48527" i="1" s="1"/>
  <c r="A48528" i="1" s="1"/>
  <c r="A48529" i="1" s="1"/>
  <c r="A48530" i="1" s="1"/>
  <c r="A48531" i="1" s="1"/>
  <c r="A48532" i="1" s="1"/>
  <c r="A48533" i="1" s="1"/>
  <c r="A48534" i="1" s="1"/>
  <c r="A48535" i="1" s="1"/>
  <c r="A48536" i="1" s="1"/>
  <c r="A48537" i="1" s="1"/>
  <c r="A48538" i="1" s="1"/>
  <c r="A48539" i="1" s="1"/>
  <c r="A48540" i="1" s="1"/>
  <c r="A48541" i="1" s="1"/>
  <c r="A48542" i="1" s="1"/>
  <c r="A48543" i="1" s="1"/>
  <c r="A48544" i="1" s="1"/>
  <c r="A48545" i="1" s="1"/>
  <c r="A48546" i="1" s="1"/>
  <c r="A48547" i="1" s="1"/>
  <c r="A48548" i="1" s="1"/>
  <c r="A48549" i="1" s="1"/>
  <c r="A48550" i="1" s="1"/>
  <c r="A48551" i="1" s="1"/>
  <c r="A48552" i="1" s="1"/>
  <c r="A48553" i="1" s="1"/>
  <c r="A48554" i="1" s="1"/>
  <c r="A48555" i="1" s="1"/>
  <c r="A48556" i="1" s="1"/>
  <c r="A48557" i="1" s="1"/>
  <c r="A48558" i="1" s="1"/>
  <c r="A48559" i="1" s="1"/>
  <c r="A48560" i="1" s="1"/>
  <c r="A48561" i="1" s="1"/>
  <c r="A48562" i="1" s="1"/>
  <c r="A48563" i="1" s="1"/>
  <c r="A48564" i="1" s="1"/>
  <c r="A48565" i="1" s="1"/>
  <c r="A48566" i="1" s="1"/>
  <c r="A48567" i="1" s="1"/>
  <c r="A48568" i="1" s="1"/>
  <c r="A48569" i="1" s="1"/>
  <c r="A48570" i="1" s="1"/>
  <c r="A48571" i="1" s="1"/>
  <c r="A48572" i="1" s="1"/>
  <c r="A48573" i="1" s="1"/>
  <c r="A48574" i="1" s="1"/>
  <c r="A48575" i="1" s="1"/>
  <c r="A48576" i="1" s="1"/>
  <c r="A48577" i="1" s="1"/>
  <c r="A48578" i="1" s="1"/>
  <c r="A48579" i="1" s="1"/>
  <c r="A48580" i="1" s="1"/>
  <c r="A48581" i="1" s="1"/>
  <c r="A48582" i="1" s="1"/>
  <c r="A48583" i="1" s="1"/>
  <c r="A48584" i="1" s="1"/>
  <c r="A48585" i="1" s="1"/>
  <c r="A48586" i="1" s="1"/>
  <c r="A48587" i="1" s="1"/>
  <c r="A48588" i="1" s="1"/>
  <c r="A48589" i="1" s="1"/>
  <c r="A48590" i="1" s="1"/>
  <c r="A48591" i="1" s="1"/>
  <c r="A48592" i="1" s="1"/>
  <c r="A48593" i="1" s="1"/>
  <c r="A48594" i="1" s="1"/>
  <c r="A48595" i="1" s="1"/>
  <c r="A48596" i="1" s="1"/>
  <c r="A48597" i="1" s="1"/>
  <c r="A48598" i="1" s="1"/>
  <c r="A48599" i="1" s="1"/>
  <c r="A48600" i="1" s="1"/>
  <c r="A48601" i="1" s="1"/>
  <c r="A48602" i="1" s="1"/>
  <c r="A48603" i="1" s="1"/>
  <c r="A48604" i="1" s="1"/>
  <c r="A48605" i="1" s="1"/>
  <c r="A48606" i="1" s="1"/>
  <c r="A48607" i="1" s="1"/>
  <c r="A48608" i="1" s="1"/>
  <c r="A48609" i="1" s="1"/>
  <c r="A48610" i="1" s="1"/>
  <c r="A48611" i="1" s="1"/>
  <c r="A48612" i="1" s="1"/>
  <c r="A48613" i="1" s="1"/>
  <c r="A48614" i="1" s="1"/>
  <c r="A48615" i="1" s="1"/>
  <c r="A48616" i="1" s="1"/>
  <c r="A48617" i="1" s="1"/>
  <c r="A48618" i="1" s="1"/>
  <c r="A48619" i="1" s="1"/>
  <c r="A48620" i="1" s="1"/>
  <c r="A48621" i="1" s="1"/>
  <c r="A48622" i="1" s="1"/>
  <c r="A48623" i="1" s="1"/>
  <c r="A48624" i="1" s="1"/>
  <c r="A48625" i="1" s="1"/>
  <c r="A48626" i="1" s="1"/>
  <c r="A48627" i="1" s="1"/>
  <c r="A48628" i="1" s="1"/>
  <c r="A48629" i="1" s="1"/>
  <c r="A48630" i="1" s="1"/>
  <c r="A48631" i="1" s="1"/>
  <c r="A48632" i="1" s="1"/>
  <c r="A48633" i="1" s="1"/>
  <c r="A48634" i="1" s="1"/>
  <c r="A48635" i="1" s="1"/>
  <c r="A48636" i="1" s="1"/>
  <c r="A48637" i="1" s="1"/>
  <c r="A48638" i="1" s="1"/>
  <c r="A48639" i="1" s="1"/>
  <c r="A48640" i="1" s="1"/>
  <c r="A48641" i="1" s="1"/>
  <c r="A48642" i="1" s="1"/>
  <c r="A48643" i="1" s="1"/>
  <c r="A48644" i="1" s="1"/>
  <c r="A48645" i="1" s="1"/>
  <c r="A48646" i="1" s="1"/>
  <c r="A48647" i="1" s="1"/>
  <c r="A48648" i="1" s="1"/>
  <c r="A48649" i="1" s="1"/>
  <c r="A48650" i="1" s="1"/>
  <c r="A48651" i="1" s="1"/>
  <c r="A48652" i="1" s="1"/>
  <c r="A48653" i="1" s="1"/>
  <c r="A48654" i="1" s="1"/>
  <c r="A48655" i="1" s="1"/>
  <c r="A48656" i="1" s="1"/>
  <c r="A48657" i="1" s="1"/>
  <c r="A48658" i="1" s="1"/>
  <c r="A48659" i="1" s="1"/>
  <c r="A48660" i="1" s="1"/>
  <c r="A48661" i="1" s="1"/>
  <c r="A48662" i="1" s="1"/>
  <c r="A48663" i="1" s="1"/>
  <c r="A48664" i="1" s="1"/>
  <c r="A48665" i="1" s="1"/>
  <c r="A48666" i="1" s="1"/>
  <c r="A48667" i="1" s="1"/>
  <c r="A48668" i="1" s="1"/>
  <c r="A48669" i="1" s="1"/>
  <c r="A48670" i="1" s="1"/>
  <c r="A48671" i="1" s="1"/>
  <c r="A48672" i="1" s="1"/>
  <c r="A48673" i="1" s="1"/>
  <c r="A48674" i="1" s="1"/>
  <c r="A48675" i="1" s="1"/>
  <c r="A48676" i="1" s="1"/>
  <c r="A48677" i="1" s="1"/>
  <c r="A48678" i="1" s="1"/>
  <c r="A48679" i="1" s="1"/>
  <c r="A48680" i="1" s="1"/>
  <c r="A48681" i="1" s="1"/>
  <c r="A48682" i="1" s="1"/>
  <c r="A48683" i="1" s="1"/>
  <c r="A48684" i="1" s="1"/>
  <c r="A48685" i="1" s="1"/>
  <c r="A48686" i="1" s="1"/>
  <c r="A48687" i="1" s="1"/>
  <c r="A48688" i="1" s="1"/>
  <c r="A48689" i="1" s="1"/>
  <c r="A48690" i="1" s="1"/>
  <c r="A48691" i="1" s="1"/>
  <c r="A48692" i="1" s="1"/>
  <c r="A48693" i="1" s="1"/>
  <c r="A48694" i="1" s="1"/>
  <c r="A48695" i="1" s="1"/>
  <c r="A48696" i="1" s="1"/>
  <c r="A48697" i="1" s="1"/>
  <c r="A48698" i="1" s="1"/>
  <c r="A48699" i="1" s="1"/>
  <c r="A48700" i="1" s="1"/>
  <c r="A48701" i="1" s="1"/>
  <c r="A48702" i="1" s="1"/>
  <c r="A48703" i="1" s="1"/>
  <c r="A48704" i="1" s="1"/>
  <c r="A48705" i="1" s="1"/>
  <c r="A48706" i="1" s="1"/>
  <c r="A48707" i="1" s="1"/>
  <c r="A48708" i="1" s="1"/>
  <c r="A48709" i="1" s="1"/>
  <c r="A48710" i="1" s="1"/>
  <c r="A48711" i="1" s="1"/>
  <c r="A48712" i="1" s="1"/>
  <c r="A48713" i="1" s="1"/>
  <c r="A48714" i="1" s="1"/>
  <c r="A48715" i="1" s="1"/>
  <c r="A48716" i="1" s="1"/>
  <c r="A48717" i="1" s="1"/>
  <c r="A48718" i="1" s="1"/>
  <c r="A48719" i="1" s="1"/>
  <c r="A48720" i="1" s="1"/>
  <c r="A48721" i="1" s="1"/>
  <c r="A48722" i="1" s="1"/>
  <c r="A48723" i="1" s="1"/>
  <c r="A48724" i="1" s="1"/>
  <c r="A48725" i="1" s="1"/>
  <c r="A48726" i="1" s="1"/>
  <c r="A48727" i="1" s="1"/>
  <c r="A48728" i="1" s="1"/>
  <c r="A48729" i="1" s="1"/>
  <c r="A48730" i="1" s="1"/>
  <c r="A48731" i="1" s="1"/>
  <c r="A48732" i="1" s="1"/>
  <c r="A48733" i="1" s="1"/>
  <c r="A48734" i="1" s="1"/>
  <c r="A48735" i="1" s="1"/>
  <c r="A48736" i="1" s="1"/>
  <c r="A48737" i="1" s="1"/>
  <c r="A48738" i="1" s="1"/>
  <c r="A48739" i="1" s="1"/>
  <c r="A48740" i="1" s="1"/>
  <c r="A48741" i="1" s="1"/>
  <c r="A48742" i="1" s="1"/>
  <c r="A48743" i="1" s="1"/>
  <c r="A48744" i="1" s="1"/>
  <c r="A48745" i="1" s="1"/>
  <c r="A48746" i="1" s="1"/>
  <c r="A48747" i="1" s="1"/>
  <c r="A48748" i="1" s="1"/>
  <c r="A48749" i="1" s="1"/>
  <c r="A48750" i="1" s="1"/>
  <c r="A48751" i="1" s="1"/>
  <c r="A48752" i="1" s="1"/>
  <c r="A48753" i="1" s="1"/>
  <c r="A48754" i="1" s="1"/>
  <c r="A48755" i="1" s="1"/>
  <c r="A48756" i="1" s="1"/>
  <c r="A48757" i="1" s="1"/>
  <c r="A48758" i="1" s="1"/>
  <c r="A48759" i="1" s="1"/>
  <c r="A48760" i="1" s="1"/>
  <c r="A48761" i="1" s="1"/>
  <c r="A48762" i="1" s="1"/>
  <c r="A48763" i="1" s="1"/>
  <c r="A48764" i="1" s="1"/>
  <c r="A48765" i="1" s="1"/>
  <c r="A48766" i="1" s="1"/>
  <c r="A48767" i="1" s="1"/>
  <c r="A48768" i="1" s="1"/>
  <c r="A48769" i="1" s="1"/>
  <c r="A48770" i="1" s="1"/>
  <c r="A48771" i="1" s="1"/>
  <c r="A48772" i="1" s="1"/>
  <c r="A48773" i="1" s="1"/>
  <c r="A48774" i="1" s="1"/>
  <c r="A48775" i="1" s="1"/>
  <c r="A48776" i="1" s="1"/>
  <c r="A48777" i="1" s="1"/>
  <c r="A48778" i="1" s="1"/>
  <c r="A48779" i="1" s="1"/>
  <c r="A48780" i="1" s="1"/>
  <c r="A48781" i="1" s="1"/>
  <c r="A48782" i="1" s="1"/>
  <c r="A48783" i="1" s="1"/>
  <c r="A48784" i="1" s="1"/>
  <c r="A48785" i="1" s="1"/>
  <c r="A48786" i="1" s="1"/>
  <c r="A48787" i="1" s="1"/>
  <c r="A48788" i="1" s="1"/>
  <c r="A48789" i="1" s="1"/>
  <c r="A48790" i="1" s="1"/>
  <c r="A48791" i="1" s="1"/>
  <c r="A48792" i="1" s="1"/>
  <c r="A48793" i="1" s="1"/>
  <c r="A48794" i="1" s="1"/>
  <c r="A48795" i="1" s="1"/>
  <c r="A48796" i="1" s="1"/>
  <c r="A48797" i="1" s="1"/>
  <c r="A48798" i="1" s="1"/>
  <c r="A48799" i="1" s="1"/>
  <c r="A48800" i="1" s="1"/>
  <c r="A48801" i="1" s="1"/>
  <c r="A48802" i="1" s="1"/>
  <c r="A48803" i="1" s="1"/>
  <c r="A48804" i="1" s="1"/>
  <c r="A48805" i="1" s="1"/>
  <c r="A48806" i="1" s="1"/>
  <c r="A48807" i="1" s="1"/>
  <c r="A48808" i="1" s="1"/>
  <c r="A48809" i="1" s="1"/>
  <c r="A48810" i="1" s="1"/>
  <c r="A48811" i="1" s="1"/>
  <c r="A48812" i="1" s="1"/>
  <c r="A48813" i="1" s="1"/>
  <c r="A48814" i="1" s="1"/>
  <c r="A48815" i="1" s="1"/>
  <c r="A48816" i="1" s="1"/>
  <c r="A48817" i="1" s="1"/>
  <c r="A48818" i="1" s="1"/>
  <c r="A48819" i="1" s="1"/>
  <c r="A48820" i="1" s="1"/>
  <c r="A48821" i="1" s="1"/>
  <c r="A48822" i="1" s="1"/>
  <c r="A48823" i="1" s="1"/>
  <c r="A48824" i="1" s="1"/>
  <c r="A48825" i="1" s="1"/>
  <c r="A48826" i="1" s="1"/>
  <c r="A48827" i="1" s="1"/>
  <c r="A48828" i="1" s="1"/>
  <c r="A48829" i="1" s="1"/>
  <c r="A48830" i="1" s="1"/>
  <c r="A48831" i="1" s="1"/>
  <c r="A48832" i="1" s="1"/>
  <c r="A48833" i="1" s="1"/>
  <c r="A48834" i="1" s="1"/>
  <c r="A48835" i="1" s="1"/>
  <c r="A48836" i="1" s="1"/>
  <c r="A48837" i="1" s="1"/>
  <c r="A48838" i="1" s="1"/>
  <c r="A48839" i="1" s="1"/>
  <c r="A48840" i="1" s="1"/>
  <c r="A48841" i="1" s="1"/>
  <c r="A48842" i="1" s="1"/>
  <c r="A48843" i="1" s="1"/>
  <c r="A48844" i="1" s="1"/>
  <c r="A48845" i="1" s="1"/>
  <c r="A48846" i="1" s="1"/>
  <c r="A48847" i="1" s="1"/>
  <c r="A48848" i="1" s="1"/>
  <c r="A48849" i="1" s="1"/>
  <c r="A48850" i="1" s="1"/>
  <c r="A48851" i="1" s="1"/>
  <c r="A48852" i="1" s="1"/>
  <c r="A48853" i="1" s="1"/>
  <c r="A48854" i="1" s="1"/>
  <c r="A48855" i="1" s="1"/>
  <c r="A48856" i="1" s="1"/>
  <c r="A48857" i="1" s="1"/>
  <c r="A48858" i="1" s="1"/>
  <c r="A48859" i="1" s="1"/>
  <c r="A48860" i="1" s="1"/>
  <c r="A48861" i="1" s="1"/>
  <c r="A48862" i="1" s="1"/>
  <c r="A48863" i="1" s="1"/>
  <c r="A48864" i="1" s="1"/>
  <c r="A48865" i="1" s="1"/>
  <c r="A48866" i="1" s="1"/>
  <c r="A48867" i="1" s="1"/>
  <c r="A48868" i="1" s="1"/>
  <c r="A48869" i="1" s="1"/>
  <c r="A48870" i="1" s="1"/>
  <c r="A48871" i="1" s="1"/>
  <c r="A48872" i="1" s="1"/>
  <c r="A48873" i="1" s="1"/>
  <c r="A48874" i="1" s="1"/>
  <c r="A48875" i="1" s="1"/>
  <c r="A48876" i="1" s="1"/>
  <c r="A48877" i="1" s="1"/>
  <c r="A48878" i="1" s="1"/>
  <c r="A48879" i="1" s="1"/>
  <c r="A48880" i="1" s="1"/>
  <c r="A48881" i="1" s="1"/>
  <c r="A48882" i="1" s="1"/>
  <c r="A48883" i="1" s="1"/>
  <c r="A48884" i="1" s="1"/>
  <c r="A48885" i="1" s="1"/>
  <c r="A48886" i="1" s="1"/>
  <c r="A48887" i="1" s="1"/>
  <c r="A48888" i="1" s="1"/>
  <c r="A48889" i="1" s="1"/>
  <c r="A48890" i="1" s="1"/>
  <c r="A48891" i="1" s="1"/>
  <c r="A48892" i="1" s="1"/>
  <c r="A48893" i="1" s="1"/>
  <c r="A48894" i="1" s="1"/>
  <c r="A48895" i="1" s="1"/>
  <c r="A48896" i="1" s="1"/>
  <c r="A48897" i="1" s="1"/>
  <c r="A48898" i="1" s="1"/>
  <c r="A48899" i="1" s="1"/>
  <c r="A48900" i="1" s="1"/>
  <c r="A48901" i="1" s="1"/>
  <c r="A48902" i="1" s="1"/>
  <c r="A48903" i="1" s="1"/>
  <c r="A48904" i="1" s="1"/>
  <c r="A48905" i="1" s="1"/>
  <c r="A48906" i="1" s="1"/>
  <c r="A48907" i="1" s="1"/>
  <c r="A48908" i="1" s="1"/>
  <c r="A48909" i="1" s="1"/>
  <c r="A48910" i="1" s="1"/>
  <c r="A48911" i="1" s="1"/>
  <c r="A48912" i="1" s="1"/>
  <c r="A48913" i="1" s="1"/>
  <c r="A48914" i="1" s="1"/>
  <c r="A48915" i="1" s="1"/>
  <c r="A48916" i="1" s="1"/>
  <c r="A48917" i="1" s="1"/>
  <c r="A48918" i="1" s="1"/>
  <c r="A48919" i="1" s="1"/>
  <c r="A48920" i="1" s="1"/>
  <c r="A48921" i="1" s="1"/>
  <c r="A48922" i="1" s="1"/>
  <c r="A48923" i="1" s="1"/>
  <c r="A48924" i="1" s="1"/>
  <c r="A48925" i="1" s="1"/>
  <c r="A48926" i="1" s="1"/>
  <c r="A48927" i="1" s="1"/>
  <c r="A48928" i="1" s="1"/>
  <c r="A48929" i="1" s="1"/>
  <c r="A48930" i="1" s="1"/>
  <c r="A48931" i="1" s="1"/>
  <c r="A48932" i="1" s="1"/>
  <c r="A48933" i="1" s="1"/>
  <c r="A48934" i="1" s="1"/>
  <c r="A48935" i="1" s="1"/>
  <c r="A48936" i="1" s="1"/>
  <c r="A48937" i="1" s="1"/>
  <c r="A48938" i="1" s="1"/>
  <c r="A48939" i="1" s="1"/>
  <c r="A48940" i="1" s="1"/>
  <c r="A48941" i="1" s="1"/>
  <c r="A48942" i="1" s="1"/>
  <c r="A48943" i="1" s="1"/>
  <c r="A48944" i="1" s="1"/>
  <c r="A48945" i="1" s="1"/>
  <c r="A48946" i="1" s="1"/>
  <c r="A48947" i="1" s="1"/>
  <c r="A48948" i="1" s="1"/>
  <c r="A48949" i="1" s="1"/>
  <c r="A48950" i="1" s="1"/>
  <c r="A48951" i="1" s="1"/>
  <c r="A48952" i="1" s="1"/>
  <c r="A48953" i="1" s="1"/>
  <c r="A48954" i="1" s="1"/>
  <c r="A48955" i="1" s="1"/>
  <c r="A48956" i="1" s="1"/>
  <c r="A48957" i="1" s="1"/>
  <c r="A48958" i="1" s="1"/>
  <c r="A48959" i="1" s="1"/>
  <c r="A48960" i="1" s="1"/>
  <c r="A48961" i="1" s="1"/>
  <c r="A48962" i="1" s="1"/>
  <c r="A48963" i="1" s="1"/>
  <c r="A48964" i="1" s="1"/>
  <c r="A48965" i="1" s="1"/>
  <c r="A48966" i="1" s="1"/>
  <c r="A48967" i="1" s="1"/>
  <c r="A48968" i="1" s="1"/>
  <c r="A48969" i="1" s="1"/>
  <c r="A48970" i="1" s="1"/>
  <c r="A48971" i="1" s="1"/>
  <c r="A48972" i="1" s="1"/>
  <c r="A48973" i="1" s="1"/>
  <c r="A48974" i="1" s="1"/>
  <c r="A48975" i="1" s="1"/>
  <c r="A48976" i="1" s="1"/>
  <c r="A48977" i="1" s="1"/>
  <c r="A48978" i="1" s="1"/>
  <c r="A48979" i="1" s="1"/>
  <c r="A48980" i="1" s="1"/>
  <c r="A48981" i="1" s="1"/>
  <c r="A48982" i="1" s="1"/>
  <c r="A48983" i="1" s="1"/>
  <c r="A48984" i="1" s="1"/>
  <c r="A48985" i="1" s="1"/>
  <c r="A48986" i="1" s="1"/>
  <c r="A48987" i="1" s="1"/>
  <c r="A48988" i="1" s="1"/>
  <c r="A48989" i="1" s="1"/>
  <c r="A48990" i="1" s="1"/>
  <c r="A48991" i="1" s="1"/>
  <c r="A48992" i="1" s="1"/>
  <c r="A48993" i="1" s="1"/>
  <c r="A48994" i="1" s="1"/>
  <c r="A48995" i="1" s="1"/>
  <c r="A48996" i="1" s="1"/>
  <c r="A48997" i="1" s="1"/>
  <c r="A48998" i="1" s="1"/>
  <c r="A48999" i="1" s="1"/>
  <c r="A49000" i="1" s="1"/>
  <c r="A49001" i="1" s="1"/>
  <c r="A49002" i="1" s="1"/>
  <c r="A49003" i="1" s="1"/>
  <c r="A49004" i="1" s="1"/>
  <c r="A49005" i="1" s="1"/>
  <c r="A49006" i="1" s="1"/>
  <c r="A49007" i="1" s="1"/>
  <c r="A49008" i="1" s="1"/>
  <c r="A49009" i="1" s="1"/>
  <c r="A49010" i="1" s="1"/>
  <c r="A49011" i="1" s="1"/>
  <c r="A49012" i="1" s="1"/>
  <c r="A49013" i="1" s="1"/>
  <c r="A49014" i="1" s="1"/>
  <c r="A49015" i="1" s="1"/>
  <c r="A49016" i="1" s="1"/>
  <c r="A49017" i="1" s="1"/>
  <c r="A49018" i="1" s="1"/>
  <c r="A49019" i="1" s="1"/>
  <c r="A49020" i="1" s="1"/>
  <c r="A49021" i="1" s="1"/>
  <c r="A49022" i="1" s="1"/>
  <c r="A49023" i="1" s="1"/>
  <c r="A49024" i="1" s="1"/>
  <c r="A49025" i="1" s="1"/>
  <c r="A49026" i="1" s="1"/>
  <c r="A49027" i="1" s="1"/>
  <c r="A49028" i="1" s="1"/>
  <c r="A49029" i="1" s="1"/>
  <c r="A49030" i="1" s="1"/>
  <c r="A49031" i="1" s="1"/>
  <c r="A49032" i="1" s="1"/>
  <c r="A49033" i="1" s="1"/>
  <c r="A49034" i="1" s="1"/>
  <c r="A49035" i="1" s="1"/>
  <c r="A49036" i="1" s="1"/>
  <c r="A49037" i="1" s="1"/>
  <c r="A49038" i="1" s="1"/>
  <c r="A49039" i="1" s="1"/>
  <c r="A49040" i="1" s="1"/>
  <c r="A49041" i="1" s="1"/>
  <c r="A49042" i="1" s="1"/>
  <c r="A49043" i="1" s="1"/>
  <c r="A49044" i="1" s="1"/>
  <c r="A49045" i="1" s="1"/>
  <c r="A49046" i="1" s="1"/>
  <c r="A49047" i="1" s="1"/>
  <c r="A49048" i="1" s="1"/>
  <c r="A49049" i="1" s="1"/>
  <c r="A49050" i="1" s="1"/>
  <c r="A49051" i="1" s="1"/>
  <c r="A49052" i="1" s="1"/>
  <c r="A49053" i="1" s="1"/>
  <c r="A49054" i="1" s="1"/>
  <c r="A49055" i="1" s="1"/>
  <c r="A49056" i="1" s="1"/>
  <c r="A49057" i="1" s="1"/>
  <c r="A49058" i="1" s="1"/>
  <c r="A49059" i="1" s="1"/>
  <c r="A49060" i="1" s="1"/>
  <c r="A49061" i="1" s="1"/>
  <c r="A49062" i="1" s="1"/>
  <c r="A49063" i="1" s="1"/>
  <c r="A49064" i="1" s="1"/>
  <c r="A49065" i="1" s="1"/>
  <c r="A49066" i="1" s="1"/>
  <c r="A49067" i="1" s="1"/>
  <c r="A49068" i="1" s="1"/>
  <c r="A49069" i="1" s="1"/>
  <c r="A49070" i="1" s="1"/>
  <c r="A49071" i="1" s="1"/>
  <c r="A49072" i="1" s="1"/>
  <c r="A49073" i="1" s="1"/>
  <c r="A49074" i="1" s="1"/>
  <c r="A49075" i="1" s="1"/>
  <c r="A49076" i="1" s="1"/>
  <c r="A49077" i="1" s="1"/>
  <c r="A49078" i="1" s="1"/>
  <c r="A49079" i="1" s="1"/>
  <c r="A49080" i="1" s="1"/>
  <c r="A49081" i="1" s="1"/>
  <c r="A49082" i="1" s="1"/>
  <c r="A49083" i="1" s="1"/>
  <c r="A49084" i="1" s="1"/>
  <c r="A49085" i="1" s="1"/>
  <c r="A49086" i="1" s="1"/>
  <c r="A49087" i="1" s="1"/>
  <c r="A49088" i="1" s="1"/>
  <c r="A49089" i="1" s="1"/>
  <c r="A49090" i="1" s="1"/>
  <c r="A49091" i="1" s="1"/>
  <c r="A49092" i="1" s="1"/>
  <c r="A49093" i="1" s="1"/>
  <c r="A49094" i="1" s="1"/>
  <c r="A49095" i="1" s="1"/>
  <c r="A49096" i="1" s="1"/>
  <c r="A49097" i="1" s="1"/>
  <c r="A49098" i="1" s="1"/>
  <c r="A49099" i="1" s="1"/>
  <c r="A49100" i="1" s="1"/>
  <c r="A49101" i="1" s="1"/>
  <c r="A49102" i="1" s="1"/>
  <c r="A49103" i="1" s="1"/>
  <c r="A49104" i="1" s="1"/>
  <c r="A49105" i="1" s="1"/>
  <c r="A49106" i="1" s="1"/>
  <c r="A49107" i="1" s="1"/>
  <c r="A49108" i="1" s="1"/>
  <c r="A49109" i="1" s="1"/>
  <c r="A49110" i="1" s="1"/>
  <c r="A49111" i="1" s="1"/>
  <c r="A49112" i="1" s="1"/>
  <c r="A49113" i="1" s="1"/>
  <c r="A49114" i="1" s="1"/>
  <c r="A49115" i="1" s="1"/>
  <c r="A49116" i="1" s="1"/>
  <c r="A49117" i="1" s="1"/>
  <c r="A49118" i="1" s="1"/>
  <c r="A49119" i="1" s="1"/>
  <c r="A49120" i="1" s="1"/>
  <c r="A49121" i="1" s="1"/>
  <c r="A49122" i="1" s="1"/>
  <c r="A49123" i="1" s="1"/>
  <c r="A49124" i="1" s="1"/>
  <c r="A49125" i="1" s="1"/>
  <c r="A49126" i="1" s="1"/>
  <c r="A49127" i="1" s="1"/>
  <c r="A49128" i="1" s="1"/>
  <c r="A49129" i="1" s="1"/>
  <c r="A49130" i="1" s="1"/>
  <c r="A49131" i="1" s="1"/>
  <c r="A49132" i="1" s="1"/>
  <c r="A49133" i="1" s="1"/>
  <c r="A49134" i="1" s="1"/>
  <c r="A49135" i="1" s="1"/>
  <c r="A49136" i="1" s="1"/>
  <c r="A49137" i="1" s="1"/>
  <c r="A49138" i="1" s="1"/>
  <c r="A49139" i="1" s="1"/>
  <c r="A49140" i="1" s="1"/>
  <c r="A49141" i="1" s="1"/>
  <c r="A49142" i="1" s="1"/>
  <c r="A49143" i="1" s="1"/>
  <c r="A49144" i="1" s="1"/>
  <c r="A49145" i="1" s="1"/>
  <c r="A49146" i="1" s="1"/>
  <c r="A49147" i="1" s="1"/>
  <c r="A49148" i="1" s="1"/>
  <c r="A49149" i="1" s="1"/>
  <c r="A49150" i="1" s="1"/>
  <c r="A49151" i="1" s="1"/>
  <c r="A49152" i="1" s="1"/>
  <c r="A49153" i="1" s="1"/>
  <c r="A49154" i="1" s="1"/>
  <c r="A49155" i="1" s="1"/>
  <c r="A49156" i="1" s="1"/>
  <c r="A49157" i="1" s="1"/>
  <c r="A49158" i="1" s="1"/>
  <c r="A49159" i="1" s="1"/>
  <c r="A49160" i="1" s="1"/>
  <c r="A49161" i="1" s="1"/>
  <c r="A49162" i="1" s="1"/>
  <c r="A49163" i="1" s="1"/>
  <c r="A49164" i="1" s="1"/>
  <c r="A49165" i="1" s="1"/>
  <c r="A49166" i="1" s="1"/>
  <c r="A49167" i="1" s="1"/>
  <c r="A49168" i="1" s="1"/>
  <c r="A49169" i="1" s="1"/>
  <c r="A49170" i="1" s="1"/>
  <c r="A49171" i="1" s="1"/>
  <c r="A49172" i="1" s="1"/>
  <c r="A49173" i="1" s="1"/>
  <c r="A49174" i="1" s="1"/>
  <c r="A49175" i="1" s="1"/>
  <c r="A49176" i="1" s="1"/>
  <c r="A49177" i="1" s="1"/>
  <c r="A49178" i="1" s="1"/>
  <c r="A49179" i="1" s="1"/>
  <c r="A49180" i="1" s="1"/>
  <c r="A49181" i="1" s="1"/>
  <c r="A49182" i="1" s="1"/>
  <c r="A49183" i="1" s="1"/>
  <c r="A49184" i="1" s="1"/>
  <c r="A49185" i="1" s="1"/>
  <c r="A49186" i="1" s="1"/>
  <c r="A49187" i="1" s="1"/>
  <c r="A49188" i="1" s="1"/>
  <c r="A49189" i="1" s="1"/>
  <c r="A49190" i="1" s="1"/>
  <c r="A49191" i="1" s="1"/>
  <c r="A49192" i="1" s="1"/>
  <c r="A49193" i="1" s="1"/>
  <c r="A49194" i="1" s="1"/>
  <c r="A49195" i="1" s="1"/>
  <c r="A49196" i="1" s="1"/>
  <c r="A49197" i="1" s="1"/>
  <c r="A49198" i="1" s="1"/>
  <c r="A49199" i="1" s="1"/>
  <c r="A49200" i="1" s="1"/>
  <c r="A49201" i="1" s="1"/>
  <c r="A49202" i="1" s="1"/>
  <c r="A49203" i="1" s="1"/>
  <c r="A49204" i="1" s="1"/>
  <c r="A49205" i="1" s="1"/>
  <c r="A49206" i="1" s="1"/>
  <c r="A49207" i="1" s="1"/>
  <c r="A49208" i="1" s="1"/>
  <c r="A49209" i="1" s="1"/>
  <c r="A49210" i="1" s="1"/>
  <c r="A49211" i="1" s="1"/>
  <c r="A49212" i="1" s="1"/>
  <c r="A49213" i="1" s="1"/>
  <c r="A49214" i="1" s="1"/>
  <c r="A49215" i="1" s="1"/>
  <c r="A49216" i="1" s="1"/>
  <c r="A49217" i="1" s="1"/>
  <c r="A49218" i="1" s="1"/>
  <c r="A49219" i="1" s="1"/>
  <c r="A49220" i="1" s="1"/>
  <c r="A49221" i="1" s="1"/>
  <c r="A49222" i="1" s="1"/>
  <c r="A49223" i="1" s="1"/>
  <c r="A49224" i="1" s="1"/>
  <c r="A49225" i="1" s="1"/>
  <c r="A49226" i="1" s="1"/>
  <c r="A49227" i="1" s="1"/>
  <c r="A49228" i="1" s="1"/>
  <c r="A49229" i="1" s="1"/>
  <c r="A49230" i="1" s="1"/>
  <c r="A49231" i="1" s="1"/>
  <c r="A49232" i="1" s="1"/>
  <c r="A49233" i="1" s="1"/>
  <c r="A49234" i="1" s="1"/>
  <c r="A49235" i="1" s="1"/>
  <c r="A49236" i="1" s="1"/>
  <c r="A49237" i="1" s="1"/>
  <c r="A49238" i="1" s="1"/>
  <c r="A49239" i="1" s="1"/>
  <c r="A49240" i="1" s="1"/>
  <c r="A49241" i="1" s="1"/>
  <c r="A49242" i="1" s="1"/>
  <c r="A49243" i="1" s="1"/>
  <c r="A49244" i="1" s="1"/>
  <c r="A49245" i="1" s="1"/>
  <c r="A49246" i="1" s="1"/>
  <c r="A49247" i="1" s="1"/>
  <c r="A49248" i="1" s="1"/>
  <c r="A49249" i="1" s="1"/>
  <c r="A49250" i="1" s="1"/>
  <c r="A49251" i="1" s="1"/>
  <c r="A49252" i="1" s="1"/>
  <c r="A49253" i="1" s="1"/>
  <c r="A49254" i="1" s="1"/>
  <c r="A49255" i="1" s="1"/>
  <c r="A49256" i="1" s="1"/>
  <c r="A49257" i="1" s="1"/>
  <c r="A49258" i="1" s="1"/>
  <c r="A49259" i="1" s="1"/>
  <c r="A49260" i="1" s="1"/>
  <c r="A49261" i="1" s="1"/>
  <c r="A49262" i="1" s="1"/>
  <c r="A49263" i="1" s="1"/>
  <c r="A49264" i="1" s="1"/>
  <c r="A49265" i="1" s="1"/>
  <c r="A49266" i="1" s="1"/>
  <c r="A49267" i="1" s="1"/>
  <c r="A49268" i="1" s="1"/>
  <c r="A49269" i="1" s="1"/>
  <c r="A49270" i="1" s="1"/>
  <c r="A49271" i="1" s="1"/>
  <c r="A49272" i="1" s="1"/>
  <c r="A49273" i="1" s="1"/>
  <c r="A49274" i="1" s="1"/>
  <c r="A49275" i="1" s="1"/>
  <c r="A49276" i="1" s="1"/>
  <c r="A49277" i="1" s="1"/>
  <c r="A49278" i="1" s="1"/>
  <c r="A49279" i="1" s="1"/>
  <c r="A49280" i="1" s="1"/>
  <c r="A49281" i="1" s="1"/>
  <c r="A49282" i="1" s="1"/>
  <c r="A49283" i="1" s="1"/>
  <c r="A49284" i="1" s="1"/>
  <c r="A49285" i="1" s="1"/>
  <c r="A49286" i="1" s="1"/>
  <c r="A49287" i="1" s="1"/>
  <c r="A49288" i="1" s="1"/>
  <c r="A49289" i="1" s="1"/>
  <c r="A49290" i="1" s="1"/>
  <c r="A49291" i="1" s="1"/>
  <c r="A49292" i="1" s="1"/>
  <c r="A49293" i="1" s="1"/>
  <c r="A49294" i="1" s="1"/>
  <c r="A49295" i="1" s="1"/>
  <c r="A49296" i="1" s="1"/>
  <c r="A49297" i="1" s="1"/>
  <c r="A49298" i="1" s="1"/>
  <c r="A49299" i="1" s="1"/>
  <c r="A49300" i="1" s="1"/>
  <c r="A49301" i="1" s="1"/>
  <c r="A49302" i="1" s="1"/>
  <c r="A49303" i="1" s="1"/>
  <c r="A49304" i="1" s="1"/>
  <c r="A49305" i="1" s="1"/>
  <c r="A49306" i="1" s="1"/>
  <c r="A49307" i="1" s="1"/>
  <c r="A49308" i="1" s="1"/>
  <c r="A49309" i="1" s="1"/>
  <c r="A49310" i="1" s="1"/>
  <c r="A49311" i="1" s="1"/>
  <c r="A49312" i="1" s="1"/>
  <c r="A49313" i="1" s="1"/>
  <c r="A49314" i="1" s="1"/>
  <c r="A49315" i="1" s="1"/>
  <c r="A49316" i="1" s="1"/>
  <c r="A49317" i="1" s="1"/>
  <c r="A49318" i="1" s="1"/>
  <c r="A49319" i="1" s="1"/>
  <c r="A49320" i="1" s="1"/>
  <c r="A49321" i="1" s="1"/>
  <c r="A49322" i="1" s="1"/>
  <c r="A49323" i="1" s="1"/>
  <c r="A49324" i="1" s="1"/>
  <c r="A49325" i="1" s="1"/>
  <c r="A49326" i="1" s="1"/>
  <c r="A49327" i="1" s="1"/>
  <c r="A49328" i="1" s="1"/>
  <c r="A49329" i="1" s="1"/>
  <c r="A49330" i="1" s="1"/>
  <c r="A49331" i="1" s="1"/>
  <c r="A49332" i="1" s="1"/>
  <c r="A49333" i="1" s="1"/>
  <c r="A49334" i="1" s="1"/>
  <c r="A49335" i="1" s="1"/>
  <c r="A49336" i="1" s="1"/>
  <c r="A49337" i="1" s="1"/>
  <c r="A49338" i="1" s="1"/>
  <c r="A49339" i="1" s="1"/>
  <c r="A49340" i="1" s="1"/>
  <c r="A49341" i="1" s="1"/>
  <c r="A49342" i="1" s="1"/>
  <c r="A49343" i="1" s="1"/>
  <c r="A49344" i="1" s="1"/>
  <c r="A49345" i="1" s="1"/>
  <c r="A49346" i="1" s="1"/>
  <c r="A49347" i="1" s="1"/>
  <c r="A49348" i="1" s="1"/>
  <c r="A49349" i="1" s="1"/>
  <c r="A49350" i="1" s="1"/>
  <c r="A49351" i="1" s="1"/>
  <c r="A49352" i="1" s="1"/>
  <c r="A49353" i="1" s="1"/>
  <c r="A49354" i="1" s="1"/>
  <c r="A49355" i="1" s="1"/>
  <c r="A49356" i="1" s="1"/>
  <c r="A49357" i="1" s="1"/>
  <c r="A49358" i="1" s="1"/>
  <c r="A49359" i="1" s="1"/>
  <c r="A49360" i="1" s="1"/>
  <c r="A49361" i="1" s="1"/>
  <c r="A49362" i="1" s="1"/>
  <c r="A49363" i="1" s="1"/>
  <c r="A49364" i="1" s="1"/>
  <c r="A49365" i="1" s="1"/>
  <c r="A49366" i="1" s="1"/>
  <c r="A49367" i="1" s="1"/>
  <c r="A49368" i="1" s="1"/>
  <c r="A49369" i="1" s="1"/>
  <c r="A49370" i="1" s="1"/>
  <c r="A49371" i="1" s="1"/>
  <c r="A49372" i="1" s="1"/>
  <c r="A49373" i="1" s="1"/>
  <c r="A49374" i="1" s="1"/>
  <c r="A49375" i="1" s="1"/>
  <c r="A49376" i="1" s="1"/>
  <c r="A49377" i="1" s="1"/>
  <c r="A49378" i="1" s="1"/>
  <c r="A49379" i="1" s="1"/>
  <c r="A49380" i="1" s="1"/>
  <c r="A49381" i="1" s="1"/>
  <c r="A49382" i="1" s="1"/>
  <c r="A49383" i="1" s="1"/>
  <c r="A49384" i="1" s="1"/>
  <c r="A49385" i="1" s="1"/>
  <c r="A49386" i="1" s="1"/>
  <c r="A49387" i="1" s="1"/>
  <c r="A49388" i="1" s="1"/>
  <c r="A49389" i="1" s="1"/>
  <c r="A49390" i="1" s="1"/>
  <c r="A49391" i="1" s="1"/>
  <c r="A49392" i="1" s="1"/>
  <c r="A49393" i="1" s="1"/>
  <c r="A49394" i="1" s="1"/>
  <c r="A49395" i="1" s="1"/>
  <c r="A49396" i="1" s="1"/>
  <c r="A49397" i="1" s="1"/>
  <c r="A49398" i="1" s="1"/>
  <c r="A49399" i="1" s="1"/>
  <c r="A49400" i="1" s="1"/>
  <c r="A49401" i="1" s="1"/>
  <c r="A49402" i="1" s="1"/>
  <c r="A49403" i="1" s="1"/>
  <c r="A49404" i="1" s="1"/>
  <c r="A49405" i="1" s="1"/>
  <c r="A49406" i="1" s="1"/>
  <c r="A49407" i="1" s="1"/>
  <c r="A49408" i="1" s="1"/>
  <c r="A49409" i="1" s="1"/>
  <c r="A49410" i="1" s="1"/>
  <c r="A49411" i="1" s="1"/>
  <c r="A49412" i="1" s="1"/>
  <c r="A49413" i="1" s="1"/>
  <c r="A49414" i="1" s="1"/>
  <c r="A49415" i="1" s="1"/>
  <c r="A49416" i="1" s="1"/>
  <c r="A49417" i="1" s="1"/>
  <c r="A49418" i="1" s="1"/>
  <c r="A49419" i="1" s="1"/>
  <c r="A49420" i="1" s="1"/>
  <c r="A49421" i="1" s="1"/>
  <c r="A49422" i="1" s="1"/>
  <c r="A49423" i="1" s="1"/>
  <c r="A49424" i="1" s="1"/>
  <c r="A49425" i="1" s="1"/>
  <c r="A49426" i="1" s="1"/>
  <c r="A49427" i="1" s="1"/>
  <c r="A49428" i="1" s="1"/>
  <c r="A49429" i="1" s="1"/>
  <c r="A49430" i="1" s="1"/>
  <c r="A49431" i="1" s="1"/>
  <c r="A49432" i="1" s="1"/>
  <c r="A49433" i="1" s="1"/>
  <c r="A49434" i="1" s="1"/>
  <c r="A49435" i="1" s="1"/>
  <c r="A49436" i="1" s="1"/>
  <c r="A49437" i="1" s="1"/>
  <c r="A49438" i="1" s="1"/>
  <c r="A49439" i="1" s="1"/>
  <c r="A49440" i="1" s="1"/>
  <c r="A49441" i="1" s="1"/>
  <c r="A49442" i="1" s="1"/>
  <c r="A49443" i="1" s="1"/>
  <c r="A49444" i="1" s="1"/>
  <c r="A49445" i="1" s="1"/>
  <c r="A49446" i="1" s="1"/>
  <c r="A49447" i="1" s="1"/>
  <c r="A49448" i="1" s="1"/>
  <c r="A49449" i="1" s="1"/>
  <c r="A49450" i="1" s="1"/>
  <c r="A49451" i="1" s="1"/>
  <c r="A49452" i="1" s="1"/>
  <c r="A49453" i="1" s="1"/>
  <c r="A49454" i="1" s="1"/>
  <c r="A49455" i="1" s="1"/>
  <c r="A49456" i="1" s="1"/>
  <c r="A49457" i="1" s="1"/>
  <c r="A49458" i="1" s="1"/>
  <c r="A49459" i="1" s="1"/>
  <c r="A49460" i="1" s="1"/>
  <c r="A49461" i="1" s="1"/>
  <c r="A49462" i="1" s="1"/>
  <c r="A49463" i="1" s="1"/>
  <c r="A49464" i="1" s="1"/>
  <c r="A49465" i="1" s="1"/>
  <c r="A49466" i="1" s="1"/>
  <c r="A49467" i="1" s="1"/>
  <c r="A49468" i="1" s="1"/>
  <c r="A49469" i="1" s="1"/>
  <c r="A49470" i="1" s="1"/>
  <c r="A49471" i="1" s="1"/>
  <c r="A49472" i="1" s="1"/>
  <c r="A49473" i="1" s="1"/>
  <c r="A49474" i="1" s="1"/>
  <c r="A49475" i="1" s="1"/>
  <c r="A49476" i="1" s="1"/>
  <c r="A49477" i="1" s="1"/>
  <c r="A49478" i="1" s="1"/>
  <c r="A49479" i="1" s="1"/>
  <c r="A49480" i="1" s="1"/>
  <c r="A49481" i="1" s="1"/>
  <c r="A49482" i="1" s="1"/>
  <c r="A49483" i="1" s="1"/>
  <c r="A49484" i="1" s="1"/>
  <c r="A49485" i="1" s="1"/>
  <c r="A49486" i="1" s="1"/>
  <c r="A49487" i="1" s="1"/>
  <c r="A49488" i="1" s="1"/>
  <c r="A49489" i="1" s="1"/>
  <c r="A49490" i="1" s="1"/>
  <c r="A49491" i="1" s="1"/>
  <c r="A49492" i="1" s="1"/>
  <c r="A49493" i="1" s="1"/>
  <c r="A49494" i="1" s="1"/>
  <c r="A49495" i="1" s="1"/>
  <c r="A49496" i="1" s="1"/>
  <c r="A49497" i="1" s="1"/>
  <c r="A49498" i="1" s="1"/>
  <c r="A49499" i="1" s="1"/>
  <c r="A49500" i="1" s="1"/>
  <c r="A49501" i="1" s="1"/>
  <c r="A49502" i="1" s="1"/>
  <c r="A49503" i="1" s="1"/>
  <c r="A49504" i="1" s="1"/>
  <c r="A49505" i="1" s="1"/>
  <c r="A49506" i="1" s="1"/>
  <c r="A49507" i="1" s="1"/>
  <c r="A49508" i="1" s="1"/>
  <c r="A49509" i="1" s="1"/>
  <c r="A49510" i="1" s="1"/>
  <c r="A49511" i="1" s="1"/>
  <c r="A49512" i="1" s="1"/>
  <c r="A49513" i="1" s="1"/>
  <c r="A49514" i="1" s="1"/>
  <c r="A49515" i="1" s="1"/>
  <c r="A49516" i="1" s="1"/>
  <c r="A49517" i="1" s="1"/>
  <c r="A49518" i="1" s="1"/>
  <c r="A49519" i="1" s="1"/>
  <c r="A49520" i="1" s="1"/>
  <c r="A49521" i="1" s="1"/>
  <c r="A49522" i="1" s="1"/>
  <c r="A49523" i="1" s="1"/>
  <c r="A49524" i="1" s="1"/>
  <c r="A49525" i="1" s="1"/>
  <c r="A49526" i="1" s="1"/>
  <c r="A49527" i="1" s="1"/>
  <c r="A49528" i="1" s="1"/>
  <c r="A49529" i="1" s="1"/>
  <c r="A49530" i="1" s="1"/>
  <c r="A49531" i="1" s="1"/>
  <c r="A49532" i="1" s="1"/>
  <c r="A49533" i="1" s="1"/>
  <c r="A49534" i="1" s="1"/>
  <c r="A49535" i="1" s="1"/>
  <c r="A49536" i="1" s="1"/>
  <c r="A49537" i="1" s="1"/>
  <c r="A49538" i="1" s="1"/>
  <c r="A49539" i="1" s="1"/>
  <c r="A49540" i="1" s="1"/>
  <c r="A49541" i="1" s="1"/>
  <c r="A49542" i="1" s="1"/>
  <c r="A49543" i="1" s="1"/>
  <c r="A49544" i="1" s="1"/>
  <c r="A49545" i="1" s="1"/>
  <c r="A49546" i="1" s="1"/>
  <c r="A49547" i="1" s="1"/>
  <c r="A49548" i="1" s="1"/>
  <c r="A49549" i="1" s="1"/>
  <c r="A49550" i="1" s="1"/>
  <c r="A49551" i="1" s="1"/>
  <c r="A49552" i="1" s="1"/>
  <c r="A49553" i="1" s="1"/>
  <c r="A49554" i="1" s="1"/>
  <c r="A49555" i="1" s="1"/>
  <c r="A49556" i="1" s="1"/>
  <c r="A49557" i="1" s="1"/>
  <c r="A49558" i="1" s="1"/>
  <c r="A49559" i="1" s="1"/>
  <c r="A49560" i="1" s="1"/>
  <c r="A49561" i="1" s="1"/>
  <c r="A49562" i="1" s="1"/>
  <c r="A49563" i="1" s="1"/>
  <c r="A49564" i="1" s="1"/>
  <c r="A49565" i="1" s="1"/>
  <c r="A49566" i="1" s="1"/>
  <c r="A49567" i="1" s="1"/>
  <c r="A49568" i="1" s="1"/>
  <c r="A49569" i="1" s="1"/>
  <c r="A49570" i="1" s="1"/>
  <c r="A49571" i="1" s="1"/>
  <c r="A49572" i="1" s="1"/>
  <c r="A49573" i="1" s="1"/>
  <c r="A49574" i="1" s="1"/>
  <c r="A49575" i="1" s="1"/>
  <c r="A49576" i="1" s="1"/>
  <c r="A49577" i="1" s="1"/>
  <c r="A49578" i="1" s="1"/>
  <c r="A49579" i="1" s="1"/>
  <c r="A49580" i="1" s="1"/>
  <c r="A49581" i="1" s="1"/>
  <c r="A49582" i="1" s="1"/>
  <c r="A49583" i="1" s="1"/>
  <c r="A49584" i="1" s="1"/>
  <c r="A49585" i="1" s="1"/>
  <c r="A49586" i="1" s="1"/>
  <c r="A49587" i="1" s="1"/>
  <c r="A49588" i="1" s="1"/>
  <c r="A49589" i="1" s="1"/>
  <c r="A49590" i="1" s="1"/>
  <c r="A49591" i="1" s="1"/>
  <c r="A49592" i="1" s="1"/>
  <c r="A49593" i="1" s="1"/>
  <c r="A49594" i="1" s="1"/>
  <c r="A49595" i="1" s="1"/>
  <c r="A49596" i="1" s="1"/>
  <c r="A49597" i="1" s="1"/>
  <c r="A49598" i="1" s="1"/>
  <c r="A49599" i="1" s="1"/>
  <c r="A49600" i="1" s="1"/>
  <c r="A49601" i="1" s="1"/>
  <c r="A49602" i="1" s="1"/>
  <c r="A49603" i="1" s="1"/>
  <c r="A49604" i="1" s="1"/>
  <c r="A49605" i="1" s="1"/>
  <c r="A49606" i="1" s="1"/>
  <c r="A49607" i="1" s="1"/>
  <c r="A49608" i="1" s="1"/>
  <c r="A49609" i="1" s="1"/>
  <c r="A49610" i="1" s="1"/>
  <c r="A49611" i="1" s="1"/>
  <c r="A49612" i="1" s="1"/>
  <c r="A49613" i="1" s="1"/>
  <c r="A49614" i="1" s="1"/>
  <c r="A49615" i="1" s="1"/>
  <c r="A49616" i="1" s="1"/>
  <c r="A49617" i="1" s="1"/>
  <c r="A49618" i="1" s="1"/>
  <c r="A49619" i="1" s="1"/>
  <c r="A49620" i="1" s="1"/>
  <c r="A49621" i="1" s="1"/>
  <c r="A49622" i="1" s="1"/>
  <c r="A49623" i="1" s="1"/>
  <c r="A49624" i="1" s="1"/>
  <c r="A49625" i="1" s="1"/>
  <c r="A49626" i="1" s="1"/>
  <c r="A49627" i="1" s="1"/>
  <c r="A49628" i="1" s="1"/>
  <c r="A49629" i="1" s="1"/>
  <c r="A49630" i="1" s="1"/>
  <c r="A49631" i="1" s="1"/>
  <c r="A49632" i="1" s="1"/>
  <c r="A49633" i="1" s="1"/>
  <c r="A49634" i="1" s="1"/>
  <c r="A49635" i="1" s="1"/>
  <c r="A49636" i="1" s="1"/>
  <c r="A49637" i="1" s="1"/>
  <c r="A49638" i="1" s="1"/>
  <c r="A49639" i="1" s="1"/>
  <c r="A49640" i="1" s="1"/>
  <c r="A49641" i="1" s="1"/>
  <c r="A49642" i="1" s="1"/>
  <c r="A49643" i="1" s="1"/>
  <c r="A49644" i="1" s="1"/>
  <c r="A49645" i="1" s="1"/>
  <c r="A49646" i="1" s="1"/>
  <c r="A49647" i="1" s="1"/>
  <c r="A49648" i="1" s="1"/>
  <c r="A49649" i="1" s="1"/>
  <c r="A49650" i="1" s="1"/>
  <c r="A49651" i="1" s="1"/>
  <c r="A49652" i="1" s="1"/>
  <c r="A49653" i="1" s="1"/>
  <c r="A49654" i="1" s="1"/>
  <c r="A49655" i="1" s="1"/>
  <c r="A49656" i="1" s="1"/>
  <c r="A49657" i="1" s="1"/>
  <c r="A49658" i="1" s="1"/>
  <c r="A49659" i="1" s="1"/>
  <c r="A49660" i="1" s="1"/>
  <c r="A49661" i="1" s="1"/>
  <c r="A49662" i="1" s="1"/>
  <c r="A49663" i="1" s="1"/>
  <c r="A49664" i="1" s="1"/>
  <c r="A49665" i="1" s="1"/>
  <c r="A49666" i="1" s="1"/>
  <c r="A49667" i="1" s="1"/>
  <c r="A49668" i="1" s="1"/>
  <c r="A49669" i="1" s="1"/>
  <c r="A49670" i="1" s="1"/>
  <c r="A49671" i="1" s="1"/>
  <c r="A49672" i="1" s="1"/>
  <c r="A49673" i="1" s="1"/>
  <c r="A49674" i="1" s="1"/>
  <c r="A49675" i="1" s="1"/>
  <c r="A49676" i="1" s="1"/>
  <c r="A49677" i="1" s="1"/>
  <c r="A49678" i="1" s="1"/>
  <c r="A49679" i="1" s="1"/>
  <c r="A49680" i="1" s="1"/>
  <c r="A49681" i="1" s="1"/>
  <c r="A49682" i="1" s="1"/>
  <c r="A49683" i="1" s="1"/>
  <c r="A49684" i="1" s="1"/>
  <c r="A49685" i="1" s="1"/>
  <c r="A49686" i="1" s="1"/>
  <c r="A49687" i="1" s="1"/>
  <c r="A49688" i="1" s="1"/>
  <c r="A49689" i="1" s="1"/>
  <c r="A49690" i="1" s="1"/>
  <c r="A49691" i="1" s="1"/>
  <c r="A49692" i="1" s="1"/>
  <c r="A49693" i="1" s="1"/>
  <c r="A49694" i="1" s="1"/>
  <c r="A49695" i="1" s="1"/>
  <c r="A49696" i="1" s="1"/>
  <c r="A49697" i="1" s="1"/>
  <c r="A49698" i="1" s="1"/>
  <c r="A49699" i="1" s="1"/>
  <c r="A49700" i="1" s="1"/>
  <c r="A49701" i="1" s="1"/>
  <c r="A49702" i="1" s="1"/>
  <c r="A49703" i="1" s="1"/>
  <c r="A49704" i="1" s="1"/>
  <c r="A49705" i="1" s="1"/>
  <c r="A49706" i="1" s="1"/>
  <c r="A49707" i="1" s="1"/>
  <c r="A49708" i="1" s="1"/>
  <c r="A49709" i="1" s="1"/>
  <c r="A49710" i="1" s="1"/>
  <c r="A49711" i="1" s="1"/>
  <c r="A49712" i="1" s="1"/>
  <c r="A49713" i="1" s="1"/>
  <c r="A49714" i="1" s="1"/>
  <c r="A49715" i="1" s="1"/>
  <c r="A49716" i="1" s="1"/>
  <c r="A49717" i="1" s="1"/>
  <c r="A49718" i="1" s="1"/>
  <c r="A49719" i="1" s="1"/>
  <c r="A49720" i="1" s="1"/>
  <c r="A49721" i="1" s="1"/>
  <c r="A49722" i="1" s="1"/>
  <c r="A49723" i="1" s="1"/>
  <c r="A49724" i="1" s="1"/>
  <c r="A49725" i="1" s="1"/>
  <c r="A49726" i="1" s="1"/>
  <c r="A49727" i="1" s="1"/>
  <c r="A49728" i="1" s="1"/>
  <c r="A49729" i="1" s="1"/>
  <c r="A49730" i="1" s="1"/>
  <c r="A49731" i="1" s="1"/>
  <c r="A49732" i="1" s="1"/>
  <c r="A49733" i="1" s="1"/>
  <c r="A49734" i="1" s="1"/>
  <c r="A49735" i="1" s="1"/>
  <c r="A49736" i="1" s="1"/>
  <c r="A49737" i="1" s="1"/>
  <c r="A49738" i="1" s="1"/>
  <c r="A49739" i="1" s="1"/>
  <c r="A49740" i="1" s="1"/>
  <c r="A49741" i="1" s="1"/>
  <c r="A49742" i="1" s="1"/>
  <c r="A49743" i="1" s="1"/>
  <c r="A49744" i="1" s="1"/>
  <c r="A49745" i="1" s="1"/>
  <c r="A49746" i="1" s="1"/>
  <c r="A49747" i="1" s="1"/>
  <c r="A49748" i="1" s="1"/>
  <c r="A49749" i="1" s="1"/>
  <c r="A49750" i="1" s="1"/>
  <c r="A49751" i="1" s="1"/>
  <c r="A49752" i="1" s="1"/>
  <c r="A49753" i="1" s="1"/>
  <c r="A49754" i="1" s="1"/>
  <c r="A49755" i="1" s="1"/>
  <c r="A49756" i="1" s="1"/>
  <c r="A49757" i="1" s="1"/>
  <c r="A49758" i="1" s="1"/>
  <c r="A49759" i="1" s="1"/>
  <c r="A49760" i="1" s="1"/>
  <c r="A49761" i="1" s="1"/>
  <c r="A49762" i="1" s="1"/>
  <c r="A49763" i="1" s="1"/>
  <c r="A49764" i="1" s="1"/>
  <c r="A49765" i="1" s="1"/>
  <c r="A49766" i="1" s="1"/>
  <c r="A49767" i="1" s="1"/>
  <c r="A49768" i="1" s="1"/>
  <c r="A49769" i="1" s="1"/>
  <c r="A49770" i="1" s="1"/>
  <c r="A49771" i="1" s="1"/>
  <c r="A49772" i="1" s="1"/>
  <c r="A49773" i="1" s="1"/>
  <c r="A49774" i="1" s="1"/>
  <c r="A49775" i="1" s="1"/>
  <c r="A49776" i="1" s="1"/>
  <c r="A49777" i="1" s="1"/>
  <c r="A49778" i="1" s="1"/>
  <c r="A49779" i="1" s="1"/>
  <c r="A49780" i="1" s="1"/>
  <c r="A49781" i="1" s="1"/>
  <c r="A49782" i="1" s="1"/>
  <c r="A49783" i="1" s="1"/>
  <c r="A49784" i="1" s="1"/>
  <c r="A49785" i="1" s="1"/>
  <c r="A49786" i="1" s="1"/>
  <c r="A49787" i="1" s="1"/>
  <c r="A49788" i="1" s="1"/>
  <c r="A49789" i="1" s="1"/>
  <c r="A49790" i="1" s="1"/>
  <c r="A49791" i="1" s="1"/>
  <c r="A49792" i="1" s="1"/>
  <c r="A49793" i="1" s="1"/>
  <c r="A49794" i="1" s="1"/>
  <c r="A49795" i="1" s="1"/>
  <c r="A49796" i="1" s="1"/>
  <c r="A49797" i="1" s="1"/>
  <c r="A49798" i="1" s="1"/>
  <c r="A49799" i="1" s="1"/>
  <c r="A49800" i="1" s="1"/>
  <c r="A49801" i="1" s="1"/>
  <c r="A49802" i="1" s="1"/>
  <c r="A49803" i="1" s="1"/>
  <c r="A49804" i="1" s="1"/>
  <c r="A49805" i="1" s="1"/>
  <c r="A49806" i="1" s="1"/>
  <c r="A49807" i="1" s="1"/>
  <c r="A49808" i="1" s="1"/>
  <c r="A49809" i="1" s="1"/>
  <c r="A49810" i="1" s="1"/>
  <c r="A49811" i="1" s="1"/>
  <c r="A49812" i="1" s="1"/>
  <c r="A49813" i="1" s="1"/>
  <c r="A49814" i="1" s="1"/>
  <c r="A49815" i="1" s="1"/>
  <c r="A49816" i="1" s="1"/>
  <c r="A49817" i="1" s="1"/>
  <c r="A49818" i="1" s="1"/>
  <c r="A49819" i="1" s="1"/>
  <c r="A49820" i="1" s="1"/>
  <c r="A49821" i="1" s="1"/>
  <c r="A49822" i="1" s="1"/>
  <c r="A49823" i="1" s="1"/>
  <c r="A49824" i="1" s="1"/>
  <c r="A49825" i="1" s="1"/>
  <c r="A49826" i="1" s="1"/>
  <c r="A49827" i="1" s="1"/>
  <c r="A49828" i="1" s="1"/>
  <c r="A49829" i="1" s="1"/>
  <c r="A49830" i="1" s="1"/>
  <c r="A49831" i="1" s="1"/>
  <c r="A49832" i="1" s="1"/>
  <c r="A49833" i="1" s="1"/>
  <c r="A49834" i="1" s="1"/>
  <c r="A49835" i="1" s="1"/>
  <c r="A49836" i="1" s="1"/>
  <c r="A49837" i="1" s="1"/>
  <c r="A49838" i="1" s="1"/>
  <c r="A49839" i="1" s="1"/>
  <c r="A49840" i="1" s="1"/>
  <c r="A49841" i="1" s="1"/>
  <c r="A49842" i="1" s="1"/>
  <c r="A49843" i="1" s="1"/>
  <c r="A49844" i="1" s="1"/>
  <c r="A49845" i="1" s="1"/>
  <c r="A49846" i="1" s="1"/>
  <c r="A49847" i="1" s="1"/>
  <c r="A49848" i="1" s="1"/>
  <c r="A49849" i="1" s="1"/>
  <c r="A49850" i="1" s="1"/>
  <c r="A49851" i="1" s="1"/>
  <c r="A49852" i="1" s="1"/>
  <c r="A49853" i="1" s="1"/>
  <c r="A49854" i="1" s="1"/>
  <c r="A49855" i="1" s="1"/>
  <c r="A49856" i="1" s="1"/>
  <c r="A49857" i="1" s="1"/>
  <c r="A49858" i="1" s="1"/>
  <c r="A49859" i="1" s="1"/>
  <c r="A49860" i="1" s="1"/>
  <c r="A49861" i="1" s="1"/>
  <c r="A49862" i="1" s="1"/>
  <c r="A49863" i="1" s="1"/>
  <c r="A49864" i="1" s="1"/>
  <c r="A49865" i="1" s="1"/>
  <c r="A49866" i="1" s="1"/>
  <c r="A49867" i="1" s="1"/>
  <c r="A49868" i="1" s="1"/>
  <c r="A49869" i="1" s="1"/>
  <c r="A49870" i="1" s="1"/>
  <c r="A49871" i="1" s="1"/>
  <c r="A49872" i="1" s="1"/>
  <c r="A49873" i="1" s="1"/>
  <c r="A49874" i="1" s="1"/>
  <c r="A49875" i="1" s="1"/>
  <c r="A49876" i="1" s="1"/>
  <c r="A49877" i="1" s="1"/>
  <c r="A49878" i="1" s="1"/>
  <c r="A49879" i="1" s="1"/>
  <c r="A49880" i="1" s="1"/>
  <c r="A49881" i="1" s="1"/>
  <c r="A49882" i="1" s="1"/>
  <c r="A49883" i="1" s="1"/>
  <c r="A49884" i="1" s="1"/>
  <c r="A49885" i="1" s="1"/>
  <c r="A49886" i="1" s="1"/>
  <c r="A49887" i="1" s="1"/>
  <c r="A49888" i="1" s="1"/>
  <c r="A49889" i="1" s="1"/>
  <c r="A49890" i="1" s="1"/>
  <c r="A49891" i="1" s="1"/>
  <c r="A49892" i="1" s="1"/>
  <c r="A49893" i="1" s="1"/>
  <c r="A49894" i="1" s="1"/>
  <c r="A49895" i="1" s="1"/>
  <c r="A49896" i="1" s="1"/>
  <c r="A49897" i="1" s="1"/>
  <c r="A49898" i="1" s="1"/>
  <c r="A49899" i="1" s="1"/>
  <c r="A49900" i="1" s="1"/>
  <c r="A49901" i="1" s="1"/>
  <c r="A49902" i="1" s="1"/>
  <c r="A49903" i="1" s="1"/>
  <c r="A49904" i="1" s="1"/>
  <c r="A49905" i="1" s="1"/>
  <c r="A49906" i="1" s="1"/>
  <c r="A49907" i="1" s="1"/>
  <c r="A49908" i="1" s="1"/>
  <c r="A49909" i="1" s="1"/>
  <c r="A49910" i="1" s="1"/>
  <c r="A49911" i="1" s="1"/>
  <c r="A49912" i="1" s="1"/>
  <c r="A49913" i="1" s="1"/>
  <c r="A49914" i="1" s="1"/>
  <c r="A49915" i="1" s="1"/>
  <c r="A49916" i="1" s="1"/>
  <c r="A49917" i="1" s="1"/>
  <c r="A49918" i="1" s="1"/>
  <c r="A49919" i="1" s="1"/>
  <c r="A49920" i="1" s="1"/>
  <c r="A49921" i="1" s="1"/>
  <c r="A49922" i="1" s="1"/>
  <c r="A49923" i="1" s="1"/>
  <c r="A49924" i="1" s="1"/>
  <c r="A49925" i="1" s="1"/>
  <c r="A49926" i="1" s="1"/>
  <c r="A49927" i="1" s="1"/>
  <c r="A49928" i="1" s="1"/>
  <c r="A49929" i="1" s="1"/>
  <c r="A49930" i="1" s="1"/>
  <c r="A49931" i="1" s="1"/>
  <c r="A49932" i="1" s="1"/>
  <c r="A49933" i="1" s="1"/>
  <c r="A49934" i="1" s="1"/>
  <c r="A49935" i="1" s="1"/>
  <c r="A49936" i="1" s="1"/>
  <c r="A49937" i="1" s="1"/>
  <c r="A49938" i="1" s="1"/>
  <c r="A49939" i="1" s="1"/>
  <c r="A49940" i="1" s="1"/>
  <c r="A49941" i="1" s="1"/>
  <c r="A49942" i="1" s="1"/>
  <c r="A49943" i="1" s="1"/>
  <c r="A49944" i="1" s="1"/>
  <c r="A49945" i="1" s="1"/>
  <c r="A49946" i="1" s="1"/>
  <c r="A49947" i="1" s="1"/>
  <c r="A49948" i="1" s="1"/>
  <c r="A49949" i="1" s="1"/>
  <c r="A49950" i="1" s="1"/>
  <c r="A49951" i="1" s="1"/>
  <c r="A49952" i="1" s="1"/>
  <c r="A49953" i="1" s="1"/>
  <c r="A49954" i="1" s="1"/>
  <c r="A49955" i="1" s="1"/>
  <c r="A49956" i="1" s="1"/>
  <c r="A49957" i="1" s="1"/>
  <c r="A49958" i="1" s="1"/>
  <c r="A49959" i="1" s="1"/>
  <c r="A49960" i="1" s="1"/>
  <c r="A49961" i="1" s="1"/>
  <c r="A49962" i="1" s="1"/>
  <c r="A49963" i="1" s="1"/>
  <c r="A49964" i="1" s="1"/>
  <c r="A49965" i="1" s="1"/>
  <c r="A49966" i="1" s="1"/>
  <c r="A49967" i="1" s="1"/>
  <c r="A49968" i="1" s="1"/>
  <c r="A49969" i="1" s="1"/>
  <c r="A49970" i="1" s="1"/>
  <c r="A49971" i="1" s="1"/>
  <c r="A49972" i="1" s="1"/>
  <c r="A49973" i="1" s="1"/>
  <c r="A49974" i="1" s="1"/>
  <c r="A49975" i="1" s="1"/>
  <c r="A49976" i="1" s="1"/>
  <c r="A49977" i="1" s="1"/>
  <c r="A49978" i="1" s="1"/>
  <c r="A49979" i="1" s="1"/>
  <c r="A49980" i="1" s="1"/>
  <c r="A49981" i="1" s="1"/>
  <c r="A49982" i="1" s="1"/>
  <c r="A49983" i="1" s="1"/>
  <c r="A49984" i="1" s="1"/>
  <c r="A49985" i="1" s="1"/>
  <c r="A49986" i="1" s="1"/>
  <c r="A49987" i="1" s="1"/>
  <c r="A49988" i="1" s="1"/>
  <c r="A49989" i="1" s="1"/>
  <c r="A49990" i="1" s="1"/>
  <c r="A49991" i="1" s="1"/>
  <c r="A49992" i="1" s="1"/>
  <c r="A49993" i="1" s="1"/>
  <c r="A49994" i="1" s="1"/>
  <c r="A49995" i="1" s="1"/>
  <c r="A49996" i="1" s="1"/>
  <c r="A49997" i="1" s="1"/>
  <c r="A49998" i="1" s="1"/>
  <c r="A49999" i="1" s="1"/>
  <c r="A50000" i="1" s="1"/>
  <c r="A50001" i="1" s="1"/>
  <c r="A50002" i="1" s="1"/>
  <c r="A50003" i="1" s="1"/>
  <c r="A50004" i="1" s="1"/>
  <c r="A50005" i="1" s="1"/>
  <c r="A50006" i="1" s="1"/>
  <c r="A50007" i="1" s="1"/>
  <c r="A50008" i="1" s="1"/>
  <c r="A50009" i="1" s="1"/>
  <c r="A50010" i="1" s="1"/>
  <c r="A50011" i="1" s="1"/>
  <c r="A50012" i="1" s="1"/>
  <c r="A50013" i="1" s="1"/>
  <c r="A50014" i="1" s="1"/>
  <c r="A50015" i="1" s="1"/>
  <c r="A50016" i="1" s="1"/>
  <c r="A50017" i="1" s="1"/>
  <c r="A50018" i="1" s="1"/>
  <c r="A50019" i="1" s="1"/>
  <c r="A50020" i="1" s="1"/>
  <c r="A50021" i="1" s="1"/>
  <c r="A50022" i="1" s="1"/>
  <c r="A50023" i="1" s="1"/>
  <c r="A50024" i="1" s="1"/>
  <c r="A50025" i="1" s="1"/>
  <c r="A50026" i="1" s="1"/>
  <c r="A50027" i="1" s="1"/>
  <c r="A50028" i="1" s="1"/>
  <c r="A50029" i="1" s="1"/>
  <c r="A50030" i="1" s="1"/>
  <c r="A50031" i="1" s="1"/>
  <c r="A50032" i="1" s="1"/>
  <c r="A50033" i="1" s="1"/>
  <c r="A50034" i="1" s="1"/>
  <c r="A50035" i="1" s="1"/>
  <c r="A50036" i="1" s="1"/>
  <c r="A50037" i="1" s="1"/>
  <c r="A50038" i="1" s="1"/>
  <c r="A50039" i="1" s="1"/>
  <c r="A50040" i="1" s="1"/>
  <c r="A50041" i="1" s="1"/>
  <c r="A50042" i="1" s="1"/>
  <c r="A50043" i="1" s="1"/>
  <c r="A50044" i="1" s="1"/>
  <c r="A50045" i="1" s="1"/>
  <c r="A50046" i="1" s="1"/>
  <c r="A50047" i="1" s="1"/>
  <c r="A50048" i="1" s="1"/>
  <c r="A50049" i="1" s="1"/>
  <c r="A50050" i="1" s="1"/>
  <c r="A50051" i="1" s="1"/>
  <c r="A50052" i="1" s="1"/>
  <c r="A50053" i="1" s="1"/>
  <c r="A50054" i="1" s="1"/>
  <c r="A50055" i="1" s="1"/>
  <c r="A50056" i="1" s="1"/>
  <c r="A50057" i="1" s="1"/>
  <c r="A50058" i="1" s="1"/>
  <c r="A50059" i="1" s="1"/>
  <c r="A50060" i="1" s="1"/>
  <c r="A50061" i="1" s="1"/>
  <c r="A50062" i="1" s="1"/>
  <c r="A50063" i="1" s="1"/>
  <c r="A50064" i="1" s="1"/>
  <c r="A50065" i="1" s="1"/>
  <c r="A50066" i="1" s="1"/>
  <c r="A50067" i="1" s="1"/>
  <c r="A50068" i="1" s="1"/>
  <c r="A50069" i="1" s="1"/>
  <c r="A50070" i="1" s="1"/>
  <c r="A50071" i="1" s="1"/>
  <c r="A50072" i="1" s="1"/>
  <c r="A50073" i="1" s="1"/>
  <c r="A50074" i="1" s="1"/>
  <c r="A50075" i="1" s="1"/>
  <c r="A50076" i="1" s="1"/>
  <c r="A50077" i="1" s="1"/>
  <c r="A50078" i="1" s="1"/>
  <c r="A50079" i="1" s="1"/>
  <c r="A50080" i="1" s="1"/>
  <c r="A50081" i="1" s="1"/>
  <c r="A50082" i="1" s="1"/>
  <c r="A50083" i="1" s="1"/>
  <c r="A50084" i="1" s="1"/>
  <c r="A50085" i="1" s="1"/>
  <c r="A50086" i="1" s="1"/>
  <c r="A50087" i="1" s="1"/>
  <c r="A50088" i="1" s="1"/>
  <c r="A50089" i="1" s="1"/>
  <c r="A50090" i="1" s="1"/>
  <c r="A50091" i="1" s="1"/>
  <c r="A50092" i="1" s="1"/>
  <c r="A50093" i="1" s="1"/>
  <c r="A50094" i="1" s="1"/>
  <c r="A50095" i="1" s="1"/>
  <c r="A50096" i="1" s="1"/>
  <c r="A50097" i="1" s="1"/>
  <c r="A50098" i="1" s="1"/>
  <c r="A50099" i="1" s="1"/>
  <c r="A50100" i="1" s="1"/>
  <c r="A50101" i="1" s="1"/>
  <c r="A50102" i="1" s="1"/>
  <c r="A50103" i="1" s="1"/>
  <c r="A50104" i="1" s="1"/>
  <c r="A50105" i="1" s="1"/>
  <c r="A50106" i="1" s="1"/>
  <c r="A50107" i="1" s="1"/>
  <c r="A50108" i="1" s="1"/>
  <c r="A50109" i="1" s="1"/>
  <c r="A50110" i="1" s="1"/>
  <c r="A50111" i="1" s="1"/>
  <c r="A50112" i="1" s="1"/>
  <c r="A50113" i="1" s="1"/>
  <c r="A50114" i="1" s="1"/>
  <c r="A50115" i="1" s="1"/>
  <c r="A50116" i="1" s="1"/>
  <c r="A50117" i="1" s="1"/>
  <c r="A50118" i="1" s="1"/>
  <c r="A50119" i="1" s="1"/>
  <c r="A50120" i="1" s="1"/>
  <c r="A50121" i="1" s="1"/>
  <c r="A50122" i="1" s="1"/>
  <c r="A50123" i="1" s="1"/>
  <c r="A50124" i="1" s="1"/>
  <c r="A50125" i="1" s="1"/>
  <c r="A50126" i="1" s="1"/>
  <c r="A50127" i="1" s="1"/>
  <c r="A50128" i="1" s="1"/>
  <c r="A50129" i="1" s="1"/>
  <c r="A50130" i="1" s="1"/>
  <c r="A50131" i="1" s="1"/>
  <c r="A50132" i="1" s="1"/>
  <c r="A50133" i="1" s="1"/>
  <c r="A50134" i="1" s="1"/>
  <c r="A50135" i="1" s="1"/>
  <c r="A50136" i="1" s="1"/>
  <c r="A50137" i="1" s="1"/>
  <c r="A50138" i="1" s="1"/>
  <c r="A50139" i="1" s="1"/>
  <c r="A50140" i="1" s="1"/>
  <c r="A50141" i="1" s="1"/>
  <c r="A50142" i="1" s="1"/>
  <c r="A50143" i="1" s="1"/>
  <c r="A50144" i="1" s="1"/>
  <c r="A50145" i="1" s="1"/>
  <c r="A50146" i="1" s="1"/>
  <c r="A50147" i="1" s="1"/>
  <c r="A50148" i="1" s="1"/>
  <c r="A50149" i="1" s="1"/>
  <c r="A50150" i="1" s="1"/>
  <c r="A50151" i="1" s="1"/>
  <c r="A50152" i="1" s="1"/>
  <c r="A50153" i="1" s="1"/>
  <c r="A50154" i="1" s="1"/>
  <c r="A50155" i="1" s="1"/>
  <c r="A50156" i="1" s="1"/>
  <c r="A50157" i="1" s="1"/>
  <c r="A50158" i="1" s="1"/>
  <c r="A50159" i="1" s="1"/>
  <c r="A50160" i="1" s="1"/>
  <c r="A50161" i="1" s="1"/>
  <c r="A50162" i="1" s="1"/>
  <c r="A50163" i="1" s="1"/>
  <c r="A50164" i="1" s="1"/>
  <c r="A50165" i="1" s="1"/>
  <c r="A50166" i="1" s="1"/>
  <c r="A50167" i="1" s="1"/>
  <c r="A50168" i="1" s="1"/>
  <c r="A50169" i="1" s="1"/>
  <c r="A50170" i="1" s="1"/>
  <c r="A50171" i="1" s="1"/>
  <c r="A50172" i="1" s="1"/>
  <c r="A50173" i="1" s="1"/>
  <c r="A50174" i="1" s="1"/>
  <c r="A50175" i="1" s="1"/>
  <c r="A50176" i="1" s="1"/>
  <c r="A50177" i="1" s="1"/>
  <c r="A50178" i="1" s="1"/>
  <c r="A50179" i="1" s="1"/>
  <c r="A50180" i="1" s="1"/>
  <c r="A50181" i="1" s="1"/>
  <c r="A50182" i="1" s="1"/>
  <c r="A50183" i="1" s="1"/>
  <c r="A50184" i="1" s="1"/>
  <c r="A50185" i="1" s="1"/>
  <c r="A50186" i="1" s="1"/>
  <c r="A50187" i="1" s="1"/>
  <c r="A50188" i="1" s="1"/>
  <c r="A50189" i="1" s="1"/>
  <c r="A50190" i="1" s="1"/>
  <c r="A50191" i="1" s="1"/>
  <c r="A50192" i="1" s="1"/>
  <c r="A50193" i="1" s="1"/>
  <c r="A50194" i="1" s="1"/>
  <c r="A50195" i="1" s="1"/>
  <c r="A50196" i="1" s="1"/>
  <c r="A50197" i="1" s="1"/>
  <c r="A50198" i="1" s="1"/>
  <c r="A50199" i="1" s="1"/>
  <c r="A50200" i="1" s="1"/>
  <c r="A50201" i="1" s="1"/>
  <c r="A50202" i="1" s="1"/>
  <c r="A50203" i="1" s="1"/>
  <c r="A50204" i="1" s="1"/>
  <c r="A50205" i="1" s="1"/>
  <c r="A50206" i="1" s="1"/>
  <c r="A50207" i="1" s="1"/>
  <c r="A50208" i="1" s="1"/>
  <c r="A50209" i="1" s="1"/>
  <c r="A50210" i="1" s="1"/>
  <c r="A50211" i="1" s="1"/>
  <c r="A50212" i="1" s="1"/>
  <c r="A50213" i="1" s="1"/>
  <c r="A50214" i="1" s="1"/>
  <c r="A50215" i="1" s="1"/>
  <c r="A50216" i="1" s="1"/>
  <c r="A50217" i="1" s="1"/>
  <c r="A50218" i="1" s="1"/>
  <c r="A50219" i="1" s="1"/>
  <c r="A50220" i="1" s="1"/>
  <c r="A50221" i="1" s="1"/>
  <c r="A50222" i="1" s="1"/>
  <c r="A50223" i="1" s="1"/>
  <c r="A50224" i="1" s="1"/>
  <c r="A50225" i="1" s="1"/>
  <c r="A50226" i="1" s="1"/>
  <c r="A50227" i="1" s="1"/>
  <c r="A50228" i="1" s="1"/>
  <c r="A50229" i="1" s="1"/>
  <c r="A50230" i="1" s="1"/>
  <c r="A50231" i="1" s="1"/>
  <c r="A50232" i="1" s="1"/>
  <c r="A50233" i="1" s="1"/>
  <c r="A50234" i="1" s="1"/>
  <c r="A50235" i="1" s="1"/>
  <c r="A50236" i="1" s="1"/>
  <c r="A50237" i="1" s="1"/>
  <c r="A50238" i="1" s="1"/>
  <c r="A50239" i="1" s="1"/>
  <c r="A50240" i="1" s="1"/>
  <c r="A50241" i="1" s="1"/>
  <c r="A50242" i="1" s="1"/>
  <c r="A50243" i="1" s="1"/>
  <c r="A50244" i="1" s="1"/>
  <c r="A50245" i="1" s="1"/>
  <c r="A50246" i="1" s="1"/>
  <c r="A50247" i="1" s="1"/>
  <c r="A50248" i="1" s="1"/>
  <c r="A50249" i="1" s="1"/>
  <c r="A50250" i="1" s="1"/>
  <c r="A50251" i="1" s="1"/>
  <c r="A50252" i="1" s="1"/>
  <c r="A50253" i="1" s="1"/>
  <c r="A50254" i="1" s="1"/>
  <c r="A50255" i="1" s="1"/>
  <c r="A50256" i="1" s="1"/>
  <c r="A50257" i="1" s="1"/>
  <c r="A50258" i="1" s="1"/>
  <c r="A50259" i="1" s="1"/>
  <c r="A50260" i="1" s="1"/>
  <c r="A50261" i="1" s="1"/>
  <c r="A50262" i="1" s="1"/>
  <c r="A50263" i="1" s="1"/>
  <c r="A50264" i="1" s="1"/>
  <c r="A50265" i="1" s="1"/>
  <c r="A50266" i="1" s="1"/>
  <c r="A50267" i="1" s="1"/>
  <c r="A50268" i="1" s="1"/>
  <c r="A50269" i="1" s="1"/>
  <c r="A50270" i="1" s="1"/>
  <c r="A50271" i="1" s="1"/>
  <c r="A50272" i="1" s="1"/>
  <c r="A50273" i="1" s="1"/>
  <c r="A50274" i="1" s="1"/>
  <c r="A50275" i="1" s="1"/>
  <c r="A50276" i="1" s="1"/>
  <c r="A50277" i="1" s="1"/>
  <c r="A50278" i="1" s="1"/>
  <c r="A50279" i="1" s="1"/>
  <c r="A50280" i="1" s="1"/>
  <c r="A50281" i="1" s="1"/>
  <c r="A50282" i="1" s="1"/>
  <c r="A50283" i="1" s="1"/>
  <c r="A50284" i="1" s="1"/>
  <c r="A50285" i="1" s="1"/>
  <c r="A50286" i="1" s="1"/>
  <c r="A50287" i="1" s="1"/>
  <c r="A50288" i="1" s="1"/>
  <c r="A50289" i="1" s="1"/>
  <c r="A50290" i="1" s="1"/>
  <c r="A50291" i="1" s="1"/>
  <c r="A50292" i="1" s="1"/>
  <c r="A50293" i="1" s="1"/>
  <c r="A50294" i="1" s="1"/>
  <c r="A50295" i="1" s="1"/>
  <c r="A50296" i="1" s="1"/>
  <c r="A50297" i="1" s="1"/>
  <c r="A50298" i="1" s="1"/>
  <c r="A50299" i="1" s="1"/>
  <c r="A50300" i="1" s="1"/>
  <c r="A50301" i="1" s="1"/>
  <c r="A50302" i="1" s="1"/>
  <c r="A50303" i="1" s="1"/>
  <c r="A50304" i="1" s="1"/>
  <c r="A50305" i="1" s="1"/>
  <c r="A50306" i="1" s="1"/>
  <c r="A50307" i="1" s="1"/>
  <c r="A50308" i="1" s="1"/>
  <c r="A50309" i="1" s="1"/>
  <c r="A50310" i="1" s="1"/>
  <c r="A50311" i="1" s="1"/>
  <c r="A50312" i="1" s="1"/>
  <c r="A50313" i="1" s="1"/>
  <c r="A50314" i="1" s="1"/>
  <c r="A50315" i="1" s="1"/>
  <c r="A50316" i="1" s="1"/>
  <c r="A50317" i="1" s="1"/>
  <c r="A50318" i="1" s="1"/>
  <c r="A50319" i="1" s="1"/>
  <c r="A50320" i="1" s="1"/>
  <c r="A50321" i="1" s="1"/>
  <c r="A50322" i="1" s="1"/>
  <c r="A50323" i="1" s="1"/>
  <c r="A50324" i="1" s="1"/>
  <c r="A50325" i="1" s="1"/>
  <c r="A50326" i="1" s="1"/>
  <c r="A50327" i="1" s="1"/>
  <c r="A50328" i="1" s="1"/>
  <c r="A50329" i="1" s="1"/>
  <c r="A50330" i="1" s="1"/>
  <c r="A50331" i="1" s="1"/>
  <c r="A50332" i="1" s="1"/>
  <c r="A50333" i="1" s="1"/>
  <c r="A50334" i="1" s="1"/>
  <c r="A50335" i="1" s="1"/>
  <c r="A50336" i="1" s="1"/>
  <c r="A50337" i="1" s="1"/>
  <c r="A50338" i="1" s="1"/>
  <c r="A50339" i="1" s="1"/>
  <c r="A50340" i="1" s="1"/>
  <c r="A50341" i="1" s="1"/>
  <c r="A50342" i="1" s="1"/>
  <c r="A50343" i="1" s="1"/>
  <c r="A50344" i="1" s="1"/>
  <c r="A50345" i="1" s="1"/>
  <c r="A50346" i="1" s="1"/>
  <c r="A50347" i="1" s="1"/>
  <c r="A50348" i="1" s="1"/>
  <c r="A50349" i="1" s="1"/>
  <c r="A50350" i="1" s="1"/>
  <c r="A50351" i="1" s="1"/>
  <c r="A50352" i="1" s="1"/>
  <c r="A50353" i="1" s="1"/>
  <c r="A50354" i="1" s="1"/>
  <c r="A50355" i="1" s="1"/>
  <c r="A50356" i="1" s="1"/>
  <c r="A50357" i="1" s="1"/>
  <c r="A50358" i="1" s="1"/>
  <c r="A50359" i="1" s="1"/>
  <c r="A50360" i="1" s="1"/>
  <c r="A50361" i="1" s="1"/>
  <c r="A50362" i="1" s="1"/>
  <c r="A50363" i="1" s="1"/>
  <c r="A50364" i="1" s="1"/>
  <c r="A50365" i="1" s="1"/>
  <c r="A50366" i="1" s="1"/>
  <c r="A50367" i="1" s="1"/>
  <c r="A50368" i="1" s="1"/>
  <c r="A50369" i="1" s="1"/>
  <c r="A50370" i="1" s="1"/>
  <c r="A50371" i="1" s="1"/>
  <c r="A50372" i="1" s="1"/>
  <c r="A50373" i="1" s="1"/>
  <c r="A50374" i="1" s="1"/>
  <c r="A50375" i="1" s="1"/>
  <c r="A50376" i="1" s="1"/>
  <c r="A50377" i="1" s="1"/>
  <c r="A50378" i="1" s="1"/>
  <c r="A50379" i="1" s="1"/>
  <c r="A50380" i="1" s="1"/>
  <c r="A50381" i="1" s="1"/>
  <c r="A50382" i="1" s="1"/>
  <c r="A50383" i="1" s="1"/>
  <c r="A50384" i="1" s="1"/>
  <c r="A50385" i="1" s="1"/>
  <c r="A50386" i="1" s="1"/>
  <c r="A50387" i="1" s="1"/>
  <c r="A50388" i="1" s="1"/>
  <c r="A50389" i="1" s="1"/>
  <c r="A50390" i="1" s="1"/>
  <c r="A50391" i="1" s="1"/>
  <c r="A50392" i="1" s="1"/>
  <c r="A50393" i="1" s="1"/>
  <c r="A50394" i="1" s="1"/>
  <c r="A50395" i="1" s="1"/>
  <c r="A50396" i="1" s="1"/>
  <c r="A50397" i="1" s="1"/>
  <c r="A50398" i="1" s="1"/>
  <c r="A50399" i="1" s="1"/>
  <c r="A50400" i="1" s="1"/>
  <c r="A50401" i="1" s="1"/>
  <c r="A50402" i="1" s="1"/>
  <c r="A50403" i="1" s="1"/>
  <c r="A50404" i="1" s="1"/>
  <c r="A50405" i="1" s="1"/>
  <c r="A50406" i="1" s="1"/>
  <c r="A50407" i="1" s="1"/>
  <c r="A50408" i="1" s="1"/>
  <c r="A50409" i="1" s="1"/>
  <c r="A50410" i="1" s="1"/>
  <c r="A50411" i="1" s="1"/>
  <c r="A50412" i="1" s="1"/>
  <c r="A50413" i="1" s="1"/>
  <c r="A50414" i="1" s="1"/>
  <c r="A50415" i="1" s="1"/>
  <c r="A50416" i="1" s="1"/>
  <c r="A50417" i="1" s="1"/>
  <c r="A50418" i="1" s="1"/>
  <c r="A50419" i="1" s="1"/>
  <c r="A50420" i="1" s="1"/>
  <c r="A50421" i="1" s="1"/>
  <c r="A50422" i="1" s="1"/>
  <c r="A50423" i="1" s="1"/>
  <c r="A50424" i="1" s="1"/>
  <c r="A50425" i="1" s="1"/>
  <c r="A50426" i="1" s="1"/>
  <c r="A50427" i="1" s="1"/>
  <c r="A50428" i="1" s="1"/>
  <c r="A50429" i="1" s="1"/>
  <c r="A50430" i="1" s="1"/>
  <c r="A50431" i="1" s="1"/>
  <c r="A50432" i="1" s="1"/>
  <c r="A50433" i="1" s="1"/>
  <c r="A50434" i="1" s="1"/>
  <c r="A50435" i="1" s="1"/>
  <c r="A50436" i="1" s="1"/>
  <c r="A50437" i="1" s="1"/>
  <c r="A50438" i="1" s="1"/>
  <c r="A50439" i="1" s="1"/>
  <c r="A50440" i="1" s="1"/>
  <c r="A50441" i="1" s="1"/>
  <c r="A50442" i="1" s="1"/>
  <c r="A50443" i="1" s="1"/>
  <c r="A50444" i="1" s="1"/>
  <c r="A50445" i="1" s="1"/>
  <c r="A50446" i="1" s="1"/>
  <c r="A50447" i="1" s="1"/>
  <c r="A50448" i="1" s="1"/>
  <c r="A50449" i="1" s="1"/>
  <c r="A50450" i="1" s="1"/>
  <c r="A50451" i="1" s="1"/>
  <c r="A50452" i="1" s="1"/>
  <c r="A50453" i="1" s="1"/>
  <c r="A50454" i="1" s="1"/>
  <c r="A50455" i="1" s="1"/>
  <c r="A50456" i="1" s="1"/>
  <c r="A50457" i="1" s="1"/>
  <c r="A50458" i="1" s="1"/>
  <c r="A50459" i="1" s="1"/>
  <c r="A50460" i="1" s="1"/>
  <c r="A50461" i="1" s="1"/>
  <c r="A50462" i="1" s="1"/>
  <c r="A50463" i="1" s="1"/>
  <c r="A50464" i="1" s="1"/>
  <c r="A50465" i="1" s="1"/>
  <c r="A50466" i="1" s="1"/>
  <c r="A50467" i="1" s="1"/>
  <c r="A50468" i="1" s="1"/>
  <c r="A50469" i="1" s="1"/>
  <c r="A50470" i="1" s="1"/>
  <c r="A50471" i="1" s="1"/>
  <c r="A50472" i="1" s="1"/>
  <c r="A50473" i="1" s="1"/>
  <c r="A50474" i="1" s="1"/>
  <c r="A50475" i="1" s="1"/>
  <c r="A50476" i="1" s="1"/>
  <c r="A50477" i="1" s="1"/>
  <c r="A50478" i="1" s="1"/>
  <c r="A50479" i="1" s="1"/>
  <c r="A50480" i="1" s="1"/>
  <c r="A50481" i="1" s="1"/>
  <c r="A50482" i="1" s="1"/>
  <c r="A50483" i="1" s="1"/>
  <c r="A50484" i="1" s="1"/>
  <c r="A50485" i="1" s="1"/>
  <c r="A50486" i="1" s="1"/>
  <c r="A50487" i="1" s="1"/>
  <c r="A50488" i="1" s="1"/>
  <c r="A50489" i="1" s="1"/>
  <c r="A50490" i="1" s="1"/>
  <c r="A50491" i="1" s="1"/>
  <c r="A50492" i="1" s="1"/>
  <c r="A50493" i="1" s="1"/>
  <c r="A50494" i="1" s="1"/>
  <c r="A50495" i="1" s="1"/>
  <c r="A50496" i="1" s="1"/>
  <c r="A50497" i="1" s="1"/>
  <c r="A50498" i="1" s="1"/>
  <c r="A50499" i="1" s="1"/>
  <c r="A50500" i="1" s="1"/>
  <c r="A50501" i="1" s="1"/>
  <c r="A50502" i="1" s="1"/>
  <c r="A50503" i="1" s="1"/>
  <c r="A50504" i="1" s="1"/>
  <c r="A50505" i="1" s="1"/>
  <c r="A50506" i="1" s="1"/>
  <c r="A50507" i="1" s="1"/>
  <c r="A50508" i="1" s="1"/>
  <c r="A50509" i="1" s="1"/>
  <c r="A50510" i="1" s="1"/>
  <c r="A50511" i="1" s="1"/>
  <c r="A50512" i="1" s="1"/>
  <c r="A50513" i="1" s="1"/>
  <c r="A50514" i="1" s="1"/>
  <c r="A50515" i="1" s="1"/>
  <c r="A50516" i="1" s="1"/>
  <c r="A50517" i="1" s="1"/>
  <c r="A50518" i="1" s="1"/>
  <c r="A50519" i="1" s="1"/>
  <c r="A50520" i="1" s="1"/>
  <c r="A50521" i="1" s="1"/>
  <c r="A50522" i="1" s="1"/>
  <c r="A50523" i="1" s="1"/>
  <c r="A50524" i="1" s="1"/>
  <c r="A50525" i="1" s="1"/>
  <c r="A50526" i="1" s="1"/>
  <c r="A50527" i="1" s="1"/>
  <c r="A50528" i="1" s="1"/>
  <c r="A50529" i="1" s="1"/>
  <c r="A50530" i="1" s="1"/>
  <c r="A50531" i="1" s="1"/>
  <c r="A50532" i="1" s="1"/>
  <c r="A50533" i="1" s="1"/>
  <c r="A50534" i="1" s="1"/>
  <c r="A50535" i="1" s="1"/>
  <c r="A50536" i="1" s="1"/>
  <c r="A50537" i="1" s="1"/>
  <c r="A50538" i="1" s="1"/>
  <c r="A50539" i="1" s="1"/>
  <c r="A50540" i="1" s="1"/>
  <c r="A50541" i="1" s="1"/>
  <c r="A50542" i="1" s="1"/>
  <c r="A50543" i="1" s="1"/>
  <c r="A50544" i="1" s="1"/>
  <c r="A50545" i="1" s="1"/>
  <c r="A50546" i="1" s="1"/>
  <c r="A50547" i="1" s="1"/>
  <c r="A50548" i="1" s="1"/>
  <c r="A50549" i="1" s="1"/>
  <c r="A50550" i="1" s="1"/>
  <c r="A50551" i="1" s="1"/>
  <c r="A50552" i="1" s="1"/>
  <c r="A50553" i="1" s="1"/>
  <c r="A50554" i="1" s="1"/>
  <c r="A50555" i="1" s="1"/>
  <c r="A50556" i="1" s="1"/>
  <c r="A50557" i="1" s="1"/>
  <c r="A50558" i="1" s="1"/>
  <c r="A50559" i="1" s="1"/>
  <c r="A50560" i="1" s="1"/>
  <c r="A50561" i="1" s="1"/>
  <c r="A50562" i="1" s="1"/>
  <c r="A50563" i="1" s="1"/>
  <c r="A50564" i="1" s="1"/>
  <c r="A50565" i="1" s="1"/>
  <c r="A50566" i="1" s="1"/>
  <c r="A50567" i="1" s="1"/>
  <c r="A50568" i="1" s="1"/>
  <c r="A50569" i="1" s="1"/>
  <c r="A50570" i="1" s="1"/>
  <c r="A50571" i="1" s="1"/>
  <c r="A50572" i="1" s="1"/>
  <c r="A50573" i="1" s="1"/>
  <c r="A50574" i="1" s="1"/>
  <c r="A50575" i="1" s="1"/>
  <c r="A50576" i="1" s="1"/>
  <c r="A50577" i="1" s="1"/>
  <c r="A50578" i="1" s="1"/>
  <c r="A50579" i="1" s="1"/>
  <c r="A50580" i="1" s="1"/>
  <c r="A50581" i="1" s="1"/>
  <c r="A50582" i="1" s="1"/>
  <c r="A50583" i="1" s="1"/>
  <c r="A50584" i="1" s="1"/>
  <c r="A50585" i="1" s="1"/>
  <c r="A50586" i="1" s="1"/>
  <c r="A50587" i="1" s="1"/>
  <c r="A50588" i="1" s="1"/>
  <c r="A50589" i="1" s="1"/>
  <c r="A50590" i="1" s="1"/>
  <c r="A50591" i="1" s="1"/>
  <c r="A50592" i="1" s="1"/>
  <c r="A50593" i="1" s="1"/>
  <c r="A50594" i="1" s="1"/>
  <c r="A50595" i="1" s="1"/>
  <c r="A50596" i="1" s="1"/>
  <c r="A50597" i="1" s="1"/>
  <c r="A50598" i="1" s="1"/>
  <c r="A50599" i="1" s="1"/>
  <c r="A50600" i="1" s="1"/>
  <c r="A50601" i="1" s="1"/>
  <c r="A50602" i="1" s="1"/>
  <c r="A50603" i="1" s="1"/>
  <c r="A50604" i="1" s="1"/>
  <c r="A50605" i="1" s="1"/>
  <c r="A50606" i="1" s="1"/>
  <c r="A50607" i="1" s="1"/>
  <c r="A50608" i="1" s="1"/>
  <c r="A50609" i="1" s="1"/>
  <c r="A50610" i="1" s="1"/>
  <c r="A50611" i="1" s="1"/>
  <c r="A50612" i="1" s="1"/>
  <c r="A50613" i="1" s="1"/>
  <c r="A50614" i="1" s="1"/>
  <c r="A50615" i="1" s="1"/>
  <c r="A50616" i="1" s="1"/>
  <c r="A50617" i="1" s="1"/>
  <c r="A50618" i="1" s="1"/>
  <c r="A50619" i="1" s="1"/>
  <c r="A50620" i="1" s="1"/>
  <c r="A50621" i="1" s="1"/>
  <c r="A50622" i="1" s="1"/>
  <c r="A50623" i="1" s="1"/>
  <c r="A50624" i="1" s="1"/>
  <c r="A50625" i="1" s="1"/>
  <c r="A50626" i="1" s="1"/>
  <c r="A50627" i="1" s="1"/>
  <c r="A50628" i="1" s="1"/>
  <c r="A50629" i="1" s="1"/>
  <c r="A50630" i="1" s="1"/>
  <c r="A50631" i="1" s="1"/>
  <c r="A50632" i="1" s="1"/>
  <c r="A50633" i="1" s="1"/>
  <c r="A50634" i="1" s="1"/>
  <c r="A50635" i="1" s="1"/>
  <c r="A50636" i="1" s="1"/>
  <c r="A50637" i="1" s="1"/>
  <c r="A50638" i="1" s="1"/>
  <c r="A50639" i="1" s="1"/>
  <c r="A50640" i="1" s="1"/>
  <c r="A50641" i="1" s="1"/>
  <c r="A50642" i="1" s="1"/>
  <c r="A50643" i="1" s="1"/>
  <c r="A50644" i="1" s="1"/>
  <c r="A50645" i="1" s="1"/>
  <c r="A50646" i="1" s="1"/>
  <c r="A50647" i="1" s="1"/>
  <c r="A50648" i="1" s="1"/>
  <c r="A50649" i="1" s="1"/>
  <c r="A50650" i="1" s="1"/>
  <c r="A50651" i="1" s="1"/>
  <c r="A50652" i="1" s="1"/>
  <c r="A50653" i="1" s="1"/>
  <c r="A50654" i="1" s="1"/>
  <c r="A50655" i="1" s="1"/>
  <c r="A50656" i="1" s="1"/>
  <c r="A50657" i="1" s="1"/>
  <c r="A50658" i="1" s="1"/>
  <c r="A50659" i="1" s="1"/>
  <c r="A50660" i="1" s="1"/>
  <c r="A50661" i="1" s="1"/>
  <c r="A50662" i="1" s="1"/>
  <c r="A50663" i="1" s="1"/>
  <c r="A50664" i="1" s="1"/>
  <c r="A50665" i="1" s="1"/>
  <c r="A50666" i="1" s="1"/>
  <c r="A50667" i="1" s="1"/>
  <c r="A50668" i="1" s="1"/>
  <c r="A50669" i="1" s="1"/>
  <c r="A50670" i="1" s="1"/>
  <c r="A50671" i="1" s="1"/>
  <c r="A50672" i="1" s="1"/>
  <c r="A50673" i="1" s="1"/>
  <c r="A50674" i="1" s="1"/>
  <c r="A50675" i="1" s="1"/>
  <c r="A50676" i="1" s="1"/>
  <c r="A50677" i="1" s="1"/>
  <c r="A50678" i="1" s="1"/>
  <c r="A50679" i="1" s="1"/>
  <c r="A50680" i="1" s="1"/>
  <c r="A50681" i="1" s="1"/>
  <c r="A50682" i="1" s="1"/>
  <c r="A50683" i="1" s="1"/>
  <c r="A50684" i="1" s="1"/>
  <c r="A50685" i="1" s="1"/>
  <c r="A50686" i="1" s="1"/>
  <c r="A50687" i="1" s="1"/>
  <c r="A50688" i="1" s="1"/>
  <c r="A50689" i="1" s="1"/>
  <c r="A50690" i="1" s="1"/>
  <c r="A50691" i="1" s="1"/>
  <c r="A50692" i="1" s="1"/>
  <c r="A50693" i="1" s="1"/>
  <c r="A50694" i="1" s="1"/>
  <c r="A50695" i="1" s="1"/>
  <c r="A50696" i="1" s="1"/>
  <c r="A50697" i="1" s="1"/>
  <c r="A50698" i="1" s="1"/>
  <c r="A50699" i="1" s="1"/>
  <c r="A50700" i="1" s="1"/>
  <c r="A50701" i="1" s="1"/>
  <c r="A50702" i="1" s="1"/>
  <c r="A50703" i="1" s="1"/>
  <c r="A50704" i="1" s="1"/>
  <c r="A50705" i="1" s="1"/>
  <c r="A50706" i="1" s="1"/>
  <c r="A50707" i="1" s="1"/>
  <c r="A50708" i="1" s="1"/>
  <c r="A50709" i="1" s="1"/>
  <c r="A50710" i="1" s="1"/>
  <c r="A50711" i="1" s="1"/>
  <c r="A50712" i="1" s="1"/>
  <c r="A50713" i="1" s="1"/>
  <c r="A50714" i="1" s="1"/>
  <c r="A50715" i="1" s="1"/>
  <c r="A50716" i="1" s="1"/>
  <c r="A50717" i="1" s="1"/>
  <c r="A50718" i="1" s="1"/>
  <c r="A50719" i="1" s="1"/>
  <c r="A50720" i="1" s="1"/>
  <c r="A50721" i="1" s="1"/>
  <c r="A50722" i="1" s="1"/>
  <c r="A50723" i="1" s="1"/>
  <c r="A50724" i="1" s="1"/>
  <c r="A50725" i="1" s="1"/>
  <c r="A50726" i="1" s="1"/>
  <c r="A50727" i="1" s="1"/>
  <c r="A50728" i="1" s="1"/>
  <c r="A50729" i="1" s="1"/>
  <c r="A50730" i="1" s="1"/>
  <c r="A50731" i="1" s="1"/>
  <c r="A50732" i="1" s="1"/>
  <c r="A50733" i="1" s="1"/>
  <c r="A50734" i="1" s="1"/>
  <c r="A50735" i="1" s="1"/>
  <c r="A50736" i="1" s="1"/>
  <c r="A50737" i="1" s="1"/>
  <c r="A50738" i="1" s="1"/>
  <c r="A50739" i="1" s="1"/>
  <c r="A50740" i="1" s="1"/>
  <c r="A50741" i="1" s="1"/>
  <c r="A50742" i="1" s="1"/>
  <c r="A50743" i="1" s="1"/>
  <c r="A50744" i="1" s="1"/>
  <c r="A50745" i="1" s="1"/>
  <c r="A50746" i="1" s="1"/>
  <c r="A50747" i="1" s="1"/>
  <c r="A50748" i="1" s="1"/>
  <c r="A50749" i="1" s="1"/>
  <c r="A50750" i="1" s="1"/>
  <c r="A50751" i="1" s="1"/>
  <c r="A50752" i="1" s="1"/>
  <c r="A50753" i="1" s="1"/>
  <c r="A50754" i="1" s="1"/>
  <c r="A50755" i="1" s="1"/>
  <c r="A50756" i="1" s="1"/>
  <c r="A50757" i="1" s="1"/>
  <c r="A50758" i="1" s="1"/>
  <c r="A50759" i="1" s="1"/>
  <c r="A50760" i="1" s="1"/>
  <c r="A50761" i="1" s="1"/>
  <c r="A50762" i="1" s="1"/>
  <c r="A50763" i="1" s="1"/>
  <c r="A50764" i="1" s="1"/>
  <c r="A50765" i="1" s="1"/>
  <c r="A50766" i="1" s="1"/>
  <c r="A50767" i="1" s="1"/>
  <c r="A50768" i="1" s="1"/>
  <c r="A50769" i="1" s="1"/>
  <c r="A50770" i="1" s="1"/>
  <c r="A50771" i="1" s="1"/>
  <c r="A50772" i="1" s="1"/>
  <c r="A50773" i="1" s="1"/>
  <c r="A50774" i="1" s="1"/>
  <c r="A50775" i="1" s="1"/>
  <c r="A50776" i="1" s="1"/>
  <c r="A50777" i="1" s="1"/>
  <c r="A50778" i="1" s="1"/>
  <c r="A50779" i="1" s="1"/>
  <c r="A50780" i="1" s="1"/>
  <c r="A50781" i="1" s="1"/>
  <c r="A50782" i="1" s="1"/>
  <c r="A50783" i="1" s="1"/>
  <c r="A50784" i="1" s="1"/>
  <c r="A50785" i="1" s="1"/>
  <c r="A50786" i="1" s="1"/>
  <c r="A50787" i="1" s="1"/>
  <c r="A50788" i="1" s="1"/>
  <c r="A50789" i="1" s="1"/>
  <c r="A50790" i="1" s="1"/>
  <c r="A50791" i="1" s="1"/>
  <c r="A50792" i="1" s="1"/>
  <c r="A50793" i="1" s="1"/>
  <c r="A50794" i="1" s="1"/>
  <c r="A50795" i="1" s="1"/>
  <c r="A50796" i="1" s="1"/>
  <c r="A50797" i="1" s="1"/>
  <c r="A50798" i="1" s="1"/>
  <c r="A50799" i="1" s="1"/>
  <c r="A50800" i="1" s="1"/>
  <c r="A50801" i="1" s="1"/>
  <c r="A50802" i="1" s="1"/>
  <c r="A50803" i="1" s="1"/>
  <c r="A50804" i="1" s="1"/>
  <c r="A50805" i="1" s="1"/>
  <c r="A50806" i="1" s="1"/>
  <c r="A50807" i="1" s="1"/>
  <c r="A50808" i="1" s="1"/>
  <c r="A50809" i="1" s="1"/>
  <c r="A50810" i="1" s="1"/>
  <c r="A50811" i="1" s="1"/>
  <c r="A50812" i="1" s="1"/>
  <c r="A50813" i="1" s="1"/>
  <c r="A50814" i="1" s="1"/>
  <c r="A50815" i="1" s="1"/>
  <c r="A50816" i="1" s="1"/>
  <c r="A50817" i="1" s="1"/>
  <c r="A50818" i="1" s="1"/>
  <c r="A50819" i="1" s="1"/>
  <c r="A50820" i="1" s="1"/>
  <c r="A50821" i="1" s="1"/>
  <c r="A50822" i="1" s="1"/>
  <c r="A50823" i="1" s="1"/>
  <c r="A50824" i="1" s="1"/>
  <c r="A50825" i="1" s="1"/>
  <c r="A50826" i="1" s="1"/>
  <c r="A50827" i="1" s="1"/>
  <c r="A50828" i="1" s="1"/>
  <c r="A50829" i="1" s="1"/>
  <c r="A50830" i="1" s="1"/>
  <c r="A50831" i="1" s="1"/>
  <c r="A50832" i="1" s="1"/>
  <c r="A50833" i="1" s="1"/>
  <c r="A50834" i="1" s="1"/>
  <c r="A50835" i="1" s="1"/>
  <c r="A50836" i="1" s="1"/>
  <c r="A50837" i="1" s="1"/>
  <c r="A50838" i="1" s="1"/>
  <c r="A50839" i="1" s="1"/>
  <c r="A50840" i="1" s="1"/>
  <c r="A50841" i="1" s="1"/>
  <c r="A50842" i="1" s="1"/>
  <c r="A50843" i="1" s="1"/>
  <c r="A50844" i="1" s="1"/>
  <c r="A50845" i="1" s="1"/>
  <c r="A50846" i="1" s="1"/>
  <c r="A50847" i="1" s="1"/>
  <c r="A50848" i="1" s="1"/>
  <c r="A50849" i="1" s="1"/>
  <c r="A50850" i="1" s="1"/>
  <c r="A50851" i="1" s="1"/>
  <c r="A50852" i="1" s="1"/>
  <c r="A50853" i="1" s="1"/>
  <c r="A50854" i="1" s="1"/>
  <c r="A50855" i="1" s="1"/>
  <c r="A50856" i="1" s="1"/>
  <c r="A50857" i="1" s="1"/>
  <c r="A50858" i="1" s="1"/>
  <c r="A50859" i="1" s="1"/>
  <c r="A50860" i="1" s="1"/>
  <c r="A50861" i="1" s="1"/>
  <c r="A50862" i="1" s="1"/>
  <c r="A50863" i="1" s="1"/>
  <c r="A50864" i="1" s="1"/>
  <c r="A50865" i="1" s="1"/>
  <c r="A50866" i="1" s="1"/>
  <c r="A50867" i="1" s="1"/>
  <c r="A50868" i="1" s="1"/>
  <c r="A50869" i="1" s="1"/>
  <c r="A50870" i="1" s="1"/>
  <c r="A50871" i="1" s="1"/>
  <c r="A50872" i="1" s="1"/>
  <c r="A50873" i="1" s="1"/>
  <c r="A50874" i="1" s="1"/>
  <c r="A50875" i="1" s="1"/>
  <c r="A50876" i="1" s="1"/>
  <c r="A50877" i="1" s="1"/>
  <c r="A50878" i="1" s="1"/>
  <c r="A50879" i="1" s="1"/>
  <c r="A50880" i="1" s="1"/>
  <c r="A50881" i="1" s="1"/>
  <c r="A50882" i="1" s="1"/>
  <c r="A50883" i="1" s="1"/>
  <c r="A50884" i="1" s="1"/>
  <c r="A50885" i="1" s="1"/>
  <c r="A50886" i="1" s="1"/>
  <c r="A50887" i="1" s="1"/>
  <c r="A50888" i="1" s="1"/>
  <c r="A50889" i="1" s="1"/>
  <c r="A50890" i="1" s="1"/>
  <c r="A50891" i="1" s="1"/>
  <c r="A50892" i="1" s="1"/>
  <c r="A50893" i="1" s="1"/>
  <c r="A50894" i="1" s="1"/>
  <c r="A50895" i="1" s="1"/>
  <c r="A50896" i="1" s="1"/>
  <c r="A50897" i="1" s="1"/>
  <c r="A50898" i="1" s="1"/>
  <c r="A50899" i="1" s="1"/>
  <c r="A50900" i="1" s="1"/>
  <c r="A50901" i="1" s="1"/>
  <c r="A50902" i="1" s="1"/>
  <c r="A50903" i="1" s="1"/>
  <c r="A50904" i="1" s="1"/>
  <c r="A50905" i="1" s="1"/>
  <c r="A50906" i="1" s="1"/>
  <c r="A50907" i="1" s="1"/>
  <c r="A50908" i="1" s="1"/>
  <c r="A50909" i="1" s="1"/>
  <c r="A50910" i="1" s="1"/>
  <c r="A50911" i="1" s="1"/>
  <c r="A50912" i="1" s="1"/>
  <c r="A50913" i="1" s="1"/>
  <c r="A50914" i="1" s="1"/>
  <c r="A50915" i="1" s="1"/>
  <c r="A50916" i="1" s="1"/>
  <c r="A50917" i="1" s="1"/>
  <c r="A50918" i="1" s="1"/>
  <c r="A50919" i="1" s="1"/>
  <c r="A50920" i="1" s="1"/>
  <c r="A50921" i="1" s="1"/>
  <c r="A50922" i="1" s="1"/>
  <c r="A50923" i="1" s="1"/>
  <c r="A50924" i="1" s="1"/>
  <c r="A50925" i="1" s="1"/>
  <c r="A50926" i="1" s="1"/>
  <c r="A50927" i="1" s="1"/>
  <c r="A50928" i="1" s="1"/>
  <c r="A50929" i="1" s="1"/>
  <c r="A50930" i="1" s="1"/>
  <c r="A50931" i="1" s="1"/>
  <c r="A50932" i="1" s="1"/>
  <c r="A50933" i="1" s="1"/>
  <c r="A50934" i="1" s="1"/>
  <c r="A50935" i="1" s="1"/>
  <c r="A50936" i="1" s="1"/>
  <c r="A50937" i="1" s="1"/>
  <c r="A50938" i="1" s="1"/>
  <c r="A50939" i="1" s="1"/>
  <c r="A50940" i="1" s="1"/>
  <c r="A50941" i="1" s="1"/>
  <c r="A50942" i="1" s="1"/>
  <c r="A50943" i="1" s="1"/>
  <c r="A50944" i="1" s="1"/>
  <c r="A50945" i="1" s="1"/>
  <c r="A50946" i="1" s="1"/>
  <c r="A50947" i="1" s="1"/>
  <c r="A50948" i="1" s="1"/>
  <c r="A50949" i="1" s="1"/>
  <c r="A50950" i="1" s="1"/>
  <c r="A50951" i="1" s="1"/>
  <c r="A50952" i="1" s="1"/>
  <c r="A50953" i="1" s="1"/>
  <c r="A50954" i="1" s="1"/>
  <c r="A50955" i="1" s="1"/>
  <c r="A50956" i="1" s="1"/>
  <c r="A50957" i="1" s="1"/>
  <c r="A50958" i="1" s="1"/>
  <c r="A50959" i="1" s="1"/>
  <c r="A50960" i="1" s="1"/>
  <c r="A50961" i="1" s="1"/>
  <c r="A50962" i="1" s="1"/>
  <c r="A50963" i="1" s="1"/>
  <c r="A50964" i="1" s="1"/>
  <c r="A50965" i="1" s="1"/>
  <c r="A50966" i="1" s="1"/>
  <c r="A50967" i="1" s="1"/>
  <c r="A50968" i="1" s="1"/>
  <c r="A50969" i="1" s="1"/>
  <c r="A50970" i="1" s="1"/>
  <c r="A50971" i="1" s="1"/>
  <c r="A50972" i="1" s="1"/>
  <c r="A50973" i="1" s="1"/>
  <c r="A50974" i="1" s="1"/>
  <c r="A50975" i="1" s="1"/>
  <c r="A50976" i="1" s="1"/>
  <c r="A50977" i="1" s="1"/>
  <c r="A50978" i="1" s="1"/>
  <c r="A50979" i="1" s="1"/>
  <c r="A50980" i="1" s="1"/>
  <c r="A50981" i="1" s="1"/>
  <c r="A50982" i="1" s="1"/>
  <c r="A50983" i="1" s="1"/>
  <c r="A50984" i="1" s="1"/>
  <c r="A50985" i="1" s="1"/>
  <c r="A50986" i="1" s="1"/>
  <c r="A50987" i="1" s="1"/>
  <c r="A50988" i="1" s="1"/>
  <c r="A50989" i="1" s="1"/>
  <c r="A50990" i="1" s="1"/>
  <c r="A50991" i="1" s="1"/>
  <c r="A50992" i="1" s="1"/>
  <c r="A50993" i="1" s="1"/>
  <c r="A50994" i="1" s="1"/>
  <c r="A50995" i="1" s="1"/>
  <c r="A50996" i="1" s="1"/>
  <c r="A50997" i="1" s="1"/>
  <c r="A50998" i="1" s="1"/>
  <c r="A50999" i="1" s="1"/>
  <c r="A51000" i="1" s="1"/>
  <c r="A51001" i="1" s="1"/>
  <c r="A51002" i="1" s="1"/>
  <c r="A51003" i="1" s="1"/>
  <c r="A51004" i="1" s="1"/>
  <c r="A51005" i="1" s="1"/>
  <c r="A51006" i="1" s="1"/>
  <c r="A51007" i="1" s="1"/>
  <c r="A51008" i="1" s="1"/>
  <c r="A51009" i="1" s="1"/>
  <c r="A51010" i="1" s="1"/>
  <c r="A51011" i="1" s="1"/>
  <c r="A51012" i="1" s="1"/>
  <c r="A51013" i="1" s="1"/>
  <c r="A51014" i="1" s="1"/>
  <c r="A51015" i="1" s="1"/>
  <c r="A51016" i="1" s="1"/>
  <c r="A51017" i="1" s="1"/>
  <c r="A51018" i="1" s="1"/>
  <c r="A51019" i="1" s="1"/>
  <c r="A51020" i="1" s="1"/>
  <c r="A51021" i="1" s="1"/>
  <c r="A51022" i="1" s="1"/>
  <c r="A51023" i="1" s="1"/>
  <c r="A51024" i="1" s="1"/>
  <c r="A51025" i="1" s="1"/>
  <c r="A51026" i="1" s="1"/>
  <c r="A51027" i="1" s="1"/>
  <c r="A51028" i="1" s="1"/>
  <c r="A51029" i="1" s="1"/>
  <c r="A51030" i="1" s="1"/>
  <c r="A51031" i="1" s="1"/>
  <c r="A51032" i="1" s="1"/>
  <c r="A51033" i="1" s="1"/>
  <c r="A51034" i="1" s="1"/>
  <c r="A51035" i="1" s="1"/>
  <c r="A51036" i="1" s="1"/>
  <c r="A51037" i="1" s="1"/>
  <c r="A51038" i="1" s="1"/>
  <c r="A51039" i="1" s="1"/>
  <c r="A51040" i="1" s="1"/>
  <c r="A51041" i="1" s="1"/>
  <c r="A51042" i="1" s="1"/>
  <c r="A51043" i="1" s="1"/>
  <c r="A51044" i="1" s="1"/>
  <c r="A51045" i="1" s="1"/>
  <c r="A51046" i="1" s="1"/>
  <c r="A51047" i="1" s="1"/>
  <c r="A51048" i="1" s="1"/>
  <c r="A51049" i="1" s="1"/>
  <c r="A51050" i="1" s="1"/>
  <c r="A51051" i="1" s="1"/>
  <c r="A51052" i="1" s="1"/>
  <c r="A51053" i="1" s="1"/>
  <c r="A51054" i="1" s="1"/>
  <c r="A51055" i="1" s="1"/>
  <c r="A51056" i="1" s="1"/>
  <c r="A51057" i="1" s="1"/>
  <c r="A51058" i="1" s="1"/>
  <c r="A51059" i="1" s="1"/>
  <c r="A51060" i="1" s="1"/>
  <c r="A51061" i="1" s="1"/>
  <c r="A51062" i="1" s="1"/>
  <c r="A51063" i="1" s="1"/>
  <c r="A51064" i="1" s="1"/>
  <c r="A51065" i="1" s="1"/>
  <c r="A51066" i="1" s="1"/>
  <c r="A51067" i="1" s="1"/>
  <c r="A51068" i="1" s="1"/>
  <c r="A51069" i="1" s="1"/>
  <c r="A51070" i="1" s="1"/>
  <c r="A51071" i="1" s="1"/>
  <c r="A51072" i="1" s="1"/>
  <c r="A51073" i="1" s="1"/>
  <c r="A51074" i="1" s="1"/>
  <c r="A51075" i="1" s="1"/>
  <c r="A51076" i="1" s="1"/>
  <c r="A51077" i="1" s="1"/>
  <c r="A51078" i="1" s="1"/>
  <c r="A51079" i="1" s="1"/>
  <c r="A51080" i="1" s="1"/>
  <c r="A51081" i="1" s="1"/>
  <c r="A51082" i="1" s="1"/>
  <c r="A51083" i="1" s="1"/>
  <c r="A51084" i="1" s="1"/>
  <c r="A51085" i="1" s="1"/>
  <c r="A51086" i="1" s="1"/>
  <c r="A51087" i="1" s="1"/>
  <c r="A51088" i="1" s="1"/>
  <c r="A51089" i="1" s="1"/>
  <c r="A51090" i="1" s="1"/>
  <c r="A51091" i="1" s="1"/>
  <c r="A51092" i="1" s="1"/>
  <c r="A51093" i="1" s="1"/>
  <c r="A51094" i="1" s="1"/>
  <c r="A51095" i="1" s="1"/>
  <c r="A51096" i="1" s="1"/>
  <c r="A51097" i="1" s="1"/>
  <c r="A51098" i="1" s="1"/>
  <c r="A51099" i="1" s="1"/>
  <c r="A51100" i="1" s="1"/>
  <c r="A51101" i="1" s="1"/>
  <c r="A51102" i="1" s="1"/>
  <c r="A51103" i="1" s="1"/>
  <c r="A51104" i="1" s="1"/>
  <c r="A51105" i="1" s="1"/>
  <c r="A51106" i="1" s="1"/>
  <c r="A51107" i="1" s="1"/>
  <c r="A51108" i="1" s="1"/>
  <c r="A51109" i="1" s="1"/>
  <c r="A51110" i="1" s="1"/>
  <c r="A51111" i="1" s="1"/>
  <c r="A51112" i="1" s="1"/>
  <c r="A51113" i="1" s="1"/>
  <c r="A51114" i="1" s="1"/>
  <c r="A51115" i="1" s="1"/>
  <c r="A51116" i="1" s="1"/>
  <c r="A51117" i="1" s="1"/>
  <c r="A51118" i="1" s="1"/>
  <c r="A51119" i="1" s="1"/>
  <c r="A51120" i="1" s="1"/>
  <c r="A51121" i="1" s="1"/>
  <c r="A51122" i="1" s="1"/>
  <c r="A51123" i="1" s="1"/>
  <c r="A51124" i="1" s="1"/>
  <c r="A51125" i="1" s="1"/>
  <c r="A51126" i="1" s="1"/>
  <c r="A51127" i="1" s="1"/>
  <c r="A51128" i="1" s="1"/>
  <c r="A51129" i="1" s="1"/>
  <c r="A51130" i="1" s="1"/>
  <c r="A51131" i="1" s="1"/>
  <c r="A51132" i="1" s="1"/>
  <c r="A51133" i="1" s="1"/>
  <c r="A51134" i="1" s="1"/>
  <c r="A51135" i="1" s="1"/>
  <c r="A51136" i="1" s="1"/>
  <c r="A51137" i="1" s="1"/>
  <c r="A51138" i="1" s="1"/>
  <c r="A51139" i="1" s="1"/>
  <c r="A51140" i="1" s="1"/>
  <c r="A51141" i="1" s="1"/>
  <c r="A51142" i="1" s="1"/>
  <c r="A51143" i="1" s="1"/>
  <c r="A51144" i="1" s="1"/>
  <c r="A51145" i="1" s="1"/>
  <c r="A51146" i="1" s="1"/>
  <c r="A51147" i="1" s="1"/>
  <c r="A51148" i="1" s="1"/>
  <c r="A51149" i="1" s="1"/>
  <c r="A51150" i="1" s="1"/>
  <c r="A51151" i="1" s="1"/>
  <c r="A51152" i="1" s="1"/>
  <c r="A51153" i="1" s="1"/>
  <c r="A51154" i="1" s="1"/>
  <c r="A51155" i="1" s="1"/>
  <c r="A51156" i="1" s="1"/>
  <c r="A51157" i="1" s="1"/>
  <c r="A51158" i="1" s="1"/>
  <c r="A51159" i="1" s="1"/>
  <c r="A51160" i="1" s="1"/>
  <c r="A51161" i="1" s="1"/>
  <c r="A51162" i="1" s="1"/>
  <c r="A51163" i="1" s="1"/>
  <c r="A51164" i="1" s="1"/>
  <c r="A51165" i="1" s="1"/>
  <c r="A51166" i="1" s="1"/>
  <c r="A51167" i="1" s="1"/>
  <c r="A51168" i="1" s="1"/>
  <c r="A51169" i="1" s="1"/>
  <c r="A51170" i="1" s="1"/>
  <c r="A51171" i="1" s="1"/>
  <c r="A51172" i="1" s="1"/>
  <c r="A51173" i="1" s="1"/>
  <c r="A51174" i="1" s="1"/>
  <c r="A51175" i="1" s="1"/>
  <c r="A51176" i="1" s="1"/>
  <c r="A51177" i="1" s="1"/>
  <c r="A51178" i="1" s="1"/>
  <c r="A51179" i="1" s="1"/>
  <c r="A51180" i="1" s="1"/>
  <c r="A51181" i="1" s="1"/>
  <c r="A51182" i="1" s="1"/>
  <c r="A51183" i="1" s="1"/>
  <c r="A51184" i="1" s="1"/>
  <c r="A51185" i="1" s="1"/>
  <c r="A51186" i="1" s="1"/>
  <c r="A51187" i="1" s="1"/>
  <c r="A51188" i="1" s="1"/>
  <c r="A51189" i="1" s="1"/>
  <c r="A51190" i="1" s="1"/>
  <c r="A51191" i="1" s="1"/>
  <c r="A51192" i="1" s="1"/>
  <c r="A51193" i="1" s="1"/>
  <c r="A51194" i="1" s="1"/>
  <c r="A51195" i="1" s="1"/>
  <c r="A51196" i="1" s="1"/>
  <c r="A51197" i="1" s="1"/>
  <c r="A51198" i="1" s="1"/>
  <c r="A51199" i="1" s="1"/>
  <c r="A51200" i="1" s="1"/>
  <c r="A51201" i="1" s="1"/>
  <c r="A51202" i="1" s="1"/>
  <c r="A51203" i="1" s="1"/>
  <c r="A51204" i="1" s="1"/>
  <c r="A51205" i="1" s="1"/>
  <c r="A51206" i="1" s="1"/>
  <c r="A51207" i="1" s="1"/>
  <c r="A51208" i="1" s="1"/>
  <c r="A51209" i="1" s="1"/>
  <c r="A51210" i="1" s="1"/>
  <c r="A51211" i="1" s="1"/>
  <c r="A51212" i="1" s="1"/>
  <c r="A51213" i="1" s="1"/>
  <c r="A51214" i="1" s="1"/>
  <c r="A51215" i="1" s="1"/>
  <c r="A51216" i="1" s="1"/>
  <c r="A51217" i="1" s="1"/>
  <c r="A51218" i="1" s="1"/>
  <c r="A51219" i="1" s="1"/>
  <c r="A51220" i="1" s="1"/>
  <c r="A51221" i="1" s="1"/>
  <c r="A51222" i="1" s="1"/>
  <c r="A51223" i="1" s="1"/>
  <c r="A51224" i="1" s="1"/>
  <c r="A51225" i="1" s="1"/>
  <c r="A51226" i="1" s="1"/>
  <c r="A51227" i="1" s="1"/>
  <c r="A51228" i="1" s="1"/>
  <c r="A51229" i="1" s="1"/>
  <c r="A51230" i="1" s="1"/>
  <c r="A51231" i="1" s="1"/>
  <c r="A51232" i="1" s="1"/>
  <c r="A51233" i="1" s="1"/>
  <c r="A51234" i="1" s="1"/>
  <c r="A51235" i="1" s="1"/>
  <c r="A51236" i="1" s="1"/>
  <c r="A51237" i="1" s="1"/>
  <c r="A51238" i="1" s="1"/>
  <c r="A51239" i="1" s="1"/>
  <c r="A51240" i="1" s="1"/>
  <c r="A51241" i="1" s="1"/>
  <c r="A51242" i="1" s="1"/>
  <c r="A51243" i="1" s="1"/>
  <c r="A51244" i="1" s="1"/>
  <c r="A51245" i="1" s="1"/>
  <c r="A51246" i="1" s="1"/>
  <c r="A51247" i="1" s="1"/>
  <c r="A51248" i="1" s="1"/>
  <c r="A51249" i="1" s="1"/>
  <c r="A51250" i="1" s="1"/>
  <c r="A51251" i="1" s="1"/>
  <c r="A51252" i="1" s="1"/>
  <c r="A51253" i="1" s="1"/>
  <c r="A51254" i="1" s="1"/>
  <c r="A51255" i="1" s="1"/>
  <c r="A51256" i="1" s="1"/>
  <c r="A51257" i="1" s="1"/>
  <c r="A51258" i="1" s="1"/>
  <c r="A51259" i="1" s="1"/>
  <c r="A51260" i="1" s="1"/>
  <c r="A51261" i="1" s="1"/>
  <c r="A51262" i="1" s="1"/>
  <c r="A51263" i="1" s="1"/>
  <c r="A51264" i="1" s="1"/>
  <c r="A51265" i="1" s="1"/>
  <c r="A51266" i="1" s="1"/>
  <c r="A51267" i="1" s="1"/>
  <c r="A51268" i="1" s="1"/>
  <c r="A51269" i="1" s="1"/>
  <c r="A51270" i="1" s="1"/>
  <c r="A51271" i="1" s="1"/>
  <c r="A51272" i="1" s="1"/>
  <c r="A51273" i="1" s="1"/>
  <c r="A51274" i="1" s="1"/>
  <c r="A51275" i="1" s="1"/>
  <c r="A51276" i="1" s="1"/>
  <c r="A51277" i="1" s="1"/>
  <c r="A51278" i="1" s="1"/>
  <c r="A51279" i="1" s="1"/>
  <c r="A51280" i="1" s="1"/>
  <c r="A51281" i="1" s="1"/>
  <c r="A51282" i="1" s="1"/>
  <c r="A51283" i="1" s="1"/>
  <c r="A51284" i="1" s="1"/>
  <c r="A51285" i="1" s="1"/>
  <c r="A51286" i="1" s="1"/>
  <c r="A51287" i="1" s="1"/>
  <c r="A51288" i="1" s="1"/>
  <c r="A51289" i="1" s="1"/>
  <c r="A51290" i="1" s="1"/>
  <c r="A51291" i="1" s="1"/>
  <c r="A51292" i="1" s="1"/>
  <c r="A51293" i="1" s="1"/>
  <c r="A51294" i="1" s="1"/>
  <c r="A51295" i="1" s="1"/>
  <c r="A51296" i="1" s="1"/>
  <c r="A51297" i="1" s="1"/>
  <c r="A51298" i="1" s="1"/>
  <c r="A51299" i="1" s="1"/>
  <c r="A51300" i="1" s="1"/>
  <c r="A51301" i="1" s="1"/>
  <c r="A51302" i="1" s="1"/>
  <c r="A51303" i="1" s="1"/>
  <c r="A51304" i="1" s="1"/>
  <c r="A51305" i="1" s="1"/>
  <c r="A51306" i="1" s="1"/>
  <c r="A51307" i="1" s="1"/>
  <c r="A51308" i="1" s="1"/>
  <c r="A51309" i="1" s="1"/>
  <c r="A51310" i="1" s="1"/>
  <c r="A51311" i="1" s="1"/>
  <c r="A51312" i="1" s="1"/>
  <c r="A51313" i="1" s="1"/>
  <c r="A51314" i="1" s="1"/>
  <c r="A51315" i="1" s="1"/>
  <c r="A51316" i="1" s="1"/>
  <c r="A51317" i="1" s="1"/>
  <c r="A51318" i="1" s="1"/>
  <c r="A51319" i="1" s="1"/>
  <c r="A51320" i="1" s="1"/>
  <c r="A51321" i="1" s="1"/>
  <c r="A51322" i="1" s="1"/>
  <c r="A51323" i="1" s="1"/>
  <c r="A51324" i="1" s="1"/>
  <c r="A51325" i="1" s="1"/>
  <c r="A51326" i="1" s="1"/>
  <c r="A51327" i="1" s="1"/>
  <c r="A51328" i="1" s="1"/>
  <c r="A51329" i="1" s="1"/>
  <c r="A51330" i="1" s="1"/>
  <c r="A51331" i="1" s="1"/>
  <c r="A51332" i="1" s="1"/>
  <c r="A51333" i="1" s="1"/>
  <c r="A51334" i="1" s="1"/>
  <c r="A51335" i="1" s="1"/>
  <c r="A51336" i="1" s="1"/>
  <c r="A51337" i="1" s="1"/>
  <c r="A51338" i="1" s="1"/>
  <c r="A51339" i="1" s="1"/>
  <c r="A51340" i="1" s="1"/>
  <c r="A51341" i="1" s="1"/>
  <c r="A51342" i="1" s="1"/>
  <c r="A51343" i="1" s="1"/>
  <c r="A51344" i="1" s="1"/>
  <c r="A51345" i="1" s="1"/>
  <c r="A51346" i="1" s="1"/>
  <c r="A51347" i="1" s="1"/>
  <c r="A51348" i="1" s="1"/>
  <c r="A51349" i="1" s="1"/>
  <c r="A51350" i="1" s="1"/>
  <c r="A51351" i="1" s="1"/>
  <c r="A51352" i="1" s="1"/>
  <c r="A51353" i="1" s="1"/>
  <c r="A51354" i="1" s="1"/>
  <c r="A51355" i="1" s="1"/>
  <c r="A51356" i="1" s="1"/>
  <c r="A51357" i="1" s="1"/>
  <c r="A51358" i="1" s="1"/>
  <c r="A51359" i="1" s="1"/>
  <c r="A51360" i="1" s="1"/>
  <c r="A51361" i="1" s="1"/>
  <c r="A51362" i="1" s="1"/>
  <c r="A51363" i="1" s="1"/>
  <c r="A51364" i="1" s="1"/>
  <c r="A51365" i="1" s="1"/>
  <c r="A51366" i="1" s="1"/>
  <c r="A51367" i="1" s="1"/>
  <c r="A51368" i="1" s="1"/>
  <c r="A51369" i="1" s="1"/>
  <c r="A51370" i="1" s="1"/>
  <c r="A51371" i="1" s="1"/>
  <c r="A51372" i="1" s="1"/>
  <c r="A51373" i="1" s="1"/>
  <c r="A51374" i="1" s="1"/>
  <c r="A51375" i="1" s="1"/>
  <c r="A51376" i="1" s="1"/>
  <c r="A51377" i="1" s="1"/>
  <c r="A51378" i="1" s="1"/>
  <c r="A51379" i="1" s="1"/>
  <c r="A51380" i="1" s="1"/>
  <c r="A51381" i="1" s="1"/>
  <c r="A51382" i="1" s="1"/>
  <c r="A51383" i="1" s="1"/>
  <c r="A51384" i="1" s="1"/>
  <c r="A51385" i="1" s="1"/>
  <c r="A51386" i="1" s="1"/>
  <c r="A51387" i="1" s="1"/>
  <c r="A51388" i="1" s="1"/>
  <c r="A51389" i="1" s="1"/>
  <c r="A51390" i="1" s="1"/>
  <c r="A51391" i="1" s="1"/>
  <c r="A51392" i="1" s="1"/>
  <c r="A51393" i="1" s="1"/>
  <c r="A51394" i="1" s="1"/>
  <c r="A51395" i="1" s="1"/>
  <c r="A51396" i="1" s="1"/>
  <c r="A51397" i="1" s="1"/>
  <c r="A51398" i="1" s="1"/>
  <c r="A51399" i="1" s="1"/>
  <c r="A51400" i="1" s="1"/>
  <c r="A51401" i="1" s="1"/>
  <c r="A51402" i="1" s="1"/>
  <c r="A51403" i="1" s="1"/>
  <c r="A51404" i="1" s="1"/>
  <c r="A51405" i="1" s="1"/>
  <c r="A51406" i="1" s="1"/>
  <c r="A51407" i="1" s="1"/>
  <c r="A51408" i="1" s="1"/>
  <c r="A51409" i="1" s="1"/>
  <c r="A51410" i="1" s="1"/>
  <c r="A51411" i="1" s="1"/>
  <c r="A51412" i="1" s="1"/>
  <c r="A51413" i="1" s="1"/>
  <c r="A51414" i="1" s="1"/>
  <c r="A51415" i="1" s="1"/>
  <c r="A51416" i="1" s="1"/>
  <c r="A51417" i="1" s="1"/>
  <c r="A51418" i="1" s="1"/>
  <c r="A51419" i="1" s="1"/>
  <c r="A51420" i="1" s="1"/>
  <c r="A51421" i="1" s="1"/>
  <c r="A51422" i="1" s="1"/>
  <c r="A51423" i="1" s="1"/>
  <c r="A51424" i="1" s="1"/>
  <c r="A51425" i="1" s="1"/>
  <c r="A51426" i="1" s="1"/>
  <c r="A51427" i="1" s="1"/>
  <c r="A51428" i="1" s="1"/>
  <c r="A51429" i="1" s="1"/>
  <c r="A51430" i="1" s="1"/>
  <c r="A51431" i="1" s="1"/>
  <c r="A51432" i="1" s="1"/>
  <c r="A51433" i="1" s="1"/>
  <c r="A51434" i="1" s="1"/>
  <c r="A51435" i="1" s="1"/>
  <c r="A51436" i="1" s="1"/>
  <c r="A51437" i="1" s="1"/>
  <c r="A51438" i="1" s="1"/>
  <c r="A51439" i="1" s="1"/>
  <c r="A51440" i="1" s="1"/>
  <c r="A51441" i="1" s="1"/>
  <c r="A51442" i="1" s="1"/>
  <c r="A51443" i="1" s="1"/>
  <c r="A51444" i="1" s="1"/>
  <c r="A51445" i="1" s="1"/>
  <c r="A51446" i="1" s="1"/>
  <c r="A51447" i="1" s="1"/>
  <c r="A51448" i="1" s="1"/>
  <c r="A51449" i="1" s="1"/>
  <c r="A51450" i="1" s="1"/>
  <c r="A51451" i="1" s="1"/>
  <c r="A51452" i="1" s="1"/>
  <c r="A51453" i="1" s="1"/>
  <c r="A51454" i="1" s="1"/>
  <c r="A51455" i="1" s="1"/>
  <c r="A51456" i="1" s="1"/>
  <c r="A51457" i="1" s="1"/>
  <c r="A51458" i="1" s="1"/>
  <c r="A51459" i="1" s="1"/>
  <c r="A51460" i="1" s="1"/>
  <c r="A51461" i="1" s="1"/>
  <c r="A51462" i="1" s="1"/>
  <c r="A51463" i="1" s="1"/>
  <c r="A51464" i="1" s="1"/>
  <c r="A51465" i="1" s="1"/>
  <c r="A51466" i="1" s="1"/>
  <c r="A51467" i="1" s="1"/>
  <c r="A51468" i="1" s="1"/>
  <c r="A51469" i="1" s="1"/>
  <c r="A51470" i="1" s="1"/>
  <c r="A51471" i="1" s="1"/>
  <c r="A51472" i="1" s="1"/>
  <c r="A51473" i="1" s="1"/>
  <c r="A51474" i="1" s="1"/>
  <c r="A51475" i="1" s="1"/>
  <c r="A51476" i="1" s="1"/>
  <c r="A51477" i="1" s="1"/>
  <c r="A51478" i="1" s="1"/>
  <c r="A51479" i="1" s="1"/>
  <c r="A51480" i="1" s="1"/>
  <c r="A51481" i="1" s="1"/>
  <c r="A51482" i="1" s="1"/>
  <c r="A51483" i="1" s="1"/>
  <c r="A51484" i="1" s="1"/>
  <c r="A51485" i="1" s="1"/>
  <c r="A51486" i="1" s="1"/>
  <c r="A51487" i="1" s="1"/>
  <c r="A51488" i="1" s="1"/>
  <c r="A51489" i="1" s="1"/>
  <c r="A51490" i="1" s="1"/>
  <c r="A51491" i="1" s="1"/>
  <c r="A51492" i="1" s="1"/>
  <c r="A51493" i="1" s="1"/>
  <c r="A51494" i="1" s="1"/>
  <c r="A51495" i="1" s="1"/>
  <c r="A51496" i="1" s="1"/>
  <c r="A51497" i="1" s="1"/>
  <c r="A51498" i="1" s="1"/>
  <c r="A51499" i="1" s="1"/>
  <c r="A51500" i="1" s="1"/>
  <c r="A51501" i="1" s="1"/>
  <c r="A51502" i="1" s="1"/>
  <c r="A51503" i="1" s="1"/>
  <c r="A51504" i="1" s="1"/>
  <c r="A51505" i="1" s="1"/>
  <c r="A51506" i="1" s="1"/>
  <c r="A51507" i="1" s="1"/>
  <c r="A51508" i="1" s="1"/>
  <c r="A51509" i="1" s="1"/>
  <c r="A51510" i="1" s="1"/>
  <c r="A51511" i="1" s="1"/>
  <c r="A51512" i="1" s="1"/>
  <c r="A51513" i="1" s="1"/>
  <c r="A51514" i="1" s="1"/>
  <c r="A51515" i="1" s="1"/>
  <c r="A51516" i="1" s="1"/>
  <c r="A51517" i="1" s="1"/>
  <c r="A51518" i="1" s="1"/>
  <c r="A51519" i="1" s="1"/>
  <c r="A51520" i="1" s="1"/>
  <c r="A51521" i="1" s="1"/>
  <c r="A51522" i="1" s="1"/>
  <c r="A51523" i="1" s="1"/>
  <c r="A51524" i="1" s="1"/>
  <c r="A51525" i="1" s="1"/>
  <c r="A51526" i="1" s="1"/>
  <c r="A51527" i="1" s="1"/>
  <c r="A51528" i="1" s="1"/>
  <c r="A51529" i="1" s="1"/>
  <c r="A51530" i="1" s="1"/>
  <c r="A51531" i="1" s="1"/>
  <c r="A51532" i="1" s="1"/>
  <c r="A51533" i="1" s="1"/>
  <c r="A51534" i="1" s="1"/>
  <c r="A51535" i="1" s="1"/>
  <c r="A51536" i="1" s="1"/>
  <c r="A51537" i="1" s="1"/>
  <c r="A51538" i="1" s="1"/>
  <c r="A51539" i="1" s="1"/>
  <c r="A51540" i="1" s="1"/>
  <c r="A51541" i="1" s="1"/>
  <c r="A51542" i="1" s="1"/>
  <c r="A51543" i="1" s="1"/>
  <c r="A51544" i="1" s="1"/>
  <c r="A51545" i="1" s="1"/>
  <c r="A51546" i="1" s="1"/>
  <c r="A51547" i="1" s="1"/>
  <c r="A51548" i="1" s="1"/>
  <c r="A51549" i="1" s="1"/>
  <c r="A51550" i="1" s="1"/>
  <c r="A51551" i="1" s="1"/>
  <c r="A51552" i="1" s="1"/>
  <c r="A51553" i="1" s="1"/>
  <c r="A51554" i="1" s="1"/>
  <c r="A51555" i="1" s="1"/>
  <c r="A51556" i="1" s="1"/>
  <c r="A51557" i="1" s="1"/>
  <c r="A51558" i="1" s="1"/>
  <c r="A51559" i="1" s="1"/>
  <c r="A51560" i="1" s="1"/>
  <c r="A51561" i="1" s="1"/>
  <c r="A51562" i="1" s="1"/>
  <c r="A51563" i="1" s="1"/>
  <c r="A51564" i="1" s="1"/>
  <c r="A51565" i="1" s="1"/>
  <c r="A51566" i="1" s="1"/>
  <c r="A51567" i="1" s="1"/>
  <c r="A51568" i="1" s="1"/>
  <c r="A51569" i="1" s="1"/>
  <c r="A51570" i="1" s="1"/>
  <c r="A51571" i="1" s="1"/>
  <c r="A51572" i="1" s="1"/>
  <c r="A51573" i="1" s="1"/>
  <c r="A51574" i="1" s="1"/>
  <c r="A51575" i="1" s="1"/>
  <c r="A51576" i="1" s="1"/>
  <c r="A51577" i="1" s="1"/>
  <c r="A51578" i="1" s="1"/>
  <c r="A51579" i="1" s="1"/>
  <c r="A51580" i="1" s="1"/>
  <c r="A51581" i="1" s="1"/>
  <c r="A51582" i="1" s="1"/>
  <c r="A51583" i="1" s="1"/>
  <c r="A51584" i="1" s="1"/>
  <c r="A51585" i="1" s="1"/>
  <c r="A51586" i="1" s="1"/>
  <c r="A51587" i="1" s="1"/>
  <c r="A51588" i="1" s="1"/>
  <c r="A51589" i="1" s="1"/>
  <c r="A51590" i="1" s="1"/>
  <c r="A51591" i="1" s="1"/>
  <c r="A51592" i="1" s="1"/>
  <c r="A51593" i="1" s="1"/>
  <c r="A51594" i="1" s="1"/>
  <c r="A51595" i="1" s="1"/>
  <c r="A51596" i="1" s="1"/>
  <c r="A51597" i="1" s="1"/>
  <c r="A51598" i="1" s="1"/>
  <c r="A51599" i="1" s="1"/>
  <c r="A51600" i="1" s="1"/>
  <c r="A51601" i="1" s="1"/>
  <c r="A51602" i="1" s="1"/>
  <c r="A51603" i="1" s="1"/>
  <c r="A51604" i="1" s="1"/>
  <c r="A51605" i="1" s="1"/>
  <c r="A51606" i="1" s="1"/>
  <c r="A51607" i="1" s="1"/>
  <c r="A51608" i="1" s="1"/>
  <c r="A51609" i="1" s="1"/>
  <c r="A51610" i="1" s="1"/>
  <c r="A51611" i="1" s="1"/>
  <c r="A51612" i="1" s="1"/>
  <c r="A51613" i="1" s="1"/>
  <c r="A51614" i="1" s="1"/>
  <c r="A51615" i="1" s="1"/>
  <c r="A51616" i="1" s="1"/>
  <c r="A51617" i="1" s="1"/>
  <c r="A51618" i="1" s="1"/>
  <c r="A51619" i="1" s="1"/>
  <c r="A51620" i="1" s="1"/>
  <c r="A51621" i="1" s="1"/>
  <c r="A51622" i="1" s="1"/>
  <c r="A51623" i="1" s="1"/>
  <c r="A51624" i="1" s="1"/>
  <c r="A51625" i="1" s="1"/>
  <c r="A51626" i="1" s="1"/>
  <c r="A51627" i="1" s="1"/>
  <c r="A51628" i="1" s="1"/>
  <c r="A51629" i="1" s="1"/>
  <c r="A51630" i="1" s="1"/>
  <c r="A51631" i="1" s="1"/>
  <c r="A51632" i="1" s="1"/>
  <c r="A51633" i="1" s="1"/>
  <c r="A51634" i="1" s="1"/>
  <c r="A51635" i="1" s="1"/>
  <c r="A51636" i="1" s="1"/>
  <c r="A51637" i="1" s="1"/>
  <c r="A51638" i="1" s="1"/>
  <c r="A51639" i="1" s="1"/>
  <c r="A51640" i="1" s="1"/>
  <c r="A51641" i="1" s="1"/>
  <c r="A51642" i="1" s="1"/>
  <c r="A51643" i="1" s="1"/>
  <c r="A51644" i="1" s="1"/>
  <c r="A51645" i="1" s="1"/>
  <c r="A51646" i="1" s="1"/>
  <c r="A51647" i="1" s="1"/>
  <c r="A51648" i="1" s="1"/>
  <c r="A51649" i="1" s="1"/>
  <c r="A51650" i="1" s="1"/>
  <c r="A51651" i="1" s="1"/>
  <c r="A51652" i="1" s="1"/>
  <c r="A51653" i="1" s="1"/>
  <c r="A51654" i="1" s="1"/>
  <c r="A51655" i="1" s="1"/>
  <c r="A51656" i="1" s="1"/>
  <c r="A51657" i="1" s="1"/>
  <c r="A51658" i="1" s="1"/>
  <c r="A51659" i="1" s="1"/>
  <c r="A51660" i="1" s="1"/>
  <c r="A51661" i="1" s="1"/>
  <c r="A51662" i="1" s="1"/>
  <c r="A51663" i="1" s="1"/>
  <c r="A51664" i="1" s="1"/>
  <c r="A51665" i="1" s="1"/>
  <c r="A51666" i="1" s="1"/>
  <c r="A51667" i="1" s="1"/>
  <c r="A51668" i="1" s="1"/>
  <c r="A51669" i="1" s="1"/>
  <c r="A51670" i="1" s="1"/>
  <c r="A51671" i="1" s="1"/>
  <c r="A51672" i="1" s="1"/>
  <c r="A51673" i="1" s="1"/>
  <c r="A51674" i="1" s="1"/>
  <c r="A51675" i="1" s="1"/>
  <c r="A51676" i="1" s="1"/>
  <c r="A51677" i="1" s="1"/>
  <c r="A51678" i="1" s="1"/>
  <c r="A51679" i="1" s="1"/>
  <c r="A51680" i="1" s="1"/>
  <c r="A51681" i="1" s="1"/>
  <c r="A51682" i="1" s="1"/>
  <c r="A51683" i="1" s="1"/>
  <c r="A51684" i="1" s="1"/>
  <c r="A51685" i="1" s="1"/>
  <c r="A51686" i="1" s="1"/>
  <c r="A51687" i="1" s="1"/>
  <c r="A51688" i="1" s="1"/>
  <c r="A51689" i="1" s="1"/>
  <c r="A51690" i="1" s="1"/>
  <c r="A51691" i="1" s="1"/>
  <c r="A51692" i="1" s="1"/>
  <c r="A51693" i="1" s="1"/>
  <c r="A51694" i="1" s="1"/>
  <c r="A51695" i="1" s="1"/>
  <c r="A51696" i="1" s="1"/>
  <c r="A51697" i="1" s="1"/>
  <c r="A51698" i="1" s="1"/>
  <c r="A51699" i="1" s="1"/>
  <c r="A51700" i="1" s="1"/>
  <c r="A51701" i="1" s="1"/>
  <c r="A51702" i="1" s="1"/>
  <c r="A51703" i="1" s="1"/>
  <c r="A51704" i="1" s="1"/>
  <c r="A51705" i="1" s="1"/>
  <c r="A51706" i="1" s="1"/>
  <c r="A51707" i="1" s="1"/>
  <c r="A51708" i="1" s="1"/>
  <c r="A51709" i="1" s="1"/>
  <c r="A51710" i="1" s="1"/>
  <c r="A51711" i="1" s="1"/>
  <c r="A51712" i="1" s="1"/>
  <c r="A51713" i="1" s="1"/>
  <c r="A51714" i="1" s="1"/>
  <c r="A51715" i="1" s="1"/>
  <c r="A51716" i="1" s="1"/>
  <c r="A51717" i="1" s="1"/>
  <c r="A51718" i="1" s="1"/>
  <c r="A51719" i="1" s="1"/>
  <c r="A51720" i="1" s="1"/>
  <c r="A51721" i="1" s="1"/>
  <c r="A51722" i="1" s="1"/>
  <c r="A51723" i="1" s="1"/>
  <c r="A51724" i="1" s="1"/>
  <c r="A51725" i="1" s="1"/>
  <c r="A51726" i="1" s="1"/>
  <c r="A51727" i="1" s="1"/>
  <c r="A51728" i="1" s="1"/>
  <c r="A51729" i="1" s="1"/>
  <c r="A51730" i="1" s="1"/>
  <c r="A51731" i="1" s="1"/>
  <c r="A51732" i="1" s="1"/>
  <c r="A51733" i="1" s="1"/>
  <c r="A51734" i="1" s="1"/>
  <c r="A51735" i="1" s="1"/>
  <c r="A51736" i="1" s="1"/>
  <c r="A51737" i="1" s="1"/>
  <c r="A51738" i="1" s="1"/>
  <c r="A51739" i="1" s="1"/>
  <c r="A51740" i="1" s="1"/>
  <c r="A51741" i="1" s="1"/>
  <c r="A51742" i="1" s="1"/>
  <c r="A51743" i="1" s="1"/>
  <c r="A51744" i="1" s="1"/>
  <c r="A51745" i="1" s="1"/>
  <c r="A51746" i="1" s="1"/>
  <c r="A51747" i="1" s="1"/>
  <c r="A51748" i="1" s="1"/>
  <c r="A51749" i="1" s="1"/>
  <c r="A51750" i="1" s="1"/>
  <c r="A51751" i="1" s="1"/>
  <c r="A51752" i="1" s="1"/>
  <c r="A51753" i="1" s="1"/>
  <c r="A51754" i="1" s="1"/>
  <c r="A51755" i="1" s="1"/>
  <c r="A51756" i="1" s="1"/>
  <c r="A51757" i="1" s="1"/>
  <c r="A51758" i="1" s="1"/>
  <c r="A51759" i="1" s="1"/>
  <c r="A51760" i="1" s="1"/>
  <c r="A51761" i="1" s="1"/>
  <c r="A51762" i="1" s="1"/>
  <c r="A51763" i="1" s="1"/>
  <c r="A51764" i="1" s="1"/>
  <c r="A51765" i="1" s="1"/>
  <c r="A51766" i="1" s="1"/>
  <c r="A51767" i="1" s="1"/>
  <c r="A51768" i="1" s="1"/>
  <c r="A51769" i="1" s="1"/>
  <c r="A51770" i="1" s="1"/>
  <c r="A51771" i="1" s="1"/>
  <c r="A51772" i="1" s="1"/>
  <c r="A51773" i="1" s="1"/>
  <c r="A51774" i="1" s="1"/>
  <c r="A51775" i="1" s="1"/>
  <c r="A51776" i="1" s="1"/>
  <c r="A51777" i="1" s="1"/>
  <c r="A51778" i="1" s="1"/>
  <c r="A51779" i="1" s="1"/>
  <c r="A51780" i="1" s="1"/>
  <c r="A51781" i="1" s="1"/>
  <c r="A51782" i="1" s="1"/>
  <c r="A51783" i="1" s="1"/>
  <c r="A51784" i="1" s="1"/>
  <c r="A51785" i="1" s="1"/>
  <c r="A51786" i="1" s="1"/>
  <c r="A51787" i="1" s="1"/>
  <c r="A51788" i="1" s="1"/>
  <c r="A51789" i="1" s="1"/>
  <c r="A51790" i="1" s="1"/>
  <c r="A51791" i="1" s="1"/>
  <c r="A51792" i="1" s="1"/>
  <c r="A51793" i="1" s="1"/>
  <c r="A51794" i="1" s="1"/>
  <c r="A51795" i="1" s="1"/>
  <c r="A51796" i="1" s="1"/>
  <c r="A51797" i="1" s="1"/>
  <c r="A51798" i="1" s="1"/>
  <c r="A51799" i="1" s="1"/>
  <c r="A51800" i="1" s="1"/>
  <c r="A51801" i="1" s="1"/>
  <c r="A51802" i="1" s="1"/>
  <c r="A51803" i="1" s="1"/>
  <c r="A51804" i="1" s="1"/>
  <c r="A51805" i="1" s="1"/>
  <c r="A51806" i="1" s="1"/>
  <c r="A51807" i="1" s="1"/>
  <c r="A51808" i="1" s="1"/>
  <c r="A51809" i="1" s="1"/>
  <c r="A51810" i="1" s="1"/>
  <c r="A51811" i="1" s="1"/>
  <c r="A51812" i="1" s="1"/>
  <c r="A51813" i="1" s="1"/>
  <c r="A51814" i="1" s="1"/>
  <c r="A51815" i="1" s="1"/>
  <c r="A51816" i="1" s="1"/>
  <c r="A51817" i="1" s="1"/>
  <c r="A51818" i="1" s="1"/>
  <c r="A51819" i="1" s="1"/>
  <c r="A51820" i="1" s="1"/>
  <c r="A51821" i="1" s="1"/>
  <c r="A51822" i="1" s="1"/>
  <c r="A51823" i="1" s="1"/>
  <c r="A51824" i="1" s="1"/>
  <c r="A51825" i="1" s="1"/>
  <c r="A51826" i="1" s="1"/>
  <c r="A51827" i="1" s="1"/>
  <c r="A51828" i="1" s="1"/>
  <c r="A51829" i="1" s="1"/>
  <c r="A51830" i="1" s="1"/>
  <c r="A51831" i="1" s="1"/>
  <c r="A51832" i="1" s="1"/>
  <c r="A51833" i="1" s="1"/>
  <c r="A51834" i="1" s="1"/>
  <c r="A51835" i="1" s="1"/>
  <c r="A51836" i="1" s="1"/>
  <c r="A51837" i="1" s="1"/>
  <c r="A51838" i="1" s="1"/>
  <c r="A51839" i="1" s="1"/>
  <c r="A51840" i="1" s="1"/>
  <c r="A51841" i="1" s="1"/>
  <c r="A51842" i="1" s="1"/>
  <c r="A51843" i="1" s="1"/>
  <c r="A51844" i="1" s="1"/>
  <c r="A51845" i="1" s="1"/>
  <c r="A51846" i="1" s="1"/>
  <c r="A51847" i="1" s="1"/>
  <c r="A51848" i="1" s="1"/>
  <c r="A51849" i="1" s="1"/>
  <c r="A51850" i="1" s="1"/>
  <c r="A51851" i="1" s="1"/>
  <c r="A51852" i="1" s="1"/>
  <c r="A51853" i="1" s="1"/>
  <c r="A51854" i="1" s="1"/>
  <c r="A51855" i="1" s="1"/>
  <c r="A51856" i="1" s="1"/>
  <c r="A51857" i="1" s="1"/>
  <c r="A51858" i="1" s="1"/>
  <c r="A51859" i="1" s="1"/>
  <c r="A51860" i="1" s="1"/>
  <c r="A51861" i="1" s="1"/>
  <c r="A51862" i="1" s="1"/>
  <c r="A51863" i="1" s="1"/>
  <c r="A51864" i="1" s="1"/>
  <c r="A51865" i="1" s="1"/>
  <c r="A51866" i="1" s="1"/>
  <c r="A51867" i="1" s="1"/>
  <c r="A51868" i="1" s="1"/>
  <c r="A51869" i="1" s="1"/>
  <c r="A51870" i="1" s="1"/>
  <c r="A51871" i="1" s="1"/>
  <c r="A51872" i="1" s="1"/>
  <c r="A51873" i="1" s="1"/>
  <c r="A51874" i="1" s="1"/>
  <c r="A51875" i="1" s="1"/>
  <c r="A51876" i="1" s="1"/>
  <c r="A51877" i="1" s="1"/>
  <c r="A51878" i="1" s="1"/>
  <c r="A51879" i="1" s="1"/>
  <c r="A51880" i="1" s="1"/>
  <c r="A51881" i="1" s="1"/>
  <c r="A51882" i="1" s="1"/>
  <c r="A51883" i="1" s="1"/>
  <c r="A51884" i="1" s="1"/>
  <c r="A51885" i="1" s="1"/>
  <c r="A51886" i="1" s="1"/>
  <c r="A51887" i="1" s="1"/>
  <c r="A51888" i="1" s="1"/>
  <c r="A51889" i="1" s="1"/>
  <c r="A51890" i="1" s="1"/>
  <c r="A51891" i="1" s="1"/>
  <c r="A51892" i="1" s="1"/>
  <c r="A51893" i="1" s="1"/>
  <c r="A51894" i="1" s="1"/>
  <c r="A51895" i="1" s="1"/>
  <c r="A51896" i="1" s="1"/>
  <c r="A51897" i="1" s="1"/>
  <c r="A51898" i="1" s="1"/>
  <c r="A51899" i="1" s="1"/>
  <c r="A51900" i="1" s="1"/>
  <c r="A51901" i="1" s="1"/>
  <c r="A51902" i="1" s="1"/>
  <c r="A51903" i="1" s="1"/>
  <c r="A51904" i="1" s="1"/>
  <c r="A51905" i="1" s="1"/>
  <c r="A51906" i="1" s="1"/>
  <c r="A51907" i="1" s="1"/>
  <c r="A51908" i="1" s="1"/>
  <c r="A51909" i="1" s="1"/>
  <c r="A51910" i="1" s="1"/>
  <c r="A51911" i="1" s="1"/>
  <c r="A51912" i="1" s="1"/>
  <c r="A51913" i="1" s="1"/>
  <c r="A51914" i="1" s="1"/>
  <c r="A51915" i="1" s="1"/>
  <c r="A51916" i="1" s="1"/>
  <c r="A51917" i="1" s="1"/>
  <c r="A51918" i="1" s="1"/>
  <c r="A51919" i="1" s="1"/>
  <c r="A51920" i="1" s="1"/>
  <c r="A51921" i="1" s="1"/>
  <c r="A51922" i="1" s="1"/>
  <c r="A51923" i="1" s="1"/>
  <c r="A51924" i="1" s="1"/>
  <c r="A51925" i="1" s="1"/>
  <c r="A51926" i="1" s="1"/>
  <c r="A51927" i="1" s="1"/>
  <c r="A51928" i="1" s="1"/>
  <c r="A51929" i="1" s="1"/>
  <c r="A51930" i="1" s="1"/>
  <c r="A51931" i="1" s="1"/>
  <c r="A51932" i="1" s="1"/>
  <c r="A51933" i="1" s="1"/>
  <c r="A51934" i="1" s="1"/>
  <c r="A51935" i="1" s="1"/>
  <c r="A51936" i="1" s="1"/>
  <c r="A51937" i="1" s="1"/>
  <c r="A51938" i="1" s="1"/>
  <c r="A51939" i="1" s="1"/>
  <c r="A51940" i="1" s="1"/>
  <c r="A51941" i="1" s="1"/>
  <c r="A51942" i="1" s="1"/>
  <c r="A51943" i="1" s="1"/>
  <c r="A51944" i="1" s="1"/>
  <c r="A51945" i="1" s="1"/>
  <c r="A51946" i="1" s="1"/>
  <c r="A51947" i="1" s="1"/>
  <c r="A51948" i="1" s="1"/>
  <c r="A51949" i="1" s="1"/>
  <c r="A51950" i="1" s="1"/>
  <c r="A51951" i="1" s="1"/>
  <c r="A51952" i="1" s="1"/>
  <c r="A51953" i="1" s="1"/>
  <c r="A51954" i="1" s="1"/>
  <c r="A51955" i="1" s="1"/>
  <c r="A51956" i="1" s="1"/>
  <c r="A51957" i="1" s="1"/>
  <c r="A51958" i="1" s="1"/>
  <c r="A51959" i="1" s="1"/>
  <c r="A51960" i="1" s="1"/>
  <c r="A51961" i="1" s="1"/>
  <c r="A51962" i="1" s="1"/>
  <c r="A51963" i="1" s="1"/>
  <c r="A51964" i="1" s="1"/>
  <c r="A51965" i="1" s="1"/>
  <c r="A51966" i="1" s="1"/>
  <c r="A51967" i="1" s="1"/>
  <c r="A51968" i="1" s="1"/>
  <c r="A51969" i="1" s="1"/>
  <c r="A51970" i="1" s="1"/>
  <c r="A51971" i="1" s="1"/>
  <c r="A51972" i="1" s="1"/>
  <c r="A51973" i="1" s="1"/>
  <c r="A51974" i="1" s="1"/>
  <c r="A51975" i="1" s="1"/>
  <c r="A51976" i="1" s="1"/>
  <c r="A51977" i="1" s="1"/>
  <c r="A51978" i="1" s="1"/>
  <c r="A51979" i="1" s="1"/>
  <c r="A51980" i="1" s="1"/>
  <c r="A51981" i="1" s="1"/>
  <c r="A51982" i="1" s="1"/>
  <c r="A51983" i="1" s="1"/>
  <c r="A51984" i="1" s="1"/>
  <c r="A51985" i="1" s="1"/>
  <c r="A51986" i="1" s="1"/>
  <c r="A51987" i="1" s="1"/>
  <c r="A51988" i="1" s="1"/>
  <c r="A51989" i="1" s="1"/>
  <c r="A51990" i="1" s="1"/>
  <c r="A51991" i="1" s="1"/>
  <c r="A51992" i="1" s="1"/>
  <c r="A51993" i="1" s="1"/>
  <c r="A51994" i="1" s="1"/>
  <c r="A51995" i="1" s="1"/>
  <c r="A51996" i="1" s="1"/>
  <c r="A51997" i="1" s="1"/>
  <c r="A51998" i="1" s="1"/>
  <c r="A51999" i="1" s="1"/>
  <c r="A52000" i="1" s="1"/>
  <c r="A52001" i="1" s="1"/>
  <c r="A52002" i="1" s="1"/>
  <c r="A52003" i="1" s="1"/>
  <c r="A52004" i="1" s="1"/>
  <c r="A52005" i="1" s="1"/>
  <c r="A52006" i="1" s="1"/>
  <c r="A52007" i="1" s="1"/>
  <c r="A52008" i="1" s="1"/>
  <c r="A52009" i="1" s="1"/>
  <c r="A52010" i="1" s="1"/>
  <c r="A52011" i="1" s="1"/>
  <c r="A52012" i="1" s="1"/>
  <c r="A52013" i="1" s="1"/>
  <c r="A52014" i="1" s="1"/>
  <c r="A52015" i="1" s="1"/>
  <c r="A52016" i="1" s="1"/>
  <c r="A52017" i="1" s="1"/>
  <c r="A52018" i="1" s="1"/>
  <c r="A52019" i="1" s="1"/>
  <c r="A52020" i="1" s="1"/>
  <c r="A52021" i="1" s="1"/>
  <c r="A52022" i="1" s="1"/>
  <c r="A52023" i="1" s="1"/>
  <c r="A52024" i="1" s="1"/>
  <c r="A52025" i="1" s="1"/>
  <c r="A52026" i="1" s="1"/>
  <c r="A52027" i="1" s="1"/>
  <c r="A52028" i="1" s="1"/>
  <c r="A52029" i="1" s="1"/>
  <c r="A52030" i="1" s="1"/>
  <c r="A52031" i="1" s="1"/>
  <c r="A52032" i="1" s="1"/>
  <c r="A52033" i="1" s="1"/>
  <c r="A52034" i="1" s="1"/>
  <c r="A52035" i="1" s="1"/>
  <c r="A52036" i="1" s="1"/>
  <c r="A52037" i="1" s="1"/>
  <c r="A52038" i="1" s="1"/>
  <c r="A52039" i="1" s="1"/>
  <c r="A52040" i="1" s="1"/>
  <c r="A52041" i="1" s="1"/>
  <c r="A52042" i="1" s="1"/>
  <c r="A52043" i="1" s="1"/>
  <c r="A52044" i="1" s="1"/>
  <c r="A52045" i="1" s="1"/>
  <c r="A52046" i="1" s="1"/>
  <c r="A52047" i="1" s="1"/>
  <c r="A52048" i="1" s="1"/>
  <c r="A52049" i="1" s="1"/>
  <c r="A52050" i="1" s="1"/>
  <c r="A52051" i="1" s="1"/>
  <c r="A52052" i="1" s="1"/>
  <c r="A52053" i="1" s="1"/>
  <c r="A52054" i="1" s="1"/>
  <c r="A52055" i="1" s="1"/>
  <c r="A52056" i="1" s="1"/>
  <c r="A52057" i="1" s="1"/>
  <c r="A52058" i="1" s="1"/>
  <c r="A52059" i="1" s="1"/>
  <c r="A52060" i="1" s="1"/>
  <c r="A52061" i="1" s="1"/>
  <c r="A52062" i="1" s="1"/>
  <c r="A52063" i="1" s="1"/>
  <c r="A52064" i="1" s="1"/>
  <c r="A52065" i="1" s="1"/>
  <c r="A52066" i="1" s="1"/>
  <c r="A52067" i="1" s="1"/>
  <c r="A52068" i="1" s="1"/>
  <c r="A52069" i="1" s="1"/>
  <c r="A52070" i="1" s="1"/>
  <c r="A52071" i="1" s="1"/>
  <c r="A52072" i="1" s="1"/>
  <c r="A52073" i="1" s="1"/>
  <c r="A52074" i="1" s="1"/>
  <c r="A52075" i="1" s="1"/>
  <c r="A52076" i="1" s="1"/>
  <c r="A52077" i="1" s="1"/>
  <c r="A52078" i="1" s="1"/>
  <c r="A52079" i="1" s="1"/>
  <c r="A52080" i="1" s="1"/>
  <c r="A52081" i="1" s="1"/>
  <c r="A52082" i="1" s="1"/>
  <c r="A52083" i="1" s="1"/>
  <c r="A52084" i="1" s="1"/>
  <c r="A52085" i="1" s="1"/>
  <c r="A52086" i="1" s="1"/>
  <c r="A52087" i="1" s="1"/>
  <c r="A52088" i="1" s="1"/>
  <c r="A52089" i="1" s="1"/>
  <c r="A52090" i="1" s="1"/>
  <c r="A52091" i="1" s="1"/>
  <c r="A52092" i="1" s="1"/>
  <c r="A52093" i="1" s="1"/>
  <c r="A52094" i="1" s="1"/>
  <c r="A52095" i="1" s="1"/>
  <c r="A52096" i="1" s="1"/>
  <c r="A52097" i="1" s="1"/>
  <c r="A52098" i="1" s="1"/>
  <c r="A52099" i="1" s="1"/>
  <c r="A52100" i="1" s="1"/>
  <c r="A52101" i="1" s="1"/>
  <c r="A52102" i="1" s="1"/>
  <c r="A52103" i="1" s="1"/>
  <c r="A52104" i="1" s="1"/>
  <c r="A52105" i="1" s="1"/>
  <c r="A52106" i="1" s="1"/>
  <c r="A52107" i="1" s="1"/>
  <c r="A52108" i="1" s="1"/>
  <c r="A52109" i="1" s="1"/>
  <c r="A52110" i="1" s="1"/>
  <c r="A52111" i="1" s="1"/>
  <c r="A52112" i="1" s="1"/>
  <c r="A52113" i="1" s="1"/>
  <c r="A52114" i="1" s="1"/>
  <c r="A52115" i="1" s="1"/>
  <c r="A52116" i="1" s="1"/>
  <c r="A52117" i="1" s="1"/>
  <c r="A52118" i="1" s="1"/>
  <c r="A52119" i="1" s="1"/>
  <c r="A52120" i="1" s="1"/>
  <c r="A52121" i="1" s="1"/>
  <c r="A52122" i="1" s="1"/>
  <c r="A52123" i="1" s="1"/>
  <c r="A52124" i="1" s="1"/>
  <c r="A52125" i="1" s="1"/>
  <c r="A52126" i="1" s="1"/>
  <c r="A52127" i="1" s="1"/>
  <c r="A52128" i="1" s="1"/>
  <c r="A52129" i="1" s="1"/>
  <c r="A52130" i="1" s="1"/>
  <c r="A52131" i="1" s="1"/>
  <c r="A52132" i="1" s="1"/>
  <c r="A52133" i="1" s="1"/>
  <c r="A52134" i="1" s="1"/>
  <c r="A52135" i="1" s="1"/>
  <c r="A52136" i="1" s="1"/>
  <c r="A52137" i="1" s="1"/>
  <c r="A52138" i="1" s="1"/>
  <c r="A52139" i="1" s="1"/>
  <c r="A52140" i="1" s="1"/>
  <c r="A52141" i="1" s="1"/>
  <c r="A52142" i="1" s="1"/>
  <c r="A52143" i="1" s="1"/>
  <c r="A52144" i="1" s="1"/>
  <c r="A52145" i="1" s="1"/>
  <c r="A52146" i="1" s="1"/>
  <c r="A52147" i="1" s="1"/>
  <c r="A52148" i="1" s="1"/>
  <c r="A52149" i="1" s="1"/>
  <c r="A52150" i="1" s="1"/>
  <c r="A52151" i="1" s="1"/>
  <c r="A52152" i="1" s="1"/>
  <c r="A52153" i="1" s="1"/>
  <c r="A52154" i="1" s="1"/>
  <c r="A52155" i="1" s="1"/>
  <c r="A52156" i="1" s="1"/>
  <c r="A52157" i="1" s="1"/>
  <c r="A52158" i="1" s="1"/>
  <c r="A52159" i="1" s="1"/>
  <c r="A52160" i="1" s="1"/>
  <c r="A52161" i="1" s="1"/>
  <c r="A52162" i="1" s="1"/>
  <c r="A52163" i="1" s="1"/>
  <c r="A52164" i="1" s="1"/>
  <c r="A52165" i="1" s="1"/>
  <c r="A52166" i="1" s="1"/>
  <c r="A52167" i="1" s="1"/>
  <c r="A52168" i="1" s="1"/>
  <c r="A52169" i="1" s="1"/>
  <c r="A52170" i="1" s="1"/>
  <c r="A52171" i="1" s="1"/>
  <c r="A52172" i="1" s="1"/>
  <c r="A52173" i="1" s="1"/>
  <c r="A52174" i="1" s="1"/>
  <c r="A52175" i="1" s="1"/>
  <c r="A52176" i="1" s="1"/>
  <c r="A52177" i="1" s="1"/>
  <c r="A52178" i="1" s="1"/>
  <c r="A52179" i="1" s="1"/>
  <c r="A52180" i="1" s="1"/>
  <c r="A52181" i="1" s="1"/>
  <c r="A52182" i="1" s="1"/>
  <c r="A52183" i="1" s="1"/>
  <c r="A52184" i="1" s="1"/>
  <c r="A52185" i="1" s="1"/>
  <c r="A52186" i="1" s="1"/>
  <c r="A52187" i="1" s="1"/>
  <c r="A52188" i="1" s="1"/>
  <c r="A52189" i="1" s="1"/>
  <c r="A52190" i="1" s="1"/>
  <c r="A52191" i="1" s="1"/>
  <c r="A52192" i="1" s="1"/>
  <c r="A52193" i="1" s="1"/>
  <c r="A52194" i="1" s="1"/>
  <c r="A52195" i="1" s="1"/>
  <c r="A52196" i="1" s="1"/>
  <c r="A52197" i="1" s="1"/>
  <c r="A52198" i="1" s="1"/>
  <c r="A52199" i="1" s="1"/>
  <c r="A52200" i="1" s="1"/>
  <c r="A52201" i="1" s="1"/>
  <c r="A52202" i="1" s="1"/>
  <c r="A52203" i="1" s="1"/>
  <c r="A52204" i="1" s="1"/>
  <c r="A52205" i="1" s="1"/>
  <c r="A52206" i="1" s="1"/>
  <c r="A52207" i="1" s="1"/>
  <c r="A52208" i="1" s="1"/>
  <c r="A52209" i="1" s="1"/>
  <c r="A52210" i="1" s="1"/>
  <c r="A52211" i="1" s="1"/>
  <c r="A52212" i="1" s="1"/>
  <c r="A52213" i="1" s="1"/>
  <c r="A52214" i="1" s="1"/>
  <c r="A52215" i="1" s="1"/>
  <c r="A52216" i="1" s="1"/>
  <c r="A52217" i="1" s="1"/>
  <c r="A52218" i="1" s="1"/>
  <c r="A52219" i="1" s="1"/>
  <c r="A52220" i="1" s="1"/>
  <c r="A52221" i="1" s="1"/>
  <c r="A52222" i="1" s="1"/>
  <c r="A52223" i="1" s="1"/>
  <c r="A52224" i="1" s="1"/>
  <c r="A52225" i="1" s="1"/>
  <c r="A52226" i="1" s="1"/>
  <c r="A52227" i="1" s="1"/>
  <c r="A52228" i="1" s="1"/>
  <c r="A52229" i="1" s="1"/>
  <c r="A52230" i="1" s="1"/>
  <c r="A52231" i="1" s="1"/>
  <c r="A52232" i="1" s="1"/>
  <c r="A52233" i="1" s="1"/>
  <c r="A52234" i="1" s="1"/>
  <c r="A52235" i="1" s="1"/>
  <c r="A52236" i="1" s="1"/>
  <c r="A52237" i="1" s="1"/>
  <c r="A52238" i="1" s="1"/>
  <c r="A52239" i="1" s="1"/>
  <c r="A52240" i="1" s="1"/>
  <c r="A52241" i="1" s="1"/>
  <c r="A52242" i="1" s="1"/>
  <c r="A52243" i="1" s="1"/>
  <c r="A52244" i="1" s="1"/>
  <c r="A52245" i="1" s="1"/>
  <c r="A52246" i="1" s="1"/>
  <c r="A52247" i="1" s="1"/>
  <c r="A52248" i="1" s="1"/>
  <c r="A52249" i="1" s="1"/>
  <c r="A52250" i="1" s="1"/>
  <c r="A52251" i="1" s="1"/>
  <c r="A52252" i="1" s="1"/>
  <c r="A52253" i="1" s="1"/>
  <c r="A52254" i="1" s="1"/>
  <c r="A52255" i="1" s="1"/>
  <c r="A52256" i="1" s="1"/>
  <c r="A52257" i="1" s="1"/>
  <c r="A52258" i="1" s="1"/>
  <c r="A52259" i="1" s="1"/>
  <c r="A52260" i="1" s="1"/>
  <c r="A52261" i="1" s="1"/>
  <c r="A52262" i="1" s="1"/>
  <c r="A52263" i="1" s="1"/>
  <c r="A52264" i="1" s="1"/>
  <c r="A52265" i="1" s="1"/>
  <c r="A52266" i="1" s="1"/>
  <c r="A52267" i="1" s="1"/>
  <c r="A52268" i="1" s="1"/>
  <c r="A52269" i="1" s="1"/>
  <c r="A52270" i="1" s="1"/>
  <c r="A52271" i="1" s="1"/>
  <c r="A52272" i="1" s="1"/>
  <c r="A52273" i="1" s="1"/>
  <c r="A52274" i="1" s="1"/>
  <c r="A52275" i="1" s="1"/>
  <c r="A52276" i="1" s="1"/>
  <c r="A52277" i="1" s="1"/>
  <c r="A52278" i="1" s="1"/>
  <c r="A52279" i="1" s="1"/>
  <c r="A52280" i="1" s="1"/>
  <c r="A52281" i="1" s="1"/>
  <c r="A52282" i="1" s="1"/>
  <c r="A52283" i="1" s="1"/>
  <c r="A52284" i="1" s="1"/>
  <c r="A52285" i="1" s="1"/>
  <c r="A52286" i="1" s="1"/>
  <c r="A52287" i="1" s="1"/>
  <c r="A52288" i="1" s="1"/>
  <c r="A52289" i="1" s="1"/>
  <c r="A52290" i="1" s="1"/>
  <c r="A52291" i="1" s="1"/>
  <c r="A52292" i="1" s="1"/>
  <c r="A52293" i="1" s="1"/>
  <c r="A52294" i="1" s="1"/>
  <c r="A52295" i="1" s="1"/>
  <c r="A52296" i="1" s="1"/>
  <c r="A52297" i="1" s="1"/>
  <c r="A52298" i="1" s="1"/>
  <c r="A52299" i="1" s="1"/>
  <c r="A52300" i="1" s="1"/>
  <c r="A52301" i="1" s="1"/>
  <c r="A52302" i="1" s="1"/>
  <c r="A52303" i="1" s="1"/>
  <c r="A52304" i="1" s="1"/>
  <c r="A52305" i="1" s="1"/>
  <c r="A52306" i="1" s="1"/>
  <c r="A52307" i="1" s="1"/>
  <c r="A52308" i="1" s="1"/>
  <c r="A52309" i="1" s="1"/>
  <c r="A52310" i="1" s="1"/>
  <c r="A52311" i="1" s="1"/>
  <c r="A52312" i="1" s="1"/>
  <c r="A52313" i="1" s="1"/>
  <c r="A52314" i="1" s="1"/>
  <c r="A52315" i="1" s="1"/>
  <c r="A52316" i="1" s="1"/>
  <c r="A52317" i="1" s="1"/>
  <c r="A52318" i="1" s="1"/>
  <c r="A52319" i="1" s="1"/>
  <c r="A52320" i="1" s="1"/>
  <c r="A52321" i="1" s="1"/>
  <c r="A52322" i="1" s="1"/>
  <c r="A52323" i="1" s="1"/>
  <c r="A52324" i="1" s="1"/>
  <c r="A52325" i="1" s="1"/>
  <c r="A52326" i="1" s="1"/>
  <c r="A52327" i="1" s="1"/>
  <c r="A52328" i="1" s="1"/>
  <c r="A52329" i="1" s="1"/>
  <c r="A52330" i="1" s="1"/>
  <c r="A52331" i="1" s="1"/>
  <c r="A52332" i="1" s="1"/>
  <c r="A52333" i="1" s="1"/>
  <c r="A52334" i="1" s="1"/>
  <c r="A52335" i="1" s="1"/>
  <c r="A52336" i="1" s="1"/>
  <c r="A52337" i="1" s="1"/>
  <c r="A52338" i="1" s="1"/>
  <c r="A52339" i="1" s="1"/>
  <c r="A52340" i="1" s="1"/>
  <c r="A52341" i="1" s="1"/>
  <c r="A52342" i="1" s="1"/>
  <c r="A52343" i="1" s="1"/>
  <c r="A52344" i="1" s="1"/>
  <c r="A52345" i="1" s="1"/>
  <c r="A52346" i="1" s="1"/>
  <c r="A52347" i="1" s="1"/>
  <c r="A52348" i="1" s="1"/>
  <c r="A52349" i="1" s="1"/>
  <c r="A52350" i="1" s="1"/>
  <c r="A52351" i="1" s="1"/>
  <c r="A52352" i="1" s="1"/>
  <c r="A52353" i="1" s="1"/>
  <c r="A52354" i="1" s="1"/>
  <c r="A52355" i="1" s="1"/>
  <c r="A52356" i="1" s="1"/>
  <c r="A52357" i="1" s="1"/>
  <c r="A52358" i="1" s="1"/>
  <c r="A52359" i="1" s="1"/>
  <c r="A52360" i="1" s="1"/>
  <c r="A52361" i="1" s="1"/>
  <c r="A52362" i="1" s="1"/>
  <c r="A52363" i="1" s="1"/>
  <c r="A52364" i="1" s="1"/>
  <c r="A52365" i="1" s="1"/>
  <c r="A52366" i="1" s="1"/>
  <c r="A52367" i="1" s="1"/>
  <c r="A52368" i="1" s="1"/>
  <c r="A52369" i="1" s="1"/>
  <c r="A52370" i="1" s="1"/>
  <c r="A52371" i="1" s="1"/>
  <c r="A52372" i="1" s="1"/>
  <c r="A52373" i="1" s="1"/>
  <c r="A52374" i="1" s="1"/>
  <c r="A52375" i="1" s="1"/>
  <c r="A52376" i="1" s="1"/>
  <c r="A52377" i="1" s="1"/>
  <c r="A52378" i="1" s="1"/>
  <c r="A52379" i="1" s="1"/>
  <c r="A52380" i="1" s="1"/>
  <c r="A52381" i="1" s="1"/>
  <c r="A52382" i="1" s="1"/>
  <c r="A52383" i="1" s="1"/>
  <c r="A52384" i="1" s="1"/>
  <c r="A52385" i="1" s="1"/>
  <c r="A52386" i="1" s="1"/>
  <c r="A52387" i="1" s="1"/>
  <c r="A52388" i="1" s="1"/>
  <c r="A52389" i="1" s="1"/>
  <c r="A52390" i="1" s="1"/>
  <c r="A52391" i="1" s="1"/>
  <c r="A52392" i="1" s="1"/>
  <c r="A52393" i="1" s="1"/>
  <c r="A52394" i="1" s="1"/>
  <c r="A52395" i="1" s="1"/>
  <c r="A52396" i="1" s="1"/>
  <c r="A52397" i="1" s="1"/>
  <c r="A52398" i="1" s="1"/>
  <c r="A52399" i="1" s="1"/>
  <c r="A52400" i="1" s="1"/>
  <c r="A52401" i="1" s="1"/>
  <c r="A52402" i="1" s="1"/>
  <c r="A52403" i="1" s="1"/>
  <c r="A52404" i="1" s="1"/>
  <c r="A52405" i="1" s="1"/>
  <c r="A52406" i="1" s="1"/>
  <c r="A52407" i="1" s="1"/>
  <c r="A52408" i="1" s="1"/>
  <c r="A52409" i="1" s="1"/>
  <c r="A52410" i="1" s="1"/>
  <c r="A52411" i="1" s="1"/>
  <c r="A52412" i="1" s="1"/>
  <c r="A52413" i="1" s="1"/>
  <c r="A52414" i="1" s="1"/>
  <c r="A52415" i="1" s="1"/>
  <c r="A52416" i="1" s="1"/>
  <c r="A52417" i="1" s="1"/>
  <c r="A52418" i="1" s="1"/>
  <c r="A52419" i="1" s="1"/>
  <c r="A52420" i="1" s="1"/>
  <c r="A52421" i="1" s="1"/>
  <c r="A52422" i="1" s="1"/>
  <c r="A52423" i="1" s="1"/>
  <c r="A52424" i="1" s="1"/>
  <c r="A52425" i="1" s="1"/>
  <c r="A52426" i="1" s="1"/>
  <c r="A52427" i="1" s="1"/>
  <c r="A52428" i="1" s="1"/>
  <c r="A52429" i="1" s="1"/>
  <c r="A52430" i="1" s="1"/>
  <c r="A52431" i="1" s="1"/>
  <c r="A52432" i="1" s="1"/>
  <c r="A52433" i="1" s="1"/>
  <c r="A52434" i="1" s="1"/>
  <c r="A52435" i="1" s="1"/>
  <c r="A52436" i="1" s="1"/>
  <c r="A52437" i="1" s="1"/>
  <c r="A52438" i="1" s="1"/>
  <c r="A52439" i="1" s="1"/>
  <c r="A52440" i="1" s="1"/>
  <c r="A52441" i="1" s="1"/>
  <c r="A52442" i="1" s="1"/>
  <c r="A52443" i="1" s="1"/>
  <c r="A52444" i="1" s="1"/>
  <c r="A52445" i="1" s="1"/>
  <c r="A52446" i="1" s="1"/>
  <c r="A52447" i="1" s="1"/>
  <c r="A52448" i="1" s="1"/>
  <c r="A52449" i="1" s="1"/>
  <c r="A52450" i="1" s="1"/>
  <c r="A52451" i="1" s="1"/>
  <c r="A52452" i="1" s="1"/>
  <c r="A52453" i="1" s="1"/>
  <c r="A52454" i="1" s="1"/>
  <c r="A52455" i="1" s="1"/>
  <c r="A52456" i="1" s="1"/>
  <c r="A52457" i="1" s="1"/>
  <c r="A52458" i="1" s="1"/>
  <c r="A52459" i="1" s="1"/>
  <c r="A52460" i="1" s="1"/>
  <c r="A52461" i="1" s="1"/>
  <c r="A52462" i="1" s="1"/>
  <c r="A52463" i="1" s="1"/>
  <c r="A52464" i="1" s="1"/>
  <c r="A52465" i="1" s="1"/>
  <c r="A52466" i="1" s="1"/>
  <c r="A52467" i="1" s="1"/>
  <c r="A52468" i="1" s="1"/>
  <c r="A52469" i="1" s="1"/>
  <c r="A52470" i="1" s="1"/>
  <c r="A52471" i="1" s="1"/>
  <c r="A52472" i="1" s="1"/>
  <c r="A52473" i="1" s="1"/>
  <c r="A52474" i="1" s="1"/>
  <c r="A52475" i="1" s="1"/>
  <c r="A52476" i="1" s="1"/>
  <c r="A52477" i="1" s="1"/>
  <c r="A52478" i="1" s="1"/>
  <c r="A52479" i="1" s="1"/>
  <c r="A52480" i="1" s="1"/>
  <c r="A52481" i="1" s="1"/>
  <c r="A52482" i="1" s="1"/>
  <c r="A52483" i="1" s="1"/>
  <c r="A52484" i="1" s="1"/>
  <c r="A52485" i="1" s="1"/>
  <c r="A52486" i="1" s="1"/>
  <c r="A52487" i="1" s="1"/>
  <c r="A52488" i="1" s="1"/>
  <c r="A52489" i="1" s="1"/>
  <c r="A52490" i="1" s="1"/>
  <c r="A52491" i="1" s="1"/>
  <c r="A52492" i="1" s="1"/>
  <c r="A52493" i="1" s="1"/>
  <c r="A52494" i="1" s="1"/>
  <c r="A52495" i="1" s="1"/>
  <c r="A52496" i="1" s="1"/>
  <c r="A52497" i="1" s="1"/>
  <c r="A52498" i="1" s="1"/>
  <c r="A52499" i="1" s="1"/>
  <c r="A52500" i="1" s="1"/>
  <c r="A52501" i="1" s="1"/>
  <c r="A52502" i="1" s="1"/>
  <c r="A52503" i="1" s="1"/>
  <c r="A52504" i="1" s="1"/>
  <c r="A52505" i="1" s="1"/>
  <c r="A52506" i="1" s="1"/>
  <c r="A52507" i="1" s="1"/>
  <c r="A52508" i="1" s="1"/>
  <c r="A52509" i="1" s="1"/>
  <c r="A52510" i="1" s="1"/>
  <c r="A52511" i="1" s="1"/>
  <c r="A52512" i="1" s="1"/>
  <c r="A52513" i="1" s="1"/>
  <c r="A52514" i="1" s="1"/>
  <c r="A52515" i="1" s="1"/>
  <c r="A52516" i="1" s="1"/>
  <c r="A52517" i="1" s="1"/>
  <c r="A52518" i="1" s="1"/>
  <c r="A52519" i="1" s="1"/>
  <c r="A52520" i="1" s="1"/>
  <c r="A52521" i="1" s="1"/>
  <c r="A52522" i="1" s="1"/>
  <c r="A52523" i="1" s="1"/>
  <c r="A52524" i="1" s="1"/>
  <c r="A52525" i="1" s="1"/>
  <c r="A52526" i="1" s="1"/>
  <c r="A52527" i="1" s="1"/>
  <c r="A52528" i="1" s="1"/>
  <c r="A52529" i="1" s="1"/>
  <c r="A52530" i="1" s="1"/>
  <c r="A52531" i="1" s="1"/>
  <c r="A52532" i="1" s="1"/>
  <c r="A52533" i="1" s="1"/>
  <c r="A52534" i="1" s="1"/>
  <c r="A52535" i="1" s="1"/>
  <c r="A52536" i="1" s="1"/>
  <c r="A52537" i="1" s="1"/>
  <c r="A52538" i="1" s="1"/>
  <c r="A52539" i="1" s="1"/>
  <c r="A52540" i="1" s="1"/>
  <c r="A52541" i="1" s="1"/>
  <c r="A52542" i="1" s="1"/>
  <c r="A52543" i="1" s="1"/>
  <c r="A52544" i="1" s="1"/>
  <c r="A52545" i="1" s="1"/>
  <c r="A52546" i="1" s="1"/>
  <c r="A52547" i="1" s="1"/>
  <c r="A52548" i="1" s="1"/>
  <c r="A52549" i="1" s="1"/>
  <c r="A52550" i="1" s="1"/>
  <c r="A52551" i="1" s="1"/>
  <c r="A52552" i="1" s="1"/>
  <c r="A52553" i="1" s="1"/>
  <c r="A52554" i="1" s="1"/>
  <c r="A52555" i="1" s="1"/>
  <c r="A52556" i="1" s="1"/>
  <c r="A52557" i="1" s="1"/>
  <c r="A52558" i="1" s="1"/>
  <c r="A52559" i="1" s="1"/>
  <c r="A52560" i="1" s="1"/>
  <c r="A52561" i="1" s="1"/>
  <c r="A52562" i="1" s="1"/>
  <c r="A52563" i="1" s="1"/>
  <c r="A52564" i="1" s="1"/>
  <c r="A52565" i="1" s="1"/>
  <c r="A52566" i="1" s="1"/>
  <c r="A52567" i="1" s="1"/>
  <c r="A52568" i="1" s="1"/>
  <c r="A52569" i="1" s="1"/>
  <c r="A52570" i="1" s="1"/>
  <c r="A52571" i="1" s="1"/>
  <c r="A52572" i="1" s="1"/>
  <c r="A52573" i="1" s="1"/>
  <c r="A52574" i="1" s="1"/>
  <c r="A52575" i="1" s="1"/>
  <c r="A52576" i="1" s="1"/>
  <c r="A52577" i="1" s="1"/>
  <c r="A52578" i="1" s="1"/>
  <c r="A52579" i="1" s="1"/>
  <c r="A52580" i="1" s="1"/>
  <c r="A52581" i="1" s="1"/>
  <c r="A52582" i="1" s="1"/>
  <c r="A52583" i="1" s="1"/>
  <c r="A52584" i="1" s="1"/>
  <c r="A52585" i="1" s="1"/>
  <c r="A52586" i="1" s="1"/>
  <c r="A52587" i="1" s="1"/>
  <c r="A52588" i="1" s="1"/>
  <c r="A52589" i="1" s="1"/>
  <c r="A52590" i="1" s="1"/>
  <c r="A52591" i="1" s="1"/>
  <c r="A52592" i="1" s="1"/>
  <c r="A52593" i="1" s="1"/>
  <c r="A52594" i="1" s="1"/>
  <c r="A52595" i="1" s="1"/>
  <c r="A52596" i="1" s="1"/>
  <c r="A52597" i="1" s="1"/>
  <c r="A52598" i="1" s="1"/>
  <c r="A52599" i="1" s="1"/>
  <c r="A52600" i="1" s="1"/>
  <c r="A52601" i="1" s="1"/>
  <c r="A52602" i="1" s="1"/>
  <c r="A52603" i="1" s="1"/>
  <c r="A52604" i="1" s="1"/>
  <c r="A52605" i="1" s="1"/>
  <c r="A52606" i="1" s="1"/>
  <c r="A52607" i="1" s="1"/>
  <c r="A52608" i="1" s="1"/>
  <c r="A52609" i="1" s="1"/>
  <c r="A52610" i="1" s="1"/>
  <c r="A52611" i="1" s="1"/>
  <c r="A52612" i="1" s="1"/>
  <c r="A52613" i="1" s="1"/>
  <c r="A52614" i="1" s="1"/>
  <c r="A52615" i="1" s="1"/>
  <c r="A52616" i="1" s="1"/>
  <c r="A52617" i="1" s="1"/>
  <c r="A52618" i="1" s="1"/>
  <c r="A52619" i="1" s="1"/>
  <c r="A52620" i="1" s="1"/>
  <c r="A52621" i="1" s="1"/>
  <c r="A52622" i="1" s="1"/>
  <c r="A52623" i="1" s="1"/>
  <c r="A52624" i="1" s="1"/>
  <c r="A52625" i="1" s="1"/>
  <c r="A52626" i="1" s="1"/>
  <c r="A52627" i="1" s="1"/>
  <c r="A52628" i="1" s="1"/>
  <c r="A52629" i="1" s="1"/>
  <c r="A52630" i="1" s="1"/>
  <c r="A52631" i="1" s="1"/>
  <c r="A52632" i="1" s="1"/>
  <c r="A52633" i="1" s="1"/>
  <c r="A52634" i="1" s="1"/>
  <c r="A52635" i="1" s="1"/>
  <c r="A52636" i="1" s="1"/>
  <c r="A52637" i="1" s="1"/>
  <c r="A52638" i="1" s="1"/>
  <c r="A52639" i="1" s="1"/>
  <c r="A52640" i="1" s="1"/>
  <c r="A52641" i="1" s="1"/>
  <c r="A52642" i="1" s="1"/>
  <c r="A52643" i="1" s="1"/>
  <c r="A52644" i="1" s="1"/>
  <c r="A52645" i="1" s="1"/>
  <c r="A52646" i="1" s="1"/>
  <c r="A52647" i="1" s="1"/>
  <c r="A52648" i="1" s="1"/>
  <c r="A52649" i="1" s="1"/>
  <c r="A52650" i="1" s="1"/>
  <c r="A52651" i="1" s="1"/>
  <c r="A52652" i="1" s="1"/>
  <c r="A52653" i="1" s="1"/>
  <c r="A52654" i="1" s="1"/>
  <c r="A52655" i="1" s="1"/>
  <c r="A52656" i="1" s="1"/>
  <c r="A52657" i="1" s="1"/>
  <c r="A52658" i="1" s="1"/>
  <c r="A52659" i="1" s="1"/>
  <c r="A52660" i="1" s="1"/>
  <c r="A52661" i="1" s="1"/>
  <c r="A52662" i="1" s="1"/>
  <c r="A52663" i="1" s="1"/>
  <c r="A52664" i="1" s="1"/>
  <c r="A52665" i="1" s="1"/>
  <c r="A52666" i="1" s="1"/>
  <c r="A52667" i="1" s="1"/>
  <c r="A52668" i="1" s="1"/>
  <c r="A52669" i="1" s="1"/>
  <c r="A52670" i="1" s="1"/>
  <c r="A52671" i="1" s="1"/>
  <c r="A52672" i="1" s="1"/>
  <c r="A52673" i="1" s="1"/>
  <c r="A52674" i="1" s="1"/>
  <c r="A52675" i="1" s="1"/>
  <c r="A52676" i="1" s="1"/>
  <c r="A52677" i="1" s="1"/>
  <c r="A52678" i="1" s="1"/>
  <c r="A52679" i="1" s="1"/>
  <c r="A52680" i="1" s="1"/>
  <c r="A52681" i="1" s="1"/>
  <c r="A52682" i="1" s="1"/>
  <c r="A52683" i="1" s="1"/>
  <c r="A52684" i="1" s="1"/>
  <c r="A52685" i="1" s="1"/>
  <c r="A52686" i="1" s="1"/>
  <c r="A52687" i="1" s="1"/>
  <c r="A52688" i="1" s="1"/>
  <c r="A52689" i="1" s="1"/>
  <c r="A52690" i="1" s="1"/>
  <c r="A52691" i="1" s="1"/>
  <c r="A52692" i="1" s="1"/>
  <c r="A52693" i="1" s="1"/>
  <c r="A52694" i="1" s="1"/>
  <c r="A52695" i="1" s="1"/>
  <c r="A52696" i="1" s="1"/>
  <c r="A52697" i="1" s="1"/>
  <c r="A52698" i="1" s="1"/>
  <c r="A52699" i="1" s="1"/>
  <c r="A52700" i="1" s="1"/>
  <c r="A52701" i="1" s="1"/>
  <c r="A52702" i="1" s="1"/>
  <c r="A52703" i="1" s="1"/>
  <c r="A52704" i="1" s="1"/>
  <c r="A52705" i="1" s="1"/>
  <c r="A52706" i="1" s="1"/>
  <c r="A52707" i="1" s="1"/>
  <c r="A52708" i="1" s="1"/>
  <c r="A52709" i="1" s="1"/>
  <c r="A52710" i="1" s="1"/>
  <c r="A52711" i="1" s="1"/>
  <c r="A52712" i="1" s="1"/>
  <c r="A52713" i="1" s="1"/>
  <c r="A52714" i="1" s="1"/>
  <c r="A52715" i="1" s="1"/>
  <c r="A52716" i="1" s="1"/>
  <c r="A52717" i="1" s="1"/>
  <c r="A52718" i="1" s="1"/>
  <c r="A52719" i="1" s="1"/>
  <c r="A52720" i="1" s="1"/>
  <c r="A52721" i="1" s="1"/>
  <c r="A52722" i="1" s="1"/>
  <c r="A52723" i="1" s="1"/>
  <c r="A52724" i="1" s="1"/>
  <c r="A52725" i="1" s="1"/>
  <c r="A52726" i="1" s="1"/>
  <c r="A52727" i="1" s="1"/>
  <c r="A52728" i="1" s="1"/>
  <c r="A52729" i="1" s="1"/>
  <c r="A52730" i="1" s="1"/>
  <c r="A52731" i="1" s="1"/>
  <c r="A52732" i="1" s="1"/>
  <c r="A52733" i="1" s="1"/>
  <c r="A52734" i="1" s="1"/>
  <c r="A52735" i="1" s="1"/>
  <c r="A52736" i="1" s="1"/>
  <c r="A52737" i="1" s="1"/>
  <c r="A52738" i="1" s="1"/>
  <c r="A52739" i="1" s="1"/>
  <c r="A52740" i="1" s="1"/>
  <c r="A52741" i="1" s="1"/>
  <c r="A52742" i="1" s="1"/>
  <c r="A52743" i="1" s="1"/>
  <c r="A52744" i="1" s="1"/>
  <c r="A52745" i="1" s="1"/>
  <c r="A52746" i="1" s="1"/>
  <c r="A52747" i="1" s="1"/>
  <c r="A52748" i="1" s="1"/>
  <c r="A52749" i="1" s="1"/>
  <c r="A52750" i="1" s="1"/>
  <c r="A52751" i="1" s="1"/>
  <c r="A52752" i="1" s="1"/>
  <c r="A52753" i="1" s="1"/>
  <c r="A52754" i="1" s="1"/>
  <c r="A52755" i="1" s="1"/>
  <c r="A52756" i="1" s="1"/>
  <c r="A52757" i="1" s="1"/>
  <c r="A52758" i="1" s="1"/>
  <c r="A52759" i="1" s="1"/>
  <c r="A52760" i="1" s="1"/>
  <c r="A52761" i="1" s="1"/>
  <c r="A52762" i="1" s="1"/>
  <c r="A52763" i="1" s="1"/>
  <c r="A52764" i="1" s="1"/>
  <c r="A52765" i="1" s="1"/>
  <c r="A52766" i="1" s="1"/>
  <c r="A52767" i="1" s="1"/>
  <c r="A52768" i="1" s="1"/>
  <c r="A52769" i="1" s="1"/>
  <c r="A52770" i="1" s="1"/>
  <c r="A52771" i="1" s="1"/>
  <c r="A52772" i="1" s="1"/>
  <c r="A52773" i="1" s="1"/>
  <c r="A52774" i="1" s="1"/>
  <c r="A52775" i="1" s="1"/>
  <c r="A52776" i="1" s="1"/>
  <c r="A52777" i="1" s="1"/>
  <c r="A52778" i="1" s="1"/>
  <c r="A52779" i="1" s="1"/>
  <c r="A52780" i="1" s="1"/>
  <c r="A52781" i="1" s="1"/>
  <c r="A52782" i="1" s="1"/>
  <c r="A52783" i="1" s="1"/>
  <c r="A52784" i="1" s="1"/>
  <c r="A52785" i="1" s="1"/>
  <c r="A52786" i="1" s="1"/>
  <c r="A52787" i="1" s="1"/>
  <c r="A52788" i="1" s="1"/>
  <c r="A52789" i="1" s="1"/>
  <c r="A52790" i="1" s="1"/>
  <c r="A52791" i="1" s="1"/>
  <c r="A52792" i="1" s="1"/>
  <c r="A52793" i="1" s="1"/>
  <c r="A52794" i="1" s="1"/>
  <c r="A52795" i="1" s="1"/>
  <c r="A52796" i="1" s="1"/>
  <c r="A52797" i="1" s="1"/>
  <c r="A52798" i="1" s="1"/>
  <c r="A52799" i="1" s="1"/>
  <c r="A52800" i="1" s="1"/>
  <c r="A52801" i="1" s="1"/>
  <c r="A52802" i="1" s="1"/>
  <c r="A52803" i="1" s="1"/>
  <c r="A52804" i="1" s="1"/>
  <c r="A52805" i="1" s="1"/>
  <c r="A52806" i="1" s="1"/>
  <c r="A52807" i="1" s="1"/>
  <c r="A52808" i="1" s="1"/>
  <c r="A52809" i="1" s="1"/>
  <c r="A52810" i="1" s="1"/>
  <c r="A52811" i="1" s="1"/>
  <c r="A52812" i="1" s="1"/>
  <c r="A52813" i="1" s="1"/>
  <c r="A52814" i="1" s="1"/>
  <c r="A52815" i="1" s="1"/>
  <c r="A52816" i="1" s="1"/>
  <c r="A52817" i="1" s="1"/>
  <c r="A52818" i="1" s="1"/>
  <c r="A52819" i="1" s="1"/>
  <c r="A52820" i="1" s="1"/>
  <c r="A52821" i="1" s="1"/>
  <c r="A52822" i="1" s="1"/>
  <c r="A52823" i="1" s="1"/>
  <c r="A52824" i="1" s="1"/>
  <c r="A52825" i="1" s="1"/>
  <c r="A52826" i="1" s="1"/>
  <c r="A52827" i="1" s="1"/>
  <c r="A52828" i="1" s="1"/>
  <c r="A52829" i="1" s="1"/>
  <c r="A52830" i="1" s="1"/>
  <c r="A52831" i="1" s="1"/>
  <c r="A52832" i="1" s="1"/>
  <c r="A52833" i="1" s="1"/>
  <c r="A52834" i="1" s="1"/>
  <c r="A52835" i="1" s="1"/>
  <c r="A52836" i="1" s="1"/>
  <c r="A52837" i="1" s="1"/>
  <c r="A52838" i="1" s="1"/>
  <c r="A52839" i="1" s="1"/>
  <c r="A52840" i="1" s="1"/>
  <c r="A52841" i="1" s="1"/>
  <c r="A52842" i="1" s="1"/>
  <c r="A52843" i="1" s="1"/>
  <c r="A52844" i="1" s="1"/>
  <c r="A52845" i="1" s="1"/>
  <c r="A52846" i="1" s="1"/>
  <c r="A52847" i="1" s="1"/>
  <c r="A52848" i="1" s="1"/>
  <c r="A52849" i="1" s="1"/>
  <c r="A52850" i="1" s="1"/>
  <c r="A52851" i="1" s="1"/>
  <c r="A52852" i="1" s="1"/>
  <c r="A52853" i="1" s="1"/>
  <c r="A52854" i="1" s="1"/>
  <c r="A52855" i="1" s="1"/>
  <c r="A52856" i="1" s="1"/>
  <c r="A52857" i="1" s="1"/>
  <c r="A52858" i="1" s="1"/>
  <c r="A52859" i="1" s="1"/>
  <c r="A52860" i="1" s="1"/>
  <c r="A52861" i="1" s="1"/>
  <c r="A52862" i="1" s="1"/>
  <c r="A52863" i="1" s="1"/>
  <c r="A52864" i="1" s="1"/>
  <c r="A52865" i="1" s="1"/>
  <c r="A52866" i="1" s="1"/>
  <c r="A52867" i="1" s="1"/>
  <c r="A52868" i="1" s="1"/>
  <c r="A52869" i="1" s="1"/>
  <c r="A52870" i="1" s="1"/>
  <c r="A52871" i="1" s="1"/>
  <c r="A52872" i="1" s="1"/>
  <c r="A52873" i="1" s="1"/>
  <c r="A52874" i="1" s="1"/>
  <c r="A52875" i="1" s="1"/>
  <c r="A52876" i="1" s="1"/>
  <c r="A52877" i="1" s="1"/>
  <c r="A52878" i="1" s="1"/>
  <c r="A52879" i="1" s="1"/>
  <c r="A52880" i="1" s="1"/>
  <c r="A52881" i="1" s="1"/>
  <c r="A52882" i="1" s="1"/>
  <c r="A52883" i="1" s="1"/>
  <c r="A52884" i="1" s="1"/>
  <c r="A52885" i="1" s="1"/>
  <c r="A52886" i="1" s="1"/>
  <c r="A52887" i="1" s="1"/>
  <c r="A52888" i="1" s="1"/>
  <c r="A52889" i="1" s="1"/>
  <c r="A52890" i="1" s="1"/>
  <c r="A52891" i="1" s="1"/>
  <c r="A52892" i="1" s="1"/>
  <c r="A52893" i="1" s="1"/>
  <c r="A52894" i="1" s="1"/>
  <c r="A52895" i="1" s="1"/>
  <c r="A52896" i="1" s="1"/>
  <c r="A52897" i="1" s="1"/>
  <c r="A52898" i="1" s="1"/>
  <c r="A52899" i="1" s="1"/>
  <c r="A52900" i="1" s="1"/>
  <c r="A52901" i="1" s="1"/>
  <c r="A52902" i="1" s="1"/>
  <c r="A52903" i="1" s="1"/>
  <c r="A52904" i="1" s="1"/>
  <c r="A52905" i="1" s="1"/>
  <c r="A52906" i="1" s="1"/>
  <c r="A52907" i="1" s="1"/>
  <c r="A52908" i="1" s="1"/>
  <c r="A52909" i="1" s="1"/>
  <c r="A52910" i="1" s="1"/>
  <c r="A52911" i="1" s="1"/>
  <c r="A52912" i="1" s="1"/>
  <c r="A52913" i="1" s="1"/>
  <c r="A52914" i="1" s="1"/>
  <c r="A52915" i="1" s="1"/>
  <c r="A52916" i="1" s="1"/>
  <c r="A52917" i="1" s="1"/>
  <c r="A52918" i="1" s="1"/>
  <c r="A52919" i="1" s="1"/>
  <c r="A52920" i="1" s="1"/>
  <c r="A52921" i="1" s="1"/>
  <c r="A52922" i="1" s="1"/>
  <c r="A52923" i="1" s="1"/>
  <c r="A52924" i="1" s="1"/>
  <c r="A52925" i="1" s="1"/>
  <c r="A52926" i="1" s="1"/>
  <c r="A52927" i="1" s="1"/>
  <c r="A52928" i="1" s="1"/>
  <c r="A52929" i="1" s="1"/>
  <c r="A52930" i="1" s="1"/>
  <c r="A52931" i="1" s="1"/>
  <c r="A52932" i="1" s="1"/>
  <c r="A52933" i="1" s="1"/>
  <c r="A52934" i="1" s="1"/>
  <c r="A52935" i="1" s="1"/>
  <c r="A52936" i="1" s="1"/>
  <c r="A52937" i="1" s="1"/>
  <c r="A52938" i="1" s="1"/>
  <c r="A52939" i="1" s="1"/>
  <c r="A52940" i="1" s="1"/>
  <c r="A52941" i="1" s="1"/>
  <c r="A52942" i="1" s="1"/>
  <c r="A52943" i="1" s="1"/>
  <c r="A52944" i="1" s="1"/>
  <c r="A52945" i="1" s="1"/>
  <c r="A52946" i="1" s="1"/>
  <c r="A52947" i="1" s="1"/>
  <c r="A52948" i="1" s="1"/>
  <c r="A52949" i="1" s="1"/>
  <c r="A52950" i="1" s="1"/>
  <c r="A52951" i="1" s="1"/>
  <c r="A52952" i="1" s="1"/>
  <c r="A52953" i="1" s="1"/>
  <c r="A52954" i="1" s="1"/>
  <c r="A52955" i="1" s="1"/>
  <c r="A52956" i="1" s="1"/>
  <c r="A52957" i="1" s="1"/>
  <c r="A52958" i="1" s="1"/>
  <c r="A52959" i="1" s="1"/>
  <c r="A52960" i="1" s="1"/>
  <c r="A52961" i="1" s="1"/>
  <c r="A52962" i="1" s="1"/>
  <c r="A52963" i="1" s="1"/>
  <c r="A52964" i="1" s="1"/>
  <c r="A52965" i="1" s="1"/>
  <c r="A52966" i="1" s="1"/>
  <c r="A52967" i="1" s="1"/>
  <c r="A52968" i="1" s="1"/>
  <c r="A52969" i="1" s="1"/>
  <c r="A52970" i="1" s="1"/>
  <c r="A52971" i="1" s="1"/>
  <c r="A52972" i="1" s="1"/>
  <c r="A52973" i="1" s="1"/>
  <c r="A52974" i="1" s="1"/>
  <c r="A52975" i="1" s="1"/>
  <c r="A52976" i="1" s="1"/>
  <c r="A52977" i="1" s="1"/>
  <c r="A52978" i="1" s="1"/>
  <c r="A52979" i="1" s="1"/>
  <c r="A52980" i="1" s="1"/>
  <c r="A52981" i="1" s="1"/>
  <c r="A52982" i="1" s="1"/>
  <c r="A52983" i="1" s="1"/>
  <c r="A52984" i="1" s="1"/>
  <c r="A52985" i="1" s="1"/>
  <c r="A52986" i="1" s="1"/>
  <c r="A52987" i="1" s="1"/>
  <c r="A52988" i="1" s="1"/>
  <c r="A52989" i="1" s="1"/>
  <c r="A52990" i="1" s="1"/>
  <c r="A52991" i="1" s="1"/>
  <c r="A52992" i="1" s="1"/>
  <c r="A52993" i="1" s="1"/>
  <c r="A52994" i="1" s="1"/>
  <c r="A52995" i="1" s="1"/>
  <c r="A52996" i="1" s="1"/>
  <c r="A52997" i="1" s="1"/>
  <c r="A52998" i="1" s="1"/>
  <c r="A52999" i="1" s="1"/>
  <c r="A53000" i="1" s="1"/>
  <c r="A53001" i="1" s="1"/>
  <c r="A53002" i="1" s="1"/>
  <c r="A53003" i="1" s="1"/>
  <c r="A53004" i="1" s="1"/>
  <c r="A53005" i="1" s="1"/>
  <c r="A53006" i="1" s="1"/>
  <c r="A53007" i="1" s="1"/>
  <c r="A53008" i="1" s="1"/>
  <c r="A53009" i="1" s="1"/>
  <c r="A53010" i="1" s="1"/>
  <c r="A53011" i="1" s="1"/>
  <c r="A53012" i="1" s="1"/>
  <c r="A53013" i="1" s="1"/>
  <c r="A53014" i="1" s="1"/>
  <c r="A53015" i="1" s="1"/>
  <c r="A53016" i="1" s="1"/>
  <c r="A53017" i="1" s="1"/>
  <c r="A53018" i="1" s="1"/>
  <c r="A53019" i="1" s="1"/>
  <c r="A53020" i="1" s="1"/>
  <c r="A53021" i="1" s="1"/>
  <c r="A53022" i="1" s="1"/>
  <c r="A53023" i="1" s="1"/>
  <c r="A53024" i="1" s="1"/>
  <c r="A53025" i="1" s="1"/>
  <c r="A53026" i="1" s="1"/>
  <c r="A53027" i="1" s="1"/>
  <c r="A53028" i="1" s="1"/>
  <c r="A53029" i="1" s="1"/>
  <c r="A53030" i="1" s="1"/>
  <c r="A53031" i="1" s="1"/>
  <c r="A53032" i="1" s="1"/>
  <c r="A53033" i="1" s="1"/>
  <c r="A53034" i="1" s="1"/>
  <c r="A53035" i="1" s="1"/>
  <c r="A53036" i="1" s="1"/>
  <c r="A53037" i="1" s="1"/>
  <c r="A53038" i="1" s="1"/>
  <c r="A53039" i="1" s="1"/>
  <c r="A53040" i="1" s="1"/>
  <c r="A53041" i="1" s="1"/>
  <c r="A53042" i="1" s="1"/>
  <c r="A53043" i="1" s="1"/>
  <c r="A53044" i="1" s="1"/>
  <c r="A53045" i="1" s="1"/>
  <c r="A53046" i="1" s="1"/>
  <c r="A53047" i="1" s="1"/>
  <c r="A53048" i="1" s="1"/>
  <c r="A53049" i="1" s="1"/>
  <c r="A53050" i="1" s="1"/>
  <c r="A53051" i="1" s="1"/>
  <c r="A53052" i="1" s="1"/>
  <c r="A53053" i="1" s="1"/>
  <c r="A53054" i="1" s="1"/>
  <c r="A53055" i="1" s="1"/>
  <c r="A53056" i="1" s="1"/>
  <c r="A53057" i="1" s="1"/>
  <c r="A53058" i="1" s="1"/>
  <c r="A53059" i="1" s="1"/>
  <c r="A53060" i="1" s="1"/>
  <c r="A53061" i="1" s="1"/>
  <c r="A53062" i="1" s="1"/>
  <c r="A53063" i="1" s="1"/>
  <c r="A53064" i="1" s="1"/>
  <c r="A53065" i="1" s="1"/>
  <c r="A53066" i="1" s="1"/>
  <c r="A53067" i="1" s="1"/>
  <c r="A53068" i="1" s="1"/>
  <c r="A53069" i="1" s="1"/>
  <c r="A53070" i="1" s="1"/>
  <c r="A53071" i="1" s="1"/>
  <c r="A53072" i="1" s="1"/>
  <c r="A53073" i="1" s="1"/>
  <c r="A53074" i="1" s="1"/>
  <c r="A53075" i="1" s="1"/>
  <c r="A53076" i="1" s="1"/>
  <c r="A53077" i="1" s="1"/>
  <c r="A53078" i="1" s="1"/>
  <c r="A53079" i="1" s="1"/>
  <c r="A53080" i="1" s="1"/>
  <c r="A53081" i="1" s="1"/>
  <c r="A53082" i="1" s="1"/>
  <c r="A53083" i="1" s="1"/>
  <c r="A53084" i="1" s="1"/>
  <c r="A53085" i="1" s="1"/>
  <c r="A53086" i="1" s="1"/>
  <c r="A53087" i="1" s="1"/>
  <c r="A53088" i="1" s="1"/>
  <c r="A53089" i="1" s="1"/>
  <c r="A53090" i="1" s="1"/>
  <c r="A53091" i="1" s="1"/>
  <c r="A53092" i="1" s="1"/>
  <c r="A53093" i="1" s="1"/>
  <c r="A53094" i="1" s="1"/>
  <c r="A53095" i="1" s="1"/>
  <c r="A53096" i="1" s="1"/>
  <c r="A53097" i="1" s="1"/>
  <c r="A53098" i="1" s="1"/>
  <c r="A53099" i="1" s="1"/>
  <c r="A53100" i="1" s="1"/>
  <c r="A53101" i="1" s="1"/>
  <c r="A53102" i="1" s="1"/>
  <c r="A53103" i="1" s="1"/>
  <c r="A53104" i="1" s="1"/>
  <c r="A53105" i="1" s="1"/>
  <c r="A53106" i="1" s="1"/>
  <c r="A53107" i="1" s="1"/>
  <c r="A53108" i="1" s="1"/>
  <c r="A53109" i="1" s="1"/>
  <c r="A53110" i="1" s="1"/>
  <c r="A53111" i="1" s="1"/>
  <c r="A53112" i="1" s="1"/>
  <c r="A53113" i="1" s="1"/>
  <c r="A53114" i="1" s="1"/>
  <c r="A53115" i="1" s="1"/>
  <c r="A53116" i="1" s="1"/>
  <c r="A53117" i="1" s="1"/>
  <c r="A53118" i="1" s="1"/>
  <c r="A53119" i="1" s="1"/>
  <c r="A53120" i="1" s="1"/>
  <c r="A53121" i="1" s="1"/>
  <c r="A53122" i="1" s="1"/>
  <c r="A53123" i="1" s="1"/>
  <c r="A53124" i="1" s="1"/>
  <c r="A53125" i="1" s="1"/>
  <c r="A53126" i="1" s="1"/>
  <c r="A53127" i="1" s="1"/>
  <c r="A53128" i="1" s="1"/>
  <c r="A53129" i="1" s="1"/>
  <c r="A53130" i="1" s="1"/>
  <c r="A53131" i="1" s="1"/>
  <c r="A53132" i="1" s="1"/>
  <c r="A53133" i="1" s="1"/>
  <c r="A53134" i="1" s="1"/>
  <c r="A53135" i="1" s="1"/>
  <c r="A53136" i="1" s="1"/>
  <c r="A53137" i="1" s="1"/>
  <c r="A53138" i="1" s="1"/>
  <c r="A53139" i="1" s="1"/>
  <c r="A53140" i="1" s="1"/>
  <c r="A53141" i="1" s="1"/>
  <c r="A53142" i="1" s="1"/>
  <c r="A53143" i="1" s="1"/>
  <c r="A53144" i="1" s="1"/>
  <c r="A53145" i="1" s="1"/>
  <c r="A53146" i="1" s="1"/>
  <c r="A53147" i="1" s="1"/>
  <c r="A53148" i="1" s="1"/>
  <c r="A53149" i="1" s="1"/>
  <c r="A53150" i="1" s="1"/>
  <c r="A53151" i="1" s="1"/>
  <c r="A53152" i="1" s="1"/>
  <c r="A53153" i="1" s="1"/>
  <c r="A53154" i="1" s="1"/>
  <c r="A53155" i="1" s="1"/>
  <c r="A53156" i="1" s="1"/>
  <c r="A53157" i="1" s="1"/>
  <c r="A53158" i="1" s="1"/>
  <c r="A53159" i="1" s="1"/>
  <c r="A53160" i="1" s="1"/>
  <c r="A53161" i="1" s="1"/>
  <c r="A53162" i="1" s="1"/>
  <c r="A53163" i="1" s="1"/>
  <c r="A53164" i="1" s="1"/>
  <c r="A53165" i="1" s="1"/>
  <c r="A53166" i="1" s="1"/>
  <c r="A53167" i="1" s="1"/>
  <c r="A53168" i="1" s="1"/>
  <c r="A53169" i="1" s="1"/>
  <c r="A53170" i="1" s="1"/>
  <c r="A53171" i="1" s="1"/>
  <c r="A53172" i="1" s="1"/>
  <c r="A53173" i="1" s="1"/>
  <c r="A53174" i="1" s="1"/>
  <c r="A53175" i="1" s="1"/>
  <c r="A53176" i="1" s="1"/>
  <c r="A53177" i="1" s="1"/>
  <c r="A53178" i="1" s="1"/>
  <c r="A53179" i="1" s="1"/>
  <c r="A53180" i="1" s="1"/>
  <c r="A53181" i="1" s="1"/>
  <c r="A53182" i="1" s="1"/>
  <c r="A53183" i="1" s="1"/>
  <c r="A53184" i="1" s="1"/>
  <c r="A53185" i="1" s="1"/>
  <c r="A53186" i="1" s="1"/>
  <c r="A53187" i="1" s="1"/>
  <c r="A53188" i="1" s="1"/>
  <c r="A53189" i="1" s="1"/>
  <c r="A53190" i="1" s="1"/>
  <c r="A53191" i="1" s="1"/>
  <c r="A53192" i="1" s="1"/>
  <c r="A53193" i="1" s="1"/>
  <c r="A53194" i="1" s="1"/>
  <c r="A53195" i="1" s="1"/>
  <c r="A53196" i="1" s="1"/>
  <c r="A53197" i="1" s="1"/>
  <c r="A53198" i="1" s="1"/>
  <c r="A53199" i="1" s="1"/>
  <c r="A53200" i="1" s="1"/>
  <c r="A53201" i="1" s="1"/>
  <c r="A53202" i="1" s="1"/>
  <c r="A53203" i="1" s="1"/>
  <c r="A53204" i="1" s="1"/>
  <c r="A53205" i="1" s="1"/>
  <c r="A53206" i="1" s="1"/>
  <c r="A53207" i="1" s="1"/>
  <c r="A53208" i="1" s="1"/>
  <c r="A53209" i="1" s="1"/>
  <c r="A53210" i="1" s="1"/>
  <c r="A53211" i="1" s="1"/>
  <c r="A53212" i="1" s="1"/>
  <c r="A53213" i="1" s="1"/>
  <c r="A53214" i="1" s="1"/>
  <c r="A53215" i="1" s="1"/>
  <c r="A53216" i="1" s="1"/>
  <c r="A53217" i="1" s="1"/>
  <c r="A53218" i="1" s="1"/>
  <c r="A53219" i="1" s="1"/>
  <c r="A53220" i="1" s="1"/>
  <c r="A53221" i="1" s="1"/>
  <c r="A53222" i="1" s="1"/>
  <c r="A53223" i="1" s="1"/>
  <c r="A53224" i="1" s="1"/>
  <c r="A53225" i="1" s="1"/>
  <c r="A53226" i="1" s="1"/>
  <c r="A53227" i="1" s="1"/>
  <c r="A53228" i="1" s="1"/>
  <c r="A53229" i="1" s="1"/>
  <c r="A53230" i="1" s="1"/>
  <c r="A53231" i="1" s="1"/>
  <c r="A53232" i="1" s="1"/>
  <c r="A53233" i="1" s="1"/>
  <c r="A53234" i="1" s="1"/>
  <c r="A53235" i="1" s="1"/>
  <c r="A53236" i="1" s="1"/>
  <c r="A53237" i="1" s="1"/>
  <c r="A53238" i="1" s="1"/>
  <c r="A53239" i="1" s="1"/>
  <c r="A53240" i="1" s="1"/>
  <c r="A53241" i="1" s="1"/>
  <c r="A53242" i="1" s="1"/>
  <c r="A53243" i="1" s="1"/>
  <c r="A53244" i="1" s="1"/>
  <c r="A53245" i="1" s="1"/>
  <c r="A53246" i="1" s="1"/>
  <c r="A53247" i="1" s="1"/>
  <c r="A53248" i="1" s="1"/>
  <c r="A53249" i="1" s="1"/>
  <c r="A53250" i="1" s="1"/>
  <c r="A53251" i="1" s="1"/>
  <c r="A53252" i="1" s="1"/>
  <c r="A53253" i="1" s="1"/>
  <c r="A53254" i="1" s="1"/>
  <c r="A53255" i="1" s="1"/>
  <c r="A53256" i="1" s="1"/>
  <c r="A53257" i="1" s="1"/>
  <c r="A53258" i="1" s="1"/>
  <c r="A53259" i="1" s="1"/>
  <c r="A53260" i="1" s="1"/>
  <c r="A53261" i="1" s="1"/>
  <c r="A53262" i="1" s="1"/>
  <c r="A53263" i="1" s="1"/>
  <c r="A53264" i="1" s="1"/>
  <c r="A53265" i="1" s="1"/>
  <c r="A53266" i="1" s="1"/>
  <c r="A53267" i="1" s="1"/>
  <c r="A53268" i="1" s="1"/>
  <c r="A53269" i="1" s="1"/>
  <c r="A53270" i="1" s="1"/>
  <c r="A53271" i="1" s="1"/>
  <c r="A53272" i="1" s="1"/>
  <c r="A53273" i="1" s="1"/>
  <c r="A53274" i="1" s="1"/>
  <c r="A53275" i="1" s="1"/>
  <c r="A53276" i="1" s="1"/>
  <c r="A53277" i="1" s="1"/>
  <c r="A53278" i="1" s="1"/>
  <c r="A53279" i="1" s="1"/>
  <c r="A53280" i="1" s="1"/>
  <c r="A53281" i="1" s="1"/>
  <c r="A53282" i="1" s="1"/>
  <c r="A53283" i="1" s="1"/>
  <c r="A53284" i="1" s="1"/>
  <c r="A53285" i="1" s="1"/>
  <c r="A53286" i="1" s="1"/>
  <c r="A53287" i="1" s="1"/>
  <c r="A53288" i="1" s="1"/>
  <c r="A53289" i="1" s="1"/>
  <c r="A53290" i="1" s="1"/>
  <c r="A53291" i="1" s="1"/>
  <c r="A53292" i="1" s="1"/>
  <c r="A53293" i="1" s="1"/>
  <c r="A53294" i="1" s="1"/>
  <c r="A53295" i="1" s="1"/>
  <c r="A53296" i="1" s="1"/>
  <c r="A53297" i="1" s="1"/>
  <c r="A53298" i="1" s="1"/>
  <c r="A53299" i="1" s="1"/>
  <c r="A53300" i="1" s="1"/>
  <c r="A53301" i="1" s="1"/>
  <c r="A53302" i="1" s="1"/>
  <c r="A53303" i="1" s="1"/>
  <c r="A53304" i="1" s="1"/>
  <c r="A53305" i="1" s="1"/>
  <c r="A53306" i="1" s="1"/>
  <c r="A53307" i="1" s="1"/>
  <c r="A53308" i="1" s="1"/>
  <c r="A53309" i="1" s="1"/>
  <c r="A53310" i="1" s="1"/>
  <c r="A53311" i="1" s="1"/>
  <c r="A53312" i="1" s="1"/>
  <c r="A53313" i="1" s="1"/>
  <c r="A53314" i="1" s="1"/>
  <c r="A53315" i="1" s="1"/>
  <c r="A53316" i="1" s="1"/>
  <c r="A53317" i="1" s="1"/>
  <c r="A53318" i="1" s="1"/>
  <c r="A53319" i="1" s="1"/>
  <c r="A53320" i="1" s="1"/>
  <c r="A53321" i="1" s="1"/>
  <c r="A53322" i="1" s="1"/>
  <c r="A53323" i="1" s="1"/>
  <c r="A53324" i="1" s="1"/>
  <c r="A53325" i="1" s="1"/>
  <c r="A53326" i="1" s="1"/>
  <c r="A53327" i="1" s="1"/>
  <c r="A53328" i="1" s="1"/>
  <c r="A53329" i="1" s="1"/>
  <c r="A53330" i="1" s="1"/>
  <c r="A53331" i="1" s="1"/>
  <c r="A53332" i="1" s="1"/>
  <c r="A53333" i="1" s="1"/>
  <c r="A53334" i="1" s="1"/>
  <c r="A53335" i="1" s="1"/>
  <c r="A53336" i="1" s="1"/>
  <c r="A53337" i="1" s="1"/>
  <c r="A53338" i="1" s="1"/>
  <c r="A53339" i="1" s="1"/>
  <c r="A53340" i="1" s="1"/>
  <c r="A53341" i="1" s="1"/>
  <c r="A53342" i="1" s="1"/>
  <c r="A53343" i="1" s="1"/>
  <c r="A53344" i="1" s="1"/>
  <c r="A53345" i="1" s="1"/>
  <c r="A53346" i="1" s="1"/>
  <c r="A53347" i="1" s="1"/>
  <c r="A53348" i="1" s="1"/>
  <c r="A53349" i="1" s="1"/>
  <c r="A53350" i="1" s="1"/>
  <c r="A53351" i="1" s="1"/>
  <c r="A53352" i="1" s="1"/>
  <c r="A53353" i="1" s="1"/>
  <c r="A53354" i="1" s="1"/>
  <c r="A53355" i="1" s="1"/>
  <c r="A53356" i="1" s="1"/>
  <c r="A53357" i="1" s="1"/>
  <c r="A53358" i="1" s="1"/>
  <c r="A53359" i="1" s="1"/>
  <c r="A53360" i="1" s="1"/>
  <c r="A53361" i="1" s="1"/>
  <c r="A53362" i="1" s="1"/>
  <c r="A53363" i="1" s="1"/>
  <c r="A53364" i="1" s="1"/>
  <c r="A53365" i="1" s="1"/>
  <c r="A53366" i="1" s="1"/>
  <c r="A53367" i="1" s="1"/>
  <c r="A53368" i="1" s="1"/>
  <c r="A53369" i="1" s="1"/>
  <c r="A53370" i="1" s="1"/>
  <c r="A53371" i="1" s="1"/>
  <c r="A53372" i="1" s="1"/>
  <c r="A53373" i="1" s="1"/>
  <c r="A53374" i="1" s="1"/>
  <c r="A53375" i="1" s="1"/>
  <c r="A53376" i="1" s="1"/>
  <c r="A53377" i="1" s="1"/>
  <c r="A53378" i="1" s="1"/>
  <c r="A53379" i="1" s="1"/>
  <c r="A53380" i="1" s="1"/>
  <c r="A53381" i="1" s="1"/>
  <c r="A53382" i="1" s="1"/>
  <c r="A53383" i="1" s="1"/>
  <c r="A53384" i="1" s="1"/>
  <c r="A53385" i="1" s="1"/>
  <c r="A53386" i="1" s="1"/>
  <c r="A53387" i="1" s="1"/>
  <c r="A53388" i="1" s="1"/>
  <c r="A53389" i="1" s="1"/>
  <c r="A53390" i="1" s="1"/>
  <c r="A53391" i="1" s="1"/>
  <c r="A53392" i="1" s="1"/>
  <c r="A53393" i="1" s="1"/>
  <c r="A53394" i="1" s="1"/>
  <c r="A53395" i="1" s="1"/>
  <c r="A53396" i="1" s="1"/>
  <c r="A53397" i="1" s="1"/>
  <c r="A53398" i="1" s="1"/>
  <c r="A53399" i="1" s="1"/>
  <c r="A53400" i="1" s="1"/>
  <c r="A53401" i="1" s="1"/>
  <c r="A53402" i="1" s="1"/>
  <c r="A53403" i="1" s="1"/>
  <c r="A53404" i="1" s="1"/>
  <c r="A53405" i="1" s="1"/>
  <c r="A53406" i="1" s="1"/>
  <c r="A53407" i="1" s="1"/>
  <c r="A53408" i="1" s="1"/>
  <c r="A53409" i="1" s="1"/>
  <c r="A53410" i="1" s="1"/>
  <c r="A53411" i="1" s="1"/>
  <c r="A53412" i="1" s="1"/>
  <c r="A53413" i="1" s="1"/>
  <c r="A53414" i="1" s="1"/>
  <c r="A53415" i="1" s="1"/>
  <c r="A53416" i="1" s="1"/>
  <c r="A53417" i="1" s="1"/>
  <c r="A53418" i="1" s="1"/>
  <c r="A53419" i="1" s="1"/>
  <c r="A53420" i="1" s="1"/>
  <c r="A53421" i="1" s="1"/>
  <c r="A53422" i="1" s="1"/>
  <c r="A53423" i="1" s="1"/>
  <c r="A53424" i="1" s="1"/>
  <c r="A53425" i="1" s="1"/>
  <c r="A53426" i="1" s="1"/>
  <c r="A53427" i="1" s="1"/>
  <c r="A53428" i="1" s="1"/>
  <c r="A53429" i="1" s="1"/>
  <c r="A53430" i="1" s="1"/>
  <c r="A53431" i="1" s="1"/>
  <c r="A53432" i="1" s="1"/>
  <c r="A53433" i="1" s="1"/>
  <c r="A53434" i="1" s="1"/>
  <c r="A53435" i="1" s="1"/>
  <c r="A53436" i="1" s="1"/>
  <c r="A53437" i="1" s="1"/>
  <c r="A53438" i="1" s="1"/>
  <c r="A53439" i="1" s="1"/>
  <c r="A53440" i="1" s="1"/>
  <c r="A53441" i="1" s="1"/>
  <c r="A53442" i="1" s="1"/>
  <c r="A53443" i="1" s="1"/>
  <c r="A53444" i="1" s="1"/>
  <c r="A53445" i="1" s="1"/>
  <c r="A53446" i="1" s="1"/>
  <c r="A53447" i="1" s="1"/>
  <c r="A53448" i="1" s="1"/>
  <c r="A53449" i="1" s="1"/>
  <c r="A53450" i="1" s="1"/>
  <c r="A53451" i="1" s="1"/>
  <c r="A53452" i="1" s="1"/>
  <c r="A53453" i="1" s="1"/>
  <c r="A53454" i="1" s="1"/>
  <c r="A53455" i="1" s="1"/>
  <c r="A53456" i="1" s="1"/>
  <c r="A53457" i="1" s="1"/>
  <c r="A53458" i="1" s="1"/>
  <c r="A53459" i="1" s="1"/>
  <c r="A53460" i="1" s="1"/>
  <c r="A53461" i="1" s="1"/>
  <c r="A53462" i="1" s="1"/>
  <c r="A53463" i="1" s="1"/>
  <c r="A53464" i="1" s="1"/>
  <c r="A53465" i="1" s="1"/>
  <c r="A53466" i="1" s="1"/>
  <c r="A53467" i="1" s="1"/>
  <c r="A53468" i="1" s="1"/>
  <c r="A53469" i="1" s="1"/>
  <c r="A53470" i="1" s="1"/>
  <c r="A53471" i="1" s="1"/>
  <c r="A53472" i="1" s="1"/>
  <c r="A53473" i="1" s="1"/>
  <c r="A53474" i="1" s="1"/>
  <c r="A53475" i="1" s="1"/>
  <c r="A53476" i="1" s="1"/>
  <c r="A53477" i="1" s="1"/>
  <c r="A53478" i="1" s="1"/>
  <c r="A53479" i="1" s="1"/>
  <c r="A53480" i="1" s="1"/>
  <c r="A53481" i="1" s="1"/>
  <c r="A53482" i="1" s="1"/>
  <c r="A53483" i="1" s="1"/>
  <c r="A53484" i="1" s="1"/>
  <c r="A53485" i="1" s="1"/>
  <c r="A53486" i="1" s="1"/>
  <c r="A53487" i="1" s="1"/>
  <c r="A53488" i="1" s="1"/>
  <c r="A53489" i="1" s="1"/>
  <c r="A53490" i="1" s="1"/>
  <c r="A53491" i="1" s="1"/>
  <c r="A53492" i="1" s="1"/>
  <c r="A53493" i="1" s="1"/>
  <c r="A53494" i="1" s="1"/>
  <c r="A53495" i="1" s="1"/>
  <c r="A53496" i="1" s="1"/>
  <c r="A53497" i="1" s="1"/>
  <c r="A53498" i="1" s="1"/>
  <c r="A53499" i="1" s="1"/>
  <c r="A53500" i="1" s="1"/>
  <c r="A53501" i="1" s="1"/>
  <c r="A53502" i="1" s="1"/>
  <c r="A53503" i="1" s="1"/>
  <c r="A53504" i="1" s="1"/>
  <c r="A53505" i="1" s="1"/>
  <c r="A53506" i="1" s="1"/>
  <c r="A53507" i="1" s="1"/>
  <c r="A53508" i="1" s="1"/>
  <c r="A53509" i="1" s="1"/>
  <c r="A53510" i="1" s="1"/>
  <c r="A53511" i="1" s="1"/>
  <c r="A53512" i="1" s="1"/>
  <c r="A53513" i="1" s="1"/>
  <c r="A53514" i="1" s="1"/>
  <c r="A53515" i="1" s="1"/>
  <c r="A53516" i="1" s="1"/>
  <c r="A53517" i="1" s="1"/>
  <c r="A53518" i="1" s="1"/>
  <c r="A53519" i="1" s="1"/>
  <c r="A53520" i="1" s="1"/>
  <c r="A53521" i="1" s="1"/>
  <c r="A53522" i="1" s="1"/>
  <c r="A53523" i="1" s="1"/>
  <c r="A53524" i="1" s="1"/>
  <c r="A53525" i="1" s="1"/>
  <c r="A53526" i="1" s="1"/>
  <c r="A53527" i="1" s="1"/>
  <c r="A53528" i="1" s="1"/>
  <c r="A53529" i="1" s="1"/>
  <c r="A53530" i="1" s="1"/>
  <c r="A53531" i="1" s="1"/>
  <c r="A53532" i="1" s="1"/>
  <c r="A53533" i="1" s="1"/>
  <c r="A53534" i="1" s="1"/>
  <c r="A53535" i="1" s="1"/>
  <c r="A53536" i="1" s="1"/>
  <c r="A53537" i="1" s="1"/>
  <c r="A53538" i="1" s="1"/>
  <c r="A53539" i="1" s="1"/>
  <c r="A53540" i="1" s="1"/>
  <c r="A53541" i="1" s="1"/>
  <c r="A53542" i="1" s="1"/>
  <c r="A53543" i="1" s="1"/>
  <c r="A53544" i="1" s="1"/>
  <c r="A53545" i="1" s="1"/>
  <c r="A53546" i="1" s="1"/>
  <c r="A53547" i="1" s="1"/>
  <c r="A53548" i="1" s="1"/>
  <c r="A53549" i="1" s="1"/>
  <c r="A53550" i="1" s="1"/>
  <c r="A53551" i="1" s="1"/>
  <c r="A53552" i="1" s="1"/>
  <c r="A53553" i="1" s="1"/>
  <c r="A53554" i="1" s="1"/>
  <c r="A53555" i="1" s="1"/>
  <c r="A53556" i="1" s="1"/>
  <c r="A53557" i="1" s="1"/>
  <c r="A53558" i="1" s="1"/>
  <c r="A53559" i="1" s="1"/>
  <c r="A53560" i="1" s="1"/>
  <c r="A53561" i="1" s="1"/>
  <c r="A53562" i="1" s="1"/>
  <c r="A53563" i="1" s="1"/>
  <c r="A53564" i="1" s="1"/>
  <c r="A53565" i="1" s="1"/>
  <c r="A53566" i="1" s="1"/>
  <c r="A53567" i="1" s="1"/>
  <c r="A53568" i="1" s="1"/>
  <c r="A53569" i="1" s="1"/>
  <c r="A53570" i="1" s="1"/>
  <c r="A53571" i="1" s="1"/>
  <c r="A53572" i="1" s="1"/>
  <c r="A53573" i="1" s="1"/>
  <c r="A53574" i="1" s="1"/>
  <c r="A53575" i="1" s="1"/>
  <c r="A53576" i="1" s="1"/>
  <c r="A53577" i="1" s="1"/>
  <c r="A53578" i="1" s="1"/>
  <c r="A53579" i="1" s="1"/>
  <c r="A53580" i="1" s="1"/>
  <c r="A53581" i="1" s="1"/>
  <c r="A53582" i="1" s="1"/>
  <c r="A53583" i="1" s="1"/>
  <c r="A53584" i="1" s="1"/>
  <c r="A53585" i="1" s="1"/>
  <c r="A53586" i="1" s="1"/>
  <c r="A53587" i="1" s="1"/>
  <c r="A53588" i="1" s="1"/>
  <c r="A53589" i="1" s="1"/>
  <c r="A53590" i="1" s="1"/>
  <c r="A53591" i="1" s="1"/>
  <c r="A53592" i="1" s="1"/>
  <c r="A53593" i="1" s="1"/>
  <c r="A53594" i="1" s="1"/>
  <c r="A53595" i="1" s="1"/>
  <c r="A53596" i="1" s="1"/>
  <c r="A53597" i="1" s="1"/>
  <c r="A53598" i="1" s="1"/>
  <c r="A53599" i="1" s="1"/>
  <c r="A53600" i="1" s="1"/>
  <c r="A53601" i="1" s="1"/>
  <c r="A53602" i="1" s="1"/>
  <c r="A53603" i="1" s="1"/>
  <c r="A53604" i="1" s="1"/>
  <c r="A53605" i="1" s="1"/>
  <c r="A53606" i="1" s="1"/>
  <c r="A53607" i="1" s="1"/>
  <c r="A53608" i="1" s="1"/>
  <c r="A53609" i="1" s="1"/>
  <c r="A53610" i="1" s="1"/>
  <c r="A53611" i="1" s="1"/>
  <c r="A53612" i="1" s="1"/>
  <c r="A53613" i="1" s="1"/>
  <c r="A53614" i="1" s="1"/>
  <c r="A53615" i="1" s="1"/>
  <c r="A53616" i="1" s="1"/>
  <c r="A53617" i="1" s="1"/>
  <c r="A53618" i="1" s="1"/>
  <c r="A53619" i="1" s="1"/>
  <c r="A53620" i="1" s="1"/>
  <c r="A53621" i="1" s="1"/>
  <c r="A53622" i="1" s="1"/>
  <c r="A53623" i="1" s="1"/>
  <c r="A53624" i="1" s="1"/>
  <c r="A53625" i="1" s="1"/>
  <c r="A53626" i="1" s="1"/>
  <c r="A53627" i="1" s="1"/>
  <c r="A53628" i="1" s="1"/>
  <c r="A53629" i="1" s="1"/>
  <c r="A53630" i="1" s="1"/>
  <c r="A53631" i="1" s="1"/>
  <c r="A53632" i="1" s="1"/>
  <c r="A53633" i="1" s="1"/>
  <c r="A53634" i="1" s="1"/>
  <c r="A53635" i="1" s="1"/>
  <c r="A53636" i="1" s="1"/>
  <c r="A53637" i="1" s="1"/>
  <c r="A53638" i="1" s="1"/>
  <c r="A53639" i="1" s="1"/>
  <c r="A53640" i="1" s="1"/>
  <c r="A53641" i="1" s="1"/>
  <c r="A53642" i="1" s="1"/>
  <c r="A53643" i="1" s="1"/>
  <c r="A53644" i="1" s="1"/>
  <c r="A53645" i="1" s="1"/>
  <c r="A53646" i="1" s="1"/>
  <c r="A53647" i="1" s="1"/>
  <c r="A53648" i="1" s="1"/>
  <c r="A53649" i="1" s="1"/>
  <c r="A53650" i="1" s="1"/>
  <c r="A53651" i="1" s="1"/>
  <c r="A53652" i="1" s="1"/>
  <c r="A53653" i="1" s="1"/>
  <c r="A53654" i="1" s="1"/>
  <c r="A53655" i="1" s="1"/>
  <c r="A53656" i="1" s="1"/>
  <c r="A53657" i="1" s="1"/>
  <c r="A53658" i="1" s="1"/>
  <c r="A53659" i="1" s="1"/>
  <c r="A53660" i="1" s="1"/>
  <c r="A53661" i="1" s="1"/>
  <c r="A53662" i="1" s="1"/>
  <c r="A53663" i="1" s="1"/>
  <c r="A53664" i="1" s="1"/>
  <c r="A53665" i="1" s="1"/>
  <c r="A53666" i="1" s="1"/>
  <c r="A53667" i="1" s="1"/>
  <c r="A53668" i="1" s="1"/>
  <c r="A53669" i="1" s="1"/>
  <c r="A53670" i="1" s="1"/>
  <c r="A53671" i="1" s="1"/>
  <c r="A53672" i="1" s="1"/>
  <c r="A53673" i="1" s="1"/>
  <c r="A53674" i="1" s="1"/>
  <c r="A53675" i="1" s="1"/>
  <c r="A53676" i="1" s="1"/>
  <c r="A53677" i="1" s="1"/>
  <c r="A53678" i="1" s="1"/>
  <c r="A53679" i="1" s="1"/>
  <c r="A53680" i="1" s="1"/>
  <c r="A53681" i="1" s="1"/>
  <c r="A53682" i="1" s="1"/>
  <c r="A53683" i="1" s="1"/>
  <c r="A53684" i="1" s="1"/>
  <c r="A53685" i="1" s="1"/>
  <c r="A53686" i="1" s="1"/>
  <c r="A53687" i="1" s="1"/>
  <c r="A53688" i="1" s="1"/>
  <c r="A53689" i="1" s="1"/>
  <c r="A53690" i="1" s="1"/>
  <c r="A53691" i="1" s="1"/>
  <c r="A53692" i="1" s="1"/>
  <c r="A53693" i="1" s="1"/>
  <c r="A53694" i="1" s="1"/>
  <c r="A53695" i="1" s="1"/>
  <c r="A53696" i="1" s="1"/>
  <c r="A53697" i="1" s="1"/>
  <c r="A53698" i="1" s="1"/>
  <c r="A53699" i="1" s="1"/>
  <c r="A53700" i="1" s="1"/>
  <c r="A53701" i="1" s="1"/>
  <c r="A53702" i="1" s="1"/>
  <c r="A53703" i="1" s="1"/>
  <c r="A53704" i="1" s="1"/>
  <c r="A53705" i="1" s="1"/>
  <c r="A53706" i="1" s="1"/>
  <c r="A53707" i="1" s="1"/>
  <c r="A53708" i="1" s="1"/>
  <c r="A53709" i="1" s="1"/>
  <c r="A53710" i="1" s="1"/>
  <c r="A53711" i="1" s="1"/>
  <c r="A53712" i="1" s="1"/>
  <c r="A53713" i="1" s="1"/>
  <c r="A53714" i="1" s="1"/>
  <c r="A53715" i="1" s="1"/>
  <c r="A53716" i="1" s="1"/>
  <c r="A53717" i="1" s="1"/>
  <c r="A53718" i="1" s="1"/>
  <c r="A53719" i="1" s="1"/>
  <c r="A53720" i="1" s="1"/>
  <c r="A53721" i="1" s="1"/>
  <c r="A53722" i="1" s="1"/>
  <c r="A53723" i="1" s="1"/>
  <c r="A53724" i="1" s="1"/>
  <c r="A53725" i="1" s="1"/>
  <c r="A53726" i="1" s="1"/>
  <c r="A53727" i="1" s="1"/>
  <c r="A53728" i="1" s="1"/>
  <c r="A53729" i="1" s="1"/>
  <c r="A53730" i="1" s="1"/>
  <c r="A53731" i="1" s="1"/>
  <c r="A53732" i="1" s="1"/>
  <c r="A53733" i="1" s="1"/>
  <c r="A53734" i="1" s="1"/>
  <c r="A53735" i="1" s="1"/>
  <c r="A53736" i="1" s="1"/>
  <c r="A53737" i="1" s="1"/>
  <c r="A53738" i="1" s="1"/>
  <c r="A53739" i="1" s="1"/>
  <c r="A53740" i="1" s="1"/>
  <c r="A53741" i="1" s="1"/>
  <c r="A53742" i="1" s="1"/>
  <c r="A53743" i="1" s="1"/>
  <c r="A53744" i="1" s="1"/>
  <c r="A53745" i="1" s="1"/>
  <c r="A53746" i="1" s="1"/>
  <c r="A53747" i="1" s="1"/>
  <c r="A53748" i="1" s="1"/>
  <c r="A53749" i="1" s="1"/>
  <c r="A53750" i="1" s="1"/>
  <c r="A53751" i="1" s="1"/>
  <c r="A53752" i="1" s="1"/>
  <c r="A53753" i="1" s="1"/>
  <c r="A53754" i="1" s="1"/>
  <c r="A53755" i="1" s="1"/>
  <c r="A53756" i="1" s="1"/>
  <c r="A53757" i="1" s="1"/>
  <c r="A53758" i="1" s="1"/>
  <c r="A53759" i="1" s="1"/>
  <c r="A53760" i="1" s="1"/>
  <c r="A53761" i="1" s="1"/>
  <c r="A53762" i="1" s="1"/>
  <c r="A53763" i="1" s="1"/>
  <c r="A53764" i="1" s="1"/>
  <c r="A53765" i="1" s="1"/>
  <c r="A53766" i="1" s="1"/>
  <c r="A53767" i="1" s="1"/>
  <c r="A53768" i="1" s="1"/>
  <c r="A53769" i="1" s="1"/>
  <c r="A53770" i="1" s="1"/>
  <c r="A53771" i="1" s="1"/>
  <c r="A53772" i="1" s="1"/>
  <c r="A53773" i="1" s="1"/>
  <c r="A53774" i="1" s="1"/>
  <c r="A53775" i="1" s="1"/>
  <c r="A53776" i="1" s="1"/>
  <c r="A53777" i="1" s="1"/>
  <c r="A53778" i="1" s="1"/>
  <c r="A53779" i="1" s="1"/>
  <c r="A53780" i="1" s="1"/>
  <c r="A53781" i="1" s="1"/>
  <c r="A53782" i="1" s="1"/>
  <c r="A53783" i="1" s="1"/>
  <c r="A53784" i="1" s="1"/>
  <c r="A53785" i="1" s="1"/>
  <c r="A53786" i="1" s="1"/>
  <c r="A53787" i="1" s="1"/>
  <c r="A53788" i="1" s="1"/>
  <c r="A53789" i="1" s="1"/>
  <c r="A53790" i="1" s="1"/>
  <c r="A53791" i="1" s="1"/>
  <c r="A53792" i="1" s="1"/>
  <c r="A53793" i="1" s="1"/>
  <c r="A53794" i="1" s="1"/>
  <c r="A53795" i="1" s="1"/>
  <c r="A53796" i="1" s="1"/>
  <c r="A53797" i="1" s="1"/>
  <c r="A53798" i="1" s="1"/>
  <c r="A53799" i="1" s="1"/>
  <c r="A53800" i="1" s="1"/>
  <c r="A53801" i="1" s="1"/>
  <c r="A53802" i="1" s="1"/>
  <c r="A53803" i="1" s="1"/>
  <c r="A53804" i="1" s="1"/>
  <c r="A53805" i="1" s="1"/>
  <c r="A53806" i="1" s="1"/>
  <c r="A53807" i="1" s="1"/>
  <c r="A53808" i="1" s="1"/>
  <c r="A53809" i="1" s="1"/>
  <c r="A53810" i="1" s="1"/>
  <c r="A53811" i="1" s="1"/>
  <c r="A53812" i="1" s="1"/>
  <c r="A53813" i="1" s="1"/>
  <c r="A53814" i="1" s="1"/>
  <c r="A53815" i="1" s="1"/>
  <c r="A53816" i="1" s="1"/>
  <c r="A53817" i="1" s="1"/>
  <c r="A53818" i="1" s="1"/>
  <c r="A53819" i="1" s="1"/>
  <c r="A53820" i="1" s="1"/>
  <c r="A53821" i="1" s="1"/>
  <c r="A53822" i="1" s="1"/>
  <c r="A53823" i="1" s="1"/>
  <c r="A53824" i="1" s="1"/>
  <c r="A53825" i="1" s="1"/>
  <c r="A53826" i="1" s="1"/>
  <c r="A53827" i="1" s="1"/>
  <c r="A53828" i="1" s="1"/>
  <c r="A53829" i="1" s="1"/>
  <c r="A53830" i="1" s="1"/>
  <c r="A53831" i="1" s="1"/>
  <c r="A53832" i="1" s="1"/>
  <c r="A53833" i="1" s="1"/>
  <c r="A53834" i="1" s="1"/>
  <c r="A53835" i="1" s="1"/>
  <c r="A53836" i="1" s="1"/>
  <c r="A53837" i="1" s="1"/>
  <c r="A53838" i="1" s="1"/>
  <c r="A53839" i="1" s="1"/>
  <c r="A53840" i="1" s="1"/>
  <c r="A53841" i="1" s="1"/>
  <c r="A53842" i="1" s="1"/>
  <c r="A53843" i="1" s="1"/>
  <c r="A53844" i="1" s="1"/>
  <c r="A53845" i="1" s="1"/>
  <c r="A53846" i="1" s="1"/>
  <c r="A53847" i="1" s="1"/>
  <c r="A53848" i="1" s="1"/>
  <c r="A53849" i="1" s="1"/>
  <c r="A53850" i="1" s="1"/>
  <c r="A53851" i="1" s="1"/>
  <c r="A53852" i="1" s="1"/>
  <c r="A53853" i="1" s="1"/>
  <c r="A53854" i="1" s="1"/>
  <c r="A53855" i="1" s="1"/>
  <c r="A53856" i="1" s="1"/>
  <c r="A53857" i="1" s="1"/>
  <c r="A53858" i="1" s="1"/>
  <c r="A53859" i="1" s="1"/>
  <c r="A53860" i="1" s="1"/>
  <c r="A53861" i="1" s="1"/>
  <c r="A53862" i="1" s="1"/>
  <c r="A53863" i="1" s="1"/>
  <c r="A53864" i="1" s="1"/>
  <c r="A53865" i="1" s="1"/>
  <c r="A53866" i="1" s="1"/>
  <c r="A53867" i="1" s="1"/>
  <c r="A53868" i="1" s="1"/>
  <c r="A53869" i="1" s="1"/>
  <c r="A53870" i="1" s="1"/>
  <c r="A53871" i="1" s="1"/>
  <c r="A53872" i="1" s="1"/>
  <c r="A53873" i="1" s="1"/>
  <c r="A53874" i="1" s="1"/>
  <c r="A53875" i="1" s="1"/>
  <c r="A53876" i="1" s="1"/>
  <c r="A53877" i="1" s="1"/>
  <c r="A53878" i="1" s="1"/>
  <c r="A53879" i="1" s="1"/>
  <c r="A53880" i="1" s="1"/>
  <c r="A53881" i="1" s="1"/>
  <c r="A53882" i="1" s="1"/>
  <c r="A53883" i="1" s="1"/>
  <c r="A53884" i="1" s="1"/>
  <c r="A53885" i="1" s="1"/>
  <c r="A53886" i="1" s="1"/>
  <c r="A53887" i="1" s="1"/>
  <c r="A53888" i="1" s="1"/>
  <c r="A53889" i="1" s="1"/>
  <c r="A53890" i="1" s="1"/>
  <c r="A53891" i="1" s="1"/>
  <c r="A53892" i="1" s="1"/>
  <c r="A53893" i="1" s="1"/>
  <c r="A53894" i="1" s="1"/>
  <c r="A53895" i="1" s="1"/>
  <c r="A53896" i="1" s="1"/>
  <c r="A53897" i="1" s="1"/>
  <c r="A53898" i="1" s="1"/>
  <c r="A53899" i="1" s="1"/>
  <c r="A53900" i="1" s="1"/>
  <c r="A53901" i="1" s="1"/>
  <c r="A53902" i="1" s="1"/>
  <c r="A53903" i="1" s="1"/>
  <c r="A53904" i="1" s="1"/>
  <c r="A53905" i="1" s="1"/>
  <c r="A53906" i="1" s="1"/>
  <c r="A53907" i="1" s="1"/>
  <c r="A53908" i="1" s="1"/>
  <c r="A53909" i="1" s="1"/>
  <c r="A53910" i="1" s="1"/>
  <c r="A53911" i="1" s="1"/>
  <c r="A53912" i="1" s="1"/>
  <c r="A53913" i="1" s="1"/>
  <c r="A53914" i="1" s="1"/>
  <c r="A53915" i="1" s="1"/>
  <c r="A53916" i="1" s="1"/>
  <c r="A53917" i="1" s="1"/>
  <c r="A53918" i="1" s="1"/>
  <c r="A53919" i="1" s="1"/>
  <c r="A53920" i="1" s="1"/>
  <c r="A53921" i="1" s="1"/>
  <c r="A53922" i="1" s="1"/>
  <c r="A53923" i="1" s="1"/>
  <c r="A53924" i="1" s="1"/>
  <c r="A53925" i="1" s="1"/>
  <c r="A53926" i="1" s="1"/>
  <c r="A53927" i="1" s="1"/>
  <c r="A53928" i="1" s="1"/>
  <c r="A53929" i="1" s="1"/>
  <c r="A53930" i="1" s="1"/>
  <c r="A53931" i="1" s="1"/>
  <c r="A53932" i="1" s="1"/>
  <c r="A53933" i="1" s="1"/>
  <c r="A53934" i="1" s="1"/>
  <c r="A53935" i="1" s="1"/>
  <c r="A53936" i="1" s="1"/>
  <c r="A53937" i="1" s="1"/>
  <c r="A53938" i="1" s="1"/>
  <c r="A53939" i="1" s="1"/>
  <c r="A53940" i="1" s="1"/>
  <c r="A53941" i="1" s="1"/>
  <c r="A53942" i="1" s="1"/>
  <c r="A53943" i="1" s="1"/>
  <c r="A53944" i="1" s="1"/>
  <c r="A53945" i="1" s="1"/>
  <c r="A53946" i="1" s="1"/>
  <c r="A53947" i="1" s="1"/>
  <c r="A53948" i="1" s="1"/>
  <c r="A53949" i="1" s="1"/>
  <c r="A53950" i="1" s="1"/>
  <c r="A53951" i="1" s="1"/>
  <c r="A53952" i="1" s="1"/>
  <c r="A53953" i="1" s="1"/>
  <c r="A53954" i="1" s="1"/>
  <c r="A53955" i="1" s="1"/>
  <c r="A53956" i="1" s="1"/>
  <c r="A53957" i="1" s="1"/>
  <c r="A53958" i="1" s="1"/>
  <c r="A53959" i="1" s="1"/>
  <c r="A53960" i="1" s="1"/>
  <c r="A53961" i="1" s="1"/>
  <c r="A53962" i="1" s="1"/>
  <c r="A53963" i="1" s="1"/>
  <c r="A53964" i="1" s="1"/>
  <c r="A53965" i="1" s="1"/>
  <c r="A53966" i="1" s="1"/>
  <c r="A53967" i="1" s="1"/>
  <c r="A53968" i="1" s="1"/>
  <c r="A53969" i="1" s="1"/>
  <c r="A53970" i="1" s="1"/>
  <c r="A53971" i="1" s="1"/>
  <c r="A53972" i="1" s="1"/>
  <c r="A53973" i="1" s="1"/>
  <c r="A53974" i="1" s="1"/>
  <c r="A53975" i="1" s="1"/>
  <c r="A53976" i="1" s="1"/>
  <c r="A53977" i="1" s="1"/>
  <c r="A53978" i="1" s="1"/>
  <c r="A53979" i="1" s="1"/>
  <c r="A53980" i="1" s="1"/>
  <c r="A53981" i="1" s="1"/>
  <c r="A53982" i="1" s="1"/>
  <c r="A53983" i="1" s="1"/>
  <c r="A53984" i="1" s="1"/>
  <c r="A53985" i="1" s="1"/>
  <c r="A53986" i="1" s="1"/>
  <c r="A53987" i="1" s="1"/>
  <c r="A53988" i="1" s="1"/>
  <c r="A53989" i="1" s="1"/>
  <c r="A53990" i="1" s="1"/>
  <c r="A53991" i="1" s="1"/>
  <c r="A53992" i="1" s="1"/>
  <c r="A53993" i="1" s="1"/>
  <c r="A53994" i="1" s="1"/>
  <c r="A53995" i="1" s="1"/>
  <c r="A53996" i="1" s="1"/>
  <c r="A53997" i="1" s="1"/>
  <c r="A53998" i="1" s="1"/>
  <c r="A53999" i="1" s="1"/>
  <c r="A54000" i="1" s="1"/>
  <c r="A54001" i="1" s="1"/>
  <c r="A54002" i="1" s="1"/>
  <c r="A54003" i="1" s="1"/>
  <c r="A54004" i="1" s="1"/>
  <c r="A54005" i="1" s="1"/>
  <c r="A54006" i="1" s="1"/>
  <c r="A54007" i="1" s="1"/>
  <c r="A54008" i="1" s="1"/>
  <c r="A54009" i="1" s="1"/>
  <c r="A54010" i="1" s="1"/>
  <c r="A54011" i="1" s="1"/>
  <c r="A54012" i="1" s="1"/>
  <c r="A54013" i="1" s="1"/>
  <c r="A54014" i="1" s="1"/>
  <c r="A54015" i="1" s="1"/>
  <c r="A54016" i="1" s="1"/>
  <c r="A54017" i="1" s="1"/>
  <c r="A54018" i="1" s="1"/>
  <c r="A54019" i="1" s="1"/>
  <c r="A54020" i="1" s="1"/>
  <c r="A54021" i="1" s="1"/>
  <c r="A54022" i="1" s="1"/>
  <c r="A54023" i="1" s="1"/>
  <c r="A54024" i="1" s="1"/>
  <c r="A54025" i="1" s="1"/>
  <c r="A54026" i="1" s="1"/>
  <c r="A54027" i="1" s="1"/>
  <c r="A54028" i="1" s="1"/>
  <c r="A54029" i="1" s="1"/>
  <c r="A54030" i="1" s="1"/>
  <c r="A54031" i="1" s="1"/>
  <c r="A54032" i="1" s="1"/>
  <c r="A54033" i="1" s="1"/>
  <c r="A54034" i="1" s="1"/>
  <c r="A54035" i="1" s="1"/>
  <c r="A54036" i="1" s="1"/>
  <c r="A54037" i="1" s="1"/>
  <c r="A54038" i="1" s="1"/>
  <c r="A54039" i="1" s="1"/>
  <c r="A54040" i="1" s="1"/>
  <c r="A54041" i="1" s="1"/>
  <c r="A54042" i="1" s="1"/>
  <c r="A54043" i="1" s="1"/>
  <c r="A54044" i="1" s="1"/>
  <c r="A54045" i="1" s="1"/>
  <c r="A54046" i="1" s="1"/>
  <c r="A54047" i="1" s="1"/>
  <c r="A54048" i="1" s="1"/>
  <c r="A54049" i="1" s="1"/>
  <c r="A54050" i="1" s="1"/>
  <c r="A54051" i="1" s="1"/>
  <c r="A54052" i="1" s="1"/>
  <c r="A54053" i="1" s="1"/>
  <c r="A54054" i="1" s="1"/>
  <c r="A54055" i="1" s="1"/>
  <c r="A54056" i="1" s="1"/>
  <c r="A54057" i="1" s="1"/>
  <c r="A54058" i="1" s="1"/>
  <c r="A54059" i="1" s="1"/>
  <c r="A54060" i="1" s="1"/>
  <c r="A54061" i="1" s="1"/>
  <c r="A54062" i="1" s="1"/>
  <c r="A54063" i="1" s="1"/>
  <c r="A54064" i="1" s="1"/>
  <c r="A54065" i="1" s="1"/>
  <c r="A54066" i="1" s="1"/>
  <c r="A54067" i="1" s="1"/>
  <c r="A54068" i="1" s="1"/>
  <c r="A54069" i="1" s="1"/>
  <c r="A54070" i="1" s="1"/>
  <c r="A54071" i="1" s="1"/>
  <c r="A54072" i="1" s="1"/>
  <c r="A54073" i="1" s="1"/>
  <c r="A54074" i="1" s="1"/>
  <c r="A54075" i="1" s="1"/>
  <c r="A54076" i="1" s="1"/>
  <c r="A54077" i="1" s="1"/>
  <c r="A54078" i="1" s="1"/>
  <c r="A54079" i="1" s="1"/>
  <c r="A54080" i="1" s="1"/>
  <c r="A54081" i="1" s="1"/>
  <c r="A54082" i="1" s="1"/>
  <c r="A54083" i="1" s="1"/>
  <c r="A54084" i="1" s="1"/>
  <c r="A54085" i="1" s="1"/>
  <c r="A54086" i="1" s="1"/>
  <c r="A54087" i="1" s="1"/>
  <c r="A54088" i="1" s="1"/>
  <c r="A54089" i="1" s="1"/>
  <c r="A54090" i="1" s="1"/>
  <c r="A54091" i="1" s="1"/>
  <c r="A54092" i="1" s="1"/>
  <c r="A54093" i="1" s="1"/>
  <c r="A54094" i="1" s="1"/>
  <c r="A54095" i="1" s="1"/>
  <c r="A54096" i="1" s="1"/>
  <c r="A54097" i="1" s="1"/>
  <c r="A54098" i="1" s="1"/>
  <c r="A54099" i="1" s="1"/>
  <c r="A54100" i="1" s="1"/>
  <c r="A54101" i="1" s="1"/>
  <c r="A54102" i="1" s="1"/>
  <c r="A54103" i="1" s="1"/>
  <c r="A54104" i="1" s="1"/>
  <c r="A54105" i="1" s="1"/>
  <c r="A54106" i="1" s="1"/>
  <c r="A54107" i="1" s="1"/>
  <c r="A54108" i="1" s="1"/>
  <c r="A54109" i="1" s="1"/>
  <c r="A54110" i="1" s="1"/>
  <c r="A54111" i="1" s="1"/>
  <c r="A54112" i="1" s="1"/>
  <c r="A54113" i="1" s="1"/>
  <c r="A54114" i="1" s="1"/>
  <c r="A54115" i="1" s="1"/>
  <c r="A54116" i="1" s="1"/>
  <c r="A54117" i="1" s="1"/>
  <c r="A54118" i="1" s="1"/>
  <c r="A54119" i="1" s="1"/>
  <c r="A54120" i="1" s="1"/>
  <c r="A54121" i="1" s="1"/>
  <c r="A54122" i="1" s="1"/>
  <c r="A54123" i="1" s="1"/>
  <c r="A54124" i="1" s="1"/>
  <c r="A54125" i="1" s="1"/>
  <c r="A54126" i="1" s="1"/>
  <c r="A54127" i="1" s="1"/>
  <c r="A54128" i="1" s="1"/>
  <c r="A54129" i="1" s="1"/>
  <c r="A54130" i="1" s="1"/>
  <c r="A54131" i="1" s="1"/>
  <c r="A54132" i="1" s="1"/>
  <c r="A54133" i="1" s="1"/>
  <c r="A54134" i="1" s="1"/>
  <c r="A54135" i="1" s="1"/>
  <c r="A54136" i="1" s="1"/>
  <c r="A54137" i="1" s="1"/>
  <c r="A54138" i="1" s="1"/>
  <c r="A54139" i="1" s="1"/>
  <c r="A54140" i="1" s="1"/>
  <c r="A54141" i="1" s="1"/>
  <c r="A54142" i="1" s="1"/>
  <c r="A54143" i="1" s="1"/>
  <c r="A54144" i="1" s="1"/>
  <c r="A54145" i="1" s="1"/>
  <c r="A54146" i="1" s="1"/>
  <c r="A54147" i="1" s="1"/>
  <c r="A54148" i="1" s="1"/>
  <c r="A54149" i="1" s="1"/>
  <c r="A54150" i="1" s="1"/>
  <c r="A54151" i="1" s="1"/>
  <c r="A54152" i="1" s="1"/>
  <c r="A54153" i="1" s="1"/>
  <c r="A54154" i="1" s="1"/>
  <c r="A54155" i="1" s="1"/>
  <c r="A54156" i="1" s="1"/>
  <c r="A54157" i="1" s="1"/>
  <c r="A54158" i="1" s="1"/>
  <c r="A54159" i="1" s="1"/>
  <c r="A54160" i="1" s="1"/>
  <c r="A54161" i="1" s="1"/>
  <c r="A54162" i="1" s="1"/>
  <c r="A54163" i="1" s="1"/>
  <c r="A54164" i="1" s="1"/>
  <c r="A54165" i="1" s="1"/>
  <c r="A54166" i="1" s="1"/>
  <c r="A54167" i="1" s="1"/>
  <c r="A54168" i="1" s="1"/>
  <c r="A54169" i="1" s="1"/>
  <c r="A54170" i="1" s="1"/>
  <c r="A54171" i="1" s="1"/>
  <c r="A54172" i="1" s="1"/>
  <c r="A54173" i="1" s="1"/>
  <c r="A54174" i="1" s="1"/>
  <c r="A54175" i="1" s="1"/>
  <c r="A54176" i="1" s="1"/>
  <c r="A54177" i="1" s="1"/>
  <c r="A54178" i="1" s="1"/>
  <c r="A54179" i="1" s="1"/>
  <c r="A54180" i="1" s="1"/>
  <c r="A54181" i="1" s="1"/>
  <c r="A54182" i="1" s="1"/>
  <c r="A54183" i="1" s="1"/>
  <c r="A54184" i="1" s="1"/>
  <c r="A54185" i="1" s="1"/>
  <c r="A54186" i="1" s="1"/>
  <c r="A54187" i="1" s="1"/>
  <c r="A54188" i="1" s="1"/>
  <c r="A54189" i="1" s="1"/>
  <c r="A54190" i="1" s="1"/>
  <c r="A54191" i="1" s="1"/>
  <c r="A54192" i="1" s="1"/>
  <c r="A54193" i="1" s="1"/>
  <c r="A54194" i="1" s="1"/>
  <c r="A54195" i="1" s="1"/>
  <c r="A54196" i="1" s="1"/>
  <c r="A54197" i="1" s="1"/>
  <c r="A54198" i="1" s="1"/>
  <c r="A54199" i="1" s="1"/>
  <c r="A54200" i="1" s="1"/>
  <c r="A54201" i="1" s="1"/>
  <c r="A54202" i="1" s="1"/>
  <c r="A54203" i="1" s="1"/>
  <c r="A54204" i="1" s="1"/>
  <c r="A54205" i="1" s="1"/>
  <c r="A54206" i="1" s="1"/>
  <c r="A54207" i="1" s="1"/>
  <c r="A54208" i="1" s="1"/>
  <c r="A54209" i="1" s="1"/>
  <c r="A54210" i="1" s="1"/>
  <c r="A54211" i="1" s="1"/>
  <c r="A54212" i="1" s="1"/>
  <c r="A54213" i="1" s="1"/>
  <c r="A54214" i="1" s="1"/>
  <c r="A54215" i="1" s="1"/>
  <c r="A54216" i="1" s="1"/>
  <c r="A54217" i="1" s="1"/>
  <c r="A54218" i="1" s="1"/>
  <c r="A54219" i="1" s="1"/>
  <c r="A54220" i="1" s="1"/>
  <c r="A54221" i="1" s="1"/>
  <c r="A54222" i="1" s="1"/>
  <c r="A54223" i="1" s="1"/>
  <c r="A54224" i="1" s="1"/>
  <c r="A54225" i="1" s="1"/>
  <c r="A54226" i="1" s="1"/>
  <c r="A54227" i="1" s="1"/>
  <c r="A54228" i="1" s="1"/>
  <c r="A54229" i="1" s="1"/>
  <c r="A54230" i="1" s="1"/>
  <c r="A54231" i="1" s="1"/>
  <c r="A54232" i="1" s="1"/>
  <c r="A54233" i="1" s="1"/>
  <c r="A54234" i="1" s="1"/>
  <c r="A54235" i="1" s="1"/>
  <c r="A54236" i="1" s="1"/>
  <c r="A54237" i="1" s="1"/>
  <c r="A54238" i="1" s="1"/>
  <c r="A54239" i="1" s="1"/>
  <c r="A54240" i="1" s="1"/>
  <c r="A54241" i="1" s="1"/>
  <c r="A54242" i="1" s="1"/>
  <c r="A54243" i="1" s="1"/>
  <c r="A54244" i="1" s="1"/>
  <c r="A54245" i="1" s="1"/>
  <c r="A54246" i="1" s="1"/>
  <c r="A54247" i="1" s="1"/>
  <c r="A54248" i="1" s="1"/>
  <c r="A54249" i="1" s="1"/>
  <c r="A54250" i="1" s="1"/>
  <c r="A54251" i="1" s="1"/>
  <c r="A54252" i="1" s="1"/>
  <c r="A54253" i="1" s="1"/>
  <c r="A54254" i="1" s="1"/>
  <c r="A54255" i="1" s="1"/>
  <c r="A54256" i="1" s="1"/>
  <c r="A54257" i="1" s="1"/>
  <c r="A54258" i="1" s="1"/>
  <c r="A54259" i="1" s="1"/>
  <c r="A54260" i="1" s="1"/>
  <c r="A54261" i="1" s="1"/>
  <c r="A54262" i="1" s="1"/>
  <c r="A54263" i="1" s="1"/>
  <c r="A54264" i="1" s="1"/>
  <c r="A54265" i="1" s="1"/>
  <c r="A54266" i="1" s="1"/>
  <c r="A54267" i="1" s="1"/>
  <c r="A54268" i="1" s="1"/>
  <c r="A54269" i="1" s="1"/>
  <c r="A54270" i="1" s="1"/>
  <c r="A54271" i="1" s="1"/>
  <c r="A54272" i="1" s="1"/>
  <c r="A54273" i="1" s="1"/>
  <c r="A54274" i="1" s="1"/>
  <c r="A54275" i="1" s="1"/>
  <c r="A54276" i="1" s="1"/>
  <c r="A54277" i="1" s="1"/>
  <c r="A54278" i="1" s="1"/>
  <c r="A54279" i="1" s="1"/>
  <c r="A54280" i="1" s="1"/>
  <c r="A54281" i="1" s="1"/>
  <c r="A54282" i="1" s="1"/>
  <c r="A54283" i="1" s="1"/>
  <c r="A54284" i="1" s="1"/>
  <c r="A54285" i="1" s="1"/>
  <c r="A54286" i="1" s="1"/>
  <c r="A54287" i="1" s="1"/>
  <c r="A54288" i="1" s="1"/>
  <c r="A54289" i="1" s="1"/>
  <c r="A54290" i="1" s="1"/>
  <c r="A54291" i="1" s="1"/>
  <c r="A54292" i="1" s="1"/>
  <c r="A54293" i="1" s="1"/>
  <c r="A54294" i="1" s="1"/>
  <c r="A54295" i="1" s="1"/>
  <c r="A54296" i="1" s="1"/>
  <c r="A54297" i="1" s="1"/>
  <c r="A54298" i="1" s="1"/>
  <c r="A54299" i="1" s="1"/>
  <c r="A54300" i="1" s="1"/>
  <c r="A54301" i="1" s="1"/>
  <c r="A54302" i="1" s="1"/>
  <c r="A54303" i="1" s="1"/>
  <c r="A54304" i="1" s="1"/>
  <c r="A54305" i="1" s="1"/>
  <c r="A54306" i="1" s="1"/>
  <c r="A54307" i="1" s="1"/>
  <c r="A54308" i="1" s="1"/>
  <c r="A54309" i="1" s="1"/>
  <c r="A54310" i="1" s="1"/>
  <c r="A54311" i="1" s="1"/>
  <c r="A54312" i="1" s="1"/>
  <c r="A54313" i="1" s="1"/>
  <c r="A54314" i="1" s="1"/>
  <c r="A54315" i="1" s="1"/>
  <c r="A54316" i="1" s="1"/>
  <c r="A54317" i="1" s="1"/>
  <c r="A54318" i="1" s="1"/>
  <c r="A54319" i="1" s="1"/>
  <c r="A54320" i="1" s="1"/>
  <c r="A54321" i="1" s="1"/>
  <c r="A54322" i="1" s="1"/>
  <c r="A54323" i="1" s="1"/>
  <c r="A54324" i="1" s="1"/>
  <c r="A54325" i="1" s="1"/>
  <c r="A54326" i="1" s="1"/>
  <c r="A54327" i="1" s="1"/>
  <c r="A54328" i="1" s="1"/>
  <c r="A54329" i="1" s="1"/>
  <c r="A54330" i="1" s="1"/>
  <c r="A54331" i="1" s="1"/>
  <c r="A54332" i="1" s="1"/>
  <c r="A54333" i="1" s="1"/>
  <c r="A54334" i="1" s="1"/>
  <c r="A54335" i="1" s="1"/>
  <c r="A54336" i="1" s="1"/>
  <c r="A54337" i="1" s="1"/>
  <c r="A54338" i="1" s="1"/>
  <c r="A54339" i="1" s="1"/>
  <c r="A54340" i="1" s="1"/>
  <c r="A54341" i="1" s="1"/>
  <c r="A54342" i="1" s="1"/>
  <c r="A54343" i="1" s="1"/>
  <c r="A54344" i="1" s="1"/>
  <c r="A54345" i="1" s="1"/>
  <c r="A54346" i="1" s="1"/>
  <c r="A54347" i="1" s="1"/>
  <c r="A54348" i="1" s="1"/>
  <c r="A54349" i="1" s="1"/>
  <c r="A54350" i="1" s="1"/>
  <c r="A54351" i="1" s="1"/>
  <c r="A54352" i="1" s="1"/>
  <c r="A54353" i="1" s="1"/>
  <c r="A54354" i="1" s="1"/>
  <c r="A54355" i="1" s="1"/>
  <c r="A54356" i="1" s="1"/>
  <c r="A54357" i="1" s="1"/>
  <c r="A54358" i="1" s="1"/>
  <c r="A54359" i="1" s="1"/>
  <c r="A54360" i="1" s="1"/>
  <c r="A54361" i="1" s="1"/>
  <c r="A54362" i="1" s="1"/>
  <c r="A54363" i="1" s="1"/>
  <c r="A54364" i="1" s="1"/>
  <c r="A54365" i="1" s="1"/>
  <c r="A54366" i="1" s="1"/>
  <c r="A54367" i="1" s="1"/>
  <c r="A54368" i="1" s="1"/>
  <c r="A54369" i="1" s="1"/>
  <c r="A54370" i="1" s="1"/>
  <c r="A54371" i="1" s="1"/>
  <c r="A54372" i="1" s="1"/>
  <c r="A54373" i="1" s="1"/>
  <c r="A54374" i="1" s="1"/>
  <c r="A54375" i="1" s="1"/>
  <c r="A54376" i="1" s="1"/>
  <c r="A54377" i="1" s="1"/>
  <c r="A54378" i="1" s="1"/>
  <c r="A54379" i="1" s="1"/>
  <c r="A54380" i="1" s="1"/>
  <c r="A54381" i="1" s="1"/>
  <c r="A54382" i="1" s="1"/>
  <c r="A54383" i="1" s="1"/>
  <c r="A54384" i="1" s="1"/>
  <c r="A54385" i="1" s="1"/>
  <c r="A54386" i="1" s="1"/>
  <c r="A54387" i="1" s="1"/>
  <c r="A54388" i="1" s="1"/>
  <c r="A54389" i="1" s="1"/>
  <c r="A54390" i="1" s="1"/>
  <c r="A54391" i="1" s="1"/>
  <c r="A54392" i="1" s="1"/>
  <c r="A54393" i="1" s="1"/>
  <c r="A54394" i="1" s="1"/>
  <c r="A54395" i="1" s="1"/>
  <c r="A54396" i="1" s="1"/>
  <c r="A54397" i="1" s="1"/>
  <c r="A54398" i="1" s="1"/>
  <c r="A54399" i="1" s="1"/>
  <c r="A54400" i="1" s="1"/>
  <c r="A54401" i="1" s="1"/>
  <c r="A54402" i="1" s="1"/>
  <c r="A54403" i="1" s="1"/>
  <c r="A54404" i="1" s="1"/>
  <c r="A54405" i="1" s="1"/>
  <c r="A54406" i="1" s="1"/>
  <c r="A54407" i="1" s="1"/>
  <c r="A54408" i="1" s="1"/>
  <c r="A54409" i="1" s="1"/>
  <c r="A54410" i="1" s="1"/>
  <c r="A54411" i="1" s="1"/>
  <c r="A54412" i="1" s="1"/>
  <c r="A54413" i="1" s="1"/>
  <c r="A54414" i="1" s="1"/>
  <c r="A54415" i="1" s="1"/>
  <c r="A54416" i="1" s="1"/>
  <c r="A54417" i="1" s="1"/>
  <c r="A54418" i="1" s="1"/>
  <c r="A54419" i="1" s="1"/>
  <c r="A54420" i="1" s="1"/>
  <c r="A54421" i="1" s="1"/>
  <c r="A54422" i="1" s="1"/>
  <c r="A54423" i="1" s="1"/>
  <c r="A54424" i="1" s="1"/>
  <c r="A54425" i="1" s="1"/>
  <c r="A54426" i="1" s="1"/>
  <c r="A54427" i="1" s="1"/>
  <c r="A54428" i="1" s="1"/>
  <c r="A54429" i="1" s="1"/>
  <c r="A54430" i="1" s="1"/>
  <c r="A54431" i="1" s="1"/>
  <c r="A54432" i="1" s="1"/>
  <c r="A54433" i="1" s="1"/>
  <c r="A54434" i="1" s="1"/>
  <c r="A54435" i="1" s="1"/>
  <c r="A54436" i="1" s="1"/>
  <c r="A54437" i="1" s="1"/>
  <c r="A54438" i="1" s="1"/>
  <c r="A54439" i="1" s="1"/>
  <c r="A54440" i="1" s="1"/>
  <c r="A54441" i="1" s="1"/>
  <c r="A54442" i="1" s="1"/>
  <c r="A54443" i="1" s="1"/>
  <c r="A54444" i="1" s="1"/>
  <c r="A54445" i="1" s="1"/>
  <c r="A54446" i="1" s="1"/>
  <c r="A54447" i="1" s="1"/>
  <c r="A54448" i="1" s="1"/>
  <c r="A54449" i="1" s="1"/>
  <c r="A54450" i="1" s="1"/>
  <c r="A54451" i="1" s="1"/>
  <c r="A54452" i="1" s="1"/>
  <c r="A54453" i="1" s="1"/>
  <c r="A54454" i="1" s="1"/>
  <c r="A54455" i="1" s="1"/>
  <c r="A54456" i="1" s="1"/>
  <c r="A54457" i="1" s="1"/>
  <c r="A54458" i="1" s="1"/>
  <c r="A54459" i="1" s="1"/>
  <c r="A54460" i="1" s="1"/>
  <c r="A54461" i="1" s="1"/>
  <c r="A54462" i="1" s="1"/>
  <c r="A54463" i="1" s="1"/>
  <c r="A54464" i="1" s="1"/>
  <c r="A54465" i="1" s="1"/>
  <c r="A54466" i="1" s="1"/>
  <c r="A54467" i="1" s="1"/>
  <c r="A54468" i="1" s="1"/>
  <c r="A54469" i="1" s="1"/>
  <c r="A54470" i="1" s="1"/>
  <c r="A54471" i="1" s="1"/>
  <c r="A54472" i="1" s="1"/>
  <c r="A54473" i="1" s="1"/>
  <c r="A54474" i="1" s="1"/>
  <c r="A54475" i="1" s="1"/>
  <c r="A54476" i="1" s="1"/>
  <c r="A54477" i="1" s="1"/>
  <c r="A54478" i="1" s="1"/>
  <c r="A54479" i="1" s="1"/>
  <c r="A54480" i="1" s="1"/>
  <c r="A54481" i="1" s="1"/>
  <c r="A54482" i="1" s="1"/>
  <c r="A54483" i="1" s="1"/>
  <c r="A54484" i="1" s="1"/>
  <c r="A54485" i="1" s="1"/>
  <c r="A54486" i="1" s="1"/>
  <c r="A54487" i="1" s="1"/>
  <c r="A54488" i="1" s="1"/>
  <c r="A54489" i="1" s="1"/>
  <c r="A54490" i="1" s="1"/>
  <c r="A54491" i="1" s="1"/>
  <c r="A54492" i="1" s="1"/>
  <c r="A54493" i="1" s="1"/>
  <c r="A54494" i="1" s="1"/>
  <c r="A54495" i="1" s="1"/>
  <c r="A54496" i="1" s="1"/>
  <c r="A54497" i="1" s="1"/>
  <c r="A54498" i="1" s="1"/>
  <c r="A54499" i="1" s="1"/>
  <c r="A54500" i="1" s="1"/>
  <c r="A54501" i="1" s="1"/>
  <c r="A54502" i="1" s="1"/>
  <c r="A54503" i="1" s="1"/>
  <c r="A54504" i="1" s="1"/>
  <c r="A54505" i="1" s="1"/>
  <c r="A54506" i="1" s="1"/>
  <c r="A54507" i="1" s="1"/>
  <c r="A54508" i="1" s="1"/>
  <c r="A54509" i="1" s="1"/>
  <c r="A54510" i="1" s="1"/>
  <c r="A54511" i="1" s="1"/>
  <c r="A54512" i="1" s="1"/>
  <c r="A54513" i="1" s="1"/>
  <c r="A54514" i="1" s="1"/>
  <c r="A54515" i="1" s="1"/>
  <c r="A54516" i="1" s="1"/>
  <c r="A54517" i="1" s="1"/>
  <c r="A54518" i="1" s="1"/>
  <c r="A54519" i="1" s="1"/>
  <c r="A54520" i="1" s="1"/>
  <c r="A54521" i="1" s="1"/>
  <c r="A54522" i="1" s="1"/>
  <c r="A54523" i="1" s="1"/>
  <c r="A54524" i="1" s="1"/>
  <c r="A54525" i="1" s="1"/>
  <c r="A54526" i="1" s="1"/>
  <c r="A54527" i="1" s="1"/>
  <c r="A54528" i="1" s="1"/>
  <c r="A54529" i="1" s="1"/>
  <c r="A54530" i="1" s="1"/>
  <c r="A54531" i="1" s="1"/>
  <c r="A54532" i="1" s="1"/>
  <c r="A54533" i="1" s="1"/>
  <c r="A54534" i="1" s="1"/>
  <c r="A54535" i="1" s="1"/>
  <c r="A54536" i="1" s="1"/>
  <c r="A54537" i="1" s="1"/>
  <c r="A54538" i="1" s="1"/>
  <c r="A54539" i="1" s="1"/>
  <c r="A54540" i="1" s="1"/>
  <c r="A54541" i="1" s="1"/>
  <c r="A54542" i="1" s="1"/>
  <c r="A54543" i="1" s="1"/>
  <c r="A54544" i="1" s="1"/>
  <c r="A54545" i="1" s="1"/>
  <c r="A54546" i="1" s="1"/>
  <c r="A54547" i="1" s="1"/>
  <c r="A54548" i="1" s="1"/>
  <c r="A54549" i="1" s="1"/>
  <c r="A54550" i="1" s="1"/>
  <c r="A54551" i="1" s="1"/>
  <c r="A54552" i="1" s="1"/>
  <c r="A54553" i="1" s="1"/>
  <c r="A54554" i="1" s="1"/>
  <c r="A54555" i="1" s="1"/>
  <c r="A54556" i="1" s="1"/>
  <c r="A54557" i="1" s="1"/>
  <c r="A54558" i="1" s="1"/>
  <c r="A54559" i="1" s="1"/>
  <c r="A54560" i="1" s="1"/>
  <c r="A54561" i="1" s="1"/>
  <c r="A54562" i="1" s="1"/>
  <c r="A54563" i="1" s="1"/>
  <c r="A54564" i="1" s="1"/>
  <c r="A54565" i="1" s="1"/>
  <c r="A54566" i="1" s="1"/>
  <c r="A54567" i="1" s="1"/>
  <c r="A54568" i="1" s="1"/>
  <c r="A54569" i="1" s="1"/>
  <c r="A54570" i="1" s="1"/>
  <c r="A54571" i="1" s="1"/>
  <c r="A54572" i="1" s="1"/>
  <c r="A54573" i="1" s="1"/>
  <c r="A54574" i="1" s="1"/>
  <c r="A54575" i="1" s="1"/>
  <c r="A54576" i="1" s="1"/>
  <c r="A54577" i="1" s="1"/>
  <c r="A54578" i="1" s="1"/>
  <c r="A54579" i="1" s="1"/>
  <c r="A54580" i="1" s="1"/>
  <c r="A54581" i="1" s="1"/>
  <c r="A54582" i="1" s="1"/>
  <c r="A54583" i="1" s="1"/>
  <c r="A54584" i="1" s="1"/>
  <c r="A54585" i="1" s="1"/>
  <c r="A54586" i="1" s="1"/>
  <c r="A54587" i="1" s="1"/>
  <c r="A54588" i="1" s="1"/>
  <c r="A54589" i="1" s="1"/>
  <c r="A54590" i="1" s="1"/>
  <c r="A54591" i="1" s="1"/>
  <c r="A54592" i="1" s="1"/>
  <c r="A54593" i="1" s="1"/>
  <c r="A54594" i="1" s="1"/>
  <c r="A54595" i="1" s="1"/>
  <c r="A54596" i="1" s="1"/>
  <c r="A54597" i="1" s="1"/>
  <c r="A54598" i="1" s="1"/>
  <c r="A54599" i="1" s="1"/>
  <c r="A54600" i="1" s="1"/>
  <c r="A54601" i="1" s="1"/>
  <c r="A54602" i="1" s="1"/>
  <c r="A54603" i="1" s="1"/>
  <c r="A54604" i="1" s="1"/>
  <c r="A54605" i="1" s="1"/>
  <c r="A54606" i="1" s="1"/>
  <c r="A54607" i="1" s="1"/>
  <c r="A54608" i="1" s="1"/>
  <c r="A54609" i="1" s="1"/>
  <c r="A54610" i="1" s="1"/>
  <c r="A54611" i="1" s="1"/>
  <c r="A54612" i="1" s="1"/>
  <c r="A54613" i="1" s="1"/>
  <c r="A54614" i="1" s="1"/>
  <c r="A54615" i="1" s="1"/>
  <c r="A54616" i="1" s="1"/>
  <c r="A54617" i="1" s="1"/>
  <c r="A54618" i="1" s="1"/>
  <c r="A54619" i="1" s="1"/>
  <c r="A54620" i="1" s="1"/>
  <c r="A54621" i="1" s="1"/>
  <c r="A54622" i="1" s="1"/>
  <c r="A54623" i="1" s="1"/>
  <c r="A54624" i="1" s="1"/>
  <c r="A54625" i="1" s="1"/>
  <c r="A54626" i="1" s="1"/>
  <c r="A54627" i="1" s="1"/>
  <c r="A54628" i="1" s="1"/>
  <c r="A54629" i="1" s="1"/>
  <c r="A54630" i="1" s="1"/>
  <c r="A54631" i="1" s="1"/>
  <c r="A54632" i="1" s="1"/>
  <c r="A54633" i="1" s="1"/>
  <c r="A54634" i="1" s="1"/>
  <c r="A54635" i="1" s="1"/>
  <c r="A54636" i="1" s="1"/>
  <c r="A54637" i="1" s="1"/>
  <c r="A54638" i="1" s="1"/>
  <c r="A54639" i="1" s="1"/>
  <c r="A54640" i="1" s="1"/>
  <c r="A54641" i="1" s="1"/>
  <c r="A54642" i="1" s="1"/>
  <c r="A54643" i="1" s="1"/>
  <c r="A54644" i="1" s="1"/>
  <c r="A54645" i="1" s="1"/>
  <c r="A54646" i="1" s="1"/>
  <c r="A54647" i="1" s="1"/>
  <c r="A54648" i="1" s="1"/>
  <c r="A54649" i="1" s="1"/>
  <c r="A54650" i="1" s="1"/>
  <c r="A54651" i="1" s="1"/>
  <c r="A54652" i="1" s="1"/>
  <c r="A54653" i="1" s="1"/>
  <c r="A54654" i="1" s="1"/>
  <c r="A54655" i="1" s="1"/>
  <c r="A54656" i="1" s="1"/>
  <c r="A54657" i="1" s="1"/>
  <c r="A54658" i="1" s="1"/>
  <c r="A54659" i="1" s="1"/>
  <c r="A54660" i="1" s="1"/>
  <c r="A54661" i="1" s="1"/>
  <c r="A54662" i="1" s="1"/>
  <c r="A54663" i="1" s="1"/>
  <c r="A54664" i="1" s="1"/>
  <c r="A54665" i="1" s="1"/>
  <c r="A54666" i="1" s="1"/>
  <c r="A54667" i="1" s="1"/>
  <c r="A54668" i="1" s="1"/>
  <c r="A54669" i="1" s="1"/>
  <c r="A54670" i="1" s="1"/>
  <c r="A54671" i="1" s="1"/>
  <c r="A54672" i="1" s="1"/>
  <c r="A54673" i="1" s="1"/>
  <c r="A54674" i="1" s="1"/>
  <c r="A54675" i="1" s="1"/>
  <c r="A54676" i="1" s="1"/>
  <c r="A54677" i="1" s="1"/>
  <c r="A54678" i="1" s="1"/>
  <c r="A54679" i="1" s="1"/>
  <c r="A54680" i="1" s="1"/>
  <c r="A54681" i="1" s="1"/>
  <c r="A54682" i="1" s="1"/>
  <c r="A54683" i="1" s="1"/>
  <c r="A54684" i="1" s="1"/>
  <c r="A54685" i="1" s="1"/>
  <c r="A54686" i="1" s="1"/>
  <c r="A54687" i="1" s="1"/>
  <c r="A54688" i="1" s="1"/>
  <c r="A54689" i="1" s="1"/>
  <c r="A54690" i="1" s="1"/>
  <c r="A54691" i="1" s="1"/>
  <c r="A54692" i="1" s="1"/>
  <c r="A54693" i="1" s="1"/>
  <c r="A54694" i="1" s="1"/>
  <c r="A54695" i="1" s="1"/>
  <c r="A54696" i="1" s="1"/>
  <c r="A54697" i="1" s="1"/>
  <c r="A54698" i="1" s="1"/>
  <c r="A54699" i="1" s="1"/>
  <c r="A54700" i="1" s="1"/>
  <c r="A54701" i="1" s="1"/>
  <c r="A54702" i="1" s="1"/>
  <c r="A54703" i="1" s="1"/>
  <c r="A54704" i="1" s="1"/>
  <c r="A54705" i="1" s="1"/>
  <c r="A54706" i="1" s="1"/>
  <c r="A54707" i="1" s="1"/>
  <c r="A54708" i="1" s="1"/>
  <c r="A54709" i="1" s="1"/>
  <c r="A54710" i="1" s="1"/>
  <c r="A54711" i="1" s="1"/>
  <c r="A54712" i="1" s="1"/>
  <c r="A54713" i="1" s="1"/>
  <c r="A54714" i="1" s="1"/>
  <c r="A54715" i="1" s="1"/>
  <c r="A54716" i="1" s="1"/>
  <c r="A54717" i="1" s="1"/>
  <c r="A54718" i="1" s="1"/>
  <c r="A54719" i="1" s="1"/>
  <c r="A54720" i="1" s="1"/>
  <c r="A54721" i="1" s="1"/>
  <c r="A54722" i="1" s="1"/>
  <c r="A54723" i="1" s="1"/>
  <c r="A54724" i="1" s="1"/>
  <c r="A54725" i="1" s="1"/>
  <c r="A54726" i="1" s="1"/>
  <c r="A54727" i="1" s="1"/>
  <c r="A54728" i="1" s="1"/>
  <c r="A54729" i="1" s="1"/>
  <c r="A54730" i="1" s="1"/>
  <c r="A54731" i="1" s="1"/>
  <c r="A54732" i="1" s="1"/>
  <c r="A54733" i="1" s="1"/>
  <c r="A54734" i="1" s="1"/>
  <c r="A54735" i="1" s="1"/>
  <c r="A54736" i="1" s="1"/>
  <c r="A54737" i="1" s="1"/>
  <c r="A54738" i="1" s="1"/>
  <c r="A54739" i="1" s="1"/>
  <c r="A54740" i="1" s="1"/>
  <c r="A54741" i="1" s="1"/>
  <c r="A54742" i="1" s="1"/>
  <c r="A54743" i="1" s="1"/>
  <c r="A54744" i="1" s="1"/>
  <c r="A54745" i="1" s="1"/>
  <c r="A54746" i="1" s="1"/>
  <c r="A54747" i="1" s="1"/>
  <c r="A54748" i="1" s="1"/>
  <c r="A54749" i="1" s="1"/>
  <c r="A54750" i="1" s="1"/>
  <c r="A54751" i="1" s="1"/>
  <c r="A54752" i="1" s="1"/>
  <c r="A54753" i="1" s="1"/>
  <c r="A54754" i="1" s="1"/>
  <c r="A54755" i="1" s="1"/>
  <c r="A54756" i="1" s="1"/>
  <c r="A54757" i="1" s="1"/>
  <c r="A54758" i="1" s="1"/>
  <c r="A54759" i="1" s="1"/>
  <c r="A54760" i="1" s="1"/>
  <c r="A54761" i="1" s="1"/>
  <c r="A54762" i="1" s="1"/>
  <c r="A54763" i="1" s="1"/>
  <c r="A54764" i="1" s="1"/>
  <c r="A54765" i="1" s="1"/>
  <c r="A54766" i="1" s="1"/>
  <c r="A54767" i="1" s="1"/>
  <c r="A54768" i="1" s="1"/>
  <c r="A54769" i="1" s="1"/>
  <c r="A54770" i="1" s="1"/>
  <c r="A54771" i="1" s="1"/>
  <c r="A54772" i="1" s="1"/>
  <c r="A54773" i="1" s="1"/>
  <c r="A54774" i="1" s="1"/>
  <c r="A54775" i="1" s="1"/>
  <c r="A54776" i="1" s="1"/>
  <c r="A54777" i="1" s="1"/>
  <c r="A54778" i="1" s="1"/>
  <c r="A54779" i="1" s="1"/>
  <c r="A54780" i="1" s="1"/>
  <c r="A54781" i="1" s="1"/>
  <c r="A54782" i="1" s="1"/>
  <c r="A54783" i="1" s="1"/>
  <c r="A54784" i="1" s="1"/>
  <c r="A54785" i="1" s="1"/>
  <c r="A54786" i="1" s="1"/>
  <c r="A54787" i="1" s="1"/>
  <c r="A54788" i="1" s="1"/>
  <c r="A54789" i="1" s="1"/>
  <c r="A54790" i="1" s="1"/>
  <c r="A54791" i="1" s="1"/>
  <c r="A54792" i="1" s="1"/>
  <c r="A54793" i="1" s="1"/>
  <c r="A54794" i="1" s="1"/>
  <c r="A54795" i="1" s="1"/>
  <c r="A54796" i="1" s="1"/>
  <c r="A54797" i="1" s="1"/>
  <c r="A54798" i="1" s="1"/>
  <c r="A54799" i="1" s="1"/>
  <c r="A54800" i="1" s="1"/>
  <c r="A54801" i="1" s="1"/>
  <c r="A54802" i="1" s="1"/>
  <c r="A54803" i="1" s="1"/>
  <c r="A54804" i="1" s="1"/>
  <c r="A54805" i="1" s="1"/>
  <c r="A54806" i="1" s="1"/>
  <c r="A54807" i="1" s="1"/>
  <c r="A54808" i="1" s="1"/>
  <c r="A54809" i="1" s="1"/>
  <c r="A54810" i="1" s="1"/>
  <c r="A54811" i="1" s="1"/>
  <c r="A54812" i="1" s="1"/>
  <c r="A54813" i="1" s="1"/>
  <c r="A54814" i="1" s="1"/>
  <c r="A54815" i="1" s="1"/>
  <c r="A54816" i="1" s="1"/>
  <c r="A54817" i="1" s="1"/>
  <c r="A54818" i="1" s="1"/>
  <c r="A54819" i="1" s="1"/>
  <c r="A54820" i="1" s="1"/>
  <c r="A54821" i="1" s="1"/>
  <c r="A54822" i="1" s="1"/>
  <c r="A54823" i="1" s="1"/>
  <c r="A54824" i="1" s="1"/>
  <c r="A54825" i="1" s="1"/>
  <c r="A54826" i="1" s="1"/>
  <c r="A54827" i="1" s="1"/>
  <c r="A54828" i="1" s="1"/>
  <c r="A54829" i="1" s="1"/>
  <c r="A54830" i="1" s="1"/>
  <c r="A54831" i="1" s="1"/>
  <c r="A54832" i="1" s="1"/>
  <c r="A54833" i="1" s="1"/>
  <c r="A54834" i="1" s="1"/>
  <c r="A54835" i="1" s="1"/>
  <c r="A54836" i="1" s="1"/>
  <c r="A54837" i="1" s="1"/>
  <c r="A54838" i="1" s="1"/>
  <c r="A54839" i="1" s="1"/>
  <c r="A54840" i="1" s="1"/>
  <c r="A54841" i="1" s="1"/>
  <c r="A54842" i="1" s="1"/>
  <c r="A54843" i="1" s="1"/>
  <c r="A54844" i="1" s="1"/>
  <c r="A54845" i="1" s="1"/>
  <c r="A54846" i="1" s="1"/>
  <c r="A54847" i="1" s="1"/>
  <c r="A54848" i="1" s="1"/>
  <c r="A54849" i="1" s="1"/>
  <c r="A54850" i="1" s="1"/>
  <c r="A54851" i="1" s="1"/>
  <c r="A54852" i="1" s="1"/>
  <c r="A54853" i="1" s="1"/>
  <c r="A54854" i="1" s="1"/>
  <c r="A54855" i="1" s="1"/>
  <c r="A54856" i="1" s="1"/>
  <c r="A54857" i="1" s="1"/>
  <c r="A54858" i="1" s="1"/>
  <c r="A54859" i="1" s="1"/>
  <c r="A54860" i="1" s="1"/>
  <c r="A54861" i="1" s="1"/>
  <c r="A54862" i="1" s="1"/>
  <c r="A54863" i="1" s="1"/>
  <c r="A54864" i="1" s="1"/>
  <c r="A54865" i="1" s="1"/>
  <c r="A54866" i="1" s="1"/>
  <c r="A54867" i="1" s="1"/>
  <c r="A54868" i="1" s="1"/>
  <c r="A54869" i="1" s="1"/>
  <c r="A54870" i="1" s="1"/>
  <c r="A54871" i="1" s="1"/>
  <c r="A54872" i="1" s="1"/>
  <c r="A54873" i="1" s="1"/>
  <c r="A54874" i="1" s="1"/>
  <c r="A54875" i="1" s="1"/>
  <c r="A54876" i="1" s="1"/>
  <c r="A54877" i="1" s="1"/>
  <c r="A54878" i="1" s="1"/>
  <c r="A54879" i="1" s="1"/>
  <c r="A54880" i="1" s="1"/>
  <c r="A54881" i="1" s="1"/>
  <c r="A54882" i="1" s="1"/>
  <c r="A54883" i="1" s="1"/>
  <c r="A54884" i="1" s="1"/>
  <c r="A54885" i="1" s="1"/>
  <c r="A54886" i="1" s="1"/>
  <c r="A54887" i="1" s="1"/>
  <c r="A54888" i="1" s="1"/>
  <c r="A54889" i="1" s="1"/>
  <c r="A54890" i="1" s="1"/>
  <c r="A54891" i="1" s="1"/>
  <c r="A54892" i="1" s="1"/>
  <c r="A54893" i="1" s="1"/>
  <c r="A54894" i="1" s="1"/>
  <c r="A54895" i="1" s="1"/>
  <c r="A54896" i="1" s="1"/>
  <c r="A54897" i="1" s="1"/>
  <c r="A54898" i="1" s="1"/>
  <c r="A54899" i="1" s="1"/>
  <c r="A54900" i="1" s="1"/>
  <c r="A54901" i="1" s="1"/>
  <c r="A54902" i="1" s="1"/>
  <c r="A54903" i="1" s="1"/>
  <c r="A54904" i="1" s="1"/>
  <c r="A54905" i="1" s="1"/>
  <c r="A54906" i="1" s="1"/>
  <c r="A54907" i="1" s="1"/>
  <c r="A54908" i="1" s="1"/>
  <c r="A54909" i="1" s="1"/>
  <c r="A54910" i="1" s="1"/>
  <c r="A54911" i="1" s="1"/>
  <c r="A54912" i="1" s="1"/>
  <c r="A54913" i="1" s="1"/>
  <c r="A54914" i="1" s="1"/>
  <c r="A54915" i="1" s="1"/>
  <c r="A54916" i="1" s="1"/>
  <c r="A54917" i="1" s="1"/>
  <c r="A54918" i="1" s="1"/>
  <c r="A54919" i="1" s="1"/>
  <c r="A54920" i="1" s="1"/>
  <c r="A54921" i="1" s="1"/>
  <c r="A54922" i="1" s="1"/>
  <c r="A54923" i="1" s="1"/>
  <c r="A54924" i="1" s="1"/>
  <c r="A54925" i="1" s="1"/>
  <c r="A54926" i="1" s="1"/>
  <c r="A54927" i="1" s="1"/>
  <c r="A54928" i="1" s="1"/>
  <c r="A54929" i="1" s="1"/>
  <c r="A54930" i="1" s="1"/>
  <c r="A54931" i="1" s="1"/>
  <c r="A54932" i="1" s="1"/>
  <c r="A54933" i="1" s="1"/>
  <c r="A54934" i="1" s="1"/>
  <c r="A54935" i="1" s="1"/>
  <c r="A54936" i="1" s="1"/>
  <c r="A54937" i="1" s="1"/>
  <c r="A54938" i="1" s="1"/>
  <c r="A54939" i="1" s="1"/>
  <c r="A54940" i="1" s="1"/>
  <c r="A54941" i="1" s="1"/>
  <c r="A54942" i="1" s="1"/>
  <c r="A54943" i="1" s="1"/>
  <c r="A54944" i="1" s="1"/>
  <c r="A54945" i="1" s="1"/>
  <c r="A54946" i="1" s="1"/>
  <c r="A54947" i="1" s="1"/>
  <c r="A54948" i="1" s="1"/>
  <c r="A54949" i="1" s="1"/>
  <c r="A54950" i="1" s="1"/>
  <c r="A54951" i="1" s="1"/>
  <c r="A54952" i="1" s="1"/>
  <c r="A54953" i="1" s="1"/>
  <c r="A54954" i="1" s="1"/>
  <c r="A54955" i="1" s="1"/>
  <c r="A54956" i="1" s="1"/>
  <c r="A54957" i="1" s="1"/>
  <c r="A54958" i="1" s="1"/>
  <c r="A54959" i="1" s="1"/>
  <c r="A54960" i="1" s="1"/>
  <c r="A54961" i="1" s="1"/>
  <c r="A54962" i="1" s="1"/>
  <c r="A54963" i="1" s="1"/>
  <c r="A54964" i="1" s="1"/>
  <c r="A54965" i="1" s="1"/>
  <c r="A54966" i="1" s="1"/>
  <c r="A54967" i="1" s="1"/>
  <c r="A54968" i="1" s="1"/>
  <c r="A54969" i="1" s="1"/>
  <c r="A54970" i="1" s="1"/>
  <c r="A54971" i="1" s="1"/>
  <c r="A54972" i="1" s="1"/>
  <c r="A54973" i="1" s="1"/>
  <c r="A54974" i="1" s="1"/>
  <c r="A54975" i="1" s="1"/>
  <c r="A54976" i="1" s="1"/>
  <c r="A54977" i="1" s="1"/>
  <c r="A54978" i="1" s="1"/>
  <c r="A54979" i="1" s="1"/>
  <c r="A54980" i="1" s="1"/>
  <c r="A54981" i="1" s="1"/>
  <c r="A54982" i="1" s="1"/>
  <c r="A54983" i="1" s="1"/>
  <c r="A54984" i="1" s="1"/>
  <c r="A54985" i="1" s="1"/>
  <c r="A54986" i="1" s="1"/>
  <c r="A54987" i="1" s="1"/>
  <c r="A54988" i="1" s="1"/>
  <c r="A54989" i="1" s="1"/>
  <c r="A54990" i="1" s="1"/>
  <c r="A54991" i="1" s="1"/>
  <c r="A54992" i="1" s="1"/>
  <c r="A54993" i="1" s="1"/>
  <c r="A54994" i="1" s="1"/>
  <c r="A54995" i="1" s="1"/>
  <c r="A54996" i="1" s="1"/>
  <c r="A54997" i="1" s="1"/>
  <c r="A54998" i="1" s="1"/>
  <c r="A54999" i="1" s="1"/>
  <c r="A55000" i="1" s="1"/>
  <c r="A55001" i="1" s="1"/>
  <c r="A55002" i="1" s="1"/>
  <c r="A55003" i="1" s="1"/>
  <c r="A55004" i="1" s="1"/>
  <c r="A55005" i="1" s="1"/>
  <c r="A55006" i="1" s="1"/>
  <c r="A55007" i="1" s="1"/>
  <c r="A55008" i="1" s="1"/>
  <c r="A55009" i="1" s="1"/>
  <c r="A55010" i="1" s="1"/>
  <c r="A55011" i="1" s="1"/>
  <c r="A55012" i="1" s="1"/>
  <c r="A55013" i="1" s="1"/>
  <c r="A55014" i="1" s="1"/>
  <c r="A55015" i="1" s="1"/>
  <c r="A55016" i="1" s="1"/>
  <c r="A55017" i="1" s="1"/>
  <c r="A55018" i="1" s="1"/>
  <c r="A55019" i="1" s="1"/>
  <c r="A55020" i="1" s="1"/>
  <c r="A55021" i="1" s="1"/>
  <c r="A55022" i="1" s="1"/>
  <c r="A55023" i="1" s="1"/>
  <c r="A55024" i="1" s="1"/>
  <c r="A55025" i="1" s="1"/>
  <c r="A55026" i="1" s="1"/>
  <c r="A55027" i="1" s="1"/>
  <c r="A55028" i="1" s="1"/>
  <c r="A55029" i="1" s="1"/>
  <c r="A55030" i="1" s="1"/>
  <c r="A55031" i="1" s="1"/>
  <c r="A55032" i="1" s="1"/>
  <c r="A55033" i="1" s="1"/>
  <c r="A55034" i="1" s="1"/>
  <c r="A55035" i="1" s="1"/>
  <c r="A55036" i="1" s="1"/>
  <c r="A55037" i="1" s="1"/>
  <c r="A55038" i="1" s="1"/>
  <c r="A55039" i="1" s="1"/>
  <c r="A55040" i="1" s="1"/>
  <c r="A55041" i="1" s="1"/>
  <c r="A55042" i="1" s="1"/>
  <c r="A55043" i="1" s="1"/>
  <c r="A55044" i="1" s="1"/>
  <c r="A55045" i="1" s="1"/>
  <c r="A55046" i="1" s="1"/>
  <c r="A55047" i="1" s="1"/>
  <c r="A55048" i="1" s="1"/>
  <c r="A55049" i="1" s="1"/>
  <c r="A55050" i="1" s="1"/>
  <c r="A55051" i="1" s="1"/>
  <c r="A55052" i="1" s="1"/>
  <c r="A55053" i="1" s="1"/>
  <c r="A55054" i="1" s="1"/>
  <c r="A55055" i="1" s="1"/>
  <c r="A55056" i="1" s="1"/>
  <c r="A55057" i="1" s="1"/>
  <c r="A55058" i="1" s="1"/>
  <c r="A55059" i="1" s="1"/>
  <c r="A55060" i="1" s="1"/>
  <c r="A55061" i="1" s="1"/>
  <c r="A55062" i="1" s="1"/>
  <c r="A55063" i="1" s="1"/>
  <c r="A55064" i="1" s="1"/>
  <c r="A55065" i="1" s="1"/>
  <c r="A55066" i="1" s="1"/>
  <c r="A55067" i="1" s="1"/>
  <c r="A55068" i="1" s="1"/>
  <c r="A55069" i="1" s="1"/>
  <c r="A55070" i="1" s="1"/>
  <c r="A55071" i="1" s="1"/>
  <c r="A55072" i="1" s="1"/>
  <c r="A55073" i="1" s="1"/>
  <c r="A55074" i="1" s="1"/>
  <c r="A55075" i="1" s="1"/>
  <c r="A55076" i="1" s="1"/>
  <c r="A55077" i="1" s="1"/>
  <c r="A55078" i="1" s="1"/>
  <c r="A55079" i="1" s="1"/>
  <c r="A55080" i="1" s="1"/>
  <c r="A55081" i="1" s="1"/>
  <c r="A55082" i="1" s="1"/>
  <c r="A55083" i="1" s="1"/>
  <c r="A55084" i="1" s="1"/>
  <c r="A55085" i="1" s="1"/>
  <c r="A55086" i="1" s="1"/>
  <c r="A55087" i="1" s="1"/>
  <c r="A55088" i="1" s="1"/>
  <c r="A55089" i="1" s="1"/>
  <c r="A55090" i="1" s="1"/>
  <c r="A55091" i="1" s="1"/>
  <c r="A55092" i="1" s="1"/>
  <c r="A55093" i="1" s="1"/>
  <c r="A55094" i="1" s="1"/>
  <c r="A55095" i="1" s="1"/>
  <c r="A55096" i="1" s="1"/>
  <c r="A55097" i="1" s="1"/>
  <c r="A55098" i="1" s="1"/>
  <c r="A55099" i="1" s="1"/>
  <c r="A55100" i="1" s="1"/>
  <c r="A55101" i="1" s="1"/>
  <c r="A55102" i="1" s="1"/>
  <c r="A55103" i="1" s="1"/>
  <c r="A55104" i="1" s="1"/>
  <c r="A55105" i="1" s="1"/>
  <c r="A55106" i="1" s="1"/>
  <c r="A55107" i="1" s="1"/>
  <c r="A55108" i="1" s="1"/>
  <c r="A55109" i="1" s="1"/>
  <c r="A55110" i="1" s="1"/>
  <c r="A55111" i="1" s="1"/>
  <c r="A55112" i="1" s="1"/>
  <c r="A55113" i="1" s="1"/>
  <c r="A55114" i="1" s="1"/>
  <c r="A55115" i="1" s="1"/>
  <c r="A55116" i="1" s="1"/>
  <c r="A55117" i="1" s="1"/>
  <c r="A55118" i="1" s="1"/>
  <c r="A55119" i="1" s="1"/>
  <c r="A55120" i="1" s="1"/>
  <c r="A55121" i="1" s="1"/>
  <c r="A55122" i="1" s="1"/>
  <c r="A55123" i="1" s="1"/>
  <c r="A55124" i="1" s="1"/>
  <c r="A55125" i="1" s="1"/>
  <c r="A55126" i="1" s="1"/>
  <c r="A55127" i="1" s="1"/>
  <c r="A55128" i="1" s="1"/>
  <c r="A55129" i="1" s="1"/>
  <c r="A55130" i="1" s="1"/>
  <c r="A55131" i="1" s="1"/>
  <c r="A55132" i="1" s="1"/>
  <c r="A55133" i="1" s="1"/>
  <c r="A55134" i="1" s="1"/>
  <c r="A55135" i="1" s="1"/>
  <c r="A55136" i="1" s="1"/>
  <c r="A55137" i="1" s="1"/>
  <c r="A55138" i="1" s="1"/>
  <c r="A55139" i="1" s="1"/>
  <c r="A55140" i="1" s="1"/>
  <c r="A55141" i="1" s="1"/>
  <c r="A55142" i="1" s="1"/>
  <c r="A55143" i="1" s="1"/>
  <c r="A55144" i="1" s="1"/>
  <c r="A55145" i="1" s="1"/>
  <c r="A55146" i="1" s="1"/>
  <c r="A55147" i="1" s="1"/>
  <c r="A55148" i="1" s="1"/>
  <c r="A55149" i="1" s="1"/>
  <c r="A55150" i="1" s="1"/>
  <c r="A55151" i="1" s="1"/>
  <c r="A55152" i="1" s="1"/>
  <c r="A55153" i="1" s="1"/>
  <c r="A55154" i="1" s="1"/>
  <c r="A55155" i="1" s="1"/>
  <c r="A55156" i="1" s="1"/>
  <c r="A55157" i="1" s="1"/>
  <c r="A55158" i="1" s="1"/>
  <c r="A55159" i="1" s="1"/>
  <c r="A55160" i="1" s="1"/>
  <c r="A55161" i="1" s="1"/>
  <c r="A55162" i="1" s="1"/>
  <c r="A55163" i="1" s="1"/>
  <c r="A55164" i="1" s="1"/>
  <c r="A55165" i="1" s="1"/>
  <c r="A55166" i="1" s="1"/>
  <c r="A55167" i="1" s="1"/>
  <c r="A55168" i="1" s="1"/>
  <c r="A55169" i="1" s="1"/>
  <c r="A55170" i="1" s="1"/>
  <c r="A55171" i="1" s="1"/>
  <c r="A55172" i="1" s="1"/>
  <c r="A55173" i="1" s="1"/>
  <c r="A55174" i="1" s="1"/>
  <c r="A55175" i="1" s="1"/>
  <c r="A55176" i="1" s="1"/>
  <c r="A55177" i="1" s="1"/>
  <c r="A55178" i="1" s="1"/>
  <c r="A55179" i="1" s="1"/>
  <c r="A55180" i="1" s="1"/>
  <c r="A55181" i="1" s="1"/>
  <c r="A55182" i="1" s="1"/>
  <c r="A55183" i="1" s="1"/>
  <c r="A55184" i="1" s="1"/>
  <c r="A55185" i="1" s="1"/>
  <c r="A55186" i="1" s="1"/>
  <c r="A55187" i="1" s="1"/>
  <c r="A55188" i="1" s="1"/>
  <c r="A55189" i="1" s="1"/>
  <c r="A55190" i="1" s="1"/>
  <c r="A55191" i="1" s="1"/>
  <c r="A55192" i="1" s="1"/>
  <c r="A55193" i="1" s="1"/>
  <c r="A55194" i="1" s="1"/>
  <c r="A55195" i="1" s="1"/>
  <c r="A55196" i="1" s="1"/>
  <c r="A55197" i="1" s="1"/>
  <c r="A55198" i="1" s="1"/>
  <c r="A55199" i="1" s="1"/>
  <c r="A55200" i="1" s="1"/>
  <c r="A55201" i="1" s="1"/>
  <c r="A55202" i="1" s="1"/>
  <c r="A55203" i="1" s="1"/>
  <c r="A55204" i="1" s="1"/>
  <c r="A55205" i="1" s="1"/>
  <c r="A55206" i="1" s="1"/>
  <c r="A55207" i="1" s="1"/>
  <c r="A55208" i="1" s="1"/>
  <c r="A55209" i="1" s="1"/>
  <c r="A55210" i="1" s="1"/>
  <c r="A55211" i="1" s="1"/>
  <c r="A55212" i="1" s="1"/>
  <c r="A55213" i="1" s="1"/>
  <c r="A55214" i="1" s="1"/>
  <c r="A55215" i="1" s="1"/>
  <c r="A55216" i="1" s="1"/>
  <c r="A55217" i="1" s="1"/>
  <c r="A55218" i="1" s="1"/>
  <c r="A55219" i="1" s="1"/>
  <c r="A55220" i="1" s="1"/>
  <c r="A55221" i="1" s="1"/>
  <c r="A55222" i="1" s="1"/>
  <c r="A55223" i="1" s="1"/>
  <c r="A55224" i="1" s="1"/>
  <c r="A55225" i="1" s="1"/>
  <c r="A55226" i="1" s="1"/>
  <c r="A55227" i="1" s="1"/>
  <c r="A55228" i="1" s="1"/>
  <c r="A55229" i="1" s="1"/>
  <c r="A55230" i="1" s="1"/>
  <c r="A55231" i="1" s="1"/>
  <c r="A55232" i="1" s="1"/>
  <c r="A55233" i="1" s="1"/>
  <c r="A55234" i="1" s="1"/>
  <c r="A55235" i="1" s="1"/>
  <c r="A55236" i="1" s="1"/>
  <c r="A55237" i="1" s="1"/>
  <c r="A55238" i="1" s="1"/>
  <c r="A55239" i="1" s="1"/>
  <c r="A55240" i="1" s="1"/>
  <c r="A55241" i="1" s="1"/>
  <c r="A55242" i="1" s="1"/>
  <c r="A55243" i="1" s="1"/>
  <c r="A55244" i="1" s="1"/>
  <c r="A55245" i="1" s="1"/>
  <c r="A55246" i="1" s="1"/>
  <c r="A55247" i="1" s="1"/>
  <c r="A55248" i="1" s="1"/>
  <c r="A55249" i="1" s="1"/>
  <c r="A55250" i="1" s="1"/>
  <c r="A55251" i="1" s="1"/>
  <c r="A55252" i="1" s="1"/>
  <c r="A55253" i="1" s="1"/>
  <c r="A55254" i="1" s="1"/>
  <c r="A55255" i="1" s="1"/>
  <c r="A55256" i="1" s="1"/>
  <c r="A55257" i="1" s="1"/>
  <c r="A55258" i="1" s="1"/>
  <c r="A55259" i="1" s="1"/>
  <c r="A55260" i="1" s="1"/>
  <c r="A55261" i="1" s="1"/>
  <c r="A55262" i="1" s="1"/>
  <c r="A55263" i="1" s="1"/>
  <c r="A55264" i="1" s="1"/>
  <c r="A55265" i="1" s="1"/>
  <c r="A55266" i="1" s="1"/>
  <c r="A55267" i="1" s="1"/>
  <c r="A55268" i="1" s="1"/>
  <c r="A55269" i="1" s="1"/>
  <c r="A55270" i="1" s="1"/>
  <c r="A55271" i="1" s="1"/>
  <c r="A55272" i="1" s="1"/>
  <c r="A55273" i="1" s="1"/>
  <c r="A55274" i="1" s="1"/>
  <c r="A55275" i="1" s="1"/>
  <c r="A55276" i="1" s="1"/>
  <c r="A55277" i="1" s="1"/>
  <c r="A55278" i="1" s="1"/>
  <c r="A55279" i="1" s="1"/>
  <c r="A55280" i="1" s="1"/>
  <c r="A55281" i="1" s="1"/>
  <c r="A55282" i="1" s="1"/>
  <c r="A55283" i="1" s="1"/>
  <c r="A55284" i="1" s="1"/>
  <c r="A55285" i="1" s="1"/>
  <c r="A55286" i="1" s="1"/>
  <c r="A55287" i="1" s="1"/>
  <c r="A55288" i="1" s="1"/>
  <c r="A55289" i="1" s="1"/>
  <c r="A55290" i="1" s="1"/>
  <c r="A55291" i="1" s="1"/>
  <c r="A55292" i="1" s="1"/>
  <c r="A55293" i="1" s="1"/>
  <c r="A55294" i="1" s="1"/>
  <c r="A55295" i="1" s="1"/>
  <c r="A55296" i="1" s="1"/>
  <c r="A55297" i="1" s="1"/>
  <c r="A55298" i="1" s="1"/>
  <c r="A55299" i="1" s="1"/>
  <c r="A55300" i="1" s="1"/>
  <c r="A55301" i="1" s="1"/>
  <c r="A55302" i="1" s="1"/>
  <c r="A55303" i="1" s="1"/>
  <c r="A55304" i="1" s="1"/>
  <c r="A55305" i="1" s="1"/>
  <c r="A55306" i="1" s="1"/>
  <c r="A55307" i="1" s="1"/>
  <c r="A55308" i="1" s="1"/>
  <c r="A55309" i="1" s="1"/>
  <c r="A55310" i="1" s="1"/>
  <c r="A55311" i="1" s="1"/>
  <c r="A55312" i="1" s="1"/>
  <c r="A55313" i="1" s="1"/>
  <c r="A55314" i="1" s="1"/>
  <c r="A55315" i="1" s="1"/>
  <c r="A55316" i="1" s="1"/>
  <c r="A55317" i="1" s="1"/>
  <c r="A55318" i="1" s="1"/>
  <c r="A55319" i="1" s="1"/>
  <c r="A55320" i="1" s="1"/>
  <c r="A55321" i="1" s="1"/>
  <c r="A55322" i="1" s="1"/>
  <c r="A55323" i="1" s="1"/>
  <c r="A55324" i="1" s="1"/>
  <c r="A55325" i="1" s="1"/>
  <c r="A55326" i="1" s="1"/>
  <c r="A55327" i="1" s="1"/>
  <c r="A55328" i="1" s="1"/>
  <c r="A55329" i="1" s="1"/>
  <c r="A55330" i="1" s="1"/>
  <c r="A55331" i="1" s="1"/>
  <c r="A55332" i="1" s="1"/>
  <c r="A55333" i="1" s="1"/>
  <c r="A55334" i="1" s="1"/>
  <c r="A55335" i="1" s="1"/>
  <c r="A55336" i="1" s="1"/>
  <c r="A55337" i="1" s="1"/>
  <c r="A55338" i="1" s="1"/>
  <c r="A55339" i="1" s="1"/>
  <c r="A55340" i="1" s="1"/>
  <c r="A55341" i="1" s="1"/>
  <c r="A55342" i="1" s="1"/>
  <c r="A55343" i="1" s="1"/>
  <c r="A55344" i="1" s="1"/>
  <c r="A55345" i="1" s="1"/>
  <c r="A55346" i="1" s="1"/>
  <c r="A55347" i="1" s="1"/>
  <c r="A55348" i="1" s="1"/>
  <c r="A55349" i="1" s="1"/>
  <c r="A55350" i="1" s="1"/>
  <c r="A55351" i="1" s="1"/>
  <c r="A55352" i="1" s="1"/>
  <c r="A55353" i="1" s="1"/>
  <c r="A55354" i="1" s="1"/>
  <c r="A55355" i="1" s="1"/>
  <c r="A55356" i="1" s="1"/>
  <c r="A55357" i="1" s="1"/>
  <c r="A55358" i="1" s="1"/>
  <c r="A55359" i="1" s="1"/>
  <c r="A55360" i="1" s="1"/>
  <c r="A55361" i="1" s="1"/>
  <c r="A55362" i="1" s="1"/>
  <c r="A55363" i="1" s="1"/>
  <c r="A55364" i="1" s="1"/>
  <c r="A55365" i="1" s="1"/>
  <c r="A55366" i="1" s="1"/>
  <c r="A55367" i="1" s="1"/>
  <c r="A55368" i="1" s="1"/>
  <c r="A55369" i="1" s="1"/>
  <c r="A55370" i="1" s="1"/>
  <c r="A55371" i="1" s="1"/>
  <c r="A55372" i="1" s="1"/>
  <c r="A55373" i="1" s="1"/>
  <c r="A55374" i="1" s="1"/>
  <c r="A55375" i="1" s="1"/>
  <c r="A55376" i="1" s="1"/>
  <c r="A55377" i="1" s="1"/>
  <c r="A55378" i="1" s="1"/>
  <c r="A55379" i="1" s="1"/>
  <c r="A55380" i="1" s="1"/>
  <c r="A55381" i="1" s="1"/>
  <c r="A55382" i="1" s="1"/>
  <c r="A55383" i="1" s="1"/>
  <c r="A55384" i="1" s="1"/>
  <c r="A55385" i="1" s="1"/>
  <c r="A55386" i="1" s="1"/>
  <c r="A55387" i="1" s="1"/>
  <c r="A55388" i="1" s="1"/>
  <c r="A55389" i="1" s="1"/>
  <c r="A55390" i="1" s="1"/>
  <c r="A55391" i="1" s="1"/>
  <c r="A55392" i="1" s="1"/>
  <c r="A55393" i="1" s="1"/>
  <c r="A55394" i="1" s="1"/>
  <c r="A55395" i="1" s="1"/>
  <c r="A55396" i="1" s="1"/>
  <c r="A55397" i="1" s="1"/>
  <c r="A55398" i="1" s="1"/>
  <c r="A55399" i="1" s="1"/>
  <c r="A55400" i="1" s="1"/>
  <c r="A55401" i="1" s="1"/>
  <c r="A55402" i="1" s="1"/>
  <c r="A55403" i="1" s="1"/>
  <c r="A55404" i="1" s="1"/>
  <c r="A55405" i="1" s="1"/>
  <c r="A55406" i="1" s="1"/>
  <c r="A55407" i="1" s="1"/>
  <c r="A55408" i="1" s="1"/>
  <c r="A55409" i="1" s="1"/>
  <c r="A55410" i="1" s="1"/>
  <c r="A55411" i="1" s="1"/>
  <c r="A55412" i="1" s="1"/>
  <c r="A55413" i="1" s="1"/>
  <c r="A55414" i="1" s="1"/>
  <c r="A55415" i="1" s="1"/>
  <c r="A55416" i="1" s="1"/>
  <c r="A55417" i="1" s="1"/>
  <c r="A55418" i="1" s="1"/>
  <c r="A55419" i="1" s="1"/>
  <c r="A55420" i="1" s="1"/>
  <c r="A55421" i="1" s="1"/>
  <c r="A55422" i="1" s="1"/>
  <c r="A55423" i="1" s="1"/>
  <c r="A55424" i="1" s="1"/>
  <c r="A55425" i="1" s="1"/>
  <c r="A55426" i="1" s="1"/>
  <c r="A55427" i="1" s="1"/>
  <c r="A55428" i="1" s="1"/>
  <c r="A55429" i="1" s="1"/>
  <c r="A55430" i="1" s="1"/>
  <c r="A55431" i="1" s="1"/>
  <c r="A55432" i="1" s="1"/>
  <c r="A55433" i="1" s="1"/>
  <c r="A55434" i="1" s="1"/>
  <c r="A55435" i="1" s="1"/>
  <c r="A55436" i="1" s="1"/>
  <c r="A55437" i="1" s="1"/>
  <c r="A55438" i="1" s="1"/>
  <c r="A55439" i="1" s="1"/>
  <c r="A55440" i="1" s="1"/>
  <c r="A55441" i="1" s="1"/>
  <c r="A55442" i="1" s="1"/>
  <c r="A55443" i="1" s="1"/>
  <c r="A55444" i="1" s="1"/>
  <c r="A55445" i="1" s="1"/>
  <c r="A55446" i="1" s="1"/>
  <c r="A55447" i="1" s="1"/>
  <c r="A55448" i="1" s="1"/>
  <c r="A55449" i="1" s="1"/>
  <c r="A55450" i="1" s="1"/>
  <c r="A55451" i="1" s="1"/>
  <c r="A55452" i="1" s="1"/>
  <c r="A55453" i="1" s="1"/>
  <c r="A55454" i="1" s="1"/>
  <c r="A55455" i="1" s="1"/>
  <c r="A55456" i="1" s="1"/>
  <c r="A55457" i="1" s="1"/>
  <c r="A55458" i="1" s="1"/>
  <c r="A55459" i="1" s="1"/>
  <c r="A55460" i="1" s="1"/>
  <c r="A55461" i="1" s="1"/>
  <c r="A55462" i="1" s="1"/>
  <c r="A55463" i="1" s="1"/>
  <c r="A55464" i="1" s="1"/>
  <c r="A55465" i="1" s="1"/>
  <c r="A55466" i="1" s="1"/>
  <c r="A55467" i="1" s="1"/>
  <c r="A55468" i="1" s="1"/>
  <c r="A55469" i="1" s="1"/>
  <c r="A55470" i="1" s="1"/>
  <c r="A55471" i="1" s="1"/>
  <c r="A55472" i="1" s="1"/>
  <c r="A55473" i="1" s="1"/>
  <c r="A55474" i="1" s="1"/>
  <c r="A55475" i="1" s="1"/>
  <c r="A55476" i="1" s="1"/>
  <c r="A55477" i="1" s="1"/>
  <c r="A55478" i="1" s="1"/>
  <c r="A55479" i="1" s="1"/>
  <c r="A55480" i="1" s="1"/>
  <c r="A55481" i="1" s="1"/>
  <c r="A55482" i="1" s="1"/>
  <c r="A55483" i="1" s="1"/>
  <c r="A55484" i="1" s="1"/>
  <c r="A55485" i="1" s="1"/>
  <c r="A55486" i="1" s="1"/>
  <c r="A55487" i="1" s="1"/>
  <c r="A55488" i="1" s="1"/>
  <c r="A55489" i="1" s="1"/>
  <c r="A55490" i="1" s="1"/>
  <c r="A55491" i="1" s="1"/>
  <c r="A55492" i="1" s="1"/>
  <c r="A55493" i="1" s="1"/>
  <c r="A55494" i="1" s="1"/>
  <c r="A55495" i="1" s="1"/>
  <c r="A55496" i="1" s="1"/>
  <c r="A55497" i="1" s="1"/>
  <c r="A55498" i="1" s="1"/>
  <c r="A55499" i="1" s="1"/>
  <c r="A55500" i="1" s="1"/>
  <c r="A55501" i="1" s="1"/>
  <c r="A55502" i="1" s="1"/>
  <c r="A55503" i="1" s="1"/>
  <c r="A55504" i="1" s="1"/>
  <c r="A55505" i="1" s="1"/>
  <c r="A55506" i="1" s="1"/>
  <c r="A55507" i="1" s="1"/>
  <c r="A55508" i="1" s="1"/>
  <c r="A55509" i="1" s="1"/>
  <c r="A55510" i="1" s="1"/>
  <c r="A55511" i="1" s="1"/>
  <c r="A55512" i="1" s="1"/>
  <c r="A55513" i="1" s="1"/>
  <c r="A55514" i="1" s="1"/>
  <c r="A55515" i="1" s="1"/>
  <c r="A55516" i="1" s="1"/>
  <c r="A55517" i="1" s="1"/>
  <c r="A55518" i="1" s="1"/>
  <c r="A55519" i="1" s="1"/>
  <c r="A55520" i="1" s="1"/>
  <c r="A55521" i="1" s="1"/>
  <c r="A55522" i="1" s="1"/>
  <c r="A55523" i="1" s="1"/>
  <c r="A55524" i="1" s="1"/>
  <c r="A55525" i="1" s="1"/>
  <c r="A55526" i="1" s="1"/>
  <c r="A55527" i="1" s="1"/>
  <c r="A55528" i="1" s="1"/>
  <c r="A55529" i="1" s="1"/>
  <c r="A55530" i="1" s="1"/>
  <c r="A55531" i="1" s="1"/>
  <c r="A55532" i="1" s="1"/>
  <c r="A55533" i="1" s="1"/>
  <c r="A55534" i="1" s="1"/>
  <c r="A55535" i="1" s="1"/>
  <c r="A55536" i="1" s="1"/>
  <c r="A55537" i="1" s="1"/>
  <c r="A55538" i="1" s="1"/>
  <c r="A55539" i="1" s="1"/>
  <c r="A55540" i="1" s="1"/>
  <c r="A55541" i="1" s="1"/>
  <c r="A55542" i="1" s="1"/>
  <c r="A55543" i="1" s="1"/>
  <c r="A55544" i="1" s="1"/>
  <c r="A55545" i="1" s="1"/>
  <c r="A55546" i="1" s="1"/>
  <c r="A55547" i="1" s="1"/>
  <c r="A55548" i="1" s="1"/>
  <c r="A55549" i="1" s="1"/>
  <c r="A55550" i="1" s="1"/>
  <c r="A55551" i="1" s="1"/>
  <c r="A55552" i="1" s="1"/>
  <c r="A55553" i="1" s="1"/>
  <c r="A55554" i="1" s="1"/>
  <c r="A55555" i="1" s="1"/>
  <c r="A55556" i="1" s="1"/>
  <c r="A55557" i="1" s="1"/>
  <c r="A55558" i="1" s="1"/>
  <c r="A55559" i="1" s="1"/>
  <c r="A55560" i="1" s="1"/>
  <c r="A55561" i="1" s="1"/>
  <c r="A55562" i="1" s="1"/>
  <c r="A55563" i="1" s="1"/>
  <c r="A55564" i="1" s="1"/>
  <c r="A55565" i="1" s="1"/>
  <c r="A55566" i="1" s="1"/>
  <c r="A55567" i="1" s="1"/>
  <c r="A55568" i="1" s="1"/>
  <c r="A55569" i="1" s="1"/>
  <c r="A55570" i="1" s="1"/>
  <c r="A55571" i="1" s="1"/>
  <c r="A55572" i="1" s="1"/>
  <c r="A55573" i="1" s="1"/>
  <c r="A55574" i="1" s="1"/>
  <c r="A55575" i="1" s="1"/>
  <c r="A55576" i="1" s="1"/>
  <c r="A55577" i="1" s="1"/>
  <c r="A55578" i="1" s="1"/>
  <c r="A55579" i="1" s="1"/>
  <c r="A55580" i="1" s="1"/>
  <c r="A55581" i="1" s="1"/>
  <c r="A55582" i="1" s="1"/>
  <c r="A55583" i="1" s="1"/>
  <c r="A55584" i="1" s="1"/>
  <c r="A55585" i="1" s="1"/>
  <c r="A55586" i="1" s="1"/>
  <c r="A55587" i="1" s="1"/>
  <c r="A55588" i="1" s="1"/>
  <c r="A55589" i="1" s="1"/>
  <c r="A55590" i="1" s="1"/>
  <c r="A55591" i="1" s="1"/>
  <c r="A55592" i="1" s="1"/>
  <c r="A55593" i="1" s="1"/>
  <c r="A55594" i="1" s="1"/>
  <c r="A55595" i="1" s="1"/>
  <c r="A55596" i="1" s="1"/>
  <c r="A55597" i="1" s="1"/>
  <c r="A55598" i="1" s="1"/>
  <c r="A55599" i="1" s="1"/>
  <c r="A55600" i="1" s="1"/>
  <c r="A55601" i="1" s="1"/>
  <c r="A55602" i="1" s="1"/>
  <c r="A55603" i="1" s="1"/>
  <c r="A55604" i="1" s="1"/>
  <c r="A55605" i="1" s="1"/>
  <c r="A55606" i="1" s="1"/>
  <c r="A55607" i="1" s="1"/>
  <c r="A55608" i="1" s="1"/>
  <c r="A55609" i="1" s="1"/>
  <c r="A55610" i="1" s="1"/>
  <c r="A55611" i="1" s="1"/>
  <c r="A55612" i="1" s="1"/>
  <c r="A55613" i="1" s="1"/>
  <c r="A55614" i="1" s="1"/>
  <c r="A55615" i="1" s="1"/>
  <c r="A55616" i="1" s="1"/>
  <c r="A55617" i="1" s="1"/>
  <c r="A55618" i="1" s="1"/>
  <c r="A55619" i="1" s="1"/>
  <c r="A55620" i="1" s="1"/>
  <c r="A55621" i="1" s="1"/>
  <c r="A55622" i="1" s="1"/>
  <c r="A55623" i="1" s="1"/>
  <c r="A55624" i="1" s="1"/>
  <c r="A55625" i="1" s="1"/>
  <c r="A55626" i="1" s="1"/>
  <c r="A55627" i="1" s="1"/>
  <c r="A55628" i="1" s="1"/>
  <c r="A55629" i="1" s="1"/>
  <c r="A55630" i="1" s="1"/>
  <c r="A55631" i="1" s="1"/>
  <c r="A55632" i="1" s="1"/>
  <c r="A55633" i="1" s="1"/>
  <c r="A55634" i="1" s="1"/>
  <c r="A55635" i="1" s="1"/>
  <c r="A55636" i="1" s="1"/>
  <c r="A55637" i="1" s="1"/>
  <c r="A55638" i="1" s="1"/>
  <c r="A55639" i="1" s="1"/>
  <c r="A55640" i="1" s="1"/>
  <c r="A55641" i="1" s="1"/>
  <c r="A55642" i="1" s="1"/>
  <c r="A55643" i="1" s="1"/>
  <c r="A55644" i="1" s="1"/>
  <c r="A55645" i="1" s="1"/>
  <c r="A55646" i="1" s="1"/>
  <c r="A55647" i="1" s="1"/>
  <c r="A55648" i="1" s="1"/>
  <c r="A55649" i="1" s="1"/>
  <c r="A55650" i="1" s="1"/>
  <c r="A55651" i="1" s="1"/>
  <c r="A55652" i="1" s="1"/>
  <c r="A55653" i="1" s="1"/>
  <c r="A55654" i="1" s="1"/>
  <c r="A55655" i="1" s="1"/>
  <c r="A55656" i="1" s="1"/>
  <c r="A55657" i="1" s="1"/>
  <c r="A55658" i="1" s="1"/>
  <c r="A55659" i="1" s="1"/>
  <c r="A55660" i="1" s="1"/>
  <c r="A55661" i="1" s="1"/>
  <c r="A55662" i="1" s="1"/>
  <c r="A55663" i="1" s="1"/>
  <c r="A55664" i="1" s="1"/>
  <c r="A55665" i="1" s="1"/>
  <c r="A55666" i="1" s="1"/>
  <c r="A55667" i="1" s="1"/>
  <c r="A55668" i="1" s="1"/>
  <c r="A55669" i="1" s="1"/>
  <c r="A55670" i="1" s="1"/>
  <c r="A55671" i="1" s="1"/>
  <c r="A55672" i="1" s="1"/>
  <c r="A55673" i="1" s="1"/>
  <c r="A55674" i="1" s="1"/>
  <c r="A55675" i="1" s="1"/>
  <c r="A55676" i="1" s="1"/>
  <c r="A55677" i="1" s="1"/>
  <c r="A55678" i="1" s="1"/>
  <c r="A55679" i="1" s="1"/>
  <c r="A55680" i="1" s="1"/>
  <c r="A55681" i="1" s="1"/>
  <c r="A55682" i="1" s="1"/>
  <c r="A55683" i="1" s="1"/>
  <c r="A55684" i="1" s="1"/>
  <c r="A55685" i="1" s="1"/>
  <c r="A55686" i="1" s="1"/>
  <c r="A55687" i="1" s="1"/>
  <c r="A55688" i="1" s="1"/>
  <c r="A55689" i="1" s="1"/>
  <c r="A55690" i="1" s="1"/>
  <c r="A55691" i="1" s="1"/>
  <c r="A55692" i="1" s="1"/>
  <c r="A55693" i="1" s="1"/>
  <c r="A55694" i="1" s="1"/>
  <c r="A55695" i="1" s="1"/>
  <c r="A55696" i="1" s="1"/>
  <c r="A55697" i="1" s="1"/>
  <c r="A55698" i="1" s="1"/>
  <c r="A55699" i="1" s="1"/>
  <c r="A55700" i="1" s="1"/>
  <c r="A55701" i="1" s="1"/>
  <c r="A55702" i="1" s="1"/>
  <c r="A55703" i="1" s="1"/>
  <c r="A55704" i="1" s="1"/>
  <c r="A55705" i="1" s="1"/>
  <c r="A55706" i="1" s="1"/>
  <c r="A55707" i="1" s="1"/>
  <c r="A55708" i="1" s="1"/>
  <c r="A55709" i="1" s="1"/>
  <c r="A55710" i="1" s="1"/>
  <c r="A55711" i="1" s="1"/>
  <c r="A55712" i="1" s="1"/>
  <c r="A55713" i="1" s="1"/>
  <c r="A55714" i="1" s="1"/>
  <c r="A55715" i="1" s="1"/>
  <c r="A55716" i="1" s="1"/>
  <c r="A55717" i="1" s="1"/>
  <c r="A55718" i="1" s="1"/>
  <c r="A55719" i="1" s="1"/>
  <c r="A55720" i="1" s="1"/>
  <c r="A55721" i="1" s="1"/>
  <c r="A55722" i="1" s="1"/>
  <c r="A55723" i="1" s="1"/>
  <c r="A55724" i="1" s="1"/>
  <c r="A55725" i="1" s="1"/>
  <c r="A55726" i="1" s="1"/>
  <c r="A55727" i="1" s="1"/>
  <c r="A55728" i="1" s="1"/>
  <c r="A55729" i="1" s="1"/>
  <c r="A55730" i="1" s="1"/>
  <c r="A55731" i="1" s="1"/>
  <c r="A55732" i="1" s="1"/>
  <c r="A55733" i="1" s="1"/>
  <c r="A55734" i="1" s="1"/>
  <c r="A55735" i="1" s="1"/>
  <c r="A55736" i="1" s="1"/>
  <c r="A55737" i="1" s="1"/>
  <c r="A55738" i="1" s="1"/>
  <c r="A55739" i="1" s="1"/>
  <c r="A55740" i="1" s="1"/>
  <c r="A55741" i="1" s="1"/>
  <c r="A55742" i="1" s="1"/>
  <c r="A55743" i="1" s="1"/>
  <c r="A55744" i="1" s="1"/>
  <c r="A55745" i="1" s="1"/>
  <c r="A55746" i="1" s="1"/>
  <c r="A55747" i="1" s="1"/>
  <c r="A55748" i="1" s="1"/>
  <c r="A55749" i="1" s="1"/>
  <c r="A55750" i="1" s="1"/>
  <c r="A55751" i="1" s="1"/>
  <c r="A55752" i="1" s="1"/>
  <c r="A55753" i="1" s="1"/>
  <c r="A55754" i="1" s="1"/>
  <c r="A55755" i="1" s="1"/>
  <c r="A55756" i="1" s="1"/>
  <c r="A55757" i="1" s="1"/>
  <c r="A55758" i="1" s="1"/>
  <c r="A55759" i="1" s="1"/>
  <c r="A55760" i="1" s="1"/>
  <c r="A55761" i="1" s="1"/>
  <c r="A55762" i="1" s="1"/>
  <c r="A55763" i="1" s="1"/>
  <c r="A55764" i="1" s="1"/>
  <c r="A55765" i="1" s="1"/>
  <c r="A55766" i="1" s="1"/>
  <c r="A55767" i="1" s="1"/>
  <c r="A55768" i="1" s="1"/>
  <c r="A55769" i="1" s="1"/>
  <c r="A55770" i="1" s="1"/>
  <c r="A55771" i="1" s="1"/>
  <c r="A55772" i="1" s="1"/>
  <c r="A55773" i="1" s="1"/>
  <c r="A55774" i="1" s="1"/>
  <c r="A55775" i="1" s="1"/>
  <c r="A55776" i="1" s="1"/>
  <c r="A55777" i="1" s="1"/>
  <c r="A55778" i="1" s="1"/>
  <c r="A55779" i="1" s="1"/>
  <c r="A55780" i="1" s="1"/>
  <c r="A55781" i="1" s="1"/>
  <c r="A55782" i="1" s="1"/>
  <c r="A55783" i="1" s="1"/>
  <c r="A55784" i="1" s="1"/>
  <c r="A55785" i="1" s="1"/>
  <c r="A55786" i="1" s="1"/>
  <c r="A55787" i="1" s="1"/>
  <c r="A55788" i="1" s="1"/>
  <c r="A55789" i="1" s="1"/>
  <c r="A55790" i="1" s="1"/>
  <c r="A55791" i="1" s="1"/>
  <c r="A55792" i="1" s="1"/>
  <c r="A55793" i="1" s="1"/>
  <c r="A55794" i="1" s="1"/>
  <c r="A55795" i="1" s="1"/>
  <c r="A55796" i="1" s="1"/>
  <c r="A55797" i="1" s="1"/>
  <c r="A55798" i="1" s="1"/>
  <c r="A55799" i="1" s="1"/>
  <c r="A55800" i="1" s="1"/>
  <c r="A55801" i="1" s="1"/>
  <c r="A55802" i="1" s="1"/>
  <c r="A55803" i="1" s="1"/>
  <c r="A55804" i="1" s="1"/>
  <c r="A55805" i="1" s="1"/>
  <c r="A55806" i="1" s="1"/>
  <c r="A55807" i="1" s="1"/>
  <c r="A55808" i="1" s="1"/>
  <c r="A55809" i="1" s="1"/>
  <c r="A55810" i="1" s="1"/>
  <c r="A55811" i="1" s="1"/>
  <c r="A55812" i="1" s="1"/>
  <c r="A55813" i="1" s="1"/>
  <c r="A55814" i="1" s="1"/>
  <c r="A55815" i="1" s="1"/>
  <c r="A55816" i="1" s="1"/>
  <c r="A55817" i="1" s="1"/>
  <c r="A55818" i="1" s="1"/>
  <c r="A55819" i="1" s="1"/>
  <c r="A55820" i="1" s="1"/>
  <c r="A55821" i="1" s="1"/>
  <c r="A55822" i="1" s="1"/>
  <c r="A55823" i="1" s="1"/>
  <c r="A55824" i="1" s="1"/>
  <c r="A55825" i="1" s="1"/>
  <c r="A55826" i="1" s="1"/>
  <c r="A55827" i="1" s="1"/>
  <c r="A55828" i="1" s="1"/>
  <c r="A55829" i="1" s="1"/>
  <c r="A55830" i="1" s="1"/>
  <c r="A55831" i="1" s="1"/>
  <c r="A55832" i="1" s="1"/>
  <c r="A55833" i="1" s="1"/>
  <c r="A55834" i="1" s="1"/>
  <c r="A55835" i="1" s="1"/>
  <c r="A55836" i="1" s="1"/>
  <c r="A55837" i="1" s="1"/>
  <c r="A55838" i="1" s="1"/>
  <c r="A55839" i="1" s="1"/>
  <c r="A55840" i="1" s="1"/>
  <c r="A55841" i="1" s="1"/>
  <c r="A55842" i="1" s="1"/>
  <c r="A55843" i="1" s="1"/>
  <c r="A55844" i="1" s="1"/>
  <c r="A55845" i="1" s="1"/>
  <c r="A55846" i="1" s="1"/>
  <c r="A55847" i="1" s="1"/>
  <c r="A55848" i="1" s="1"/>
  <c r="A55849" i="1" s="1"/>
  <c r="A55850" i="1" s="1"/>
  <c r="A55851" i="1" s="1"/>
  <c r="A55852" i="1" s="1"/>
  <c r="A55853" i="1" s="1"/>
  <c r="A55854" i="1" s="1"/>
  <c r="A55855" i="1" s="1"/>
  <c r="A55856" i="1" s="1"/>
  <c r="A55857" i="1" s="1"/>
  <c r="A55858" i="1" s="1"/>
  <c r="A55859" i="1" s="1"/>
  <c r="A55860" i="1" s="1"/>
  <c r="A55861" i="1" s="1"/>
  <c r="A55862" i="1" s="1"/>
  <c r="A55863" i="1" s="1"/>
  <c r="A55864" i="1" s="1"/>
  <c r="A55865" i="1" s="1"/>
  <c r="A55866" i="1" s="1"/>
  <c r="A55867" i="1" s="1"/>
  <c r="A55868" i="1" s="1"/>
  <c r="A55869" i="1" s="1"/>
  <c r="A55870" i="1" s="1"/>
  <c r="A55871" i="1" s="1"/>
  <c r="A55872" i="1" s="1"/>
  <c r="A55873" i="1" s="1"/>
  <c r="A55874" i="1" s="1"/>
  <c r="A55875" i="1" s="1"/>
  <c r="A55876" i="1" s="1"/>
  <c r="A55877" i="1" s="1"/>
  <c r="A55878" i="1" s="1"/>
  <c r="A55879" i="1" s="1"/>
  <c r="A55880" i="1" s="1"/>
  <c r="A55881" i="1" s="1"/>
  <c r="A55882" i="1" s="1"/>
  <c r="A55883" i="1" s="1"/>
  <c r="A55884" i="1" s="1"/>
  <c r="A55885" i="1" s="1"/>
  <c r="A55886" i="1" s="1"/>
  <c r="A55887" i="1" s="1"/>
  <c r="A55888" i="1" s="1"/>
  <c r="A55889" i="1" s="1"/>
  <c r="A55890" i="1" s="1"/>
  <c r="A55891" i="1" s="1"/>
  <c r="A55892" i="1" s="1"/>
  <c r="A55893" i="1" s="1"/>
  <c r="A55894" i="1" s="1"/>
  <c r="A55895" i="1" s="1"/>
  <c r="A55896" i="1" s="1"/>
  <c r="A55897" i="1" s="1"/>
  <c r="A55898" i="1" s="1"/>
  <c r="A55899" i="1" s="1"/>
  <c r="A55900" i="1" s="1"/>
  <c r="A55901" i="1" s="1"/>
  <c r="A55902" i="1" s="1"/>
  <c r="A55903" i="1" s="1"/>
  <c r="A55904" i="1" s="1"/>
  <c r="A55905" i="1" s="1"/>
  <c r="A55906" i="1" s="1"/>
  <c r="A55907" i="1" s="1"/>
  <c r="A55908" i="1" s="1"/>
  <c r="A55909" i="1" s="1"/>
  <c r="A55910" i="1" s="1"/>
  <c r="A55911" i="1" s="1"/>
  <c r="A55912" i="1" s="1"/>
  <c r="A55913" i="1" s="1"/>
  <c r="A55914" i="1" s="1"/>
  <c r="A55915" i="1" s="1"/>
  <c r="A55916" i="1" s="1"/>
  <c r="A55917" i="1" s="1"/>
  <c r="A55918" i="1" s="1"/>
  <c r="A55919" i="1" s="1"/>
  <c r="A55920" i="1" s="1"/>
  <c r="A55921" i="1" s="1"/>
  <c r="A55922" i="1" s="1"/>
  <c r="A55923" i="1" s="1"/>
  <c r="A55924" i="1" s="1"/>
  <c r="A55925" i="1" s="1"/>
  <c r="A55926" i="1" s="1"/>
  <c r="A55927" i="1" s="1"/>
  <c r="A55928" i="1" s="1"/>
  <c r="A55929" i="1" s="1"/>
  <c r="A55930" i="1" s="1"/>
  <c r="A55931" i="1" s="1"/>
  <c r="A55932" i="1" s="1"/>
  <c r="A55933" i="1" s="1"/>
  <c r="A55934" i="1" s="1"/>
  <c r="A55935" i="1" s="1"/>
  <c r="A55936" i="1" s="1"/>
  <c r="A55937" i="1" s="1"/>
  <c r="A55938" i="1" s="1"/>
  <c r="A55939" i="1" s="1"/>
  <c r="A55940" i="1" s="1"/>
  <c r="A55941" i="1" s="1"/>
  <c r="A55942" i="1" s="1"/>
  <c r="A55943" i="1" s="1"/>
  <c r="A55944" i="1" s="1"/>
  <c r="A55945" i="1" s="1"/>
  <c r="A55946" i="1" s="1"/>
  <c r="A55947" i="1" s="1"/>
  <c r="A55948" i="1" s="1"/>
  <c r="A55949" i="1" s="1"/>
  <c r="A55950" i="1" s="1"/>
  <c r="A55951" i="1" s="1"/>
  <c r="A55952" i="1" s="1"/>
  <c r="A55953" i="1" s="1"/>
  <c r="A55954" i="1" s="1"/>
  <c r="A55955" i="1" s="1"/>
  <c r="A55956" i="1" s="1"/>
  <c r="A55957" i="1" s="1"/>
  <c r="A55958" i="1" s="1"/>
  <c r="A55959" i="1" s="1"/>
  <c r="A55960" i="1" s="1"/>
  <c r="A55961" i="1" s="1"/>
  <c r="A55962" i="1" s="1"/>
  <c r="A55963" i="1" s="1"/>
  <c r="A55964" i="1" s="1"/>
  <c r="A55965" i="1" s="1"/>
  <c r="A55966" i="1" s="1"/>
  <c r="A55967" i="1" s="1"/>
  <c r="A55968" i="1" s="1"/>
  <c r="A55969" i="1" s="1"/>
  <c r="A55970" i="1" s="1"/>
  <c r="A55971" i="1" s="1"/>
  <c r="A55972" i="1" s="1"/>
  <c r="A55973" i="1" s="1"/>
  <c r="A55974" i="1" s="1"/>
  <c r="A55975" i="1" s="1"/>
  <c r="A55976" i="1" s="1"/>
  <c r="A55977" i="1" s="1"/>
  <c r="A55978" i="1" s="1"/>
  <c r="A55979" i="1" s="1"/>
  <c r="A55980" i="1" s="1"/>
  <c r="A55981" i="1" s="1"/>
  <c r="A55982" i="1" s="1"/>
  <c r="A55983" i="1" s="1"/>
  <c r="A55984" i="1" s="1"/>
  <c r="A55985" i="1" s="1"/>
  <c r="A55986" i="1" s="1"/>
  <c r="A55987" i="1" s="1"/>
  <c r="A55988" i="1" s="1"/>
  <c r="A55989" i="1" s="1"/>
  <c r="A55990" i="1" s="1"/>
  <c r="A55991" i="1" s="1"/>
  <c r="A55992" i="1" s="1"/>
  <c r="A55993" i="1" s="1"/>
  <c r="A55994" i="1" s="1"/>
  <c r="A55995" i="1" s="1"/>
  <c r="A55996" i="1" s="1"/>
  <c r="A55997" i="1" s="1"/>
  <c r="A55998" i="1" s="1"/>
  <c r="A55999" i="1" s="1"/>
  <c r="A56000" i="1" s="1"/>
  <c r="A56001" i="1" s="1"/>
  <c r="A56002" i="1" s="1"/>
  <c r="A56003" i="1" s="1"/>
  <c r="A56004" i="1" s="1"/>
  <c r="A56005" i="1" s="1"/>
  <c r="A56006" i="1" s="1"/>
  <c r="A56007" i="1" s="1"/>
  <c r="A56008" i="1" s="1"/>
  <c r="A56009" i="1" s="1"/>
  <c r="A56010" i="1" s="1"/>
  <c r="A56011" i="1" s="1"/>
  <c r="A56012" i="1" s="1"/>
  <c r="A56013" i="1" s="1"/>
  <c r="A56014" i="1" s="1"/>
  <c r="A56015" i="1" s="1"/>
  <c r="A56016" i="1" s="1"/>
  <c r="A56017" i="1" s="1"/>
  <c r="A56018" i="1" s="1"/>
  <c r="A56019" i="1" s="1"/>
  <c r="A56020" i="1" s="1"/>
  <c r="A56021" i="1" s="1"/>
  <c r="A56022" i="1" s="1"/>
  <c r="A56023" i="1" s="1"/>
  <c r="A56024" i="1" s="1"/>
  <c r="A56025" i="1" s="1"/>
  <c r="A56026" i="1" s="1"/>
  <c r="A56027" i="1" s="1"/>
  <c r="A56028" i="1" s="1"/>
  <c r="A56029" i="1" s="1"/>
  <c r="A56030" i="1" s="1"/>
  <c r="A56031" i="1" s="1"/>
  <c r="A56032" i="1" s="1"/>
  <c r="A56033" i="1" s="1"/>
  <c r="A56034" i="1" s="1"/>
  <c r="A56035" i="1" s="1"/>
  <c r="A56036" i="1" s="1"/>
  <c r="A56037" i="1" s="1"/>
  <c r="A56038" i="1" s="1"/>
  <c r="A56039" i="1" s="1"/>
  <c r="A56040" i="1" s="1"/>
  <c r="A56041" i="1" s="1"/>
  <c r="A56042" i="1" s="1"/>
  <c r="A56043" i="1" s="1"/>
  <c r="A56044" i="1" s="1"/>
  <c r="A56045" i="1" s="1"/>
  <c r="A56046" i="1" s="1"/>
  <c r="A56047" i="1" s="1"/>
  <c r="A56048" i="1" s="1"/>
  <c r="A56049" i="1" s="1"/>
  <c r="A56050" i="1" s="1"/>
  <c r="A56051" i="1" s="1"/>
  <c r="A56052" i="1" s="1"/>
  <c r="A56053" i="1" s="1"/>
  <c r="A56054" i="1" s="1"/>
  <c r="A56055" i="1" s="1"/>
  <c r="A56056" i="1" s="1"/>
  <c r="A56057" i="1" s="1"/>
  <c r="A56058" i="1" s="1"/>
  <c r="A56059" i="1" s="1"/>
  <c r="A56060" i="1" s="1"/>
  <c r="A56061" i="1" s="1"/>
  <c r="A56062" i="1" s="1"/>
  <c r="A56063" i="1" s="1"/>
  <c r="A56064" i="1" s="1"/>
  <c r="A56065" i="1" s="1"/>
  <c r="A56066" i="1" s="1"/>
  <c r="A56067" i="1" s="1"/>
  <c r="A56068" i="1" s="1"/>
  <c r="A56069" i="1" s="1"/>
  <c r="A56070" i="1" s="1"/>
  <c r="A56071" i="1" s="1"/>
  <c r="A56072" i="1" s="1"/>
  <c r="A56073" i="1" s="1"/>
  <c r="A56074" i="1" s="1"/>
  <c r="A56075" i="1" s="1"/>
  <c r="A56076" i="1" s="1"/>
  <c r="A56077" i="1" s="1"/>
  <c r="A56078" i="1" s="1"/>
  <c r="A56079" i="1" s="1"/>
  <c r="A56080" i="1" s="1"/>
  <c r="A56081" i="1" s="1"/>
  <c r="A56082" i="1" s="1"/>
  <c r="A56083" i="1" s="1"/>
  <c r="A56084" i="1" s="1"/>
  <c r="A56085" i="1" s="1"/>
  <c r="A56086" i="1" s="1"/>
  <c r="A56087" i="1" s="1"/>
  <c r="A56088" i="1" s="1"/>
  <c r="A56089" i="1" s="1"/>
  <c r="A56090" i="1" s="1"/>
  <c r="A56091" i="1" s="1"/>
  <c r="A56092" i="1" s="1"/>
  <c r="A56093" i="1" s="1"/>
  <c r="A56094" i="1" s="1"/>
  <c r="A56095" i="1" s="1"/>
  <c r="A56096" i="1" s="1"/>
  <c r="A56097" i="1" s="1"/>
  <c r="A56098" i="1" s="1"/>
  <c r="A56099" i="1" s="1"/>
  <c r="A56100" i="1" s="1"/>
  <c r="A56101" i="1" s="1"/>
  <c r="A56102" i="1" s="1"/>
  <c r="A56103" i="1" s="1"/>
  <c r="A56104" i="1" s="1"/>
  <c r="A56105" i="1" s="1"/>
  <c r="A56106" i="1" s="1"/>
  <c r="A56107" i="1" s="1"/>
  <c r="A56108" i="1" s="1"/>
  <c r="A56109" i="1" s="1"/>
  <c r="A56110" i="1" s="1"/>
  <c r="A56111" i="1" s="1"/>
  <c r="A56112" i="1" s="1"/>
  <c r="A56113" i="1" s="1"/>
  <c r="A56114" i="1" s="1"/>
  <c r="A56115" i="1" s="1"/>
  <c r="A56116" i="1" s="1"/>
  <c r="A56117" i="1" s="1"/>
  <c r="A56118" i="1" s="1"/>
  <c r="A56119" i="1" s="1"/>
  <c r="A56120" i="1" s="1"/>
  <c r="A56121" i="1" s="1"/>
  <c r="A56122" i="1" s="1"/>
  <c r="A56123" i="1" s="1"/>
  <c r="A56124" i="1" s="1"/>
  <c r="A56125" i="1" s="1"/>
  <c r="A56126" i="1" s="1"/>
  <c r="A56127" i="1" s="1"/>
  <c r="A56128" i="1" s="1"/>
  <c r="A56129" i="1" s="1"/>
  <c r="A56130" i="1" s="1"/>
  <c r="A56131" i="1" s="1"/>
  <c r="A56132" i="1" s="1"/>
  <c r="A56133" i="1" s="1"/>
  <c r="A56134" i="1" s="1"/>
  <c r="A56135" i="1" s="1"/>
  <c r="A56136" i="1" s="1"/>
  <c r="A56137" i="1" s="1"/>
  <c r="A56138" i="1" s="1"/>
  <c r="A56139" i="1" s="1"/>
  <c r="A56140" i="1" s="1"/>
  <c r="A56141" i="1" s="1"/>
  <c r="A56142" i="1" s="1"/>
  <c r="A56143" i="1" s="1"/>
  <c r="A56144" i="1" s="1"/>
  <c r="A56145" i="1" s="1"/>
  <c r="A56146" i="1" s="1"/>
  <c r="A56147" i="1" s="1"/>
  <c r="A56148" i="1" s="1"/>
  <c r="A56149" i="1" s="1"/>
  <c r="A56150" i="1" s="1"/>
  <c r="A56151" i="1" s="1"/>
  <c r="A56152" i="1" s="1"/>
  <c r="A56153" i="1" s="1"/>
  <c r="A56154" i="1" s="1"/>
  <c r="A56155" i="1" s="1"/>
  <c r="A56156" i="1" s="1"/>
  <c r="A56157" i="1" s="1"/>
  <c r="A56158" i="1" s="1"/>
  <c r="A56159" i="1" s="1"/>
  <c r="A56160" i="1" s="1"/>
  <c r="A56161" i="1" s="1"/>
  <c r="A56162" i="1" s="1"/>
  <c r="A56163" i="1" s="1"/>
  <c r="A56164" i="1" s="1"/>
  <c r="A56165" i="1" s="1"/>
  <c r="A56166" i="1" s="1"/>
  <c r="A56167" i="1" s="1"/>
  <c r="A56168" i="1" s="1"/>
  <c r="A56169" i="1" s="1"/>
  <c r="A56170" i="1" s="1"/>
  <c r="A56171" i="1" s="1"/>
  <c r="A56172" i="1" s="1"/>
  <c r="A56173" i="1" s="1"/>
  <c r="A56174" i="1" s="1"/>
  <c r="A56175" i="1" s="1"/>
  <c r="A56176" i="1" s="1"/>
  <c r="A56177" i="1" s="1"/>
  <c r="A56178" i="1" s="1"/>
  <c r="A56179" i="1" s="1"/>
  <c r="A56180" i="1" s="1"/>
  <c r="A56181" i="1" s="1"/>
  <c r="A56182" i="1" s="1"/>
  <c r="A56183" i="1" s="1"/>
  <c r="A56184" i="1" s="1"/>
  <c r="A56185" i="1" s="1"/>
  <c r="A56186" i="1" s="1"/>
  <c r="A56187" i="1" s="1"/>
  <c r="A56188" i="1" s="1"/>
  <c r="A56189" i="1" s="1"/>
  <c r="A56190" i="1" s="1"/>
  <c r="A56191" i="1" s="1"/>
  <c r="A56192" i="1" s="1"/>
  <c r="A56193" i="1" s="1"/>
  <c r="A56194" i="1" s="1"/>
  <c r="A56195" i="1" s="1"/>
  <c r="A56196" i="1" s="1"/>
  <c r="A56197" i="1" s="1"/>
  <c r="A56198" i="1" s="1"/>
  <c r="A56199" i="1" s="1"/>
  <c r="A56200" i="1" s="1"/>
  <c r="A56201" i="1" s="1"/>
  <c r="A56202" i="1" s="1"/>
  <c r="A56203" i="1" s="1"/>
  <c r="A56204" i="1" s="1"/>
  <c r="A56205" i="1" s="1"/>
  <c r="A56206" i="1" s="1"/>
  <c r="A56207" i="1" s="1"/>
  <c r="A56208" i="1" s="1"/>
  <c r="A56209" i="1" s="1"/>
  <c r="A56210" i="1" s="1"/>
  <c r="A56211" i="1" s="1"/>
  <c r="A56212" i="1" s="1"/>
  <c r="A56213" i="1" s="1"/>
  <c r="A56214" i="1" s="1"/>
  <c r="A56215" i="1" s="1"/>
  <c r="A56216" i="1" s="1"/>
  <c r="A56217" i="1" s="1"/>
  <c r="A56218" i="1" s="1"/>
  <c r="A56219" i="1" s="1"/>
  <c r="A56220" i="1" s="1"/>
  <c r="A56221" i="1" s="1"/>
  <c r="A56222" i="1" s="1"/>
  <c r="A56223" i="1" s="1"/>
  <c r="A56224" i="1" s="1"/>
  <c r="A56225" i="1" s="1"/>
  <c r="A56226" i="1" s="1"/>
  <c r="A56227" i="1" s="1"/>
  <c r="A56228" i="1" s="1"/>
  <c r="A56229" i="1" s="1"/>
  <c r="A56230" i="1" s="1"/>
  <c r="A56231" i="1" s="1"/>
  <c r="A56232" i="1" s="1"/>
  <c r="A56233" i="1" s="1"/>
  <c r="A56234" i="1" s="1"/>
  <c r="A56235" i="1" s="1"/>
  <c r="A56236" i="1" s="1"/>
  <c r="A56237" i="1" s="1"/>
  <c r="A56238" i="1" s="1"/>
  <c r="A56239" i="1" s="1"/>
  <c r="A56240" i="1" s="1"/>
  <c r="A56241" i="1" s="1"/>
  <c r="A56242" i="1" s="1"/>
  <c r="A56243" i="1" s="1"/>
  <c r="A56244" i="1" s="1"/>
  <c r="A56245" i="1" s="1"/>
  <c r="A56246" i="1" s="1"/>
  <c r="A56247" i="1" s="1"/>
  <c r="A56248" i="1" s="1"/>
  <c r="A56249" i="1" s="1"/>
  <c r="A56250" i="1" s="1"/>
  <c r="A56251" i="1" s="1"/>
  <c r="A56252" i="1" s="1"/>
  <c r="A56253" i="1" s="1"/>
  <c r="A56254" i="1" s="1"/>
  <c r="A56255" i="1" s="1"/>
  <c r="A56256" i="1" s="1"/>
  <c r="A56257" i="1" s="1"/>
  <c r="A56258" i="1" s="1"/>
  <c r="A56259" i="1" s="1"/>
  <c r="A56260" i="1" s="1"/>
  <c r="A56261" i="1" s="1"/>
  <c r="A56262" i="1" s="1"/>
  <c r="A56263" i="1" s="1"/>
  <c r="A56264" i="1" s="1"/>
  <c r="A56265" i="1" s="1"/>
  <c r="A56266" i="1" s="1"/>
  <c r="A56267" i="1" s="1"/>
  <c r="A56268" i="1" s="1"/>
  <c r="A56269" i="1" s="1"/>
  <c r="A56270" i="1" s="1"/>
  <c r="A56271" i="1" s="1"/>
  <c r="A56272" i="1" s="1"/>
  <c r="A56273" i="1" s="1"/>
  <c r="A56274" i="1" s="1"/>
  <c r="A56275" i="1" s="1"/>
  <c r="A56276" i="1" s="1"/>
  <c r="A56277" i="1" s="1"/>
  <c r="A56278" i="1" s="1"/>
  <c r="A56279" i="1" s="1"/>
  <c r="A56280" i="1" s="1"/>
  <c r="A56281" i="1" s="1"/>
  <c r="A56282" i="1" s="1"/>
  <c r="A56283" i="1" s="1"/>
  <c r="A56284" i="1" s="1"/>
  <c r="A56285" i="1" s="1"/>
  <c r="A56286" i="1" s="1"/>
  <c r="A56287" i="1" s="1"/>
  <c r="A56288" i="1" s="1"/>
  <c r="A56289" i="1" s="1"/>
  <c r="A56290" i="1" s="1"/>
  <c r="A56291" i="1" s="1"/>
  <c r="A56292" i="1" s="1"/>
  <c r="A56293" i="1" s="1"/>
  <c r="A56294" i="1" s="1"/>
  <c r="A56295" i="1" s="1"/>
  <c r="A56296" i="1" s="1"/>
  <c r="A56297" i="1" s="1"/>
  <c r="A56298" i="1" s="1"/>
  <c r="A56299" i="1" s="1"/>
  <c r="A56300" i="1" s="1"/>
  <c r="A56301" i="1" s="1"/>
  <c r="A56302" i="1" s="1"/>
  <c r="A56303" i="1" s="1"/>
  <c r="A56304" i="1" s="1"/>
  <c r="A56305" i="1" s="1"/>
  <c r="A56306" i="1" s="1"/>
  <c r="A56307" i="1" s="1"/>
  <c r="A56308" i="1" s="1"/>
  <c r="A56309" i="1" s="1"/>
  <c r="A56310" i="1" s="1"/>
  <c r="A56311" i="1" s="1"/>
  <c r="A56312" i="1" s="1"/>
  <c r="A56313" i="1" s="1"/>
  <c r="A56314" i="1" s="1"/>
  <c r="A56315" i="1" s="1"/>
  <c r="A56316" i="1" s="1"/>
  <c r="A56317" i="1" s="1"/>
  <c r="A56318" i="1" s="1"/>
  <c r="A56319" i="1" s="1"/>
  <c r="A56320" i="1" s="1"/>
  <c r="A56321" i="1" s="1"/>
  <c r="A56322" i="1" s="1"/>
  <c r="A56323" i="1" s="1"/>
  <c r="A56324" i="1" s="1"/>
  <c r="A56325" i="1" s="1"/>
  <c r="A56326" i="1" s="1"/>
  <c r="A56327" i="1" s="1"/>
  <c r="A56328" i="1" s="1"/>
  <c r="A56329" i="1" s="1"/>
  <c r="A56330" i="1" s="1"/>
  <c r="A56331" i="1" s="1"/>
  <c r="A56332" i="1" s="1"/>
  <c r="A56333" i="1" s="1"/>
  <c r="A56334" i="1" s="1"/>
  <c r="A56335" i="1" s="1"/>
  <c r="A56336" i="1" s="1"/>
  <c r="A56337" i="1" s="1"/>
  <c r="A56338" i="1" s="1"/>
  <c r="A56339" i="1" s="1"/>
  <c r="A56340" i="1" s="1"/>
  <c r="A56341" i="1" s="1"/>
  <c r="A56342" i="1" s="1"/>
  <c r="A56343" i="1" s="1"/>
  <c r="A56344" i="1" s="1"/>
  <c r="A56345" i="1" s="1"/>
  <c r="A56346" i="1" s="1"/>
  <c r="A56347" i="1" s="1"/>
  <c r="A56348" i="1" s="1"/>
  <c r="A56349" i="1" s="1"/>
  <c r="A56350" i="1" s="1"/>
  <c r="A56351" i="1" s="1"/>
  <c r="A56352" i="1" s="1"/>
  <c r="A56353" i="1" s="1"/>
  <c r="A56354" i="1" s="1"/>
  <c r="A56355" i="1" s="1"/>
  <c r="A56356" i="1" s="1"/>
  <c r="A56357" i="1" s="1"/>
  <c r="A56358" i="1" s="1"/>
  <c r="A56359" i="1" s="1"/>
  <c r="A56360" i="1" s="1"/>
  <c r="A56361" i="1" s="1"/>
  <c r="A56362" i="1" s="1"/>
  <c r="A56363" i="1" s="1"/>
  <c r="A56364" i="1" s="1"/>
  <c r="A56365" i="1" s="1"/>
  <c r="A56366" i="1" s="1"/>
  <c r="A56367" i="1" s="1"/>
  <c r="A56368" i="1" s="1"/>
  <c r="A56369" i="1" s="1"/>
  <c r="A56370" i="1" s="1"/>
  <c r="A56371" i="1" s="1"/>
  <c r="A56372" i="1" s="1"/>
  <c r="A56373" i="1" s="1"/>
  <c r="A56374" i="1" s="1"/>
  <c r="A56375" i="1" s="1"/>
  <c r="A56376" i="1" s="1"/>
  <c r="A56377" i="1" s="1"/>
  <c r="A56378" i="1" s="1"/>
  <c r="A56379" i="1" s="1"/>
  <c r="A56380" i="1" s="1"/>
  <c r="A56381" i="1" s="1"/>
  <c r="A56382" i="1" s="1"/>
  <c r="A56383" i="1" s="1"/>
  <c r="A56384" i="1" s="1"/>
  <c r="A56385" i="1" s="1"/>
  <c r="A56386" i="1" s="1"/>
  <c r="A56387" i="1" s="1"/>
  <c r="A56388" i="1" s="1"/>
  <c r="A56389" i="1" s="1"/>
  <c r="A56390" i="1" s="1"/>
  <c r="A56391" i="1" s="1"/>
  <c r="A56392" i="1" s="1"/>
  <c r="A56393" i="1" s="1"/>
  <c r="A56394" i="1" s="1"/>
  <c r="A56395" i="1" s="1"/>
  <c r="A56396" i="1" s="1"/>
  <c r="A56397" i="1" s="1"/>
  <c r="A56398" i="1" s="1"/>
  <c r="A56399" i="1" s="1"/>
  <c r="A56400" i="1" s="1"/>
  <c r="A56401" i="1" s="1"/>
  <c r="A56402" i="1" s="1"/>
  <c r="A56403" i="1" s="1"/>
  <c r="A56404" i="1" s="1"/>
  <c r="A56405" i="1" s="1"/>
  <c r="A56406" i="1" s="1"/>
  <c r="A56407" i="1" s="1"/>
  <c r="A56408" i="1" s="1"/>
  <c r="A56409" i="1" s="1"/>
  <c r="A56410" i="1" s="1"/>
  <c r="A56411" i="1" s="1"/>
  <c r="A56412" i="1" s="1"/>
  <c r="A56413" i="1" s="1"/>
  <c r="A56414" i="1" s="1"/>
  <c r="A56415" i="1" s="1"/>
  <c r="A56416" i="1" s="1"/>
  <c r="A56417" i="1" s="1"/>
  <c r="A56418" i="1" s="1"/>
  <c r="A56419" i="1" s="1"/>
  <c r="A56420" i="1" s="1"/>
  <c r="A56421" i="1" s="1"/>
  <c r="A56422" i="1" s="1"/>
  <c r="A56423" i="1" s="1"/>
  <c r="A56424" i="1" s="1"/>
  <c r="A56425" i="1" s="1"/>
  <c r="A56426" i="1" s="1"/>
  <c r="A56427" i="1" s="1"/>
  <c r="A56428" i="1" s="1"/>
  <c r="A56429" i="1" s="1"/>
  <c r="A56430" i="1" s="1"/>
  <c r="A56431" i="1" s="1"/>
  <c r="A56432" i="1" s="1"/>
  <c r="A56433" i="1" s="1"/>
  <c r="A56434" i="1" s="1"/>
  <c r="A56435" i="1" s="1"/>
  <c r="A56436" i="1" s="1"/>
  <c r="A56437" i="1" s="1"/>
  <c r="A56438" i="1" s="1"/>
  <c r="A56439" i="1" s="1"/>
  <c r="A56440" i="1" s="1"/>
  <c r="A56441" i="1" s="1"/>
  <c r="A56442" i="1" s="1"/>
  <c r="A56443" i="1" s="1"/>
  <c r="A56444" i="1" s="1"/>
  <c r="A56445" i="1" s="1"/>
  <c r="A56446" i="1" s="1"/>
  <c r="A56447" i="1" s="1"/>
  <c r="A56448" i="1" s="1"/>
  <c r="A56449" i="1" s="1"/>
  <c r="A56450" i="1" s="1"/>
  <c r="A56451" i="1" s="1"/>
  <c r="A56452" i="1" s="1"/>
  <c r="A56453" i="1" s="1"/>
  <c r="A56454" i="1" s="1"/>
  <c r="A56455" i="1" s="1"/>
  <c r="A56456" i="1" s="1"/>
  <c r="A56457" i="1" s="1"/>
  <c r="A56458" i="1" s="1"/>
  <c r="A56459" i="1" s="1"/>
  <c r="A56460" i="1" s="1"/>
  <c r="A56461" i="1" s="1"/>
  <c r="A56462" i="1" s="1"/>
  <c r="A56463" i="1" s="1"/>
  <c r="A56464" i="1" s="1"/>
  <c r="A56465" i="1" s="1"/>
  <c r="A56466" i="1" s="1"/>
  <c r="A56467" i="1" s="1"/>
  <c r="A56468" i="1" s="1"/>
  <c r="A56469" i="1" s="1"/>
  <c r="A56470" i="1" s="1"/>
  <c r="A56471" i="1" s="1"/>
  <c r="A56472" i="1" s="1"/>
  <c r="A56473" i="1" s="1"/>
  <c r="A56474" i="1" s="1"/>
  <c r="A56475" i="1" s="1"/>
  <c r="A56476" i="1" s="1"/>
  <c r="A56477" i="1" s="1"/>
  <c r="A56478" i="1" s="1"/>
  <c r="A56479" i="1" s="1"/>
  <c r="A56480" i="1" s="1"/>
  <c r="A56481" i="1" s="1"/>
  <c r="A56482" i="1" s="1"/>
  <c r="A56483" i="1" s="1"/>
  <c r="A56484" i="1" s="1"/>
  <c r="A56485" i="1" s="1"/>
  <c r="A56486" i="1" s="1"/>
  <c r="A56487" i="1" s="1"/>
  <c r="A56488" i="1" s="1"/>
  <c r="A56489" i="1" s="1"/>
  <c r="A56490" i="1" s="1"/>
  <c r="A56491" i="1" s="1"/>
  <c r="A56492" i="1" s="1"/>
  <c r="A56493" i="1" s="1"/>
  <c r="A56494" i="1" s="1"/>
  <c r="A56495" i="1" s="1"/>
  <c r="A56496" i="1" s="1"/>
  <c r="A56497" i="1" s="1"/>
  <c r="A56498" i="1" s="1"/>
  <c r="A56499" i="1" s="1"/>
  <c r="A56500" i="1" s="1"/>
  <c r="A56501" i="1" s="1"/>
  <c r="A56502" i="1" s="1"/>
  <c r="A56503" i="1" s="1"/>
  <c r="A56504" i="1" s="1"/>
  <c r="A56505" i="1" s="1"/>
  <c r="A56506" i="1" s="1"/>
  <c r="A56507" i="1" s="1"/>
  <c r="A56508" i="1" s="1"/>
  <c r="A56509" i="1" s="1"/>
  <c r="A56510" i="1" s="1"/>
  <c r="A56511" i="1" s="1"/>
  <c r="A56512" i="1" s="1"/>
  <c r="A56513" i="1" s="1"/>
  <c r="A56514" i="1" s="1"/>
  <c r="A56515" i="1" s="1"/>
  <c r="A56516" i="1" s="1"/>
  <c r="A56517" i="1" s="1"/>
  <c r="A56518" i="1" s="1"/>
  <c r="A56519" i="1" s="1"/>
  <c r="A56520" i="1" s="1"/>
  <c r="A56521" i="1" s="1"/>
  <c r="A56522" i="1" s="1"/>
  <c r="A56523" i="1" s="1"/>
  <c r="A56524" i="1" s="1"/>
  <c r="A56525" i="1" s="1"/>
  <c r="A56526" i="1" s="1"/>
  <c r="A56527" i="1" s="1"/>
  <c r="A56528" i="1" s="1"/>
  <c r="A56529" i="1" s="1"/>
  <c r="A56530" i="1" s="1"/>
  <c r="A56531" i="1" s="1"/>
  <c r="A56532" i="1" s="1"/>
  <c r="A56533" i="1" s="1"/>
  <c r="A56534" i="1" s="1"/>
  <c r="A56535" i="1" s="1"/>
  <c r="A56536" i="1" s="1"/>
  <c r="A56537" i="1" s="1"/>
  <c r="A56538" i="1" s="1"/>
  <c r="A56539" i="1" s="1"/>
  <c r="A56540" i="1" s="1"/>
  <c r="A56541" i="1" s="1"/>
  <c r="A56542" i="1" s="1"/>
  <c r="A56543" i="1" s="1"/>
  <c r="A56544" i="1" s="1"/>
  <c r="A56545" i="1" s="1"/>
  <c r="A56546" i="1" s="1"/>
  <c r="A56547" i="1" s="1"/>
  <c r="A56548" i="1" s="1"/>
  <c r="A56549" i="1" s="1"/>
  <c r="A56550" i="1" s="1"/>
  <c r="A56551" i="1" s="1"/>
  <c r="A56552" i="1" s="1"/>
  <c r="A56553" i="1" s="1"/>
  <c r="A56554" i="1" s="1"/>
  <c r="A56555" i="1" s="1"/>
  <c r="A56556" i="1" s="1"/>
  <c r="A56557" i="1" s="1"/>
  <c r="A56558" i="1" s="1"/>
  <c r="A56559" i="1" s="1"/>
  <c r="A56560" i="1" s="1"/>
  <c r="A56561" i="1" s="1"/>
  <c r="A56562" i="1" s="1"/>
  <c r="A56563" i="1" s="1"/>
  <c r="A56564" i="1" s="1"/>
  <c r="A56565" i="1" s="1"/>
  <c r="A56566" i="1" s="1"/>
  <c r="A56567" i="1" s="1"/>
  <c r="A56568" i="1" s="1"/>
  <c r="A56569" i="1" s="1"/>
  <c r="A56570" i="1" s="1"/>
  <c r="A56571" i="1" s="1"/>
  <c r="A56572" i="1" s="1"/>
  <c r="A56573" i="1" s="1"/>
  <c r="A56574" i="1" s="1"/>
  <c r="A56575" i="1" s="1"/>
  <c r="A56576" i="1" s="1"/>
  <c r="A56577" i="1" s="1"/>
  <c r="A56578" i="1" s="1"/>
  <c r="A56579" i="1" s="1"/>
  <c r="A56580" i="1" s="1"/>
  <c r="A56581" i="1" s="1"/>
  <c r="A56582" i="1" s="1"/>
  <c r="A56583" i="1" s="1"/>
  <c r="A56584" i="1" s="1"/>
  <c r="A56585" i="1" s="1"/>
  <c r="A56586" i="1" s="1"/>
  <c r="A56587" i="1" s="1"/>
  <c r="A56588" i="1" s="1"/>
  <c r="A56589" i="1" s="1"/>
  <c r="A56590" i="1" s="1"/>
  <c r="A56591" i="1" s="1"/>
  <c r="A56592" i="1" s="1"/>
  <c r="A56593" i="1" s="1"/>
  <c r="A56594" i="1" s="1"/>
  <c r="A56595" i="1" s="1"/>
  <c r="A56596" i="1" s="1"/>
  <c r="A56597" i="1" s="1"/>
  <c r="A56598" i="1" s="1"/>
  <c r="A56599" i="1" s="1"/>
  <c r="A56600" i="1" s="1"/>
  <c r="A56601" i="1" s="1"/>
  <c r="A56602" i="1" s="1"/>
  <c r="A56603" i="1" s="1"/>
  <c r="A56604" i="1" s="1"/>
  <c r="A56605" i="1" s="1"/>
  <c r="A56606" i="1" s="1"/>
  <c r="A56607" i="1" s="1"/>
  <c r="A56608" i="1" s="1"/>
  <c r="A56609" i="1" s="1"/>
  <c r="A56610" i="1" s="1"/>
  <c r="A56611" i="1" s="1"/>
  <c r="A56612" i="1" s="1"/>
  <c r="A56613" i="1" s="1"/>
  <c r="A56614" i="1" s="1"/>
  <c r="A56615" i="1" s="1"/>
  <c r="A56616" i="1" s="1"/>
  <c r="A56617" i="1" s="1"/>
  <c r="A56618" i="1" s="1"/>
  <c r="A56619" i="1" s="1"/>
  <c r="A56620" i="1" s="1"/>
  <c r="A56621" i="1" s="1"/>
  <c r="A56622" i="1" s="1"/>
  <c r="A56623" i="1" s="1"/>
  <c r="A56624" i="1" s="1"/>
  <c r="A56625" i="1" s="1"/>
  <c r="A56626" i="1" s="1"/>
  <c r="A56627" i="1" s="1"/>
  <c r="A56628" i="1" s="1"/>
  <c r="A56629" i="1" s="1"/>
  <c r="A56630" i="1" s="1"/>
  <c r="A56631" i="1" s="1"/>
  <c r="A56632" i="1" s="1"/>
  <c r="A56633" i="1" s="1"/>
  <c r="A56634" i="1" s="1"/>
  <c r="A56635" i="1" s="1"/>
  <c r="A56636" i="1" s="1"/>
  <c r="A56637" i="1" s="1"/>
  <c r="A56638" i="1" s="1"/>
  <c r="A56639" i="1" s="1"/>
  <c r="A56640" i="1" s="1"/>
  <c r="A56641" i="1" s="1"/>
  <c r="A56642" i="1" s="1"/>
  <c r="A56643" i="1" s="1"/>
  <c r="A56644" i="1" s="1"/>
  <c r="A56645" i="1" s="1"/>
  <c r="A56646" i="1" s="1"/>
  <c r="A56647" i="1" s="1"/>
  <c r="A56648" i="1" s="1"/>
  <c r="A56649" i="1" s="1"/>
  <c r="A56650" i="1" s="1"/>
  <c r="A56651" i="1" s="1"/>
  <c r="A56652" i="1" s="1"/>
  <c r="A56653" i="1" s="1"/>
  <c r="A56654" i="1" s="1"/>
  <c r="A56655" i="1" s="1"/>
  <c r="A56656" i="1" s="1"/>
  <c r="A56657" i="1" s="1"/>
  <c r="A56658" i="1" s="1"/>
  <c r="A56659" i="1" s="1"/>
  <c r="A56660" i="1" s="1"/>
  <c r="A56661" i="1" s="1"/>
  <c r="A56662" i="1" s="1"/>
  <c r="A56663" i="1" s="1"/>
  <c r="A56664" i="1" s="1"/>
  <c r="A56665" i="1" s="1"/>
  <c r="A56666" i="1" s="1"/>
  <c r="A56667" i="1" s="1"/>
  <c r="A56668" i="1" s="1"/>
  <c r="A56669" i="1" s="1"/>
  <c r="A56670" i="1" s="1"/>
  <c r="A56671" i="1" s="1"/>
  <c r="A56672" i="1" s="1"/>
  <c r="A56673" i="1" s="1"/>
  <c r="A56674" i="1" s="1"/>
  <c r="A56675" i="1" s="1"/>
  <c r="A56676" i="1" s="1"/>
  <c r="A56677" i="1" s="1"/>
  <c r="A56678" i="1" s="1"/>
  <c r="A56679" i="1" s="1"/>
  <c r="A56680" i="1" s="1"/>
  <c r="A56681" i="1" s="1"/>
  <c r="A56682" i="1" s="1"/>
  <c r="A56683" i="1" s="1"/>
  <c r="A56684" i="1" s="1"/>
  <c r="A56685" i="1" s="1"/>
  <c r="A56686" i="1" s="1"/>
  <c r="A56687" i="1" s="1"/>
  <c r="A56688" i="1" s="1"/>
  <c r="A56689" i="1" s="1"/>
  <c r="A56690" i="1" s="1"/>
  <c r="A56691" i="1" s="1"/>
  <c r="A56692" i="1" s="1"/>
  <c r="A56693" i="1" s="1"/>
  <c r="A56694" i="1" s="1"/>
  <c r="A56695" i="1" s="1"/>
  <c r="A56696" i="1" s="1"/>
  <c r="A56697" i="1" s="1"/>
  <c r="A56698" i="1" s="1"/>
  <c r="A56699" i="1" s="1"/>
  <c r="A56700" i="1" s="1"/>
  <c r="A56701" i="1" s="1"/>
  <c r="A56702" i="1" s="1"/>
  <c r="A56703" i="1" s="1"/>
  <c r="A56704" i="1" s="1"/>
  <c r="A56705" i="1" s="1"/>
  <c r="A56706" i="1" s="1"/>
  <c r="A56707" i="1" s="1"/>
  <c r="A56708" i="1" s="1"/>
  <c r="A56709" i="1" s="1"/>
  <c r="A56710" i="1" s="1"/>
  <c r="A56711" i="1" s="1"/>
  <c r="A56712" i="1" s="1"/>
  <c r="A56713" i="1" s="1"/>
  <c r="A56714" i="1" s="1"/>
  <c r="A56715" i="1" s="1"/>
  <c r="A56716" i="1" s="1"/>
  <c r="A56717" i="1" s="1"/>
  <c r="A56718" i="1" s="1"/>
  <c r="A56719" i="1" s="1"/>
  <c r="A56720" i="1" s="1"/>
  <c r="A56721" i="1" s="1"/>
  <c r="A56722" i="1" s="1"/>
  <c r="A56723" i="1" s="1"/>
  <c r="A56724" i="1" s="1"/>
  <c r="A56725" i="1" s="1"/>
  <c r="A56726" i="1" s="1"/>
  <c r="A56727" i="1" s="1"/>
  <c r="A56728" i="1" s="1"/>
  <c r="A56729" i="1" s="1"/>
  <c r="A56730" i="1" s="1"/>
  <c r="A56731" i="1" s="1"/>
  <c r="A56732" i="1" s="1"/>
  <c r="A56733" i="1" s="1"/>
  <c r="A56734" i="1" s="1"/>
  <c r="A56735" i="1" s="1"/>
  <c r="A56736" i="1" s="1"/>
  <c r="A56737" i="1" s="1"/>
  <c r="A56738" i="1" s="1"/>
  <c r="A56739" i="1" s="1"/>
  <c r="A56740" i="1" s="1"/>
  <c r="A56741" i="1" s="1"/>
  <c r="A56742" i="1" s="1"/>
  <c r="A56743" i="1" s="1"/>
  <c r="A56744" i="1" s="1"/>
  <c r="A56745" i="1" s="1"/>
  <c r="A56746" i="1" s="1"/>
  <c r="A56747" i="1" s="1"/>
  <c r="A56748" i="1" s="1"/>
  <c r="A56749" i="1" s="1"/>
  <c r="A56750" i="1" s="1"/>
  <c r="A56751" i="1" s="1"/>
  <c r="A56752" i="1" s="1"/>
  <c r="A56753" i="1" s="1"/>
  <c r="A56754" i="1" s="1"/>
  <c r="A56755" i="1" s="1"/>
  <c r="A56756" i="1" s="1"/>
  <c r="A56757" i="1" s="1"/>
  <c r="A56758" i="1" s="1"/>
  <c r="A56759" i="1" s="1"/>
  <c r="A56760" i="1" s="1"/>
  <c r="A56761" i="1" s="1"/>
  <c r="A56762" i="1" s="1"/>
  <c r="A56763" i="1" s="1"/>
  <c r="A56764" i="1" s="1"/>
  <c r="A56765" i="1" s="1"/>
  <c r="A56766" i="1" s="1"/>
  <c r="A56767" i="1" s="1"/>
  <c r="A56768" i="1" s="1"/>
  <c r="A56769" i="1" s="1"/>
  <c r="A56770" i="1" s="1"/>
  <c r="A56771" i="1" s="1"/>
  <c r="A56772" i="1" s="1"/>
  <c r="A56773" i="1" s="1"/>
  <c r="A56774" i="1" s="1"/>
  <c r="A56775" i="1" s="1"/>
  <c r="A56776" i="1" s="1"/>
  <c r="A56777" i="1" s="1"/>
  <c r="A56778" i="1" s="1"/>
  <c r="A56779" i="1" s="1"/>
  <c r="A56780" i="1" s="1"/>
  <c r="A56781" i="1" s="1"/>
  <c r="A56782" i="1" s="1"/>
  <c r="A56783" i="1" s="1"/>
  <c r="A56784" i="1" s="1"/>
  <c r="A56785" i="1" s="1"/>
  <c r="A56786" i="1" s="1"/>
  <c r="A56787" i="1" s="1"/>
  <c r="A56788" i="1" s="1"/>
  <c r="A56789" i="1" s="1"/>
  <c r="A56790" i="1" s="1"/>
  <c r="A56791" i="1" s="1"/>
  <c r="A56792" i="1" s="1"/>
  <c r="A56793" i="1" s="1"/>
  <c r="A56794" i="1" s="1"/>
  <c r="A56795" i="1" s="1"/>
  <c r="A56796" i="1" s="1"/>
  <c r="A56797" i="1" s="1"/>
  <c r="A56798" i="1" s="1"/>
  <c r="A56799" i="1" s="1"/>
  <c r="A56800" i="1" s="1"/>
  <c r="A56801" i="1" s="1"/>
  <c r="A56802" i="1" s="1"/>
  <c r="A56803" i="1" s="1"/>
  <c r="A56804" i="1" s="1"/>
  <c r="A56805" i="1" s="1"/>
  <c r="A56806" i="1" s="1"/>
  <c r="A56807" i="1" s="1"/>
  <c r="A56808" i="1" s="1"/>
  <c r="A56809" i="1" s="1"/>
  <c r="A56810" i="1" s="1"/>
  <c r="A56811" i="1" s="1"/>
  <c r="A56812" i="1" s="1"/>
  <c r="A56813" i="1" s="1"/>
  <c r="A56814" i="1" s="1"/>
  <c r="A56815" i="1" s="1"/>
  <c r="A56816" i="1" s="1"/>
  <c r="A56817" i="1" s="1"/>
  <c r="A56818" i="1" s="1"/>
  <c r="A56819" i="1" s="1"/>
  <c r="A56820" i="1" s="1"/>
  <c r="A56821" i="1" s="1"/>
  <c r="A56822" i="1" s="1"/>
  <c r="A56823" i="1" s="1"/>
  <c r="A56824" i="1" s="1"/>
  <c r="A56825" i="1" s="1"/>
  <c r="A56826" i="1" s="1"/>
  <c r="A56827" i="1" s="1"/>
  <c r="A56828" i="1" s="1"/>
  <c r="A56829" i="1" s="1"/>
  <c r="A56830" i="1" s="1"/>
  <c r="A56831" i="1" s="1"/>
  <c r="A56832" i="1" s="1"/>
  <c r="A56833" i="1" s="1"/>
  <c r="A56834" i="1" s="1"/>
  <c r="A56835" i="1" s="1"/>
  <c r="A56836" i="1" s="1"/>
  <c r="A56837" i="1" s="1"/>
  <c r="A56838" i="1" s="1"/>
  <c r="A56839" i="1" s="1"/>
  <c r="A56840" i="1" s="1"/>
  <c r="A56841" i="1" s="1"/>
  <c r="A56842" i="1" s="1"/>
  <c r="A56843" i="1" s="1"/>
  <c r="A56844" i="1" s="1"/>
  <c r="A56845" i="1" s="1"/>
  <c r="A56846" i="1" s="1"/>
  <c r="A56847" i="1" s="1"/>
  <c r="A56848" i="1" s="1"/>
  <c r="A56849" i="1" s="1"/>
  <c r="A56850" i="1" s="1"/>
  <c r="A56851" i="1" s="1"/>
  <c r="A56852" i="1" s="1"/>
  <c r="A56853" i="1" s="1"/>
  <c r="A56854" i="1" s="1"/>
  <c r="A56855" i="1" s="1"/>
  <c r="A56856" i="1" s="1"/>
  <c r="A56857" i="1" s="1"/>
  <c r="A56858" i="1" s="1"/>
  <c r="A56859" i="1" s="1"/>
  <c r="A56860" i="1" s="1"/>
  <c r="A56861" i="1" s="1"/>
  <c r="A56862" i="1" s="1"/>
  <c r="A56863" i="1" s="1"/>
  <c r="A56864" i="1" s="1"/>
  <c r="A56865" i="1" s="1"/>
  <c r="A56866" i="1" s="1"/>
  <c r="A56867" i="1" s="1"/>
  <c r="A56868" i="1" s="1"/>
  <c r="A56869" i="1" s="1"/>
  <c r="A56870" i="1" s="1"/>
  <c r="A56871" i="1" s="1"/>
  <c r="A56872" i="1" s="1"/>
  <c r="A56873" i="1" s="1"/>
  <c r="A56874" i="1" s="1"/>
  <c r="A56875" i="1" s="1"/>
  <c r="A56876" i="1" s="1"/>
  <c r="A56877" i="1" s="1"/>
  <c r="A56878" i="1" s="1"/>
  <c r="A56879" i="1" s="1"/>
  <c r="A56880" i="1" s="1"/>
  <c r="A56881" i="1" s="1"/>
  <c r="A56882" i="1" s="1"/>
  <c r="A56883" i="1" s="1"/>
  <c r="A56884" i="1" s="1"/>
  <c r="A56885" i="1" s="1"/>
  <c r="A56886" i="1" s="1"/>
  <c r="A56887" i="1" s="1"/>
  <c r="A56888" i="1" s="1"/>
  <c r="A56889" i="1" s="1"/>
  <c r="A56890" i="1" s="1"/>
  <c r="A56891" i="1" s="1"/>
  <c r="A56892" i="1" s="1"/>
  <c r="A56893" i="1" s="1"/>
  <c r="A56894" i="1" s="1"/>
  <c r="A56895" i="1" s="1"/>
  <c r="A56896" i="1" s="1"/>
  <c r="A56897" i="1" s="1"/>
  <c r="A56898" i="1" s="1"/>
  <c r="A56899" i="1" s="1"/>
  <c r="A56900" i="1" s="1"/>
  <c r="A56901" i="1" s="1"/>
  <c r="A56902" i="1" s="1"/>
  <c r="A56903" i="1" s="1"/>
  <c r="A56904" i="1" s="1"/>
  <c r="A56905" i="1" s="1"/>
  <c r="A56906" i="1" s="1"/>
  <c r="A56907" i="1" s="1"/>
  <c r="A56908" i="1" s="1"/>
  <c r="A56909" i="1" s="1"/>
  <c r="A56910" i="1" s="1"/>
  <c r="A56911" i="1" s="1"/>
  <c r="A56912" i="1" s="1"/>
  <c r="A56913" i="1" s="1"/>
  <c r="A56914" i="1" s="1"/>
  <c r="A56915" i="1" s="1"/>
  <c r="A56916" i="1" s="1"/>
  <c r="A56917" i="1" s="1"/>
  <c r="A56918" i="1" s="1"/>
  <c r="A56919" i="1" s="1"/>
  <c r="A56920" i="1" s="1"/>
  <c r="A56921" i="1" s="1"/>
  <c r="A56922" i="1" s="1"/>
  <c r="A56923" i="1" s="1"/>
  <c r="A56924" i="1" s="1"/>
  <c r="A56925" i="1" s="1"/>
  <c r="A56926" i="1" s="1"/>
  <c r="A56927" i="1" s="1"/>
  <c r="A56928" i="1" s="1"/>
  <c r="A56929" i="1" s="1"/>
  <c r="A56930" i="1" s="1"/>
  <c r="A56931" i="1" s="1"/>
  <c r="A56932" i="1" s="1"/>
  <c r="A56933" i="1" s="1"/>
  <c r="A56934" i="1" s="1"/>
  <c r="A56935" i="1" s="1"/>
  <c r="A56936" i="1" s="1"/>
  <c r="A56937" i="1" s="1"/>
  <c r="A56938" i="1" s="1"/>
  <c r="A56939" i="1" s="1"/>
  <c r="A56940" i="1" s="1"/>
  <c r="A56941" i="1" s="1"/>
  <c r="A56942" i="1" s="1"/>
  <c r="A56943" i="1" s="1"/>
  <c r="A56944" i="1" s="1"/>
  <c r="A56945" i="1" s="1"/>
  <c r="A56946" i="1" s="1"/>
  <c r="A56947" i="1" s="1"/>
  <c r="A56948" i="1" s="1"/>
  <c r="A56949" i="1" s="1"/>
  <c r="A56950" i="1" s="1"/>
  <c r="A56951" i="1" s="1"/>
  <c r="A56952" i="1" s="1"/>
  <c r="A56953" i="1" s="1"/>
  <c r="A56954" i="1" s="1"/>
  <c r="A56955" i="1" s="1"/>
  <c r="A56956" i="1" s="1"/>
  <c r="A56957" i="1" s="1"/>
  <c r="A56958" i="1" s="1"/>
  <c r="A56959" i="1" s="1"/>
  <c r="A56960" i="1" s="1"/>
  <c r="A56961" i="1" s="1"/>
  <c r="A56962" i="1" s="1"/>
  <c r="A56963" i="1" s="1"/>
  <c r="A56964" i="1" s="1"/>
  <c r="A56965" i="1" s="1"/>
  <c r="A56966" i="1" s="1"/>
  <c r="A56967" i="1" s="1"/>
  <c r="A56968" i="1" s="1"/>
  <c r="A56969" i="1" s="1"/>
  <c r="A56970" i="1" s="1"/>
  <c r="A56971" i="1" s="1"/>
  <c r="A56972" i="1" s="1"/>
  <c r="A56973" i="1" s="1"/>
  <c r="A56974" i="1" s="1"/>
  <c r="A56975" i="1" s="1"/>
  <c r="A56976" i="1" s="1"/>
  <c r="A56977" i="1" s="1"/>
  <c r="A56978" i="1" s="1"/>
  <c r="A56979" i="1" s="1"/>
  <c r="A56980" i="1" s="1"/>
  <c r="A56981" i="1" s="1"/>
  <c r="A56982" i="1" s="1"/>
  <c r="A56983" i="1" s="1"/>
  <c r="A56984" i="1" s="1"/>
  <c r="A56985" i="1" s="1"/>
  <c r="A56986" i="1" s="1"/>
  <c r="A56987" i="1" s="1"/>
  <c r="A56988" i="1" s="1"/>
  <c r="A56989" i="1" s="1"/>
  <c r="A56990" i="1" s="1"/>
  <c r="A56991" i="1" s="1"/>
  <c r="A56992" i="1" s="1"/>
  <c r="A56993" i="1" s="1"/>
  <c r="A56994" i="1" s="1"/>
  <c r="A56995" i="1" s="1"/>
  <c r="A56996" i="1" s="1"/>
  <c r="A56997" i="1" s="1"/>
  <c r="A56998" i="1" s="1"/>
  <c r="A56999" i="1" s="1"/>
  <c r="A57000" i="1" s="1"/>
  <c r="A57001" i="1" s="1"/>
  <c r="A57002" i="1" s="1"/>
  <c r="A57003" i="1" s="1"/>
  <c r="A57004" i="1" s="1"/>
  <c r="A57005" i="1" s="1"/>
  <c r="A57006" i="1" s="1"/>
  <c r="A57007" i="1" s="1"/>
  <c r="A57008" i="1" s="1"/>
  <c r="A57009" i="1" s="1"/>
  <c r="A57010" i="1" s="1"/>
  <c r="A57011" i="1" s="1"/>
  <c r="A57012" i="1" s="1"/>
  <c r="A57013" i="1" s="1"/>
  <c r="A57014" i="1" s="1"/>
  <c r="A57015" i="1" s="1"/>
  <c r="A57016" i="1" s="1"/>
  <c r="A57017" i="1" s="1"/>
  <c r="A57018" i="1" s="1"/>
  <c r="A57019" i="1" s="1"/>
  <c r="A57020" i="1" s="1"/>
  <c r="A57021" i="1" s="1"/>
  <c r="A57022" i="1" s="1"/>
  <c r="A57023" i="1" s="1"/>
  <c r="A57024" i="1" s="1"/>
  <c r="A57025" i="1" s="1"/>
  <c r="A57026" i="1" s="1"/>
  <c r="A57027" i="1" s="1"/>
  <c r="A57028" i="1" s="1"/>
  <c r="A57029" i="1" s="1"/>
  <c r="A57030" i="1" s="1"/>
  <c r="A57031" i="1" s="1"/>
  <c r="A57032" i="1" s="1"/>
  <c r="A57033" i="1" s="1"/>
  <c r="A57034" i="1" s="1"/>
  <c r="A57035" i="1" s="1"/>
  <c r="A57036" i="1" s="1"/>
  <c r="A57037" i="1" s="1"/>
  <c r="A57038" i="1" s="1"/>
  <c r="A57039" i="1" s="1"/>
  <c r="A57040" i="1" s="1"/>
  <c r="A57041" i="1" s="1"/>
  <c r="A57042" i="1" s="1"/>
  <c r="A57043" i="1" s="1"/>
  <c r="A57044" i="1" s="1"/>
  <c r="A57045" i="1" s="1"/>
  <c r="A57046" i="1" s="1"/>
  <c r="A57047" i="1" s="1"/>
  <c r="A57048" i="1" s="1"/>
  <c r="A57049" i="1" s="1"/>
  <c r="A57050" i="1" s="1"/>
  <c r="A57051" i="1" s="1"/>
  <c r="A57052" i="1" s="1"/>
  <c r="A57053" i="1" s="1"/>
  <c r="A57054" i="1" s="1"/>
  <c r="A57055" i="1" s="1"/>
  <c r="A57056" i="1" s="1"/>
  <c r="A57057" i="1" s="1"/>
  <c r="A57058" i="1" s="1"/>
  <c r="A57059" i="1" s="1"/>
  <c r="A57060" i="1" s="1"/>
  <c r="A57061" i="1" s="1"/>
  <c r="A57062" i="1" s="1"/>
  <c r="A57063" i="1" s="1"/>
  <c r="A57064" i="1" s="1"/>
  <c r="A57065" i="1" s="1"/>
  <c r="A57066" i="1" s="1"/>
  <c r="A57067" i="1" s="1"/>
  <c r="A57068" i="1" s="1"/>
  <c r="A57069" i="1" s="1"/>
  <c r="A57070" i="1" s="1"/>
  <c r="A57071" i="1" s="1"/>
  <c r="A57072" i="1" s="1"/>
  <c r="A57073" i="1" s="1"/>
  <c r="A57074" i="1" s="1"/>
  <c r="A57075" i="1" s="1"/>
  <c r="A57076" i="1" s="1"/>
  <c r="A57077" i="1" s="1"/>
  <c r="A57078" i="1" s="1"/>
  <c r="A57079" i="1" s="1"/>
  <c r="A57080" i="1" s="1"/>
  <c r="A57081" i="1" s="1"/>
  <c r="A57082" i="1" s="1"/>
  <c r="A57083" i="1" s="1"/>
  <c r="A57084" i="1" s="1"/>
  <c r="A57085" i="1" s="1"/>
  <c r="A57086" i="1" s="1"/>
  <c r="A57087" i="1" s="1"/>
  <c r="A57088" i="1" s="1"/>
  <c r="A57089" i="1" s="1"/>
  <c r="A57090" i="1" s="1"/>
  <c r="A57091" i="1" s="1"/>
  <c r="A57092" i="1" s="1"/>
  <c r="A57093" i="1" s="1"/>
  <c r="A57094" i="1" s="1"/>
  <c r="A57095" i="1" s="1"/>
  <c r="A57096" i="1" s="1"/>
  <c r="A57097" i="1" s="1"/>
  <c r="A57098" i="1" s="1"/>
  <c r="A57099" i="1" s="1"/>
  <c r="A57100" i="1" s="1"/>
  <c r="A57101" i="1" s="1"/>
  <c r="A57102" i="1" s="1"/>
  <c r="A57103" i="1" s="1"/>
  <c r="A57104" i="1" s="1"/>
  <c r="A57105" i="1" s="1"/>
  <c r="A57106" i="1" s="1"/>
  <c r="A57107" i="1" s="1"/>
  <c r="A57108" i="1" s="1"/>
  <c r="A57109" i="1" s="1"/>
  <c r="A57110" i="1" s="1"/>
  <c r="A57111" i="1" s="1"/>
  <c r="A57112" i="1" s="1"/>
  <c r="A57113" i="1" s="1"/>
  <c r="A57114" i="1" s="1"/>
  <c r="A57115" i="1" s="1"/>
  <c r="A57116" i="1" s="1"/>
  <c r="A57117" i="1" s="1"/>
  <c r="A57118" i="1" s="1"/>
  <c r="A57119" i="1" s="1"/>
  <c r="A57120" i="1" s="1"/>
  <c r="A57121" i="1" s="1"/>
  <c r="A57122" i="1" s="1"/>
  <c r="A57123" i="1" s="1"/>
  <c r="A57124" i="1" s="1"/>
  <c r="A57125" i="1" s="1"/>
  <c r="A57126" i="1" s="1"/>
  <c r="A57127" i="1" s="1"/>
  <c r="A57128" i="1" s="1"/>
  <c r="A57129" i="1" s="1"/>
  <c r="A57130" i="1" s="1"/>
  <c r="A57131" i="1" s="1"/>
  <c r="A57132" i="1" s="1"/>
  <c r="A57133" i="1" s="1"/>
  <c r="A57134" i="1" s="1"/>
  <c r="A57135" i="1" s="1"/>
  <c r="A57136" i="1" s="1"/>
  <c r="A57137" i="1" s="1"/>
  <c r="A57138" i="1" s="1"/>
  <c r="A57139" i="1" s="1"/>
  <c r="A57140" i="1" s="1"/>
  <c r="A57141" i="1" s="1"/>
  <c r="A57142" i="1" s="1"/>
  <c r="A57143" i="1" s="1"/>
  <c r="A57144" i="1" s="1"/>
  <c r="A57145" i="1" s="1"/>
  <c r="A57146" i="1" s="1"/>
  <c r="A57147" i="1" s="1"/>
  <c r="A57148" i="1" s="1"/>
  <c r="A57149" i="1" s="1"/>
  <c r="A57150" i="1" s="1"/>
  <c r="A57151" i="1" s="1"/>
  <c r="A57152" i="1" s="1"/>
  <c r="A57153" i="1" s="1"/>
  <c r="A57154" i="1" s="1"/>
  <c r="A57155" i="1" s="1"/>
  <c r="A57156" i="1" s="1"/>
  <c r="A57157" i="1" s="1"/>
  <c r="A57158" i="1" s="1"/>
  <c r="A57159" i="1" s="1"/>
  <c r="A57160" i="1" s="1"/>
  <c r="A57161" i="1" s="1"/>
  <c r="A57162" i="1" s="1"/>
  <c r="A57163" i="1" s="1"/>
  <c r="A57164" i="1" s="1"/>
  <c r="A57165" i="1" s="1"/>
  <c r="A57166" i="1" s="1"/>
  <c r="A57167" i="1" s="1"/>
  <c r="A57168" i="1" s="1"/>
  <c r="A57169" i="1" s="1"/>
  <c r="A57170" i="1" s="1"/>
  <c r="A57171" i="1" s="1"/>
  <c r="A57172" i="1" s="1"/>
  <c r="A57173" i="1" s="1"/>
  <c r="A57174" i="1" s="1"/>
  <c r="A57175" i="1" s="1"/>
  <c r="A57176" i="1" s="1"/>
  <c r="A57177" i="1" s="1"/>
  <c r="A57178" i="1" s="1"/>
  <c r="A57179" i="1" s="1"/>
  <c r="A57180" i="1" s="1"/>
  <c r="A57181" i="1" s="1"/>
  <c r="A57182" i="1" s="1"/>
  <c r="A57183" i="1" s="1"/>
  <c r="A57184" i="1" s="1"/>
  <c r="A57185" i="1" s="1"/>
  <c r="A57186" i="1" s="1"/>
  <c r="A57187" i="1" s="1"/>
  <c r="A57188" i="1" s="1"/>
  <c r="A57189" i="1" s="1"/>
  <c r="A57190" i="1" s="1"/>
  <c r="A57191" i="1" s="1"/>
  <c r="A57192" i="1" s="1"/>
  <c r="A57193" i="1" s="1"/>
  <c r="A57194" i="1" s="1"/>
  <c r="A57195" i="1" s="1"/>
  <c r="A57196" i="1" s="1"/>
  <c r="A57197" i="1" s="1"/>
  <c r="A57198" i="1" s="1"/>
  <c r="A57199" i="1" s="1"/>
  <c r="A57200" i="1" s="1"/>
  <c r="A57201" i="1" s="1"/>
  <c r="A57202" i="1" s="1"/>
  <c r="A57203" i="1" s="1"/>
  <c r="A57204" i="1" s="1"/>
  <c r="A57205" i="1" s="1"/>
  <c r="A57206" i="1" s="1"/>
  <c r="A57207" i="1" s="1"/>
  <c r="A57208" i="1" s="1"/>
  <c r="A57209" i="1" s="1"/>
  <c r="A57210" i="1" s="1"/>
  <c r="A57211" i="1" s="1"/>
  <c r="A57212" i="1" s="1"/>
  <c r="A57213" i="1" s="1"/>
  <c r="A57214" i="1" s="1"/>
  <c r="A57215" i="1" s="1"/>
  <c r="A57216" i="1" s="1"/>
  <c r="A57217" i="1" s="1"/>
  <c r="A57218" i="1" s="1"/>
  <c r="A57219" i="1" s="1"/>
  <c r="A57220" i="1" s="1"/>
  <c r="A57221" i="1" s="1"/>
  <c r="A57222" i="1" s="1"/>
  <c r="A57223" i="1" s="1"/>
  <c r="A57224" i="1" s="1"/>
  <c r="A57225" i="1" s="1"/>
  <c r="A57226" i="1" s="1"/>
  <c r="A57227" i="1" s="1"/>
  <c r="A57228" i="1" s="1"/>
  <c r="A57229" i="1" s="1"/>
  <c r="A57230" i="1" s="1"/>
  <c r="A57231" i="1" s="1"/>
  <c r="A57232" i="1" s="1"/>
  <c r="A57233" i="1" s="1"/>
  <c r="A57234" i="1" s="1"/>
  <c r="A57235" i="1" s="1"/>
  <c r="A57236" i="1" s="1"/>
  <c r="A57237" i="1" s="1"/>
  <c r="A57238" i="1" s="1"/>
  <c r="A57239" i="1" s="1"/>
  <c r="A57240" i="1" s="1"/>
  <c r="A57241" i="1" s="1"/>
  <c r="A57242" i="1" s="1"/>
  <c r="A57243" i="1" s="1"/>
  <c r="A57244" i="1" s="1"/>
  <c r="A57245" i="1" s="1"/>
  <c r="A57246" i="1" s="1"/>
  <c r="A57247" i="1" s="1"/>
  <c r="A57248" i="1" s="1"/>
  <c r="A57249" i="1" s="1"/>
  <c r="A57250" i="1" s="1"/>
  <c r="A57251" i="1" s="1"/>
  <c r="A57252" i="1" s="1"/>
  <c r="A57253" i="1" s="1"/>
  <c r="A57254" i="1" s="1"/>
  <c r="A57255" i="1" s="1"/>
  <c r="A57256" i="1" s="1"/>
  <c r="A57257" i="1" s="1"/>
  <c r="A57258" i="1" s="1"/>
  <c r="A57259" i="1" s="1"/>
  <c r="A57260" i="1" s="1"/>
  <c r="A57261" i="1" s="1"/>
  <c r="A57262" i="1" s="1"/>
  <c r="A57263" i="1" s="1"/>
  <c r="A57264" i="1" s="1"/>
  <c r="A57265" i="1" s="1"/>
  <c r="A57266" i="1" s="1"/>
  <c r="A57267" i="1" s="1"/>
  <c r="A57268" i="1" s="1"/>
  <c r="A57269" i="1" s="1"/>
  <c r="A57270" i="1" s="1"/>
  <c r="A57271" i="1" s="1"/>
  <c r="A57272" i="1" s="1"/>
  <c r="A57273" i="1" s="1"/>
  <c r="A57274" i="1" s="1"/>
  <c r="A57275" i="1" s="1"/>
  <c r="A57276" i="1" s="1"/>
  <c r="A57277" i="1" s="1"/>
  <c r="A57278" i="1" s="1"/>
  <c r="A57279" i="1" s="1"/>
  <c r="A57280" i="1" s="1"/>
  <c r="A57281" i="1" s="1"/>
  <c r="A57282" i="1" s="1"/>
  <c r="A57283" i="1" s="1"/>
  <c r="A57284" i="1" s="1"/>
  <c r="A57285" i="1" s="1"/>
  <c r="A57286" i="1" s="1"/>
  <c r="A57287" i="1" s="1"/>
  <c r="A57288" i="1" s="1"/>
  <c r="A57289" i="1" s="1"/>
  <c r="A57290" i="1" s="1"/>
  <c r="A57291" i="1" s="1"/>
  <c r="A57292" i="1" s="1"/>
  <c r="A57293" i="1" s="1"/>
  <c r="A57294" i="1" s="1"/>
  <c r="A57295" i="1" s="1"/>
  <c r="A57296" i="1" s="1"/>
  <c r="A57297" i="1" s="1"/>
  <c r="A57298" i="1" s="1"/>
  <c r="A57299" i="1" s="1"/>
  <c r="A57300" i="1" s="1"/>
  <c r="A57301" i="1" s="1"/>
  <c r="A57302" i="1" s="1"/>
  <c r="A57303" i="1" s="1"/>
  <c r="A57304" i="1" s="1"/>
  <c r="A57305" i="1" s="1"/>
  <c r="A57306" i="1" s="1"/>
  <c r="A57307" i="1" s="1"/>
  <c r="A57308" i="1" s="1"/>
  <c r="A57309" i="1" s="1"/>
  <c r="A57310" i="1" s="1"/>
  <c r="A57311" i="1" s="1"/>
  <c r="A57312" i="1" s="1"/>
  <c r="A57313" i="1" s="1"/>
  <c r="A57314" i="1" s="1"/>
  <c r="A57315" i="1" s="1"/>
  <c r="A57316" i="1" s="1"/>
  <c r="A57317" i="1" s="1"/>
  <c r="A57318" i="1" s="1"/>
  <c r="A57319" i="1" s="1"/>
  <c r="A57320" i="1" s="1"/>
  <c r="A57321" i="1" s="1"/>
  <c r="A57322" i="1" s="1"/>
  <c r="A57323" i="1" s="1"/>
  <c r="A57324" i="1" s="1"/>
  <c r="A57325" i="1" s="1"/>
  <c r="A57326" i="1" s="1"/>
  <c r="A57327" i="1" s="1"/>
  <c r="A57328" i="1" s="1"/>
  <c r="A57329" i="1" s="1"/>
  <c r="A57330" i="1" s="1"/>
  <c r="A57331" i="1" s="1"/>
  <c r="A57332" i="1" s="1"/>
  <c r="A57333" i="1" s="1"/>
  <c r="A57334" i="1" s="1"/>
  <c r="A57335" i="1" s="1"/>
  <c r="A57336" i="1" s="1"/>
  <c r="A57337" i="1" s="1"/>
  <c r="A57338" i="1" s="1"/>
  <c r="A57339" i="1" s="1"/>
  <c r="A57340" i="1" s="1"/>
  <c r="A57341" i="1" s="1"/>
  <c r="A57342" i="1" s="1"/>
  <c r="A57343" i="1" s="1"/>
  <c r="A57344" i="1" s="1"/>
  <c r="A57345" i="1" s="1"/>
  <c r="A57346" i="1" s="1"/>
  <c r="A57347" i="1" s="1"/>
  <c r="A57348" i="1" s="1"/>
  <c r="A57349" i="1" s="1"/>
  <c r="A57350" i="1" s="1"/>
  <c r="A57351" i="1" s="1"/>
  <c r="A57352" i="1" s="1"/>
  <c r="A57353" i="1" s="1"/>
  <c r="A57354" i="1" s="1"/>
  <c r="A57355" i="1" s="1"/>
  <c r="A57356" i="1" s="1"/>
  <c r="A57357" i="1" s="1"/>
  <c r="A57358" i="1" s="1"/>
  <c r="A57359" i="1" s="1"/>
  <c r="A57360" i="1" s="1"/>
  <c r="A57361" i="1" s="1"/>
  <c r="A57362" i="1" s="1"/>
  <c r="A57363" i="1" s="1"/>
  <c r="A57364" i="1" s="1"/>
  <c r="A57365" i="1" s="1"/>
  <c r="A57366" i="1" s="1"/>
  <c r="A57367" i="1" s="1"/>
  <c r="A57368" i="1" s="1"/>
  <c r="A57369" i="1" s="1"/>
  <c r="A57370" i="1" s="1"/>
  <c r="A57371" i="1" s="1"/>
  <c r="A57372" i="1" s="1"/>
  <c r="A57373" i="1" s="1"/>
  <c r="A57374" i="1" s="1"/>
  <c r="A57375" i="1" s="1"/>
  <c r="A57376" i="1" s="1"/>
  <c r="A57377" i="1" s="1"/>
  <c r="A57378" i="1" s="1"/>
  <c r="A57379" i="1" s="1"/>
  <c r="A57380" i="1" s="1"/>
  <c r="A57381" i="1" s="1"/>
  <c r="A57382" i="1" s="1"/>
  <c r="A57383" i="1" s="1"/>
  <c r="A57384" i="1" s="1"/>
  <c r="A57385" i="1" s="1"/>
  <c r="A57386" i="1" s="1"/>
  <c r="A57387" i="1" s="1"/>
  <c r="A57388" i="1" s="1"/>
  <c r="A57389" i="1" s="1"/>
  <c r="A57390" i="1" s="1"/>
  <c r="A57391" i="1" s="1"/>
  <c r="A57392" i="1" s="1"/>
  <c r="A57393" i="1" s="1"/>
  <c r="A57394" i="1" s="1"/>
  <c r="A57395" i="1" s="1"/>
  <c r="A57396" i="1" s="1"/>
  <c r="A57397" i="1" s="1"/>
  <c r="A57398" i="1" s="1"/>
  <c r="A57399" i="1" s="1"/>
  <c r="A57400" i="1" s="1"/>
  <c r="A57401" i="1" s="1"/>
  <c r="A57402" i="1" s="1"/>
  <c r="A57403" i="1" s="1"/>
  <c r="A57404" i="1" s="1"/>
  <c r="A57405" i="1" s="1"/>
  <c r="A57406" i="1" s="1"/>
  <c r="A57407" i="1" s="1"/>
  <c r="A57408" i="1" s="1"/>
  <c r="A57409" i="1" s="1"/>
  <c r="A57410" i="1" s="1"/>
  <c r="A57411" i="1" s="1"/>
  <c r="A57412" i="1" s="1"/>
  <c r="A57413" i="1" s="1"/>
  <c r="A57414" i="1" s="1"/>
  <c r="A57415" i="1" s="1"/>
  <c r="A57416" i="1" s="1"/>
  <c r="A57417" i="1" s="1"/>
  <c r="A57418" i="1" s="1"/>
  <c r="A57419" i="1" s="1"/>
  <c r="A57420" i="1" s="1"/>
  <c r="A57421" i="1" s="1"/>
  <c r="A57422" i="1" s="1"/>
  <c r="A57423" i="1" s="1"/>
  <c r="A57424" i="1" s="1"/>
  <c r="A57425" i="1" s="1"/>
  <c r="A57426" i="1" s="1"/>
  <c r="A57427" i="1" s="1"/>
  <c r="A57428" i="1" s="1"/>
  <c r="A57429" i="1" s="1"/>
  <c r="A57430" i="1" s="1"/>
  <c r="A57431" i="1" s="1"/>
  <c r="A57432" i="1" s="1"/>
  <c r="A57433" i="1" s="1"/>
  <c r="A57434" i="1" s="1"/>
  <c r="A57435" i="1" s="1"/>
  <c r="A57436" i="1" s="1"/>
  <c r="A57437" i="1" s="1"/>
  <c r="A57438" i="1" s="1"/>
  <c r="A57439" i="1" s="1"/>
  <c r="A57440" i="1" s="1"/>
  <c r="A57441" i="1" s="1"/>
  <c r="A57442" i="1" s="1"/>
  <c r="A57443" i="1" s="1"/>
  <c r="A57444" i="1" s="1"/>
  <c r="A57445" i="1" s="1"/>
  <c r="A57446" i="1" s="1"/>
  <c r="A57447" i="1" s="1"/>
  <c r="A57448" i="1" s="1"/>
  <c r="A57449" i="1" s="1"/>
  <c r="A57450" i="1" s="1"/>
  <c r="A57451" i="1" s="1"/>
  <c r="A57452" i="1" s="1"/>
  <c r="A57453" i="1" s="1"/>
  <c r="A57454" i="1" s="1"/>
  <c r="A57455" i="1" s="1"/>
  <c r="A57456" i="1" s="1"/>
  <c r="A57457" i="1" s="1"/>
  <c r="A57458" i="1" s="1"/>
  <c r="A57459" i="1" s="1"/>
  <c r="A57460" i="1" s="1"/>
  <c r="A57461" i="1" s="1"/>
  <c r="A57462" i="1" s="1"/>
  <c r="A57463" i="1" s="1"/>
  <c r="A57464" i="1" s="1"/>
  <c r="A57465" i="1" s="1"/>
  <c r="A57466" i="1" s="1"/>
  <c r="A57467" i="1" s="1"/>
  <c r="A57468" i="1" s="1"/>
  <c r="A57469" i="1" s="1"/>
  <c r="A57470" i="1" s="1"/>
  <c r="A57471" i="1" s="1"/>
  <c r="A57472" i="1" s="1"/>
  <c r="A57473" i="1" s="1"/>
  <c r="A57474" i="1" s="1"/>
  <c r="A57475" i="1" s="1"/>
  <c r="A57476" i="1" s="1"/>
  <c r="A57477" i="1" s="1"/>
  <c r="A57478" i="1" s="1"/>
  <c r="A57479" i="1" s="1"/>
  <c r="A57480" i="1" s="1"/>
  <c r="A57481" i="1" s="1"/>
  <c r="A57482" i="1" s="1"/>
  <c r="A57483" i="1" s="1"/>
  <c r="A57484" i="1" s="1"/>
  <c r="A57485" i="1" s="1"/>
  <c r="A57486" i="1" s="1"/>
  <c r="A57487" i="1" s="1"/>
  <c r="A57488" i="1" s="1"/>
  <c r="A57489" i="1" s="1"/>
  <c r="A57490" i="1" s="1"/>
  <c r="A57491" i="1" s="1"/>
  <c r="A57492" i="1" s="1"/>
  <c r="A57493" i="1" s="1"/>
  <c r="A57494" i="1" s="1"/>
  <c r="A57495" i="1" s="1"/>
  <c r="A57496" i="1" s="1"/>
  <c r="A57497" i="1" s="1"/>
  <c r="A57498" i="1" s="1"/>
  <c r="A57499" i="1" s="1"/>
  <c r="A57500" i="1" s="1"/>
  <c r="A57501" i="1" s="1"/>
  <c r="A57502" i="1" s="1"/>
  <c r="A57503" i="1" s="1"/>
  <c r="A57504" i="1" s="1"/>
  <c r="A57505" i="1" s="1"/>
  <c r="A57506" i="1" s="1"/>
  <c r="A57507" i="1" s="1"/>
  <c r="A57508" i="1" s="1"/>
  <c r="A57509" i="1" s="1"/>
  <c r="A57510" i="1" s="1"/>
  <c r="A57511" i="1" s="1"/>
  <c r="A57512" i="1" s="1"/>
  <c r="A57513" i="1" s="1"/>
  <c r="A57514" i="1" s="1"/>
  <c r="A57515" i="1" s="1"/>
  <c r="A57516" i="1" s="1"/>
  <c r="A57517" i="1" s="1"/>
  <c r="A57518" i="1" s="1"/>
  <c r="A57519" i="1" s="1"/>
  <c r="A57520" i="1" s="1"/>
  <c r="A57521" i="1" s="1"/>
  <c r="A57522" i="1" s="1"/>
  <c r="A57523" i="1" s="1"/>
  <c r="A57524" i="1" s="1"/>
  <c r="A57525" i="1" s="1"/>
  <c r="A57526" i="1" s="1"/>
  <c r="A57527" i="1" s="1"/>
  <c r="A57528" i="1" s="1"/>
  <c r="A57529" i="1" s="1"/>
  <c r="A57530" i="1" s="1"/>
  <c r="A57531" i="1" s="1"/>
  <c r="A57532" i="1" s="1"/>
  <c r="A57533" i="1" s="1"/>
  <c r="A57534" i="1" s="1"/>
  <c r="A57535" i="1" s="1"/>
  <c r="A57536" i="1" s="1"/>
  <c r="A57537" i="1" s="1"/>
  <c r="A57538" i="1" s="1"/>
  <c r="A57539" i="1" s="1"/>
  <c r="A57540" i="1" s="1"/>
  <c r="A57541" i="1" s="1"/>
  <c r="A57542" i="1" s="1"/>
  <c r="A57543" i="1" s="1"/>
  <c r="A57544" i="1" s="1"/>
  <c r="A57545" i="1" s="1"/>
  <c r="A57546" i="1" s="1"/>
  <c r="A57547" i="1" s="1"/>
  <c r="A57548" i="1" s="1"/>
  <c r="A57549" i="1" s="1"/>
  <c r="A57550" i="1" s="1"/>
  <c r="A57551" i="1" s="1"/>
  <c r="A57552" i="1" s="1"/>
  <c r="A57553" i="1" s="1"/>
  <c r="A57554" i="1" s="1"/>
  <c r="A57555" i="1" s="1"/>
  <c r="A57556" i="1" s="1"/>
  <c r="A57557" i="1" s="1"/>
  <c r="A57558" i="1" s="1"/>
  <c r="A57559" i="1" s="1"/>
  <c r="A57560" i="1" s="1"/>
  <c r="A57561" i="1" s="1"/>
  <c r="A57562" i="1" s="1"/>
  <c r="A57563" i="1" s="1"/>
  <c r="A57564" i="1" s="1"/>
  <c r="A57565" i="1" s="1"/>
  <c r="A57566" i="1" s="1"/>
  <c r="A57567" i="1" s="1"/>
  <c r="A57568" i="1" s="1"/>
  <c r="A57569" i="1" s="1"/>
  <c r="A57570" i="1" s="1"/>
  <c r="A57571" i="1" s="1"/>
  <c r="A57572" i="1" s="1"/>
  <c r="A57573" i="1" s="1"/>
  <c r="A57574" i="1" s="1"/>
  <c r="A57575" i="1" s="1"/>
  <c r="A57576" i="1" s="1"/>
  <c r="A57577" i="1" s="1"/>
  <c r="A57578" i="1" s="1"/>
  <c r="A57579" i="1" s="1"/>
  <c r="A57580" i="1" s="1"/>
  <c r="A57581" i="1" s="1"/>
  <c r="A57582" i="1" s="1"/>
  <c r="A57583" i="1" s="1"/>
  <c r="A57584" i="1" s="1"/>
  <c r="A57585" i="1" s="1"/>
  <c r="A57586" i="1" s="1"/>
  <c r="A57587" i="1" s="1"/>
  <c r="A57588" i="1" s="1"/>
  <c r="A57589" i="1" s="1"/>
  <c r="A57590" i="1" s="1"/>
  <c r="A57591" i="1" s="1"/>
  <c r="A57592" i="1" s="1"/>
  <c r="A57593" i="1" s="1"/>
  <c r="A57594" i="1" s="1"/>
  <c r="A57595" i="1" s="1"/>
  <c r="A57596" i="1" s="1"/>
  <c r="A57597" i="1" s="1"/>
  <c r="A57598" i="1" s="1"/>
  <c r="A57599" i="1" s="1"/>
  <c r="A57600" i="1" s="1"/>
  <c r="A57601" i="1" s="1"/>
  <c r="A57602" i="1" s="1"/>
  <c r="A57603" i="1" s="1"/>
  <c r="A57604" i="1" s="1"/>
  <c r="A57605" i="1" s="1"/>
  <c r="A57606" i="1" s="1"/>
  <c r="A57607" i="1" s="1"/>
  <c r="A57608" i="1" s="1"/>
  <c r="A57609" i="1" s="1"/>
  <c r="A57610" i="1" s="1"/>
  <c r="A57611" i="1" s="1"/>
  <c r="A57612" i="1" s="1"/>
  <c r="A57613" i="1" s="1"/>
  <c r="A57614" i="1" s="1"/>
  <c r="A57615" i="1" s="1"/>
  <c r="A57616" i="1" s="1"/>
  <c r="A57617" i="1" s="1"/>
  <c r="A57618" i="1" s="1"/>
  <c r="A57619" i="1" s="1"/>
  <c r="A57620" i="1" s="1"/>
  <c r="A57621" i="1" s="1"/>
  <c r="A57622" i="1" s="1"/>
  <c r="A57623" i="1" s="1"/>
  <c r="A57624" i="1" s="1"/>
  <c r="A57625" i="1" s="1"/>
  <c r="A57626" i="1" s="1"/>
  <c r="A57627" i="1" s="1"/>
  <c r="A57628" i="1" s="1"/>
  <c r="A57629" i="1" s="1"/>
  <c r="A57630" i="1" s="1"/>
  <c r="A57631" i="1" s="1"/>
  <c r="A57632" i="1" s="1"/>
  <c r="A57633" i="1" s="1"/>
  <c r="A57634" i="1" s="1"/>
  <c r="A57635" i="1" s="1"/>
  <c r="A57636" i="1" s="1"/>
  <c r="A57637" i="1" s="1"/>
  <c r="A57638" i="1" s="1"/>
  <c r="A57639" i="1" s="1"/>
  <c r="A57640" i="1" s="1"/>
  <c r="A57641" i="1" s="1"/>
  <c r="A57642" i="1" s="1"/>
  <c r="A57643" i="1" s="1"/>
  <c r="A57644" i="1" s="1"/>
  <c r="A57645" i="1" s="1"/>
  <c r="A57646" i="1" s="1"/>
  <c r="A57647" i="1" s="1"/>
  <c r="A57648" i="1" s="1"/>
  <c r="A57649" i="1" s="1"/>
  <c r="A57650" i="1" s="1"/>
  <c r="A57651" i="1" s="1"/>
  <c r="A57652" i="1" s="1"/>
  <c r="A57653" i="1" s="1"/>
  <c r="A57654" i="1" s="1"/>
  <c r="A57655" i="1" s="1"/>
  <c r="A57656" i="1" s="1"/>
  <c r="A57657" i="1" s="1"/>
  <c r="A57658" i="1" s="1"/>
  <c r="A57659" i="1" s="1"/>
  <c r="A57660" i="1" s="1"/>
  <c r="A57661" i="1" s="1"/>
  <c r="A57662" i="1" s="1"/>
  <c r="A57663" i="1" s="1"/>
  <c r="A57664" i="1" s="1"/>
  <c r="A57665" i="1" s="1"/>
  <c r="A57666" i="1" s="1"/>
  <c r="A57667" i="1" s="1"/>
  <c r="A57668" i="1" s="1"/>
  <c r="A57669" i="1" s="1"/>
  <c r="A57670" i="1" s="1"/>
  <c r="A57671" i="1" s="1"/>
  <c r="A57672" i="1" s="1"/>
  <c r="A57673" i="1" s="1"/>
  <c r="A57674" i="1" s="1"/>
  <c r="A57675" i="1" s="1"/>
  <c r="A57676" i="1" s="1"/>
  <c r="A57677" i="1" s="1"/>
  <c r="A57678" i="1" s="1"/>
  <c r="A57679" i="1" s="1"/>
  <c r="A57680" i="1" s="1"/>
  <c r="A57681" i="1" s="1"/>
  <c r="A57682" i="1" s="1"/>
  <c r="A57683" i="1" s="1"/>
  <c r="A57684" i="1" s="1"/>
  <c r="A57685" i="1" s="1"/>
  <c r="A57686" i="1" s="1"/>
  <c r="A57687" i="1" s="1"/>
  <c r="A57688" i="1" s="1"/>
  <c r="A57689" i="1" s="1"/>
  <c r="A57690" i="1" s="1"/>
  <c r="A57691" i="1" s="1"/>
  <c r="A57692" i="1" s="1"/>
  <c r="A57693" i="1" s="1"/>
  <c r="A57694" i="1" s="1"/>
  <c r="A57695" i="1" s="1"/>
  <c r="A57696" i="1" s="1"/>
  <c r="A57697" i="1" s="1"/>
  <c r="A57698" i="1" s="1"/>
  <c r="A57699" i="1" s="1"/>
  <c r="A57700" i="1" s="1"/>
  <c r="A57701" i="1" s="1"/>
  <c r="A57702" i="1" s="1"/>
  <c r="A57703" i="1" s="1"/>
  <c r="A57704" i="1" s="1"/>
  <c r="A57705" i="1" s="1"/>
  <c r="A57706" i="1" s="1"/>
  <c r="A57707" i="1" s="1"/>
  <c r="A57708" i="1" s="1"/>
  <c r="A57709" i="1" s="1"/>
  <c r="A57710" i="1" s="1"/>
  <c r="A57711" i="1" s="1"/>
  <c r="A57712" i="1" s="1"/>
  <c r="A57713" i="1" s="1"/>
  <c r="A57714" i="1" s="1"/>
  <c r="A57715" i="1" s="1"/>
  <c r="A57716" i="1" s="1"/>
  <c r="A57717" i="1" s="1"/>
  <c r="A57718" i="1" s="1"/>
  <c r="A57719" i="1" s="1"/>
  <c r="A57720" i="1" s="1"/>
  <c r="A57721" i="1" s="1"/>
  <c r="A57722" i="1" s="1"/>
  <c r="A57723" i="1" s="1"/>
  <c r="A57724" i="1" s="1"/>
  <c r="A57725" i="1" s="1"/>
  <c r="A57726" i="1" s="1"/>
  <c r="A57727" i="1" s="1"/>
  <c r="A57728" i="1" s="1"/>
  <c r="A57729" i="1" s="1"/>
  <c r="A57730" i="1" s="1"/>
  <c r="A57731" i="1" s="1"/>
  <c r="A57732" i="1" s="1"/>
  <c r="A57733" i="1" s="1"/>
  <c r="A57734" i="1" s="1"/>
  <c r="A57735" i="1" s="1"/>
  <c r="A57736" i="1" s="1"/>
  <c r="A57737" i="1" s="1"/>
  <c r="A57738" i="1" s="1"/>
  <c r="A57739" i="1" s="1"/>
  <c r="A57740" i="1" s="1"/>
  <c r="A57741" i="1" s="1"/>
  <c r="A57742" i="1" s="1"/>
  <c r="A57743" i="1" s="1"/>
  <c r="A57744" i="1" s="1"/>
  <c r="A57745" i="1" s="1"/>
  <c r="A57746" i="1" s="1"/>
  <c r="A57747" i="1" s="1"/>
  <c r="A57748" i="1" s="1"/>
  <c r="A57749" i="1" s="1"/>
  <c r="A57750" i="1" s="1"/>
  <c r="A57751" i="1" s="1"/>
  <c r="A57752" i="1" s="1"/>
  <c r="A57753" i="1" s="1"/>
  <c r="A57754" i="1" s="1"/>
  <c r="A57755" i="1" s="1"/>
  <c r="A57756" i="1" s="1"/>
  <c r="A57757" i="1" s="1"/>
  <c r="A57758" i="1" s="1"/>
  <c r="A57759" i="1" s="1"/>
  <c r="A57760" i="1" s="1"/>
  <c r="A57761" i="1" s="1"/>
  <c r="A57762" i="1" s="1"/>
  <c r="A57763" i="1" s="1"/>
  <c r="A57764" i="1" s="1"/>
  <c r="A57765" i="1" s="1"/>
  <c r="A57766" i="1" s="1"/>
  <c r="A57767" i="1" s="1"/>
  <c r="A57768" i="1" s="1"/>
  <c r="A57769" i="1" s="1"/>
  <c r="A57770" i="1" s="1"/>
  <c r="A57771" i="1" s="1"/>
  <c r="A57772" i="1" s="1"/>
  <c r="A57773" i="1" s="1"/>
  <c r="A57774" i="1" s="1"/>
  <c r="A57775" i="1" s="1"/>
  <c r="A57776" i="1" s="1"/>
  <c r="A57777" i="1" s="1"/>
  <c r="A57778" i="1" s="1"/>
  <c r="A57779" i="1" s="1"/>
  <c r="A57780" i="1" s="1"/>
  <c r="A57781" i="1" s="1"/>
  <c r="A57782" i="1" s="1"/>
  <c r="A57783" i="1" s="1"/>
  <c r="A57784" i="1" s="1"/>
  <c r="A57785" i="1" s="1"/>
  <c r="A57786" i="1" s="1"/>
  <c r="A57787" i="1" s="1"/>
  <c r="A57788" i="1" s="1"/>
  <c r="A57789" i="1" s="1"/>
  <c r="A57790" i="1" s="1"/>
  <c r="A57791" i="1" s="1"/>
  <c r="A57792" i="1" s="1"/>
  <c r="A57793" i="1" s="1"/>
  <c r="A57794" i="1" s="1"/>
  <c r="A57795" i="1" s="1"/>
  <c r="A57796" i="1" s="1"/>
  <c r="A57797" i="1" s="1"/>
  <c r="A57798" i="1" s="1"/>
  <c r="A57799" i="1" s="1"/>
  <c r="A57800" i="1" s="1"/>
  <c r="A57801" i="1" s="1"/>
  <c r="A57802" i="1" s="1"/>
  <c r="A57803" i="1" s="1"/>
  <c r="A57804" i="1" s="1"/>
  <c r="A57805" i="1" s="1"/>
  <c r="A57806" i="1" s="1"/>
  <c r="A57807" i="1" s="1"/>
  <c r="A57808" i="1" s="1"/>
  <c r="A57809" i="1" s="1"/>
  <c r="A57810" i="1" s="1"/>
  <c r="A57811" i="1" s="1"/>
  <c r="A57812" i="1" s="1"/>
  <c r="A57813" i="1" s="1"/>
  <c r="A57814" i="1" s="1"/>
  <c r="A57815" i="1" s="1"/>
  <c r="A57816" i="1" s="1"/>
  <c r="A57817" i="1" s="1"/>
  <c r="A57818" i="1" s="1"/>
  <c r="A57819" i="1" s="1"/>
  <c r="A57820" i="1" s="1"/>
  <c r="A57821" i="1" s="1"/>
  <c r="A57822" i="1" s="1"/>
  <c r="A57823" i="1" s="1"/>
  <c r="A57824" i="1" s="1"/>
  <c r="A57825" i="1" s="1"/>
  <c r="A57826" i="1" s="1"/>
  <c r="A57827" i="1" s="1"/>
  <c r="A57828" i="1" s="1"/>
  <c r="A57829" i="1" s="1"/>
  <c r="A57830" i="1" s="1"/>
  <c r="A57831" i="1" s="1"/>
  <c r="A57832" i="1" s="1"/>
  <c r="A57833" i="1" s="1"/>
  <c r="A57834" i="1" s="1"/>
  <c r="A57835" i="1" s="1"/>
  <c r="A57836" i="1" s="1"/>
  <c r="A57837" i="1" s="1"/>
  <c r="A57838" i="1" s="1"/>
  <c r="A57839" i="1" s="1"/>
  <c r="A57840" i="1" s="1"/>
  <c r="A57841" i="1" s="1"/>
  <c r="A57842" i="1" s="1"/>
  <c r="A57843" i="1" s="1"/>
  <c r="A57844" i="1" s="1"/>
  <c r="A57845" i="1" s="1"/>
  <c r="A57846" i="1" s="1"/>
  <c r="A57847" i="1" s="1"/>
  <c r="A57848" i="1" s="1"/>
  <c r="A57849" i="1" s="1"/>
  <c r="A57850" i="1" s="1"/>
  <c r="A57851" i="1" s="1"/>
  <c r="A57852" i="1" s="1"/>
  <c r="A57853" i="1" s="1"/>
  <c r="A57854" i="1" s="1"/>
  <c r="A57855" i="1" s="1"/>
  <c r="A57856" i="1" s="1"/>
  <c r="A57857" i="1" s="1"/>
  <c r="A57858" i="1" s="1"/>
  <c r="A57859" i="1" s="1"/>
  <c r="A57860" i="1" s="1"/>
  <c r="A57861" i="1" s="1"/>
  <c r="A57862" i="1" s="1"/>
  <c r="A57863" i="1" s="1"/>
  <c r="A57864" i="1" s="1"/>
  <c r="A57865" i="1" s="1"/>
  <c r="A57866" i="1" s="1"/>
  <c r="A57867" i="1" s="1"/>
  <c r="A57868" i="1" s="1"/>
  <c r="A57869" i="1" s="1"/>
  <c r="A57870" i="1" s="1"/>
  <c r="A57871" i="1" s="1"/>
  <c r="A57872" i="1" s="1"/>
  <c r="A57873" i="1" s="1"/>
  <c r="A57874" i="1" s="1"/>
  <c r="A57875" i="1" s="1"/>
  <c r="A57876" i="1" s="1"/>
  <c r="A57877" i="1" s="1"/>
  <c r="A57878" i="1" s="1"/>
  <c r="A57879" i="1" s="1"/>
  <c r="A57880" i="1" s="1"/>
  <c r="A57881" i="1" s="1"/>
  <c r="A57882" i="1" s="1"/>
  <c r="A57883" i="1" s="1"/>
  <c r="A57884" i="1" s="1"/>
  <c r="A57885" i="1" s="1"/>
  <c r="A57886" i="1" s="1"/>
  <c r="A57887" i="1" s="1"/>
  <c r="A57888" i="1" s="1"/>
  <c r="A57889" i="1" s="1"/>
  <c r="A57890" i="1" s="1"/>
  <c r="A57891" i="1" s="1"/>
  <c r="A57892" i="1" s="1"/>
  <c r="A57893" i="1" s="1"/>
  <c r="A57894" i="1" s="1"/>
  <c r="A57895" i="1" s="1"/>
  <c r="A57896" i="1" s="1"/>
  <c r="A57897" i="1" s="1"/>
  <c r="A57898" i="1" s="1"/>
  <c r="A57899" i="1" s="1"/>
  <c r="A57900" i="1" s="1"/>
  <c r="A57901" i="1" s="1"/>
  <c r="A57902" i="1" s="1"/>
  <c r="A57903" i="1" s="1"/>
  <c r="A57904" i="1" s="1"/>
  <c r="A57905" i="1" s="1"/>
  <c r="A57906" i="1" s="1"/>
  <c r="A57907" i="1" s="1"/>
  <c r="A57908" i="1" s="1"/>
  <c r="A57909" i="1" s="1"/>
  <c r="A57910" i="1" s="1"/>
  <c r="A57911" i="1" s="1"/>
  <c r="A57912" i="1" s="1"/>
  <c r="A57913" i="1" s="1"/>
  <c r="A57914" i="1" s="1"/>
  <c r="A57915" i="1" s="1"/>
  <c r="A57916" i="1" s="1"/>
  <c r="A57917" i="1" s="1"/>
  <c r="A57918" i="1" s="1"/>
  <c r="A57919" i="1" s="1"/>
  <c r="A57920" i="1" s="1"/>
  <c r="A57921" i="1" s="1"/>
  <c r="A57922" i="1" s="1"/>
  <c r="A57923" i="1" s="1"/>
  <c r="A57924" i="1" s="1"/>
  <c r="A57925" i="1" s="1"/>
  <c r="A57926" i="1" s="1"/>
  <c r="A57927" i="1" s="1"/>
  <c r="A57928" i="1" s="1"/>
  <c r="A57929" i="1" s="1"/>
  <c r="A57930" i="1" s="1"/>
  <c r="A57931" i="1" s="1"/>
  <c r="A57932" i="1" s="1"/>
  <c r="A57933" i="1" s="1"/>
  <c r="A57934" i="1" s="1"/>
  <c r="A57935" i="1" s="1"/>
  <c r="A57936" i="1" s="1"/>
  <c r="A57937" i="1" s="1"/>
  <c r="A57938" i="1" s="1"/>
  <c r="A57939" i="1" s="1"/>
  <c r="A57940" i="1" s="1"/>
  <c r="A57941" i="1" s="1"/>
  <c r="A57942" i="1" s="1"/>
  <c r="A57943" i="1" s="1"/>
  <c r="A57944" i="1" s="1"/>
  <c r="A57945" i="1" s="1"/>
  <c r="A57946" i="1" s="1"/>
  <c r="A57947" i="1" s="1"/>
  <c r="A57948" i="1" s="1"/>
  <c r="A57949" i="1" s="1"/>
  <c r="A57950" i="1" s="1"/>
  <c r="A57951" i="1" s="1"/>
  <c r="A57952" i="1" s="1"/>
  <c r="A57953" i="1" s="1"/>
  <c r="A57954" i="1" s="1"/>
  <c r="A57955" i="1" s="1"/>
  <c r="A57956" i="1" s="1"/>
  <c r="A57957" i="1" s="1"/>
  <c r="A57958" i="1" s="1"/>
  <c r="A57959" i="1" s="1"/>
  <c r="A57960" i="1" s="1"/>
  <c r="A57961" i="1" s="1"/>
  <c r="A57962" i="1" s="1"/>
  <c r="A57963" i="1" s="1"/>
  <c r="A57964" i="1" s="1"/>
  <c r="A57965" i="1" s="1"/>
  <c r="A57966" i="1" s="1"/>
  <c r="A57967" i="1" s="1"/>
  <c r="A57968" i="1" s="1"/>
  <c r="A57969" i="1" s="1"/>
  <c r="A57970" i="1" s="1"/>
  <c r="A57971" i="1" s="1"/>
  <c r="A57972" i="1" s="1"/>
  <c r="A57973" i="1" s="1"/>
  <c r="A57974" i="1" s="1"/>
  <c r="A57975" i="1" s="1"/>
  <c r="A57976" i="1" s="1"/>
  <c r="A57977" i="1" s="1"/>
  <c r="A57978" i="1" s="1"/>
  <c r="A57979" i="1" s="1"/>
  <c r="A57980" i="1" s="1"/>
  <c r="A57981" i="1" s="1"/>
  <c r="A57982" i="1" s="1"/>
  <c r="A57983" i="1" s="1"/>
  <c r="A57984" i="1" s="1"/>
  <c r="A57985" i="1" s="1"/>
  <c r="A57986" i="1" s="1"/>
  <c r="A57987" i="1" s="1"/>
  <c r="A57988" i="1" s="1"/>
  <c r="A57989" i="1" s="1"/>
  <c r="A57990" i="1" s="1"/>
  <c r="A57991" i="1" s="1"/>
  <c r="A57992" i="1" s="1"/>
  <c r="A57993" i="1" s="1"/>
  <c r="A57994" i="1" s="1"/>
  <c r="A57995" i="1" s="1"/>
  <c r="A57996" i="1" s="1"/>
  <c r="A57997" i="1" s="1"/>
  <c r="A57998" i="1" s="1"/>
  <c r="A57999" i="1" s="1"/>
  <c r="A58000" i="1" s="1"/>
  <c r="A58001" i="1" s="1"/>
  <c r="A58002" i="1" s="1"/>
  <c r="A58003" i="1" s="1"/>
  <c r="A58004" i="1" s="1"/>
  <c r="A58005" i="1" s="1"/>
  <c r="A58006" i="1" s="1"/>
  <c r="A58007" i="1" s="1"/>
  <c r="A58008" i="1" s="1"/>
  <c r="A58009" i="1" s="1"/>
  <c r="A58010" i="1" s="1"/>
  <c r="A58011" i="1" s="1"/>
  <c r="A58012" i="1" s="1"/>
  <c r="A58013" i="1" s="1"/>
  <c r="A58014" i="1" s="1"/>
  <c r="A58015" i="1" s="1"/>
  <c r="A58016" i="1" s="1"/>
  <c r="A58017" i="1" s="1"/>
  <c r="A58018" i="1" s="1"/>
  <c r="A58019" i="1" s="1"/>
  <c r="A58020" i="1" s="1"/>
  <c r="A58021" i="1" s="1"/>
  <c r="A58022" i="1" s="1"/>
  <c r="A58023" i="1" s="1"/>
  <c r="A58024" i="1" s="1"/>
  <c r="A58025" i="1" s="1"/>
  <c r="A58026" i="1" s="1"/>
  <c r="A58027" i="1" s="1"/>
  <c r="A58028" i="1" s="1"/>
  <c r="A58029" i="1" s="1"/>
  <c r="A58030" i="1" s="1"/>
  <c r="A58031" i="1" s="1"/>
  <c r="A58032" i="1" s="1"/>
  <c r="A58033" i="1" s="1"/>
  <c r="A58034" i="1" s="1"/>
  <c r="A58035" i="1" s="1"/>
  <c r="A58036" i="1" s="1"/>
  <c r="A58037" i="1" s="1"/>
  <c r="A58038" i="1" s="1"/>
  <c r="A58039" i="1" s="1"/>
  <c r="A58040" i="1" s="1"/>
  <c r="A58041" i="1" s="1"/>
  <c r="A58042" i="1" s="1"/>
  <c r="A58043" i="1" s="1"/>
  <c r="A58044" i="1" s="1"/>
  <c r="A58045" i="1" s="1"/>
  <c r="A58046" i="1" s="1"/>
  <c r="A58047" i="1" s="1"/>
  <c r="A58048" i="1" s="1"/>
  <c r="A58049" i="1" s="1"/>
  <c r="A58050" i="1" s="1"/>
  <c r="A58051" i="1" s="1"/>
  <c r="A58052" i="1" s="1"/>
  <c r="A58053" i="1" s="1"/>
  <c r="A58054" i="1" s="1"/>
  <c r="A58055" i="1" s="1"/>
  <c r="A58056" i="1" s="1"/>
  <c r="A58057" i="1" s="1"/>
  <c r="A58058" i="1" s="1"/>
  <c r="A58059" i="1" s="1"/>
  <c r="A58060" i="1" s="1"/>
  <c r="A58061" i="1" s="1"/>
  <c r="A58062" i="1" s="1"/>
  <c r="A58063" i="1" s="1"/>
  <c r="A58064" i="1" s="1"/>
  <c r="A58065" i="1" s="1"/>
  <c r="A58066" i="1" s="1"/>
  <c r="A58067" i="1" s="1"/>
  <c r="A58068" i="1" s="1"/>
  <c r="A58069" i="1" s="1"/>
  <c r="A58070" i="1" s="1"/>
  <c r="A58071" i="1" s="1"/>
  <c r="A58072" i="1" s="1"/>
  <c r="A58073" i="1" s="1"/>
  <c r="A58074" i="1" s="1"/>
  <c r="A58075" i="1" s="1"/>
  <c r="A58076" i="1" s="1"/>
  <c r="A58077" i="1" s="1"/>
  <c r="A58078" i="1" s="1"/>
  <c r="A58079" i="1" s="1"/>
  <c r="A58080" i="1" s="1"/>
  <c r="A58081" i="1" s="1"/>
  <c r="A58082" i="1" s="1"/>
  <c r="A58083" i="1" s="1"/>
  <c r="A58084" i="1" s="1"/>
  <c r="A58085" i="1" s="1"/>
  <c r="A58086" i="1" s="1"/>
  <c r="A58087" i="1" s="1"/>
  <c r="A58088" i="1" s="1"/>
  <c r="A58089" i="1" s="1"/>
  <c r="A58090" i="1" s="1"/>
  <c r="A58091" i="1" s="1"/>
  <c r="A58092" i="1" s="1"/>
  <c r="A58093" i="1" s="1"/>
  <c r="A58094" i="1" s="1"/>
  <c r="A58095" i="1" s="1"/>
  <c r="A58096" i="1" s="1"/>
  <c r="A58097" i="1" s="1"/>
  <c r="A58098" i="1" s="1"/>
  <c r="A58099" i="1" s="1"/>
  <c r="A58100" i="1" s="1"/>
  <c r="A58101" i="1" s="1"/>
  <c r="A58102" i="1" s="1"/>
  <c r="A58103" i="1" s="1"/>
  <c r="A58104" i="1" s="1"/>
  <c r="A58105" i="1" s="1"/>
  <c r="A58106" i="1" s="1"/>
  <c r="A58107" i="1" s="1"/>
  <c r="A58108" i="1" s="1"/>
  <c r="A58109" i="1" s="1"/>
  <c r="A58110" i="1" s="1"/>
  <c r="A58111" i="1" s="1"/>
  <c r="A58112" i="1" s="1"/>
  <c r="A58113" i="1" s="1"/>
  <c r="A58114" i="1" s="1"/>
  <c r="A58115" i="1" s="1"/>
  <c r="A58116" i="1" s="1"/>
  <c r="A58117" i="1" s="1"/>
  <c r="A58118" i="1" s="1"/>
  <c r="A58119" i="1" s="1"/>
  <c r="A58120" i="1" s="1"/>
  <c r="A58121" i="1" s="1"/>
  <c r="A58122" i="1" s="1"/>
  <c r="A58123" i="1" s="1"/>
  <c r="A58124" i="1" s="1"/>
  <c r="A58125" i="1" s="1"/>
  <c r="A58126" i="1" s="1"/>
  <c r="A58127" i="1" s="1"/>
  <c r="A58128" i="1" s="1"/>
  <c r="A58129" i="1" s="1"/>
  <c r="A58130" i="1" s="1"/>
  <c r="A58131" i="1" s="1"/>
  <c r="A58132" i="1" s="1"/>
  <c r="A58133" i="1" s="1"/>
  <c r="A58134" i="1" s="1"/>
  <c r="A58135" i="1" s="1"/>
  <c r="A58136" i="1" s="1"/>
  <c r="A58137" i="1" s="1"/>
  <c r="A58138" i="1" s="1"/>
  <c r="A58139" i="1" s="1"/>
  <c r="A58140" i="1" s="1"/>
  <c r="A58141" i="1" s="1"/>
  <c r="A58142" i="1" s="1"/>
  <c r="A58143" i="1" s="1"/>
  <c r="A58144" i="1" s="1"/>
  <c r="A58145" i="1" s="1"/>
  <c r="A58146" i="1" s="1"/>
  <c r="A58147" i="1" s="1"/>
  <c r="A58148" i="1" s="1"/>
  <c r="A58149" i="1" s="1"/>
  <c r="A58150" i="1" s="1"/>
  <c r="A58151" i="1" s="1"/>
  <c r="A58152" i="1" s="1"/>
  <c r="A58153" i="1" s="1"/>
  <c r="A58154" i="1" s="1"/>
  <c r="A58155" i="1" s="1"/>
  <c r="A58156" i="1" s="1"/>
  <c r="A58157" i="1" s="1"/>
  <c r="A58158" i="1" s="1"/>
  <c r="A58159" i="1" s="1"/>
  <c r="A58160" i="1" s="1"/>
  <c r="A58161" i="1" s="1"/>
  <c r="A58162" i="1" s="1"/>
  <c r="A58163" i="1" s="1"/>
  <c r="A58164" i="1" s="1"/>
  <c r="A58165" i="1" s="1"/>
  <c r="A58166" i="1" s="1"/>
  <c r="A58167" i="1" s="1"/>
  <c r="A58168" i="1" s="1"/>
  <c r="A58169" i="1" s="1"/>
  <c r="A58170" i="1" s="1"/>
  <c r="A58171" i="1" s="1"/>
  <c r="A58172" i="1" s="1"/>
  <c r="A58173" i="1" s="1"/>
  <c r="A58174" i="1" s="1"/>
  <c r="A58175" i="1" s="1"/>
  <c r="A58176" i="1" s="1"/>
  <c r="A58177" i="1" s="1"/>
  <c r="A58178" i="1" s="1"/>
  <c r="A58179" i="1" s="1"/>
  <c r="A58180" i="1" s="1"/>
  <c r="A58181" i="1" s="1"/>
  <c r="A58182" i="1" s="1"/>
  <c r="A58183" i="1" s="1"/>
  <c r="A58184" i="1" s="1"/>
  <c r="A58185" i="1" s="1"/>
  <c r="A58186" i="1" s="1"/>
  <c r="A58187" i="1" s="1"/>
  <c r="A58188" i="1" s="1"/>
  <c r="A58189" i="1" s="1"/>
  <c r="A58190" i="1" s="1"/>
  <c r="A58191" i="1" s="1"/>
  <c r="A58192" i="1" s="1"/>
  <c r="A58193" i="1" s="1"/>
  <c r="A58194" i="1" s="1"/>
  <c r="A58195" i="1" s="1"/>
  <c r="A58196" i="1" s="1"/>
  <c r="A58197" i="1" s="1"/>
  <c r="A58198" i="1" s="1"/>
  <c r="A58199" i="1" s="1"/>
  <c r="A58200" i="1" s="1"/>
  <c r="A58201" i="1" s="1"/>
  <c r="A58202" i="1" s="1"/>
  <c r="A58203" i="1" s="1"/>
  <c r="A58204" i="1" s="1"/>
  <c r="A58205" i="1" s="1"/>
  <c r="A58206" i="1" s="1"/>
  <c r="A58207" i="1" s="1"/>
  <c r="A58208" i="1" s="1"/>
  <c r="A58209" i="1" s="1"/>
  <c r="A58210" i="1" s="1"/>
  <c r="A58211" i="1" s="1"/>
  <c r="A58212" i="1" s="1"/>
  <c r="A58213" i="1" s="1"/>
  <c r="A58214" i="1" s="1"/>
  <c r="A58215" i="1" s="1"/>
  <c r="A58216" i="1" s="1"/>
  <c r="A58217" i="1" s="1"/>
  <c r="A58218" i="1" s="1"/>
  <c r="A58219" i="1" s="1"/>
  <c r="A58220" i="1" s="1"/>
  <c r="A58221" i="1" s="1"/>
  <c r="A58222" i="1" s="1"/>
  <c r="A58223" i="1" s="1"/>
  <c r="A58224" i="1" s="1"/>
  <c r="A58225" i="1" s="1"/>
  <c r="A58226" i="1" s="1"/>
  <c r="A58227" i="1" s="1"/>
  <c r="A58228" i="1" s="1"/>
  <c r="A58229" i="1" s="1"/>
  <c r="A58230" i="1" s="1"/>
  <c r="A58231" i="1" s="1"/>
  <c r="A58232" i="1" s="1"/>
  <c r="A58233" i="1" s="1"/>
  <c r="A58234" i="1" s="1"/>
  <c r="A58235" i="1" s="1"/>
  <c r="A58236" i="1" s="1"/>
  <c r="A58237" i="1" s="1"/>
  <c r="A58238" i="1" s="1"/>
  <c r="A58239" i="1" s="1"/>
  <c r="A58240" i="1" s="1"/>
  <c r="A58241" i="1" s="1"/>
  <c r="A58242" i="1" s="1"/>
  <c r="A58243" i="1" s="1"/>
  <c r="A58244" i="1" s="1"/>
  <c r="A58245" i="1" s="1"/>
  <c r="A58246" i="1" s="1"/>
  <c r="A58247" i="1" s="1"/>
  <c r="A58248" i="1" s="1"/>
  <c r="A58249" i="1" s="1"/>
  <c r="A58250" i="1" s="1"/>
  <c r="A58251" i="1" s="1"/>
  <c r="A58252" i="1" s="1"/>
  <c r="A58253" i="1" s="1"/>
  <c r="A58254" i="1" s="1"/>
  <c r="A58255" i="1" s="1"/>
  <c r="A58256" i="1" s="1"/>
  <c r="A58257" i="1" s="1"/>
  <c r="A58258" i="1" s="1"/>
  <c r="A58259" i="1" s="1"/>
  <c r="A58260" i="1" s="1"/>
  <c r="A58261" i="1" s="1"/>
  <c r="A58262" i="1" s="1"/>
  <c r="A58263" i="1" s="1"/>
  <c r="A58264" i="1" s="1"/>
  <c r="A58265" i="1" s="1"/>
  <c r="A58266" i="1" s="1"/>
  <c r="A58267" i="1" s="1"/>
  <c r="A58268" i="1" s="1"/>
  <c r="A58269" i="1" s="1"/>
  <c r="A58270" i="1" s="1"/>
  <c r="A58271" i="1" s="1"/>
  <c r="A58272" i="1" s="1"/>
  <c r="A58273" i="1" s="1"/>
  <c r="A58274" i="1" s="1"/>
  <c r="A58275" i="1" s="1"/>
  <c r="A58276" i="1" s="1"/>
  <c r="A58277" i="1" s="1"/>
  <c r="A58278" i="1" s="1"/>
  <c r="A58279" i="1" s="1"/>
  <c r="A58280" i="1" s="1"/>
  <c r="A58281" i="1" s="1"/>
  <c r="A58282" i="1" s="1"/>
  <c r="A58283" i="1" s="1"/>
  <c r="A58284" i="1" s="1"/>
  <c r="A58285" i="1" s="1"/>
  <c r="A58286" i="1" s="1"/>
  <c r="A58287" i="1" s="1"/>
  <c r="A58288" i="1" s="1"/>
  <c r="A58289" i="1" s="1"/>
  <c r="A58290" i="1" s="1"/>
  <c r="A58291" i="1" s="1"/>
  <c r="A58292" i="1" s="1"/>
  <c r="A58293" i="1" s="1"/>
  <c r="A58294" i="1" s="1"/>
  <c r="A58295" i="1" s="1"/>
  <c r="A58296" i="1" s="1"/>
  <c r="A58297" i="1" s="1"/>
  <c r="A58298" i="1" s="1"/>
  <c r="A58299" i="1" s="1"/>
  <c r="A58300" i="1" s="1"/>
  <c r="A58301" i="1" s="1"/>
  <c r="A58302" i="1" s="1"/>
  <c r="A58303" i="1" s="1"/>
  <c r="A58304" i="1" s="1"/>
  <c r="A58305" i="1" s="1"/>
  <c r="A58306" i="1" s="1"/>
  <c r="A58307" i="1" s="1"/>
  <c r="A58308" i="1" s="1"/>
  <c r="A58309" i="1" s="1"/>
  <c r="A58310" i="1" s="1"/>
  <c r="A58311" i="1" s="1"/>
  <c r="A58312" i="1" s="1"/>
  <c r="A58313" i="1" s="1"/>
  <c r="A58314" i="1" s="1"/>
  <c r="A58315" i="1" s="1"/>
  <c r="A58316" i="1" s="1"/>
  <c r="A58317" i="1" s="1"/>
  <c r="A58318" i="1" s="1"/>
  <c r="A58319" i="1" s="1"/>
  <c r="A58320" i="1" s="1"/>
  <c r="A58321" i="1" s="1"/>
  <c r="A58322" i="1" s="1"/>
  <c r="A58323" i="1" s="1"/>
  <c r="A58324" i="1" s="1"/>
  <c r="A58325" i="1" s="1"/>
  <c r="A58326" i="1" s="1"/>
  <c r="A58327" i="1" s="1"/>
  <c r="A58328" i="1" s="1"/>
  <c r="A58329" i="1" s="1"/>
  <c r="A58330" i="1" s="1"/>
  <c r="A58331" i="1" s="1"/>
  <c r="A58332" i="1" s="1"/>
  <c r="A58333" i="1" s="1"/>
  <c r="A58334" i="1" s="1"/>
  <c r="A58335" i="1" s="1"/>
  <c r="A58336" i="1" s="1"/>
  <c r="A58337" i="1" s="1"/>
  <c r="A58338" i="1" s="1"/>
  <c r="A58339" i="1" s="1"/>
  <c r="A58340" i="1" s="1"/>
  <c r="A58341" i="1" s="1"/>
  <c r="A58342" i="1" s="1"/>
  <c r="A58343" i="1" s="1"/>
  <c r="A58344" i="1" s="1"/>
  <c r="A58345" i="1" s="1"/>
  <c r="A58346" i="1" s="1"/>
  <c r="A58347" i="1" s="1"/>
  <c r="A58348" i="1" s="1"/>
  <c r="A58349" i="1" s="1"/>
  <c r="A58350" i="1" s="1"/>
  <c r="A58351" i="1" s="1"/>
  <c r="A58352" i="1" s="1"/>
  <c r="A58353" i="1" s="1"/>
  <c r="A58354" i="1" s="1"/>
  <c r="A58355" i="1" s="1"/>
  <c r="A58356" i="1" s="1"/>
  <c r="A58357" i="1" s="1"/>
  <c r="A58358" i="1" s="1"/>
  <c r="A58359" i="1" s="1"/>
  <c r="A58360" i="1" s="1"/>
  <c r="A58361" i="1" s="1"/>
  <c r="A58362" i="1" s="1"/>
  <c r="A58363" i="1" s="1"/>
  <c r="A58364" i="1" s="1"/>
  <c r="A58365" i="1" s="1"/>
  <c r="A58366" i="1" s="1"/>
  <c r="A58367" i="1" s="1"/>
  <c r="A58368" i="1" s="1"/>
  <c r="A58369" i="1" s="1"/>
  <c r="A58370" i="1" s="1"/>
  <c r="A58371" i="1" s="1"/>
  <c r="A58372" i="1" s="1"/>
  <c r="A58373" i="1" s="1"/>
  <c r="A58374" i="1" s="1"/>
  <c r="A58375" i="1" s="1"/>
  <c r="A58376" i="1" s="1"/>
  <c r="A58377" i="1" s="1"/>
  <c r="A58378" i="1" s="1"/>
  <c r="A58379" i="1" s="1"/>
  <c r="A58380" i="1" s="1"/>
  <c r="A58381" i="1" s="1"/>
  <c r="A58382" i="1" s="1"/>
  <c r="A58383" i="1" s="1"/>
  <c r="A58384" i="1" s="1"/>
  <c r="A58385" i="1" s="1"/>
  <c r="A58386" i="1" s="1"/>
  <c r="A58387" i="1" s="1"/>
  <c r="A58388" i="1" s="1"/>
  <c r="A58389" i="1" s="1"/>
  <c r="A58390" i="1" s="1"/>
  <c r="A58391" i="1" s="1"/>
  <c r="A58392" i="1" s="1"/>
  <c r="A58393" i="1" s="1"/>
  <c r="A58394" i="1" s="1"/>
  <c r="A58395" i="1" s="1"/>
  <c r="A58396" i="1" s="1"/>
  <c r="A58397" i="1" s="1"/>
  <c r="A58398" i="1" s="1"/>
  <c r="A58399" i="1" s="1"/>
  <c r="A58400" i="1" s="1"/>
  <c r="A58401" i="1" s="1"/>
  <c r="A58402" i="1" s="1"/>
  <c r="A58403" i="1" s="1"/>
  <c r="A58404" i="1" s="1"/>
  <c r="A58405" i="1" s="1"/>
  <c r="A58406" i="1" s="1"/>
  <c r="A58407" i="1" s="1"/>
  <c r="A58408" i="1" s="1"/>
  <c r="A58409" i="1" s="1"/>
  <c r="A58410" i="1" s="1"/>
  <c r="A58411" i="1" s="1"/>
  <c r="A58412" i="1" s="1"/>
  <c r="A58413" i="1" s="1"/>
  <c r="A58414" i="1" s="1"/>
  <c r="A58415" i="1" s="1"/>
  <c r="A58416" i="1" s="1"/>
  <c r="A58417" i="1" s="1"/>
  <c r="A58418" i="1" s="1"/>
  <c r="A58419" i="1" s="1"/>
  <c r="A58420" i="1" s="1"/>
  <c r="A58421" i="1" s="1"/>
  <c r="A58422" i="1" s="1"/>
  <c r="A58423" i="1" s="1"/>
  <c r="A58424" i="1" s="1"/>
  <c r="A58425" i="1" s="1"/>
  <c r="A58426" i="1" s="1"/>
  <c r="A58427" i="1" s="1"/>
  <c r="A58428" i="1" s="1"/>
  <c r="A58429" i="1" s="1"/>
  <c r="A58430" i="1" s="1"/>
  <c r="A58431" i="1" s="1"/>
  <c r="A58432" i="1" s="1"/>
  <c r="A58433" i="1" s="1"/>
  <c r="A58434" i="1" s="1"/>
  <c r="A58435" i="1" s="1"/>
  <c r="A58436" i="1" s="1"/>
  <c r="A58437" i="1" s="1"/>
  <c r="A58438" i="1" s="1"/>
  <c r="A58439" i="1" s="1"/>
  <c r="A58440" i="1" s="1"/>
  <c r="A58441" i="1" s="1"/>
  <c r="A58442" i="1" s="1"/>
  <c r="A58443" i="1" s="1"/>
  <c r="A58444" i="1" s="1"/>
  <c r="A58445" i="1" s="1"/>
  <c r="A58446" i="1" s="1"/>
  <c r="A58447" i="1" s="1"/>
  <c r="A58448" i="1" s="1"/>
  <c r="A58449" i="1" s="1"/>
  <c r="A58450" i="1" s="1"/>
  <c r="A58451" i="1" s="1"/>
  <c r="A58452" i="1" s="1"/>
  <c r="A58453" i="1" s="1"/>
  <c r="A58454" i="1" s="1"/>
  <c r="A58455" i="1" s="1"/>
  <c r="A58456" i="1" s="1"/>
  <c r="A58457" i="1" s="1"/>
  <c r="A58458" i="1" s="1"/>
  <c r="A58459" i="1" s="1"/>
  <c r="A58460" i="1" s="1"/>
  <c r="A58461" i="1" s="1"/>
  <c r="A58462" i="1" s="1"/>
  <c r="A58463" i="1" s="1"/>
  <c r="A58464" i="1" s="1"/>
  <c r="A58465" i="1" s="1"/>
  <c r="A58466" i="1" s="1"/>
  <c r="A58467" i="1" s="1"/>
  <c r="A58468" i="1" s="1"/>
  <c r="A58469" i="1" s="1"/>
  <c r="A58470" i="1" s="1"/>
  <c r="A58471" i="1" s="1"/>
  <c r="A58472" i="1" s="1"/>
  <c r="A58473" i="1" s="1"/>
  <c r="A58474" i="1" s="1"/>
  <c r="A58475" i="1" s="1"/>
  <c r="A58476" i="1" s="1"/>
  <c r="A58477" i="1" s="1"/>
  <c r="A58478" i="1" s="1"/>
  <c r="A58479" i="1" s="1"/>
  <c r="A58480" i="1" s="1"/>
  <c r="A58481" i="1" s="1"/>
  <c r="A58482" i="1" s="1"/>
  <c r="A58483" i="1" s="1"/>
  <c r="A58484" i="1" s="1"/>
  <c r="A58485" i="1" s="1"/>
  <c r="A58486" i="1" s="1"/>
  <c r="A58487" i="1" s="1"/>
  <c r="A58488" i="1" s="1"/>
  <c r="A58489" i="1" s="1"/>
  <c r="A58490" i="1" s="1"/>
  <c r="A58491" i="1" s="1"/>
  <c r="A58492" i="1" s="1"/>
  <c r="A58493" i="1" s="1"/>
  <c r="A58494" i="1" s="1"/>
  <c r="A58495" i="1" s="1"/>
  <c r="A58496" i="1" s="1"/>
  <c r="A58497" i="1" s="1"/>
  <c r="A58498" i="1" s="1"/>
  <c r="A58499" i="1" s="1"/>
  <c r="A58500" i="1" s="1"/>
  <c r="A58501" i="1" s="1"/>
  <c r="A58502" i="1" s="1"/>
  <c r="A58503" i="1" s="1"/>
  <c r="A58504" i="1" s="1"/>
  <c r="A58505" i="1" s="1"/>
  <c r="A58506" i="1" s="1"/>
  <c r="A58507" i="1" s="1"/>
  <c r="A58508" i="1" s="1"/>
  <c r="A58509" i="1" s="1"/>
  <c r="A58510" i="1" s="1"/>
  <c r="A58511" i="1" s="1"/>
  <c r="A58512" i="1" s="1"/>
  <c r="A58513" i="1" s="1"/>
  <c r="A58514" i="1" s="1"/>
  <c r="A58515" i="1" s="1"/>
  <c r="A58516" i="1" s="1"/>
  <c r="A58517" i="1" s="1"/>
  <c r="A58518" i="1" s="1"/>
  <c r="A58519" i="1" s="1"/>
  <c r="A58520" i="1" s="1"/>
  <c r="A58521" i="1" s="1"/>
  <c r="A58522" i="1" s="1"/>
  <c r="A58523" i="1" s="1"/>
  <c r="A58524" i="1" s="1"/>
  <c r="A58525" i="1" s="1"/>
  <c r="A58526" i="1" s="1"/>
  <c r="A58527" i="1" s="1"/>
  <c r="A58528" i="1" s="1"/>
  <c r="A58529" i="1" s="1"/>
  <c r="A58530" i="1" s="1"/>
  <c r="A58531" i="1" s="1"/>
  <c r="A58532" i="1" s="1"/>
  <c r="A58533" i="1" s="1"/>
  <c r="A58534" i="1" s="1"/>
  <c r="A58535" i="1" s="1"/>
  <c r="A58536" i="1" s="1"/>
  <c r="A58537" i="1" s="1"/>
  <c r="A58538" i="1" s="1"/>
  <c r="A58539" i="1" s="1"/>
  <c r="A58540" i="1" s="1"/>
  <c r="A58541" i="1" s="1"/>
  <c r="A58542" i="1" s="1"/>
  <c r="A58543" i="1" s="1"/>
  <c r="A58544" i="1" s="1"/>
  <c r="A58545" i="1" s="1"/>
  <c r="A58546" i="1" s="1"/>
  <c r="A58547" i="1" s="1"/>
  <c r="A58548" i="1" s="1"/>
  <c r="A58549" i="1" s="1"/>
  <c r="A58550" i="1" s="1"/>
  <c r="A58551" i="1" s="1"/>
  <c r="A58552" i="1" s="1"/>
  <c r="A58553" i="1" s="1"/>
  <c r="A58554" i="1" s="1"/>
  <c r="A58555" i="1" s="1"/>
  <c r="A58556" i="1" s="1"/>
  <c r="A58557" i="1" s="1"/>
  <c r="A58558" i="1" s="1"/>
  <c r="A58559" i="1" s="1"/>
  <c r="A58560" i="1" s="1"/>
  <c r="A58561" i="1" s="1"/>
  <c r="A58562" i="1" s="1"/>
  <c r="A58563" i="1" s="1"/>
  <c r="A58564" i="1" s="1"/>
  <c r="A58565" i="1" s="1"/>
  <c r="A58566" i="1" s="1"/>
  <c r="A58567" i="1" s="1"/>
  <c r="A58568" i="1" s="1"/>
  <c r="A58569" i="1" s="1"/>
  <c r="A58570" i="1" s="1"/>
  <c r="A58571" i="1" s="1"/>
  <c r="A58572" i="1" s="1"/>
  <c r="A58573" i="1" s="1"/>
  <c r="A58574" i="1" s="1"/>
  <c r="A58575" i="1" s="1"/>
  <c r="A58576" i="1" s="1"/>
  <c r="A58577" i="1" s="1"/>
  <c r="A58578" i="1" s="1"/>
  <c r="A58579" i="1" s="1"/>
  <c r="A58580" i="1" s="1"/>
  <c r="A58581" i="1" s="1"/>
  <c r="A58582" i="1" s="1"/>
  <c r="A58583" i="1" s="1"/>
  <c r="A58584" i="1" s="1"/>
  <c r="A58585" i="1" s="1"/>
  <c r="A58586" i="1" s="1"/>
  <c r="A58587" i="1" s="1"/>
  <c r="A58588" i="1" s="1"/>
  <c r="A58589" i="1" s="1"/>
  <c r="A58590" i="1" s="1"/>
  <c r="A58591" i="1" s="1"/>
  <c r="A58592" i="1" s="1"/>
  <c r="A58593" i="1" s="1"/>
  <c r="A58594" i="1" s="1"/>
  <c r="A58595" i="1" s="1"/>
  <c r="A58596" i="1" s="1"/>
  <c r="A58597" i="1" s="1"/>
  <c r="A58598" i="1" s="1"/>
  <c r="A58599" i="1" s="1"/>
  <c r="A58600" i="1" s="1"/>
  <c r="A58601" i="1" s="1"/>
  <c r="A58602" i="1" s="1"/>
  <c r="A58603" i="1" s="1"/>
  <c r="A58604" i="1" s="1"/>
  <c r="A58605" i="1" s="1"/>
  <c r="A58606" i="1" s="1"/>
  <c r="A58607" i="1" s="1"/>
  <c r="A58608" i="1" s="1"/>
  <c r="A58609" i="1" s="1"/>
  <c r="A58610" i="1" s="1"/>
  <c r="A58611" i="1" s="1"/>
  <c r="A58612" i="1" s="1"/>
  <c r="A58613" i="1" s="1"/>
  <c r="A58614" i="1" s="1"/>
  <c r="A58615" i="1" s="1"/>
  <c r="A58616" i="1" s="1"/>
  <c r="A58617" i="1" s="1"/>
  <c r="A58618" i="1" s="1"/>
  <c r="A58619" i="1" s="1"/>
  <c r="A58620" i="1" s="1"/>
  <c r="A58621" i="1" s="1"/>
  <c r="A58622" i="1" s="1"/>
  <c r="A58623" i="1" s="1"/>
  <c r="A58624" i="1" s="1"/>
  <c r="A58625" i="1" s="1"/>
  <c r="A58626" i="1" s="1"/>
  <c r="A58627" i="1" s="1"/>
  <c r="A58628" i="1" s="1"/>
  <c r="A58629" i="1" s="1"/>
  <c r="A58630" i="1" s="1"/>
  <c r="A58631" i="1" s="1"/>
  <c r="A58632" i="1" s="1"/>
  <c r="A58633" i="1" s="1"/>
  <c r="A58634" i="1" s="1"/>
  <c r="A58635" i="1" s="1"/>
  <c r="A58636" i="1" s="1"/>
  <c r="A58637" i="1" s="1"/>
  <c r="A58638" i="1" s="1"/>
  <c r="A58639" i="1" s="1"/>
  <c r="A58640" i="1" s="1"/>
  <c r="A58641" i="1" s="1"/>
  <c r="A58642" i="1" s="1"/>
  <c r="A58643" i="1" s="1"/>
  <c r="A58644" i="1" s="1"/>
  <c r="A58645" i="1" s="1"/>
  <c r="A58646" i="1" s="1"/>
  <c r="A58647" i="1" s="1"/>
  <c r="A58648" i="1" s="1"/>
  <c r="A58649" i="1" s="1"/>
  <c r="A58650" i="1" s="1"/>
  <c r="A58651" i="1" s="1"/>
  <c r="A58652" i="1" s="1"/>
  <c r="A58653" i="1" s="1"/>
  <c r="A58654" i="1" s="1"/>
  <c r="A58655" i="1" s="1"/>
  <c r="A58656" i="1" s="1"/>
  <c r="A58657" i="1" s="1"/>
  <c r="A58658" i="1" s="1"/>
  <c r="A58659" i="1" s="1"/>
  <c r="A58660" i="1" s="1"/>
  <c r="A58661" i="1" s="1"/>
  <c r="A58662" i="1" s="1"/>
  <c r="A58663" i="1" s="1"/>
  <c r="A58664" i="1" s="1"/>
  <c r="A58665" i="1" s="1"/>
  <c r="A58666" i="1" s="1"/>
  <c r="A58667" i="1" s="1"/>
  <c r="A58668" i="1" s="1"/>
  <c r="A58669" i="1" s="1"/>
  <c r="A58670" i="1" s="1"/>
  <c r="A58671" i="1" s="1"/>
  <c r="A58672" i="1" s="1"/>
  <c r="A58673" i="1" s="1"/>
  <c r="A58674" i="1" s="1"/>
  <c r="A58675" i="1" s="1"/>
  <c r="A58676" i="1" s="1"/>
  <c r="A58677" i="1" s="1"/>
  <c r="A58678" i="1" s="1"/>
  <c r="A58679" i="1" s="1"/>
  <c r="A58680" i="1" s="1"/>
  <c r="A58681" i="1" s="1"/>
  <c r="A58682" i="1" s="1"/>
  <c r="A58683" i="1" s="1"/>
  <c r="A58684" i="1" s="1"/>
  <c r="A58685" i="1" s="1"/>
  <c r="A58686" i="1" s="1"/>
  <c r="A58687" i="1" s="1"/>
  <c r="A58688" i="1" s="1"/>
  <c r="A58689" i="1" s="1"/>
  <c r="A58690" i="1" s="1"/>
  <c r="A58691" i="1" s="1"/>
  <c r="A58692" i="1" s="1"/>
  <c r="A58693" i="1" s="1"/>
  <c r="A58694" i="1" s="1"/>
  <c r="A58695" i="1" s="1"/>
  <c r="A58696" i="1" s="1"/>
  <c r="A58697" i="1" s="1"/>
  <c r="A58698" i="1" s="1"/>
  <c r="A58699" i="1" s="1"/>
  <c r="A58700" i="1" s="1"/>
  <c r="A58701" i="1" s="1"/>
  <c r="A58702" i="1" s="1"/>
  <c r="A58703" i="1" s="1"/>
  <c r="A58704" i="1" s="1"/>
  <c r="A58705" i="1" s="1"/>
  <c r="A58706" i="1" s="1"/>
  <c r="A58707" i="1" s="1"/>
  <c r="A58708" i="1" s="1"/>
  <c r="A58709" i="1" s="1"/>
  <c r="A58710" i="1" s="1"/>
  <c r="A58711" i="1" s="1"/>
  <c r="A58712" i="1" s="1"/>
  <c r="A58713" i="1" s="1"/>
  <c r="A58714" i="1" s="1"/>
  <c r="A58715" i="1" s="1"/>
  <c r="A58716" i="1" s="1"/>
  <c r="A58717" i="1" s="1"/>
  <c r="A58718" i="1" s="1"/>
  <c r="A58719" i="1" s="1"/>
  <c r="A58720" i="1" s="1"/>
  <c r="A58721" i="1" s="1"/>
  <c r="A58722" i="1" s="1"/>
  <c r="A58723" i="1" s="1"/>
  <c r="A58724" i="1" s="1"/>
  <c r="A58725" i="1" s="1"/>
  <c r="A58726" i="1" s="1"/>
  <c r="A58727" i="1" s="1"/>
  <c r="A58728" i="1" s="1"/>
  <c r="A58729" i="1" s="1"/>
  <c r="A58730" i="1" s="1"/>
  <c r="A58731" i="1" s="1"/>
  <c r="A58732" i="1" s="1"/>
  <c r="A58733" i="1" s="1"/>
  <c r="A58734" i="1" s="1"/>
  <c r="A58735" i="1" s="1"/>
  <c r="A58736" i="1" s="1"/>
  <c r="A58737" i="1" s="1"/>
  <c r="A58738" i="1" s="1"/>
  <c r="A58739" i="1" s="1"/>
  <c r="A58740" i="1" s="1"/>
  <c r="A58741" i="1" s="1"/>
  <c r="A58742" i="1" s="1"/>
  <c r="A58743" i="1" s="1"/>
  <c r="A58744" i="1" s="1"/>
  <c r="A58745" i="1" s="1"/>
  <c r="A58746" i="1" s="1"/>
  <c r="A58747" i="1" s="1"/>
  <c r="A58748" i="1" s="1"/>
  <c r="A58749" i="1" s="1"/>
  <c r="A58750" i="1" s="1"/>
  <c r="A58751" i="1" s="1"/>
  <c r="A58752" i="1" s="1"/>
  <c r="A58753" i="1" s="1"/>
  <c r="A58754" i="1" s="1"/>
  <c r="A58755" i="1" s="1"/>
  <c r="A58756" i="1" s="1"/>
  <c r="A58757" i="1" s="1"/>
  <c r="A58758" i="1" s="1"/>
  <c r="A58759" i="1" s="1"/>
  <c r="A58760" i="1" s="1"/>
  <c r="A58761" i="1" s="1"/>
  <c r="A58762" i="1" s="1"/>
  <c r="A58763" i="1" s="1"/>
  <c r="A58764" i="1" s="1"/>
  <c r="A58765" i="1" s="1"/>
  <c r="A58766" i="1" s="1"/>
  <c r="A58767" i="1" s="1"/>
  <c r="A58768" i="1" s="1"/>
  <c r="A58769" i="1" s="1"/>
  <c r="A58770" i="1" s="1"/>
  <c r="A58771" i="1" s="1"/>
  <c r="A58772" i="1" s="1"/>
  <c r="A58773" i="1" s="1"/>
  <c r="A58774" i="1" s="1"/>
  <c r="A58775" i="1" s="1"/>
  <c r="A58776" i="1" s="1"/>
  <c r="A58777" i="1" s="1"/>
  <c r="A58778" i="1" s="1"/>
  <c r="A58779" i="1" s="1"/>
  <c r="A58780" i="1" s="1"/>
  <c r="A58781" i="1" s="1"/>
  <c r="A58782" i="1" s="1"/>
  <c r="A58783" i="1" s="1"/>
  <c r="A58784" i="1" s="1"/>
  <c r="A58785" i="1" s="1"/>
  <c r="A58786" i="1" s="1"/>
  <c r="A58787" i="1" s="1"/>
  <c r="A58788" i="1" s="1"/>
  <c r="A58789" i="1" s="1"/>
  <c r="A58790" i="1" s="1"/>
  <c r="A58791" i="1" s="1"/>
  <c r="A58792" i="1" s="1"/>
  <c r="A58793" i="1" s="1"/>
  <c r="A58794" i="1" s="1"/>
  <c r="A58795" i="1" s="1"/>
  <c r="A58796" i="1" s="1"/>
  <c r="A58797" i="1" s="1"/>
  <c r="A58798" i="1" s="1"/>
  <c r="A58799" i="1" s="1"/>
  <c r="A58800" i="1" s="1"/>
  <c r="A58801" i="1" s="1"/>
  <c r="A58802" i="1" s="1"/>
  <c r="A58803" i="1" s="1"/>
  <c r="A58804" i="1" s="1"/>
  <c r="A58805" i="1" s="1"/>
  <c r="A58806" i="1" s="1"/>
  <c r="A58807" i="1" s="1"/>
  <c r="A58808" i="1" s="1"/>
  <c r="A58809" i="1" s="1"/>
  <c r="A58810" i="1" s="1"/>
  <c r="A58811" i="1" s="1"/>
  <c r="A58812" i="1" s="1"/>
  <c r="A58813" i="1" s="1"/>
  <c r="A58814" i="1" s="1"/>
  <c r="A58815" i="1" s="1"/>
  <c r="A58816" i="1" s="1"/>
  <c r="A58817" i="1" s="1"/>
  <c r="A58818" i="1" s="1"/>
  <c r="A58819" i="1" s="1"/>
  <c r="A58820" i="1" s="1"/>
  <c r="A58821" i="1" s="1"/>
  <c r="A58822" i="1" s="1"/>
  <c r="A58823" i="1" s="1"/>
  <c r="A58824" i="1" s="1"/>
  <c r="A58825" i="1" s="1"/>
  <c r="A58826" i="1" s="1"/>
  <c r="A58827" i="1" s="1"/>
  <c r="A58828" i="1" s="1"/>
  <c r="A58829" i="1" s="1"/>
  <c r="A58830" i="1" s="1"/>
  <c r="A58831" i="1" s="1"/>
  <c r="A58832" i="1" s="1"/>
  <c r="A58833" i="1" s="1"/>
  <c r="A58834" i="1" s="1"/>
  <c r="A58835" i="1" s="1"/>
  <c r="A58836" i="1" s="1"/>
  <c r="A58837" i="1" s="1"/>
  <c r="A58838" i="1" s="1"/>
  <c r="A58839" i="1" s="1"/>
  <c r="A58840" i="1" s="1"/>
  <c r="A58841" i="1" s="1"/>
  <c r="A58842" i="1" s="1"/>
  <c r="A58843" i="1" s="1"/>
  <c r="A58844" i="1" s="1"/>
  <c r="A58845" i="1" s="1"/>
  <c r="A58846" i="1" s="1"/>
  <c r="A58847" i="1" s="1"/>
  <c r="A58848" i="1" s="1"/>
  <c r="A58849" i="1" s="1"/>
  <c r="A58850" i="1" s="1"/>
  <c r="A58851" i="1" s="1"/>
  <c r="A58852" i="1" s="1"/>
  <c r="A58853" i="1" s="1"/>
  <c r="A58854" i="1" s="1"/>
  <c r="A58855" i="1" s="1"/>
  <c r="A58856" i="1" s="1"/>
  <c r="A58857" i="1" s="1"/>
  <c r="A58858" i="1" s="1"/>
  <c r="A58859" i="1" s="1"/>
  <c r="A58860" i="1" s="1"/>
  <c r="A58861" i="1" s="1"/>
  <c r="A58862" i="1" s="1"/>
  <c r="A58863" i="1" s="1"/>
  <c r="A58864" i="1" s="1"/>
  <c r="A58865" i="1" s="1"/>
  <c r="A58866" i="1" s="1"/>
  <c r="A58867" i="1" s="1"/>
  <c r="A58868" i="1" s="1"/>
  <c r="A58869" i="1" s="1"/>
  <c r="A58870" i="1" s="1"/>
  <c r="A58871" i="1" s="1"/>
  <c r="A58872" i="1" s="1"/>
  <c r="A58873" i="1" s="1"/>
  <c r="A58874" i="1" s="1"/>
  <c r="A58875" i="1" s="1"/>
  <c r="A58876" i="1" s="1"/>
  <c r="A58877" i="1" s="1"/>
  <c r="A58878" i="1" s="1"/>
  <c r="A58879" i="1" s="1"/>
  <c r="A58880" i="1" s="1"/>
  <c r="A58881" i="1" s="1"/>
  <c r="A58882" i="1" s="1"/>
  <c r="A58883" i="1" s="1"/>
  <c r="A58884" i="1" s="1"/>
  <c r="A58885" i="1" s="1"/>
  <c r="A58886" i="1" s="1"/>
  <c r="A58887" i="1" s="1"/>
  <c r="A58888" i="1" s="1"/>
  <c r="A58889" i="1" s="1"/>
  <c r="A58890" i="1" s="1"/>
  <c r="A58891" i="1" s="1"/>
  <c r="A58892" i="1" s="1"/>
  <c r="A58893" i="1" s="1"/>
  <c r="A58894" i="1" s="1"/>
  <c r="A58895" i="1" s="1"/>
  <c r="A58896" i="1" s="1"/>
  <c r="A58897" i="1" s="1"/>
  <c r="A58898" i="1" s="1"/>
  <c r="A58899" i="1" s="1"/>
  <c r="A58900" i="1" s="1"/>
  <c r="A58901" i="1" s="1"/>
  <c r="A58902" i="1" s="1"/>
  <c r="A58903" i="1" s="1"/>
  <c r="A58904" i="1" s="1"/>
  <c r="A58905" i="1" s="1"/>
  <c r="A58906" i="1" s="1"/>
  <c r="A58907" i="1" s="1"/>
  <c r="A58908" i="1" s="1"/>
  <c r="A58909" i="1" s="1"/>
  <c r="A58910" i="1" s="1"/>
  <c r="A58911" i="1" s="1"/>
  <c r="A58912" i="1" s="1"/>
  <c r="A58913" i="1" s="1"/>
  <c r="A58914" i="1" s="1"/>
  <c r="A58915" i="1" s="1"/>
  <c r="A58916" i="1" s="1"/>
  <c r="A58917" i="1" s="1"/>
  <c r="A58918" i="1" s="1"/>
  <c r="A58919" i="1" s="1"/>
  <c r="A58920" i="1" s="1"/>
  <c r="A58921" i="1" s="1"/>
  <c r="A58922" i="1" s="1"/>
  <c r="A58923" i="1" s="1"/>
  <c r="A58924" i="1" s="1"/>
  <c r="A58925" i="1" s="1"/>
  <c r="A58926" i="1" s="1"/>
  <c r="A58927" i="1" s="1"/>
  <c r="A58928" i="1" s="1"/>
  <c r="A58929" i="1" s="1"/>
  <c r="A58930" i="1" s="1"/>
  <c r="A58931" i="1" s="1"/>
  <c r="A58932" i="1" s="1"/>
  <c r="A58933" i="1" s="1"/>
  <c r="A58934" i="1" s="1"/>
  <c r="A58935" i="1" s="1"/>
  <c r="A58936" i="1" s="1"/>
  <c r="A58937" i="1" s="1"/>
  <c r="A58938" i="1" s="1"/>
  <c r="A58939" i="1" s="1"/>
  <c r="A58940" i="1" s="1"/>
  <c r="A58941" i="1" s="1"/>
  <c r="A58942" i="1" s="1"/>
  <c r="A58943" i="1" s="1"/>
  <c r="A58944" i="1" s="1"/>
  <c r="A58945" i="1" s="1"/>
  <c r="A58946" i="1" s="1"/>
  <c r="A58947" i="1" s="1"/>
  <c r="A58948" i="1" s="1"/>
  <c r="A58949" i="1" s="1"/>
  <c r="A58950" i="1" s="1"/>
  <c r="A58951" i="1" s="1"/>
  <c r="A58952" i="1" s="1"/>
  <c r="A58953" i="1" s="1"/>
  <c r="A58954" i="1" s="1"/>
  <c r="A58955" i="1" s="1"/>
  <c r="A58956" i="1" s="1"/>
  <c r="A58957" i="1" s="1"/>
  <c r="A58958" i="1" s="1"/>
  <c r="A58959" i="1" s="1"/>
  <c r="A58960" i="1" s="1"/>
  <c r="A58961" i="1" s="1"/>
  <c r="A58962" i="1" s="1"/>
  <c r="A58963" i="1" s="1"/>
  <c r="A58964" i="1" s="1"/>
  <c r="A58965" i="1" s="1"/>
  <c r="A58966" i="1" s="1"/>
  <c r="A58967" i="1" s="1"/>
  <c r="A58968" i="1" s="1"/>
  <c r="A58969" i="1" s="1"/>
  <c r="A58970" i="1" s="1"/>
  <c r="A58971" i="1" s="1"/>
  <c r="A58972" i="1" s="1"/>
  <c r="A58973" i="1" s="1"/>
  <c r="A58974" i="1" s="1"/>
  <c r="A58975" i="1" s="1"/>
  <c r="A58976" i="1" s="1"/>
  <c r="A58977" i="1" s="1"/>
  <c r="A58978" i="1" s="1"/>
  <c r="A58979" i="1" s="1"/>
  <c r="A58980" i="1" s="1"/>
  <c r="A58981" i="1" s="1"/>
  <c r="A58982" i="1" s="1"/>
  <c r="A58983" i="1" s="1"/>
  <c r="A58984" i="1" s="1"/>
  <c r="A58985" i="1" s="1"/>
  <c r="A58986" i="1" s="1"/>
  <c r="A58987" i="1" s="1"/>
  <c r="A58988" i="1" s="1"/>
  <c r="A58989" i="1" s="1"/>
  <c r="A58990" i="1" s="1"/>
  <c r="A58991" i="1" s="1"/>
  <c r="A58992" i="1" s="1"/>
  <c r="A58993" i="1" s="1"/>
  <c r="A58994" i="1" s="1"/>
  <c r="A58995" i="1" s="1"/>
  <c r="A58996" i="1" s="1"/>
  <c r="A58997" i="1" s="1"/>
  <c r="A58998" i="1" s="1"/>
  <c r="A58999" i="1" s="1"/>
  <c r="A59000" i="1" s="1"/>
  <c r="A59001" i="1" s="1"/>
  <c r="A59002" i="1" s="1"/>
  <c r="A59003" i="1" s="1"/>
  <c r="A59004" i="1" s="1"/>
  <c r="A59005" i="1" s="1"/>
  <c r="A59006" i="1" s="1"/>
  <c r="A59007" i="1" s="1"/>
  <c r="A59008" i="1" s="1"/>
  <c r="A59009" i="1" s="1"/>
  <c r="A59010" i="1" s="1"/>
  <c r="A59011" i="1" s="1"/>
  <c r="A59012" i="1" s="1"/>
  <c r="A59013" i="1" s="1"/>
  <c r="A59014" i="1" s="1"/>
  <c r="A59015" i="1" s="1"/>
  <c r="A59016" i="1" s="1"/>
  <c r="A59017" i="1" s="1"/>
  <c r="A59018" i="1" s="1"/>
  <c r="A59019" i="1" s="1"/>
  <c r="A59020" i="1" s="1"/>
  <c r="A59021" i="1" s="1"/>
  <c r="A59022" i="1" s="1"/>
  <c r="A59023" i="1" s="1"/>
  <c r="A59024" i="1" s="1"/>
  <c r="A59025" i="1" s="1"/>
  <c r="A59026" i="1" s="1"/>
  <c r="A59027" i="1" s="1"/>
  <c r="A59028" i="1" s="1"/>
  <c r="A59029" i="1" s="1"/>
  <c r="A59030" i="1" s="1"/>
  <c r="A59031" i="1" s="1"/>
  <c r="A59032" i="1" s="1"/>
  <c r="A59033" i="1" s="1"/>
  <c r="A59034" i="1" s="1"/>
  <c r="A59035" i="1" s="1"/>
  <c r="A59036" i="1" s="1"/>
  <c r="A59037" i="1" s="1"/>
  <c r="A59038" i="1" s="1"/>
  <c r="A59039" i="1" s="1"/>
  <c r="A59040" i="1" s="1"/>
  <c r="A59041" i="1" s="1"/>
  <c r="A59042" i="1" s="1"/>
  <c r="A59043" i="1" s="1"/>
  <c r="A59044" i="1" s="1"/>
  <c r="A59045" i="1" s="1"/>
  <c r="A59046" i="1" s="1"/>
  <c r="A59047" i="1" s="1"/>
  <c r="A59048" i="1" s="1"/>
  <c r="A59049" i="1" s="1"/>
  <c r="A59050" i="1" s="1"/>
  <c r="A59051" i="1" s="1"/>
  <c r="A59052" i="1" s="1"/>
  <c r="A59053" i="1" s="1"/>
  <c r="A59054" i="1" s="1"/>
  <c r="A59055" i="1" s="1"/>
  <c r="A59056" i="1" s="1"/>
  <c r="A59057" i="1" s="1"/>
  <c r="A59058" i="1" s="1"/>
  <c r="A59059" i="1" s="1"/>
  <c r="A59060" i="1" s="1"/>
  <c r="A59061" i="1" s="1"/>
  <c r="A59062" i="1" s="1"/>
  <c r="A59063" i="1" s="1"/>
  <c r="A59064" i="1" s="1"/>
  <c r="A59065" i="1" s="1"/>
  <c r="A59066" i="1" s="1"/>
  <c r="A59067" i="1" s="1"/>
  <c r="A59068" i="1" s="1"/>
  <c r="A59069" i="1" s="1"/>
  <c r="A59070" i="1" s="1"/>
  <c r="A59071" i="1" s="1"/>
  <c r="A59072" i="1" s="1"/>
  <c r="A59073" i="1" s="1"/>
  <c r="A59074" i="1" s="1"/>
  <c r="A59075" i="1" s="1"/>
  <c r="A59076" i="1" s="1"/>
  <c r="A59077" i="1" s="1"/>
  <c r="A59078" i="1" s="1"/>
  <c r="A59079" i="1" s="1"/>
  <c r="A59080" i="1" s="1"/>
  <c r="A59081" i="1" s="1"/>
  <c r="A59082" i="1" s="1"/>
  <c r="A59083" i="1" s="1"/>
  <c r="A59084" i="1" s="1"/>
  <c r="A59085" i="1" s="1"/>
  <c r="A59086" i="1" s="1"/>
  <c r="A59087" i="1" s="1"/>
  <c r="A59088" i="1" s="1"/>
  <c r="A59089" i="1" s="1"/>
  <c r="A59090" i="1" s="1"/>
  <c r="A59091" i="1" s="1"/>
  <c r="A59092" i="1" s="1"/>
  <c r="A59093" i="1" s="1"/>
  <c r="A59094" i="1" s="1"/>
  <c r="A59095" i="1" s="1"/>
  <c r="A59096" i="1" s="1"/>
  <c r="A59097" i="1" s="1"/>
  <c r="A59098" i="1" s="1"/>
  <c r="A59099" i="1" s="1"/>
  <c r="A59100" i="1" s="1"/>
  <c r="A59101" i="1" s="1"/>
  <c r="A59102" i="1" s="1"/>
  <c r="A59103" i="1" s="1"/>
  <c r="A59104" i="1" s="1"/>
  <c r="A59105" i="1" s="1"/>
  <c r="A59106" i="1" s="1"/>
  <c r="A59107" i="1" s="1"/>
  <c r="A59108" i="1" s="1"/>
  <c r="A59109" i="1" s="1"/>
  <c r="A59110" i="1" s="1"/>
  <c r="A59111" i="1" s="1"/>
  <c r="A59112" i="1" s="1"/>
  <c r="A59113" i="1" s="1"/>
  <c r="A59114" i="1" s="1"/>
  <c r="A59115" i="1" s="1"/>
  <c r="A59116" i="1" s="1"/>
  <c r="A59117" i="1" s="1"/>
  <c r="A59118" i="1" s="1"/>
  <c r="A59119" i="1" s="1"/>
  <c r="A59120" i="1" s="1"/>
  <c r="A59121" i="1" s="1"/>
  <c r="A59122" i="1" s="1"/>
  <c r="A59123" i="1" s="1"/>
  <c r="A59124" i="1" s="1"/>
  <c r="A59125" i="1" s="1"/>
  <c r="A59126" i="1" s="1"/>
  <c r="A59127" i="1" s="1"/>
  <c r="A59128" i="1" s="1"/>
  <c r="A59129" i="1" s="1"/>
  <c r="A59130" i="1" s="1"/>
  <c r="A59131" i="1" s="1"/>
  <c r="A59132" i="1" s="1"/>
  <c r="A59133" i="1" s="1"/>
  <c r="A59134" i="1" s="1"/>
  <c r="A59135" i="1" s="1"/>
  <c r="A59136" i="1" s="1"/>
  <c r="A59137" i="1" s="1"/>
  <c r="A59138" i="1" s="1"/>
  <c r="A59139" i="1" s="1"/>
  <c r="A59140" i="1" s="1"/>
  <c r="A59141" i="1" s="1"/>
  <c r="A59142" i="1" s="1"/>
  <c r="A59143" i="1" s="1"/>
  <c r="A59144" i="1" s="1"/>
  <c r="A59145" i="1" s="1"/>
  <c r="A59146" i="1" s="1"/>
  <c r="A59147" i="1" s="1"/>
  <c r="A59148" i="1" s="1"/>
  <c r="A59149" i="1" s="1"/>
  <c r="A59150" i="1" s="1"/>
  <c r="A59151" i="1" s="1"/>
  <c r="A59152" i="1" s="1"/>
  <c r="A59153" i="1" s="1"/>
  <c r="A59154" i="1" s="1"/>
  <c r="A59155" i="1" s="1"/>
  <c r="A59156" i="1" s="1"/>
  <c r="A59157" i="1" s="1"/>
  <c r="A59158" i="1" s="1"/>
  <c r="A59159" i="1" s="1"/>
  <c r="A59160" i="1" s="1"/>
  <c r="A59161" i="1" s="1"/>
  <c r="A59162" i="1" s="1"/>
  <c r="A59163" i="1" s="1"/>
  <c r="A59164" i="1" s="1"/>
  <c r="A59165" i="1" s="1"/>
  <c r="A59166" i="1" s="1"/>
  <c r="A59167" i="1" s="1"/>
  <c r="A59168" i="1" s="1"/>
  <c r="A59169" i="1" s="1"/>
  <c r="A59170" i="1" s="1"/>
  <c r="A59171" i="1" s="1"/>
  <c r="A59172" i="1" s="1"/>
  <c r="A59173" i="1" s="1"/>
  <c r="A59174" i="1" s="1"/>
  <c r="A59175" i="1" s="1"/>
  <c r="A59176" i="1" s="1"/>
  <c r="A59177" i="1" s="1"/>
  <c r="A59178" i="1" s="1"/>
  <c r="A59179" i="1" s="1"/>
  <c r="A59180" i="1" s="1"/>
  <c r="A59181" i="1" s="1"/>
  <c r="A59182" i="1" s="1"/>
  <c r="A59183" i="1" s="1"/>
  <c r="A59184" i="1" s="1"/>
  <c r="A59185" i="1" s="1"/>
  <c r="A59186" i="1" s="1"/>
  <c r="A59187" i="1" s="1"/>
  <c r="A59188" i="1" s="1"/>
  <c r="A59189" i="1" s="1"/>
  <c r="A59190" i="1" s="1"/>
  <c r="A59191" i="1" s="1"/>
  <c r="A59192" i="1" s="1"/>
  <c r="A59193" i="1" s="1"/>
  <c r="A59194" i="1" s="1"/>
  <c r="A59195" i="1" s="1"/>
  <c r="A59196" i="1" s="1"/>
  <c r="A59197" i="1" s="1"/>
  <c r="A59198" i="1" s="1"/>
  <c r="A59199" i="1" s="1"/>
  <c r="A59200" i="1" s="1"/>
  <c r="A59201" i="1" s="1"/>
  <c r="A59202" i="1" s="1"/>
  <c r="A59203" i="1" s="1"/>
  <c r="A59204" i="1" s="1"/>
  <c r="A59205" i="1" s="1"/>
  <c r="A59206" i="1" s="1"/>
  <c r="A59207" i="1" s="1"/>
  <c r="A59208" i="1" s="1"/>
  <c r="A59209" i="1" s="1"/>
  <c r="A59210" i="1" s="1"/>
  <c r="A59211" i="1" s="1"/>
  <c r="A59212" i="1" s="1"/>
  <c r="A59213" i="1" s="1"/>
  <c r="A59214" i="1" s="1"/>
  <c r="A59215" i="1" s="1"/>
  <c r="A59216" i="1" s="1"/>
  <c r="A59217" i="1" s="1"/>
  <c r="A59218" i="1" s="1"/>
  <c r="A59219" i="1" s="1"/>
  <c r="A59220" i="1" s="1"/>
  <c r="A59221" i="1" s="1"/>
  <c r="A59222" i="1" s="1"/>
  <c r="A59223" i="1" s="1"/>
  <c r="A59224" i="1" s="1"/>
  <c r="A59225" i="1" s="1"/>
  <c r="A59226" i="1" s="1"/>
  <c r="A59227" i="1" s="1"/>
  <c r="A59228" i="1" s="1"/>
  <c r="A59229" i="1" s="1"/>
  <c r="A59230" i="1" s="1"/>
  <c r="A59231" i="1" s="1"/>
  <c r="A59232" i="1" s="1"/>
  <c r="A59233" i="1" s="1"/>
  <c r="A59234" i="1" s="1"/>
  <c r="A59235" i="1" s="1"/>
  <c r="A59236" i="1" s="1"/>
  <c r="A59237" i="1" s="1"/>
  <c r="A59238" i="1" s="1"/>
  <c r="A59239" i="1" s="1"/>
  <c r="A59240" i="1" s="1"/>
  <c r="A59241" i="1" s="1"/>
  <c r="A59242" i="1" s="1"/>
  <c r="A59243" i="1" s="1"/>
  <c r="A59244" i="1" s="1"/>
  <c r="A59245" i="1" s="1"/>
  <c r="A59246" i="1" s="1"/>
  <c r="A59247" i="1" s="1"/>
  <c r="A59248" i="1" s="1"/>
  <c r="A59249" i="1" s="1"/>
  <c r="A59250" i="1" s="1"/>
  <c r="A59251" i="1" s="1"/>
  <c r="A59252" i="1" s="1"/>
  <c r="A59253" i="1" s="1"/>
  <c r="A59254" i="1" s="1"/>
  <c r="A59255" i="1" s="1"/>
  <c r="A59256" i="1" s="1"/>
  <c r="A59257" i="1" s="1"/>
  <c r="A59258" i="1" s="1"/>
  <c r="A59259" i="1" s="1"/>
  <c r="A59260" i="1" s="1"/>
  <c r="A59261" i="1" s="1"/>
  <c r="A59262" i="1" s="1"/>
  <c r="A59263" i="1" s="1"/>
  <c r="A59264" i="1" s="1"/>
  <c r="A59265" i="1" s="1"/>
  <c r="A59266" i="1" s="1"/>
  <c r="A59267" i="1" s="1"/>
  <c r="A59268" i="1" s="1"/>
  <c r="A59269" i="1" s="1"/>
  <c r="A59270" i="1" s="1"/>
  <c r="A59271" i="1" s="1"/>
  <c r="A59272" i="1" s="1"/>
  <c r="A59273" i="1" s="1"/>
  <c r="A59274" i="1" s="1"/>
  <c r="A59275" i="1" s="1"/>
  <c r="A59276" i="1" s="1"/>
  <c r="A59277" i="1" s="1"/>
  <c r="A59278" i="1" s="1"/>
  <c r="A59279" i="1" s="1"/>
  <c r="A59280" i="1" s="1"/>
  <c r="A59281" i="1" s="1"/>
  <c r="A59282" i="1" s="1"/>
  <c r="A59283" i="1" s="1"/>
  <c r="A59284" i="1" s="1"/>
  <c r="A59285" i="1" s="1"/>
  <c r="A59286" i="1" s="1"/>
  <c r="A59287" i="1" s="1"/>
  <c r="A59288" i="1" s="1"/>
  <c r="A59289" i="1" s="1"/>
  <c r="A59290" i="1" s="1"/>
  <c r="A59291" i="1" s="1"/>
  <c r="A59292" i="1" s="1"/>
  <c r="A59293" i="1" s="1"/>
  <c r="A59294" i="1" s="1"/>
  <c r="A59295" i="1" s="1"/>
  <c r="A59296" i="1" s="1"/>
  <c r="A59297" i="1" s="1"/>
  <c r="A59298" i="1" s="1"/>
  <c r="A59299" i="1" s="1"/>
  <c r="A59300" i="1" s="1"/>
  <c r="A59301" i="1" s="1"/>
  <c r="A59302" i="1" s="1"/>
  <c r="A59303" i="1" s="1"/>
  <c r="A59304" i="1" s="1"/>
  <c r="A59305" i="1" s="1"/>
  <c r="A59306" i="1" s="1"/>
  <c r="A59307" i="1" s="1"/>
  <c r="A59308" i="1" s="1"/>
  <c r="A59309" i="1" s="1"/>
  <c r="A59310" i="1" s="1"/>
  <c r="A59311" i="1" s="1"/>
  <c r="A59312" i="1" s="1"/>
  <c r="A59313" i="1" s="1"/>
  <c r="A59314" i="1" s="1"/>
  <c r="A59315" i="1" s="1"/>
  <c r="A59316" i="1" s="1"/>
  <c r="A59317" i="1" s="1"/>
  <c r="A59318" i="1" s="1"/>
  <c r="A59319" i="1" s="1"/>
  <c r="A59320" i="1" s="1"/>
  <c r="A59321" i="1" s="1"/>
  <c r="A59322" i="1" s="1"/>
  <c r="A59323" i="1" s="1"/>
  <c r="A59324" i="1" s="1"/>
  <c r="A59325" i="1" s="1"/>
  <c r="A59326" i="1" s="1"/>
  <c r="A59327" i="1" s="1"/>
  <c r="A59328" i="1" s="1"/>
  <c r="A59329" i="1" s="1"/>
  <c r="A59330" i="1" s="1"/>
  <c r="A59331" i="1" s="1"/>
  <c r="A59332" i="1" s="1"/>
  <c r="A59333" i="1" s="1"/>
  <c r="A59334" i="1" s="1"/>
  <c r="A59335" i="1" s="1"/>
  <c r="A59336" i="1" s="1"/>
  <c r="A59337" i="1" s="1"/>
  <c r="A59338" i="1" s="1"/>
  <c r="A59339" i="1" s="1"/>
  <c r="A59340" i="1" s="1"/>
  <c r="A59341" i="1" s="1"/>
  <c r="A59342" i="1" s="1"/>
  <c r="A59343" i="1" s="1"/>
  <c r="A59344" i="1" s="1"/>
  <c r="A59345" i="1" s="1"/>
  <c r="A59346" i="1" s="1"/>
  <c r="A59347" i="1" s="1"/>
  <c r="A59348" i="1" s="1"/>
  <c r="A59349" i="1" s="1"/>
  <c r="A59350" i="1" s="1"/>
  <c r="A59351" i="1" s="1"/>
  <c r="A59352" i="1" s="1"/>
  <c r="A59353" i="1" s="1"/>
  <c r="A59354" i="1" s="1"/>
  <c r="A59355" i="1" s="1"/>
  <c r="A59356" i="1" s="1"/>
  <c r="A59357" i="1" s="1"/>
  <c r="A59358" i="1" s="1"/>
  <c r="A59359" i="1" s="1"/>
  <c r="A59360" i="1" s="1"/>
  <c r="A59361" i="1" s="1"/>
  <c r="A59362" i="1" s="1"/>
  <c r="A59363" i="1" s="1"/>
  <c r="A59364" i="1" s="1"/>
  <c r="A59365" i="1" s="1"/>
  <c r="A59366" i="1" s="1"/>
  <c r="A59367" i="1" s="1"/>
  <c r="A59368" i="1" s="1"/>
  <c r="A59369" i="1" s="1"/>
  <c r="A59370" i="1" s="1"/>
  <c r="A59371" i="1" s="1"/>
  <c r="A59372" i="1" s="1"/>
  <c r="A59373" i="1" s="1"/>
  <c r="A59374" i="1" s="1"/>
  <c r="A59375" i="1" s="1"/>
  <c r="A59376" i="1" s="1"/>
  <c r="A59377" i="1" s="1"/>
  <c r="A59378" i="1" s="1"/>
  <c r="A59379" i="1" s="1"/>
  <c r="A59380" i="1" s="1"/>
  <c r="A59381" i="1" s="1"/>
  <c r="A59382" i="1" s="1"/>
  <c r="A59383" i="1" s="1"/>
  <c r="A59384" i="1" s="1"/>
  <c r="A59385" i="1" s="1"/>
  <c r="A59386" i="1" s="1"/>
  <c r="A59387" i="1" s="1"/>
  <c r="A59388" i="1" s="1"/>
  <c r="A59389" i="1" s="1"/>
  <c r="A59390" i="1" s="1"/>
  <c r="A59391" i="1" s="1"/>
  <c r="A59392" i="1" s="1"/>
  <c r="A59393" i="1" s="1"/>
  <c r="A59394" i="1" s="1"/>
  <c r="A59395" i="1" s="1"/>
  <c r="A59396" i="1" s="1"/>
  <c r="A59397" i="1" s="1"/>
  <c r="A59398" i="1" s="1"/>
  <c r="A59399" i="1" s="1"/>
  <c r="A59400" i="1" s="1"/>
  <c r="A59401" i="1" s="1"/>
  <c r="A59402" i="1" s="1"/>
  <c r="A59403" i="1" s="1"/>
  <c r="A59404" i="1" s="1"/>
  <c r="A59405" i="1" s="1"/>
  <c r="A59406" i="1" s="1"/>
  <c r="A59407" i="1" s="1"/>
  <c r="A59408" i="1" s="1"/>
  <c r="A59409" i="1" s="1"/>
  <c r="A59410" i="1" s="1"/>
  <c r="A59411" i="1" s="1"/>
  <c r="A59412" i="1" s="1"/>
  <c r="A59413" i="1" s="1"/>
  <c r="A59414" i="1" s="1"/>
  <c r="A59415" i="1" s="1"/>
  <c r="A59416" i="1" s="1"/>
  <c r="A59417" i="1" s="1"/>
  <c r="A59418" i="1" s="1"/>
  <c r="A59419" i="1" s="1"/>
  <c r="A59420" i="1" s="1"/>
  <c r="A59421" i="1" s="1"/>
  <c r="A59422" i="1" s="1"/>
  <c r="A59423" i="1" s="1"/>
  <c r="A59424" i="1" s="1"/>
  <c r="A59425" i="1" s="1"/>
  <c r="A59426" i="1" s="1"/>
  <c r="A59427" i="1" s="1"/>
  <c r="A59428" i="1" s="1"/>
  <c r="A59429" i="1" s="1"/>
  <c r="A59430" i="1" s="1"/>
  <c r="A59431" i="1" s="1"/>
  <c r="A59432" i="1" s="1"/>
  <c r="A59433" i="1" s="1"/>
  <c r="A59434" i="1" s="1"/>
  <c r="A59435" i="1" s="1"/>
  <c r="A59436" i="1" s="1"/>
  <c r="A59437" i="1" s="1"/>
  <c r="A59438" i="1" s="1"/>
  <c r="A59439" i="1" s="1"/>
  <c r="A59440" i="1" s="1"/>
  <c r="A59441" i="1" s="1"/>
  <c r="A59442" i="1" s="1"/>
  <c r="A59443" i="1" s="1"/>
  <c r="A59444" i="1" s="1"/>
  <c r="A59445" i="1" s="1"/>
  <c r="A59446" i="1" s="1"/>
  <c r="A59447" i="1" s="1"/>
  <c r="A59448" i="1" s="1"/>
  <c r="A59449" i="1" s="1"/>
  <c r="A59450" i="1" s="1"/>
  <c r="A59451" i="1" s="1"/>
  <c r="A59452" i="1" s="1"/>
  <c r="A59453" i="1" s="1"/>
  <c r="A59454" i="1" s="1"/>
  <c r="A59455" i="1" s="1"/>
  <c r="A59456" i="1" s="1"/>
  <c r="A59457" i="1" s="1"/>
  <c r="A59458" i="1" s="1"/>
  <c r="A59459" i="1" s="1"/>
  <c r="A59460" i="1" s="1"/>
  <c r="A59461" i="1" s="1"/>
  <c r="A59462" i="1" s="1"/>
  <c r="A59463" i="1" s="1"/>
  <c r="A59464" i="1" s="1"/>
  <c r="A59465" i="1" s="1"/>
  <c r="A59466" i="1" s="1"/>
  <c r="A59467" i="1" s="1"/>
  <c r="A59468" i="1" s="1"/>
  <c r="A59469" i="1" s="1"/>
  <c r="A59470" i="1" s="1"/>
  <c r="A59471" i="1" s="1"/>
  <c r="A59472" i="1" s="1"/>
  <c r="A59473" i="1" s="1"/>
  <c r="A59474" i="1" s="1"/>
  <c r="A59475" i="1" s="1"/>
  <c r="A59476" i="1" s="1"/>
  <c r="A59477" i="1" s="1"/>
  <c r="A59478" i="1" s="1"/>
  <c r="A59479" i="1" s="1"/>
  <c r="A59480" i="1" s="1"/>
  <c r="A59481" i="1" s="1"/>
  <c r="A59482" i="1" s="1"/>
  <c r="A59483" i="1" s="1"/>
  <c r="A59484" i="1" s="1"/>
  <c r="A59485" i="1" s="1"/>
  <c r="A59486" i="1" s="1"/>
  <c r="A59487" i="1" s="1"/>
  <c r="A59488" i="1" s="1"/>
  <c r="A59489" i="1" s="1"/>
  <c r="A59490" i="1" s="1"/>
  <c r="A59491" i="1" s="1"/>
  <c r="A59492" i="1" s="1"/>
  <c r="A59493" i="1" s="1"/>
  <c r="A59494" i="1" s="1"/>
  <c r="A59495" i="1" s="1"/>
  <c r="A59496" i="1" s="1"/>
  <c r="A59497" i="1" s="1"/>
  <c r="A59498" i="1" s="1"/>
  <c r="A59499" i="1" s="1"/>
  <c r="A59500" i="1" s="1"/>
  <c r="A59501" i="1" s="1"/>
  <c r="A59502" i="1" s="1"/>
  <c r="A59503" i="1" s="1"/>
  <c r="A59504" i="1" s="1"/>
  <c r="A59505" i="1" s="1"/>
  <c r="A59506" i="1" s="1"/>
  <c r="A59507" i="1" s="1"/>
  <c r="A59508" i="1" s="1"/>
  <c r="A59509" i="1" s="1"/>
  <c r="A59510" i="1" s="1"/>
  <c r="A59511" i="1" s="1"/>
  <c r="A59512" i="1" s="1"/>
  <c r="A59513" i="1" s="1"/>
  <c r="A59514" i="1" s="1"/>
  <c r="A59515" i="1" s="1"/>
  <c r="A59516" i="1" s="1"/>
  <c r="A59517" i="1" s="1"/>
  <c r="A59518" i="1" s="1"/>
  <c r="A59519" i="1" s="1"/>
  <c r="A59520" i="1" s="1"/>
  <c r="A59521" i="1" s="1"/>
  <c r="A59522" i="1" s="1"/>
  <c r="A59523" i="1" s="1"/>
  <c r="A59524" i="1" s="1"/>
  <c r="A59525" i="1" s="1"/>
  <c r="A59526" i="1" s="1"/>
  <c r="A59527" i="1" s="1"/>
  <c r="A59528" i="1" s="1"/>
  <c r="A59529" i="1" s="1"/>
  <c r="A59530" i="1" s="1"/>
  <c r="A59531" i="1" s="1"/>
  <c r="A59532" i="1" s="1"/>
  <c r="A59533" i="1" s="1"/>
  <c r="A59534" i="1" s="1"/>
  <c r="A59535" i="1" s="1"/>
  <c r="A59536" i="1" s="1"/>
  <c r="A59537" i="1" s="1"/>
  <c r="A59538" i="1" s="1"/>
  <c r="A59539" i="1" s="1"/>
  <c r="A59540" i="1" s="1"/>
  <c r="A59541" i="1" s="1"/>
  <c r="A59542" i="1" s="1"/>
  <c r="A59543" i="1" s="1"/>
  <c r="A59544" i="1" s="1"/>
  <c r="A59545" i="1" s="1"/>
  <c r="A59546" i="1" s="1"/>
  <c r="A59547" i="1" s="1"/>
  <c r="A59548" i="1" s="1"/>
  <c r="A59549" i="1" s="1"/>
  <c r="A59550" i="1" s="1"/>
  <c r="A59551" i="1" s="1"/>
  <c r="A59552" i="1" s="1"/>
  <c r="A59553" i="1" s="1"/>
  <c r="A59554" i="1" s="1"/>
  <c r="A59555" i="1" s="1"/>
  <c r="A59556" i="1" s="1"/>
  <c r="A59557" i="1" s="1"/>
  <c r="A59558" i="1" s="1"/>
  <c r="A59559" i="1" s="1"/>
  <c r="A59560" i="1" s="1"/>
  <c r="A59561" i="1" s="1"/>
  <c r="A59562" i="1" s="1"/>
  <c r="A59563" i="1" s="1"/>
  <c r="A59564" i="1" s="1"/>
  <c r="A59565" i="1" s="1"/>
  <c r="A59566" i="1" s="1"/>
  <c r="A59567" i="1" s="1"/>
  <c r="A59568" i="1" s="1"/>
  <c r="A59569" i="1" s="1"/>
  <c r="A59570" i="1" s="1"/>
  <c r="A59571" i="1" s="1"/>
  <c r="A59572" i="1" s="1"/>
  <c r="A59573" i="1" s="1"/>
  <c r="A59574" i="1" s="1"/>
  <c r="A59575" i="1" s="1"/>
  <c r="A59576" i="1" s="1"/>
  <c r="A59577" i="1" s="1"/>
  <c r="A59578" i="1" s="1"/>
  <c r="A59579" i="1" s="1"/>
  <c r="A59580" i="1" s="1"/>
  <c r="A59581" i="1" s="1"/>
  <c r="A59582" i="1" s="1"/>
  <c r="A59583" i="1" s="1"/>
  <c r="A59584" i="1" s="1"/>
  <c r="A59585" i="1" s="1"/>
  <c r="A59586" i="1" s="1"/>
  <c r="A59587" i="1" s="1"/>
  <c r="A59588" i="1" s="1"/>
  <c r="A59589" i="1" s="1"/>
  <c r="A59590" i="1" s="1"/>
  <c r="A59591" i="1" s="1"/>
  <c r="A59592" i="1" s="1"/>
  <c r="A59593" i="1" s="1"/>
  <c r="A59594" i="1" s="1"/>
  <c r="A59595" i="1" s="1"/>
  <c r="A59596" i="1" s="1"/>
  <c r="A59597" i="1" s="1"/>
  <c r="A59598" i="1" s="1"/>
  <c r="A59599" i="1" s="1"/>
  <c r="A59600" i="1" s="1"/>
  <c r="A59601" i="1" s="1"/>
  <c r="A59602" i="1" s="1"/>
  <c r="A59603" i="1" s="1"/>
  <c r="A59604" i="1" s="1"/>
  <c r="A59605" i="1" s="1"/>
  <c r="A59606" i="1" s="1"/>
  <c r="A59607" i="1" s="1"/>
  <c r="A59608" i="1" s="1"/>
  <c r="A59609" i="1" s="1"/>
  <c r="A59610" i="1" s="1"/>
  <c r="A59611" i="1" s="1"/>
  <c r="A59612" i="1" s="1"/>
  <c r="A59613" i="1" s="1"/>
  <c r="A59614" i="1" s="1"/>
  <c r="A59615" i="1" s="1"/>
  <c r="A59616" i="1" s="1"/>
  <c r="A59617" i="1" s="1"/>
  <c r="A59618" i="1" s="1"/>
  <c r="A59619" i="1" s="1"/>
  <c r="A59620" i="1" s="1"/>
  <c r="A59621" i="1" s="1"/>
  <c r="A59622" i="1" s="1"/>
  <c r="A59623" i="1" s="1"/>
  <c r="A59624" i="1" s="1"/>
  <c r="A59625" i="1" s="1"/>
  <c r="A59626" i="1" s="1"/>
  <c r="A59627" i="1" s="1"/>
  <c r="A59628" i="1" s="1"/>
  <c r="A59629" i="1" s="1"/>
  <c r="A59630" i="1" s="1"/>
  <c r="A59631" i="1" s="1"/>
  <c r="A59632" i="1" s="1"/>
  <c r="A59633" i="1" s="1"/>
  <c r="A59634" i="1" s="1"/>
  <c r="A59635" i="1" s="1"/>
  <c r="A59636" i="1" s="1"/>
  <c r="A59637" i="1" s="1"/>
  <c r="A59638" i="1" s="1"/>
  <c r="A59639" i="1" s="1"/>
  <c r="A59640" i="1" s="1"/>
  <c r="A59641" i="1" s="1"/>
  <c r="A59642" i="1" s="1"/>
  <c r="A59643" i="1" s="1"/>
  <c r="A59644" i="1" s="1"/>
  <c r="A59645" i="1" s="1"/>
  <c r="A59646" i="1" s="1"/>
  <c r="A59647" i="1" s="1"/>
  <c r="A59648" i="1" s="1"/>
  <c r="A59649" i="1" s="1"/>
  <c r="A59650" i="1" s="1"/>
  <c r="A59651" i="1" s="1"/>
  <c r="A59652" i="1" s="1"/>
  <c r="A59653" i="1" s="1"/>
  <c r="A59654" i="1" s="1"/>
  <c r="A59655" i="1" s="1"/>
  <c r="A59656" i="1" s="1"/>
  <c r="A59657" i="1" s="1"/>
  <c r="A59658" i="1" s="1"/>
  <c r="A59659" i="1" s="1"/>
  <c r="A59660" i="1" s="1"/>
  <c r="A59661" i="1" s="1"/>
  <c r="A59662" i="1" s="1"/>
  <c r="A59663" i="1" s="1"/>
  <c r="A59664" i="1" s="1"/>
  <c r="A59665" i="1" s="1"/>
  <c r="A59666" i="1" s="1"/>
  <c r="A59667" i="1" s="1"/>
  <c r="A59668" i="1" s="1"/>
  <c r="A59669" i="1" s="1"/>
  <c r="A59670" i="1" s="1"/>
  <c r="A59671" i="1" s="1"/>
  <c r="A59672" i="1" s="1"/>
  <c r="A59673" i="1" s="1"/>
  <c r="A59674" i="1" s="1"/>
  <c r="A59675" i="1" s="1"/>
  <c r="A59676" i="1" s="1"/>
  <c r="A59677" i="1" s="1"/>
  <c r="A59678" i="1" s="1"/>
  <c r="A59679" i="1" s="1"/>
  <c r="A59680" i="1" s="1"/>
  <c r="A59681" i="1" s="1"/>
  <c r="A59682" i="1" s="1"/>
  <c r="A59683" i="1" s="1"/>
  <c r="A59684" i="1" s="1"/>
  <c r="A59685" i="1" s="1"/>
  <c r="A59686" i="1" s="1"/>
  <c r="A59687" i="1" s="1"/>
  <c r="A59688" i="1" s="1"/>
  <c r="A59689" i="1" s="1"/>
  <c r="A59690" i="1" s="1"/>
  <c r="A59691" i="1" s="1"/>
  <c r="A59692" i="1" s="1"/>
  <c r="A59693" i="1" s="1"/>
  <c r="A59694" i="1" s="1"/>
  <c r="A59695" i="1" s="1"/>
  <c r="A59696" i="1" s="1"/>
  <c r="A59697" i="1" s="1"/>
  <c r="A59698" i="1" s="1"/>
  <c r="A59699" i="1" s="1"/>
  <c r="A59700" i="1" s="1"/>
  <c r="A59701" i="1" s="1"/>
  <c r="A59702" i="1" s="1"/>
  <c r="A59703" i="1" s="1"/>
  <c r="A59704" i="1" s="1"/>
  <c r="A59705" i="1" s="1"/>
  <c r="A59706" i="1" s="1"/>
  <c r="A59707" i="1" s="1"/>
  <c r="A59708" i="1" s="1"/>
  <c r="A59709" i="1" s="1"/>
  <c r="A59710" i="1" s="1"/>
  <c r="A59711" i="1" s="1"/>
  <c r="A59712" i="1" s="1"/>
  <c r="A59713" i="1" s="1"/>
  <c r="A59714" i="1" s="1"/>
  <c r="A59715" i="1" s="1"/>
  <c r="A59716" i="1" s="1"/>
  <c r="A59717" i="1" s="1"/>
  <c r="A59718" i="1" s="1"/>
  <c r="A59719" i="1" s="1"/>
  <c r="A59720" i="1" s="1"/>
  <c r="A59721" i="1" s="1"/>
  <c r="A59722" i="1" s="1"/>
  <c r="A59723" i="1" s="1"/>
  <c r="A59724" i="1" s="1"/>
  <c r="A59725" i="1" s="1"/>
  <c r="A59726" i="1" s="1"/>
  <c r="A59727" i="1" s="1"/>
  <c r="A59728" i="1" s="1"/>
  <c r="A59729" i="1" s="1"/>
  <c r="A59730" i="1" s="1"/>
  <c r="A59731" i="1" s="1"/>
  <c r="A59732" i="1" s="1"/>
  <c r="A59733" i="1" s="1"/>
  <c r="A59734" i="1" s="1"/>
  <c r="A59735" i="1" s="1"/>
  <c r="A59736" i="1" s="1"/>
  <c r="A59737" i="1" s="1"/>
  <c r="A59738" i="1" s="1"/>
  <c r="A59739" i="1" s="1"/>
  <c r="A59740" i="1" s="1"/>
  <c r="A59741" i="1" s="1"/>
  <c r="A59742" i="1" s="1"/>
  <c r="A59743" i="1" s="1"/>
  <c r="A59744" i="1" s="1"/>
  <c r="A59745" i="1" s="1"/>
  <c r="A59746" i="1" s="1"/>
  <c r="A59747" i="1" s="1"/>
  <c r="A59748" i="1" s="1"/>
  <c r="A59749" i="1" s="1"/>
  <c r="A59750" i="1" s="1"/>
  <c r="A59751" i="1" s="1"/>
  <c r="A59752" i="1" s="1"/>
  <c r="A59753" i="1" s="1"/>
  <c r="A59754" i="1" s="1"/>
  <c r="A59755" i="1" s="1"/>
  <c r="A59756" i="1" s="1"/>
  <c r="A59757" i="1" s="1"/>
  <c r="A59758" i="1" s="1"/>
  <c r="A59759" i="1" s="1"/>
  <c r="A59760" i="1" s="1"/>
  <c r="A59761" i="1" s="1"/>
  <c r="A59762" i="1" s="1"/>
  <c r="A59763" i="1" s="1"/>
  <c r="A59764" i="1" s="1"/>
  <c r="A59765" i="1" s="1"/>
  <c r="A59766" i="1" s="1"/>
  <c r="A59767" i="1" s="1"/>
  <c r="A59768" i="1" s="1"/>
  <c r="A59769" i="1" s="1"/>
  <c r="A59770" i="1" s="1"/>
  <c r="A59771" i="1" s="1"/>
  <c r="A59772" i="1" s="1"/>
  <c r="A59773" i="1" s="1"/>
  <c r="A59774" i="1" s="1"/>
  <c r="A59775" i="1" s="1"/>
  <c r="A59776" i="1" s="1"/>
  <c r="A59777" i="1" s="1"/>
  <c r="A59778" i="1" s="1"/>
  <c r="A59779" i="1" s="1"/>
  <c r="A59780" i="1" s="1"/>
  <c r="A59781" i="1" s="1"/>
  <c r="A59782" i="1" s="1"/>
  <c r="A59783" i="1" s="1"/>
  <c r="A59784" i="1" s="1"/>
  <c r="A59785" i="1" s="1"/>
  <c r="A59786" i="1" s="1"/>
  <c r="A59787" i="1" s="1"/>
  <c r="A59788" i="1" s="1"/>
  <c r="A59789" i="1" s="1"/>
  <c r="A59790" i="1" s="1"/>
  <c r="A59791" i="1" s="1"/>
  <c r="A59792" i="1" s="1"/>
  <c r="A59793" i="1" s="1"/>
  <c r="A59794" i="1" s="1"/>
  <c r="A59795" i="1" s="1"/>
  <c r="A59796" i="1" s="1"/>
  <c r="A59797" i="1" s="1"/>
  <c r="A59798" i="1" s="1"/>
  <c r="A59799" i="1" s="1"/>
  <c r="A59800" i="1" s="1"/>
  <c r="A59801" i="1" s="1"/>
  <c r="A59802" i="1" s="1"/>
  <c r="A59803" i="1" s="1"/>
  <c r="A59804" i="1" s="1"/>
  <c r="A59805" i="1" s="1"/>
  <c r="A59806" i="1" s="1"/>
  <c r="A59807" i="1" s="1"/>
  <c r="A59808" i="1" s="1"/>
  <c r="A59809" i="1" s="1"/>
  <c r="A59810" i="1" s="1"/>
  <c r="A59811" i="1" s="1"/>
  <c r="A59812" i="1" s="1"/>
  <c r="A59813" i="1" s="1"/>
  <c r="A59814" i="1" s="1"/>
  <c r="A59815" i="1" s="1"/>
  <c r="A59816" i="1" s="1"/>
  <c r="A59817" i="1" s="1"/>
  <c r="A59818" i="1" s="1"/>
  <c r="A59819" i="1" s="1"/>
  <c r="A59820" i="1" s="1"/>
  <c r="A59821" i="1" s="1"/>
  <c r="A59822" i="1" s="1"/>
  <c r="A59823" i="1" s="1"/>
  <c r="A59824" i="1" s="1"/>
  <c r="A59825" i="1" s="1"/>
  <c r="A59826" i="1" s="1"/>
  <c r="A59827" i="1" s="1"/>
  <c r="A59828" i="1" s="1"/>
  <c r="A59829" i="1" s="1"/>
  <c r="A59830" i="1" s="1"/>
  <c r="A59831" i="1" s="1"/>
  <c r="A59832" i="1" s="1"/>
  <c r="A59833" i="1" s="1"/>
  <c r="A59834" i="1" s="1"/>
  <c r="A59835" i="1" s="1"/>
  <c r="A59836" i="1" s="1"/>
  <c r="A59837" i="1" s="1"/>
  <c r="A59838" i="1" s="1"/>
  <c r="A59839" i="1" s="1"/>
  <c r="A59840" i="1" s="1"/>
  <c r="A59841" i="1" s="1"/>
  <c r="A59842" i="1" s="1"/>
  <c r="A59843" i="1" s="1"/>
  <c r="A59844" i="1" s="1"/>
  <c r="A59845" i="1" s="1"/>
  <c r="A59846" i="1" s="1"/>
  <c r="A59847" i="1" s="1"/>
  <c r="A59848" i="1" s="1"/>
  <c r="A59849" i="1" s="1"/>
  <c r="A59850" i="1" s="1"/>
  <c r="A59851" i="1" s="1"/>
  <c r="A59852" i="1" s="1"/>
  <c r="A59853" i="1" s="1"/>
  <c r="A59854" i="1" s="1"/>
  <c r="A59855" i="1" s="1"/>
  <c r="A59856" i="1" s="1"/>
  <c r="A59857" i="1" s="1"/>
  <c r="A59858" i="1" s="1"/>
  <c r="A59859" i="1" s="1"/>
  <c r="A59860" i="1" s="1"/>
  <c r="A59861" i="1" s="1"/>
  <c r="A59862" i="1" s="1"/>
  <c r="A59863" i="1" s="1"/>
  <c r="A59864" i="1" s="1"/>
  <c r="A59865" i="1" s="1"/>
  <c r="A59866" i="1" s="1"/>
  <c r="A59867" i="1" s="1"/>
  <c r="A59868" i="1" s="1"/>
  <c r="A59869" i="1" s="1"/>
  <c r="A59870" i="1" s="1"/>
  <c r="A59871" i="1" s="1"/>
  <c r="A59872" i="1" s="1"/>
  <c r="A59873" i="1" s="1"/>
  <c r="A59874" i="1" s="1"/>
  <c r="A59875" i="1" s="1"/>
  <c r="A59876" i="1" s="1"/>
  <c r="A59877" i="1" s="1"/>
  <c r="A59878" i="1" s="1"/>
  <c r="A59879" i="1" s="1"/>
  <c r="A59880" i="1" s="1"/>
  <c r="A59881" i="1" s="1"/>
  <c r="A59882" i="1" s="1"/>
  <c r="A59883" i="1" s="1"/>
  <c r="A59884" i="1" s="1"/>
  <c r="A59885" i="1" s="1"/>
  <c r="A59886" i="1" s="1"/>
  <c r="A59887" i="1" s="1"/>
  <c r="A59888" i="1" s="1"/>
  <c r="A59889" i="1" s="1"/>
  <c r="A59890" i="1" s="1"/>
  <c r="A59891" i="1" s="1"/>
  <c r="A59892" i="1" s="1"/>
  <c r="A59893" i="1" s="1"/>
  <c r="A59894" i="1" s="1"/>
  <c r="A59895" i="1" s="1"/>
  <c r="A59896" i="1" s="1"/>
  <c r="A59897" i="1" s="1"/>
  <c r="A59898" i="1" s="1"/>
  <c r="A59899" i="1" s="1"/>
  <c r="A59900" i="1" s="1"/>
  <c r="A59901" i="1" s="1"/>
  <c r="A59902" i="1" s="1"/>
  <c r="A59903" i="1" s="1"/>
  <c r="A59904" i="1" s="1"/>
  <c r="A59905" i="1" s="1"/>
  <c r="A59906" i="1" s="1"/>
  <c r="A59907" i="1" s="1"/>
  <c r="A59908" i="1" s="1"/>
  <c r="A59909" i="1" s="1"/>
  <c r="A59910" i="1" s="1"/>
  <c r="A59911" i="1" s="1"/>
  <c r="A59912" i="1" s="1"/>
  <c r="A59913" i="1" s="1"/>
  <c r="A59914" i="1" s="1"/>
  <c r="A59915" i="1" s="1"/>
  <c r="A59916" i="1" s="1"/>
  <c r="A59917" i="1" s="1"/>
  <c r="A59918" i="1" s="1"/>
  <c r="A59919" i="1" s="1"/>
  <c r="A59920" i="1" s="1"/>
  <c r="A59921" i="1" s="1"/>
  <c r="A59922" i="1" s="1"/>
  <c r="A59923" i="1" s="1"/>
  <c r="A59924" i="1" s="1"/>
  <c r="A59925" i="1" s="1"/>
  <c r="A59926" i="1" s="1"/>
  <c r="A59927" i="1" s="1"/>
  <c r="A59928" i="1" s="1"/>
  <c r="A59929" i="1" s="1"/>
  <c r="A59930" i="1" s="1"/>
  <c r="A59931" i="1" s="1"/>
  <c r="A59932" i="1" s="1"/>
  <c r="A59933" i="1" s="1"/>
  <c r="A59934" i="1" s="1"/>
  <c r="A59935" i="1" s="1"/>
  <c r="A59936" i="1" s="1"/>
  <c r="A59937" i="1" s="1"/>
  <c r="A59938" i="1" s="1"/>
  <c r="A59939" i="1" s="1"/>
  <c r="A59940" i="1" s="1"/>
  <c r="A59941" i="1" s="1"/>
  <c r="A59942" i="1" s="1"/>
  <c r="A59943" i="1" s="1"/>
  <c r="A59944" i="1" s="1"/>
  <c r="A59945" i="1" s="1"/>
  <c r="A59946" i="1" s="1"/>
  <c r="A59947" i="1" s="1"/>
  <c r="A59948" i="1" s="1"/>
  <c r="A59949" i="1" s="1"/>
  <c r="A59950" i="1" s="1"/>
  <c r="A59951" i="1" s="1"/>
  <c r="A59952" i="1" s="1"/>
  <c r="A59953" i="1" s="1"/>
  <c r="A59954" i="1" s="1"/>
  <c r="A59955" i="1" s="1"/>
  <c r="A59956" i="1" s="1"/>
  <c r="A59957" i="1" s="1"/>
  <c r="A59958" i="1" s="1"/>
  <c r="A59959" i="1" s="1"/>
  <c r="A59960" i="1" s="1"/>
  <c r="A59961" i="1" s="1"/>
  <c r="A59962" i="1" s="1"/>
  <c r="A59963" i="1" s="1"/>
  <c r="A59964" i="1" s="1"/>
  <c r="A59965" i="1" s="1"/>
  <c r="A59966" i="1" s="1"/>
  <c r="A59967" i="1" s="1"/>
  <c r="A59968" i="1" s="1"/>
  <c r="A59969" i="1" s="1"/>
  <c r="A59970" i="1" s="1"/>
  <c r="A59971" i="1" s="1"/>
  <c r="A59972" i="1" s="1"/>
  <c r="A59973" i="1" s="1"/>
  <c r="A59974" i="1" s="1"/>
  <c r="A59975" i="1" s="1"/>
  <c r="A59976" i="1" s="1"/>
  <c r="A59977" i="1" s="1"/>
  <c r="A59978" i="1" s="1"/>
  <c r="A59979" i="1" s="1"/>
  <c r="A59980" i="1" s="1"/>
  <c r="A59981" i="1" s="1"/>
  <c r="A59982" i="1" s="1"/>
  <c r="A59983" i="1" s="1"/>
  <c r="A59984" i="1" s="1"/>
  <c r="A59985" i="1" s="1"/>
  <c r="A59986" i="1" s="1"/>
  <c r="A59987" i="1" s="1"/>
  <c r="A59988" i="1" s="1"/>
  <c r="A59989" i="1" s="1"/>
  <c r="A59990" i="1" s="1"/>
  <c r="A59991" i="1" s="1"/>
  <c r="A59992" i="1" s="1"/>
  <c r="A59993" i="1" s="1"/>
  <c r="A59994" i="1" s="1"/>
  <c r="A59995" i="1" s="1"/>
  <c r="A59996" i="1" s="1"/>
  <c r="A59997" i="1" s="1"/>
  <c r="A59998" i="1" s="1"/>
  <c r="A59999" i="1" s="1"/>
  <c r="A60000" i="1" s="1"/>
  <c r="A60001" i="1" s="1"/>
  <c r="A60002" i="1" s="1"/>
  <c r="A60003" i="1" s="1"/>
  <c r="A60004" i="1" s="1"/>
  <c r="A60005" i="1" s="1"/>
  <c r="A60006" i="1" s="1"/>
  <c r="A60007" i="1" s="1"/>
  <c r="A60008" i="1" s="1"/>
  <c r="A60009" i="1" s="1"/>
  <c r="A60010" i="1" s="1"/>
  <c r="A60011" i="1" s="1"/>
  <c r="A60012" i="1" s="1"/>
  <c r="A60013" i="1" s="1"/>
  <c r="A60014" i="1" s="1"/>
  <c r="A60015" i="1" s="1"/>
  <c r="A60016" i="1" s="1"/>
  <c r="A60017" i="1" s="1"/>
  <c r="A60018" i="1" s="1"/>
  <c r="A60019" i="1" s="1"/>
  <c r="A60020" i="1" s="1"/>
  <c r="A60021" i="1" s="1"/>
  <c r="A60022" i="1" s="1"/>
  <c r="A60023" i="1" s="1"/>
  <c r="A60024" i="1" s="1"/>
  <c r="A60025" i="1" s="1"/>
  <c r="A60026" i="1" s="1"/>
  <c r="A60027" i="1" s="1"/>
  <c r="A60028" i="1" s="1"/>
  <c r="A60029" i="1" s="1"/>
  <c r="A60030" i="1" s="1"/>
  <c r="A60031" i="1" s="1"/>
  <c r="A60032" i="1" s="1"/>
  <c r="A60033" i="1" s="1"/>
  <c r="A60034" i="1" s="1"/>
  <c r="A60035" i="1" s="1"/>
  <c r="A60036" i="1" s="1"/>
  <c r="A60037" i="1" s="1"/>
  <c r="A60038" i="1" s="1"/>
  <c r="A60039" i="1" s="1"/>
  <c r="A60040" i="1" s="1"/>
  <c r="A60041" i="1" s="1"/>
  <c r="A60042" i="1" s="1"/>
  <c r="A60043" i="1" s="1"/>
  <c r="A60044" i="1" s="1"/>
  <c r="A60045" i="1" s="1"/>
  <c r="A60046" i="1" s="1"/>
  <c r="A60047" i="1" s="1"/>
  <c r="A60048" i="1" s="1"/>
  <c r="A60049" i="1" s="1"/>
  <c r="A60050" i="1" s="1"/>
  <c r="A60051" i="1" s="1"/>
  <c r="A60052" i="1" s="1"/>
  <c r="A60053" i="1" s="1"/>
  <c r="A60054" i="1" s="1"/>
  <c r="A60055" i="1" s="1"/>
  <c r="A60056" i="1" s="1"/>
  <c r="A60057" i="1" s="1"/>
  <c r="A60058" i="1" s="1"/>
  <c r="A60059" i="1" s="1"/>
  <c r="A60060" i="1" s="1"/>
  <c r="A60061" i="1" s="1"/>
  <c r="A60062" i="1" s="1"/>
  <c r="A60063" i="1" s="1"/>
  <c r="A60064" i="1" s="1"/>
  <c r="A60065" i="1" s="1"/>
  <c r="A60066" i="1" s="1"/>
  <c r="A60067" i="1" s="1"/>
  <c r="A60068" i="1" s="1"/>
  <c r="A60069" i="1" s="1"/>
  <c r="A60070" i="1" s="1"/>
  <c r="A60071" i="1" s="1"/>
  <c r="A60072" i="1" s="1"/>
  <c r="A60073" i="1" s="1"/>
  <c r="A60074" i="1" s="1"/>
  <c r="A60075" i="1" s="1"/>
  <c r="A60076" i="1" s="1"/>
  <c r="A60077" i="1" s="1"/>
  <c r="A60078" i="1" s="1"/>
  <c r="A60079" i="1" s="1"/>
  <c r="A60080" i="1" s="1"/>
  <c r="A60081" i="1" s="1"/>
  <c r="A60082" i="1" s="1"/>
  <c r="A60083" i="1" s="1"/>
  <c r="A60084" i="1" s="1"/>
  <c r="A60085" i="1" s="1"/>
  <c r="A60086" i="1" s="1"/>
  <c r="A60087" i="1" s="1"/>
  <c r="A60088" i="1" s="1"/>
  <c r="A60089" i="1" s="1"/>
  <c r="A60090" i="1" s="1"/>
  <c r="A60091" i="1" s="1"/>
  <c r="A60092" i="1" s="1"/>
  <c r="A60093" i="1" s="1"/>
  <c r="A60094" i="1" s="1"/>
  <c r="A60095" i="1" s="1"/>
  <c r="A60096" i="1" s="1"/>
  <c r="A60097" i="1" s="1"/>
  <c r="A60098" i="1" s="1"/>
  <c r="A60099" i="1" s="1"/>
  <c r="A60100" i="1" s="1"/>
  <c r="A60101" i="1" s="1"/>
  <c r="A60102" i="1" s="1"/>
  <c r="A60103" i="1" s="1"/>
  <c r="A60104" i="1" s="1"/>
  <c r="A60105" i="1" s="1"/>
  <c r="A60106" i="1" s="1"/>
  <c r="A60107" i="1" s="1"/>
  <c r="A60108" i="1" s="1"/>
  <c r="A60109" i="1" s="1"/>
  <c r="A60110" i="1" s="1"/>
  <c r="A60111" i="1" s="1"/>
  <c r="A60112" i="1" s="1"/>
  <c r="A60113" i="1" s="1"/>
  <c r="A60114" i="1" s="1"/>
  <c r="A60115" i="1" s="1"/>
  <c r="A60116" i="1" s="1"/>
  <c r="A60117" i="1" s="1"/>
  <c r="A60118" i="1" s="1"/>
  <c r="A60119" i="1" s="1"/>
  <c r="A60120" i="1" s="1"/>
  <c r="A60121" i="1" s="1"/>
  <c r="A60122" i="1" s="1"/>
  <c r="A60123" i="1" s="1"/>
  <c r="A60124" i="1" s="1"/>
  <c r="A60125" i="1" s="1"/>
  <c r="A60126" i="1" s="1"/>
  <c r="A60127" i="1" s="1"/>
  <c r="A60128" i="1" s="1"/>
  <c r="A60129" i="1" s="1"/>
  <c r="A60130" i="1" s="1"/>
  <c r="A60131" i="1" s="1"/>
  <c r="A60132" i="1" s="1"/>
  <c r="A60133" i="1" s="1"/>
  <c r="A60134" i="1" s="1"/>
  <c r="A60135" i="1" s="1"/>
  <c r="A60136" i="1" s="1"/>
  <c r="A60137" i="1" s="1"/>
  <c r="A60138" i="1" s="1"/>
  <c r="A60139" i="1" s="1"/>
  <c r="A60140" i="1" s="1"/>
  <c r="A60141" i="1" s="1"/>
  <c r="A60142" i="1" s="1"/>
  <c r="A60143" i="1" s="1"/>
  <c r="A60144" i="1" s="1"/>
  <c r="A60145" i="1" s="1"/>
  <c r="A60146" i="1" s="1"/>
  <c r="A60147" i="1" s="1"/>
  <c r="A60148" i="1" s="1"/>
  <c r="A60149" i="1" s="1"/>
  <c r="A60150" i="1" s="1"/>
  <c r="A60151" i="1" s="1"/>
  <c r="A60152" i="1" s="1"/>
  <c r="A60153" i="1" s="1"/>
  <c r="A60154" i="1" s="1"/>
  <c r="A60155" i="1" s="1"/>
  <c r="A60156" i="1" s="1"/>
  <c r="A60157" i="1" s="1"/>
  <c r="A60158" i="1" s="1"/>
  <c r="A60159" i="1" s="1"/>
  <c r="A60160" i="1" s="1"/>
  <c r="A60161" i="1" s="1"/>
  <c r="A60162" i="1" s="1"/>
  <c r="A60163" i="1" s="1"/>
  <c r="A60164" i="1" s="1"/>
  <c r="A60165" i="1" s="1"/>
  <c r="A60166" i="1" s="1"/>
  <c r="A60167" i="1" s="1"/>
  <c r="A60168" i="1" s="1"/>
  <c r="A60169" i="1" s="1"/>
  <c r="A60170" i="1" s="1"/>
  <c r="A60171" i="1" s="1"/>
  <c r="A60172" i="1" s="1"/>
  <c r="A60173" i="1" s="1"/>
  <c r="A60174" i="1" s="1"/>
  <c r="A60175" i="1" s="1"/>
  <c r="A60176" i="1" s="1"/>
  <c r="A60177" i="1" s="1"/>
  <c r="A60178" i="1" s="1"/>
  <c r="A60179" i="1" s="1"/>
  <c r="A60180" i="1" s="1"/>
  <c r="A60181" i="1" s="1"/>
  <c r="A60182" i="1" s="1"/>
  <c r="A60183" i="1" s="1"/>
  <c r="A60184" i="1" s="1"/>
  <c r="A60185" i="1" s="1"/>
  <c r="A60186" i="1" s="1"/>
  <c r="A60187" i="1" s="1"/>
  <c r="A60188" i="1" s="1"/>
  <c r="A60189" i="1" s="1"/>
  <c r="A60190" i="1" s="1"/>
  <c r="A60191" i="1" s="1"/>
  <c r="A60192" i="1" s="1"/>
  <c r="A60193" i="1" s="1"/>
  <c r="A60194" i="1" s="1"/>
  <c r="A60195" i="1" s="1"/>
  <c r="A60196" i="1" s="1"/>
  <c r="A60197" i="1" s="1"/>
  <c r="A60198" i="1" s="1"/>
  <c r="A60199" i="1" s="1"/>
  <c r="A60200" i="1" s="1"/>
  <c r="A60201" i="1" s="1"/>
  <c r="A60202" i="1" s="1"/>
  <c r="A60203" i="1" s="1"/>
  <c r="A60204" i="1" s="1"/>
  <c r="A60205" i="1" s="1"/>
  <c r="A60206" i="1" s="1"/>
  <c r="A60207" i="1" s="1"/>
  <c r="A60208" i="1" s="1"/>
  <c r="A60209" i="1" s="1"/>
  <c r="A60210" i="1" s="1"/>
  <c r="A60211" i="1" s="1"/>
  <c r="A60212" i="1" s="1"/>
  <c r="A60213" i="1" s="1"/>
  <c r="A60214" i="1" s="1"/>
  <c r="A60215" i="1" s="1"/>
  <c r="A60216" i="1" s="1"/>
  <c r="A60217" i="1" s="1"/>
  <c r="A60218" i="1" s="1"/>
  <c r="A60219" i="1" s="1"/>
  <c r="A60220" i="1" s="1"/>
  <c r="A60221" i="1" s="1"/>
  <c r="A60222" i="1" s="1"/>
  <c r="A60223" i="1" s="1"/>
  <c r="A60224" i="1" s="1"/>
  <c r="A60225" i="1" s="1"/>
  <c r="A60226" i="1" s="1"/>
  <c r="A60227" i="1" s="1"/>
  <c r="A60228" i="1" s="1"/>
  <c r="A60229" i="1" s="1"/>
  <c r="A60230" i="1" s="1"/>
  <c r="A60231" i="1" s="1"/>
  <c r="A60232" i="1" s="1"/>
  <c r="A60233" i="1" s="1"/>
  <c r="A60234" i="1" s="1"/>
  <c r="A60235" i="1" s="1"/>
  <c r="A60236" i="1" s="1"/>
  <c r="A60237" i="1" s="1"/>
  <c r="A60238" i="1" s="1"/>
  <c r="A60239" i="1" s="1"/>
  <c r="A60240" i="1" s="1"/>
  <c r="A60241" i="1" s="1"/>
  <c r="A60242" i="1" s="1"/>
  <c r="A60243" i="1" s="1"/>
  <c r="A60244" i="1" s="1"/>
  <c r="A60245" i="1" s="1"/>
  <c r="A60246" i="1" s="1"/>
  <c r="A60247" i="1" s="1"/>
  <c r="A60248" i="1" s="1"/>
  <c r="A60249" i="1" s="1"/>
  <c r="A60250" i="1" s="1"/>
  <c r="A60251" i="1" s="1"/>
  <c r="A60252" i="1" s="1"/>
  <c r="A60253" i="1" s="1"/>
  <c r="A60254" i="1" s="1"/>
  <c r="A60255" i="1" s="1"/>
  <c r="A60256" i="1" s="1"/>
  <c r="A60257" i="1" s="1"/>
  <c r="A60258" i="1" s="1"/>
  <c r="A60259" i="1" s="1"/>
  <c r="A60260" i="1" s="1"/>
  <c r="A60261" i="1" s="1"/>
  <c r="A60262" i="1" s="1"/>
  <c r="A60263" i="1" s="1"/>
  <c r="A60264" i="1" s="1"/>
  <c r="A60265" i="1" s="1"/>
  <c r="A60266" i="1" s="1"/>
  <c r="A60267" i="1" s="1"/>
  <c r="A60268" i="1" s="1"/>
  <c r="A60269" i="1" s="1"/>
  <c r="A60270" i="1" s="1"/>
  <c r="A60271" i="1" s="1"/>
  <c r="A60272" i="1" s="1"/>
  <c r="A60273" i="1" s="1"/>
  <c r="A60274" i="1" s="1"/>
  <c r="A60275" i="1" s="1"/>
  <c r="A60276" i="1" s="1"/>
  <c r="A60277" i="1" s="1"/>
  <c r="A60278" i="1" s="1"/>
  <c r="A60279" i="1" s="1"/>
  <c r="A60280" i="1" s="1"/>
  <c r="A60281" i="1" s="1"/>
  <c r="A60282" i="1" s="1"/>
  <c r="A60283" i="1" s="1"/>
  <c r="A60284" i="1" s="1"/>
  <c r="A60285" i="1" s="1"/>
  <c r="A60286" i="1" s="1"/>
  <c r="A60287" i="1" s="1"/>
  <c r="A60288" i="1" s="1"/>
  <c r="A60289" i="1" s="1"/>
  <c r="A60290" i="1" s="1"/>
  <c r="A60291" i="1" s="1"/>
  <c r="A60292" i="1" s="1"/>
  <c r="A60293" i="1" s="1"/>
  <c r="A60294" i="1" s="1"/>
  <c r="A60295" i="1" s="1"/>
  <c r="A60296" i="1" s="1"/>
  <c r="A60297" i="1" s="1"/>
  <c r="A60298" i="1" s="1"/>
  <c r="A60299" i="1" s="1"/>
  <c r="A60300" i="1" s="1"/>
  <c r="A60301" i="1" s="1"/>
  <c r="A60302" i="1" s="1"/>
  <c r="A60303" i="1" s="1"/>
  <c r="A60304" i="1" s="1"/>
  <c r="A60305" i="1" s="1"/>
  <c r="A60306" i="1" s="1"/>
  <c r="A60307" i="1" s="1"/>
  <c r="A60308" i="1" s="1"/>
  <c r="A60309" i="1" s="1"/>
  <c r="A60310" i="1" s="1"/>
  <c r="A60311" i="1" s="1"/>
  <c r="A60312" i="1" s="1"/>
  <c r="A60313" i="1" s="1"/>
  <c r="A60314" i="1" s="1"/>
  <c r="A60315" i="1" s="1"/>
  <c r="A60316" i="1" s="1"/>
  <c r="A60317" i="1" s="1"/>
  <c r="A60318" i="1" s="1"/>
  <c r="A60319" i="1" s="1"/>
  <c r="A60320" i="1" s="1"/>
  <c r="A60321" i="1" s="1"/>
  <c r="A60322" i="1" s="1"/>
  <c r="A60323" i="1" s="1"/>
  <c r="A60324" i="1" s="1"/>
  <c r="A60325" i="1" s="1"/>
  <c r="A60326" i="1" s="1"/>
  <c r="A60327" i="1" s="1"/>
  <c r="A60328" i="1" s="1"/>
  <c r="A60329" i="1" s="1"/>
  <c r="A60330" i="1" s="1"/>
  <c r="A60331" i="1" s="1"/>
  <c r="A60332" i="1" s="1"/>
  <c r="A60333" i="1" s="1"/>
  <c r="A60334" i="1" s="1"/>
  <c r="A60335" i="1" s="1"/>
  <c r="A60336" i="1" s="1"/>
  <c r="A60337" i="1" s="1"/>
  <c r="A60338" i="1" s="1"/>
  <c r="A60339" i="1" s="1"/>
  <c r="A60340" i="1" s="1"/>
  <c r="A60341" i="1" s="1"/>
  <c r="A60342" i="1" s="1"/>
  <c r="A60343" i="1" s="1"/>
  <c r="A60344" i="1" s="1"/>
  <c r="A60345" i="1" s="1"/>
  <c r="A60346" i="1" s="1"/>
  <c r="A60347" i="1" s="1"/>
  <c r="A60348" i="1" s="1"/>
  <c r="A60349" i="1" s="1"/>
  <c r="A60350" i="1" s="1"/>
  <c r="A60351" i="1" s="1"/>
  <c r="A60352" i="1" s="1"/>
  <c r="A60353" i="1" s="1"/>
  <c r="A60354" i="1" s="1"/>
  <c r="A60355" i="1" s="1"/>
  <c r="A60356" i="1" s="1"/>
  <c r="A60357" i="1" s="1"/>
  <c r="A60358" i="1" s="1"/>
  <c r="A60359" i="1" s="1"/>
  <c r="A60360" i="1" s="1"/>
  <c r="A60361" i="1" s="1"/>
  <c r="A60362" i="1" s="1"/>
  <c r="A60363" i="1" s="1"/>
  <c r="A60364" i="1" s="1"/>
  <c r="A60365" i="1" s="1"/>
  <c r="A60366" i="1" s="1"/>
  <c r="A60367" i="1" s="1"/>
  <c r="A60368" i="1" s="1"/>
  <c r="A60369" i="1" s="1"/>
  <c r="A60370" i="1" s="1"/>
  <c r="A60371" i="1" s="1"/>
  <c r="A60372" i="1" s="1"/>
  <c r="A60373" i="1" s="1"/>
  <c r="A60374" i="1" s="1"/>
  <c r="A60375" i="1" s="1"/>
  <c r="A60376" i="1" s="1"/>
  <c r="A60377" i="1" s="1"/>
  <c r="A60378" i="1" s="1"/>
  <c r="A60379" i="1" s="1"/>
  <c r="A60380" i="1" s="1"/>
  <c r="A60381" i="1" s="1"/>
  <c r="A60382" i="1" s="1"/>
  <c r="A60383" i="1" s="1"/>
  <c r="A60384" i="1" s="1"/>
  <c r="A60385" i="1" s="1"/>
  <c r="A60386" i="1" s="1"/>
  <c r="A60387" i="1" s="1"/>
  <c r="A60388" i="1" s="1"/>
  <c r="A60389" i="1" s="1"/>
  <c r="A60390" i="1" s="1"/>
  <c r="A60391" i="1" s="1"/>
  <c r="A60392" i="1" s="1"/>
  <c r="A60393" i="1" s="1"/>
  <c r="A60394" i="1" s="1"/>
  <c r="A60395" i="1" s="1"/>
  <c r="A60396" i="1" s="1"/>
  <c r="A60397" i="1" s="1"/>
  <c r="A60398" i="1" s="1"/>
  <c r="A60399" i="1" s="1"/>
  <c r="A60400" i="1" s="1"/>
  <c r="A60401" i="1" s="1"/>
  <c r="A60402" i="1" s="1"/>
  <c r="A60403" i="1" s="1"/>
  <c r="A60404" i="1" s="1"/>
  <c r="A60405" i="1" s="1"/>
  <c r="A60406" i="1" s="1"/>
  <c r="A60407" i="1" s="1"/>
  <c r="A60408" i="1" s="1"/>
  <c r="A60409" i="1" s="1"/>
  <c r="A60410" i="1" s="1"/>
  <c r="A60411" i="1" s="1"/>
  <c r="A60412" i="1" s="1"/>
  <c r="A60413" i="1" s="1"/>
  <c r="A60414" i="1" s="1"/>
  <c r="A60415" i="1" s="1"/>
  <c r="A60416" i="1" s="1"/>
  <c r="A60417" i="1" s="1"/>
  <c r="A60418" i="1" s="1"/>
  <c r="A60419" i="1" s="1"/>
  <c r="A60420" i="1" s="1"/>
  <c r="A60421" i="1" s="1"/>
  <c r="A60422" i="1" s="1"/>
  <c r="A60423" i="1" s="1"/>
  <c r="A60424" i="1" s="1"/>
  <c r="A60425" i="1" s="1"/>
  <c r="A60426" i="1" s="1"/>
  <c r="A60427" i="1" s="1"/>
  <c r="A60428" i="1" s="1"/>
  <c r="A60429" i="1" s="1"/>
  <c r="A60430" i="1" s="1"/>
  <c r="A60431" i="1" s="1"/>
  <c r="A60432" i="1" s="1"/>
  <c r="A60433" i="1" s="1"/>
  <c r="A60434" i="1" s="1"/>
  <c r="A60435" i="1" s="1"/>
  <c r="A60436" i="1" s="1"/>
  <c r="A60437" i="1" s="1"/>
  <c r="A60438" i="1" s="1"/>
  <c r="A60439" i="1" s="1"/>
  <c r="A60440" i="1" s="1"/>
  <c r="A60441" i="1" s="1"/>
  <c r="A60442" i="1" s="1"/>
  <c r="A60443" i="1" s="1"/>
  <c r="A60444" i="1" s="1"/>
  <c r="A60445" i="1" s="1"/>
  <c r="A60446" i="1" s="1"/>
  <c r="A60447" i="1" s="1"/>
  <c r="A60448" i="1" s="1"/>
  <c r="A60449" i="1" s="1"/>
  <c r="A60450" i="1" s="1"/>
  <c r="A60451" i="1" s="1"/>
  <c r="A60452" i="1" s="1"/>
  <c r="A60453" i="1" s="1"/>
  <c r="A60454" i="1" s="1"/>
  <c r="A60455" i="1" s="1"/>
  <c r="A60456" i="1" s="1"/>
  <c r="A60457" i="1" s="1"/>
  <c r="A60458" i="1" s="1"/>
  <c r="A60459" i="1" s="1"/>
  <c r="A60460" i="1" s="1"/>
  <c r="A60461" i="1" s="1"/>
  <c r="A60462" i="1" s="1"/>
  <c r="A60463" i="1" s="1"/>
  <c r="A60464" i="1" s="1"/>
  <c r="A60465" i="1" s="1"/>
  <c r="A60466" i="1" s="1"/>
  <c r="A60467" i="1" s="1"/>
  <c r="A60468" i="1" s="1"/>
  <c r="A60469" i="1" s="1"/>
  <c r="A60470" i="1" s="1"/>
  <c r="A60471" i="1" s="1"/>
  <c r="A60472" i="1" s="1"/>
  <c r="A60473" i="1" s="1"/>
  <c r="A60474" i="1" s="1"/>
  <c r="A60475" i="1" s="1"/>
  <c r="A60476" i="1" s="1"/>
  <c r="A60477" i="1" s="1"/>
  <c r="A60478" i="1" s="1"/>
  <c r="A60479" i="1" s="1"/>
  <c r="A60480" i="1" s="1"/>
  <c r="A60481" i="1" s="1"/>
  <c r="A60482" i="1" s="1"/>
  <c r="A60483" i="1" s="1"/>
  <c r="A60484" i="1" s="1"/>
  <c r="A60485" i="1" s="1"/>
  <c r="A60486" i="1" s="1"/>
  <c r="A60487" i="1" s="1"/>
  <c r="A60488" i="1" s="1"/>
  <c r="A60489" i="1" s="1"/>
  <c r="A60490" i="1" s="1"/>
  <c r="A60491" i="1" s="1"/>
  <c r="A60492" i="1" s="1"/>
  <c r="A60493" i="1" s="1"/>
  <c r="A60494" i="1" s="1"/>
  <c r="A60495" i="1" s="1"/>
  <c r="A60496" i="1" s="1"/>
  <c r="A60497" i="1" s="1"/>
  <c r="A60498" i="1" s="1"/>
  <c r="A60499" i="1" s="1"/>
  <c r="A60500" i="1" s="1"/>
  <c r="A60501" i="1" s="1"/>
  <c r="A60502" i="1" s="1"/>
  <c r="A60503" i="1" s="1"/>
  <c r="A60504" i="1" s="1"/>
  <c r="A60505" i="1" s="1"/>
  <c r="A60506" i="1" s="1"/>
  <c r="A60507" i="1" s="1"/>
  <c r="A60508" i="1" s="1"/>
  <c r="A60509" i="1" s="1"/>
  <c r="A60510" i="1" s="1"/>
  <c r="A60511" i="1" s="1"/>
  <c r="A60512" i="1" s="1"/>
  <c r="A60513" i="1" s="1"/>
  <c r="A60514" i="1" s="1"/>
  <c r="A60515" i="1" s="1"/>
  <c r="A60516" i="1" s="1"/>
  <c r="A60517" i="1" s="1"/>
  <c r="A60518" i="1" s="1"/>
  <c r="A60519" i="1" s="1"/>
  <c r="A60520" i="1" s="1"/>
  <c r="A60521" i="1" s="1"/>
  <c r="A60522" i="1" s="1"/>
  <c r="A60523" i="1" s="1"/>
  <c r="A60524" i="1" s="1"/>
  <c r="A60525" i="1" s="1"/>
  <c r="A60526" i="1" s="1"/>
  <c r="A60527" i="1" s="1"/>
  <c r="A60528" i="1" s="1"/>
  <c r="A60529" i="1" s="1"/>
  <c r="A60530" i="1" s="1"/>
  <c r="A60531" i="1" s="1"/>
  <c r="A60532" i="1" s="1"/>
  <c r="A60533" i="1" s="1"/>
  <c r="A60534" i="1" s="1"/>
  <c r="A60535" i="1" s="1"/>
  <c r="A60536" i="1" s="1"/>
  <c r="A60537" i="1" s="1"/>
  <c r="A60538" i="1" s="1"/>
  <c r="A60539" i="1" s="1"/>
  <c r="A60540" i="1" s="1"/>
  <c r="A60541" i="1" s="1"/>
  <c r="A60542" i="1" s="1"/>
  <c r="A60543" i="1" s="1"/>
  <c r="A60544" i="1" s="1"/>
  <c r="A60545" i="1" s="1"/>
  <c r="A60546" i="1" s="1"/>
  <c r="A60547" i="1" s="1"/>
  <c r="A60548" i="1" s="1"/>
  <c r="A60549" i="1" s="1"/>
  <c r="A60550" i="1" s="1"/>
  <c r="A60551" i="1" s="1"/>
  <c r="A60552" i="1" s="1"/>
  <c r="A60553" i="1" s="1"/>
  <c r="A60554" i="1" s="1"/>
  <c r="A60555" i="1" s="1"/>
  <c r="A60556" i="1" s="1"/>
  <c r="A60557" i="1" s="1"/>
  <c r="A60558" i="1" s="1"/>
  <c r="A60559" i="1" s="1"/>
  <c r="A60560" i="1" s="1"/>
  <c r="A60561" i="1" s="1"/>
  <c r="A60562" i="1" s="1"/>
  <c r="A60563" i="1" s="1"/>
  <c r="A60564" i="1" s="1"/>
  <c r="A60565" i="1" s="1"/>
  <c r="A60566" i="1" s="1"/>
  <c r="A60567" i="1" s="1"/>
  <c r="A60568" i="1" s="1"/>
  <c r="A60569" i="1" s="1"/>
  <c r="A60570" i="1" s="1"/>
  <c r="A60571" i="1" s="1"/>
  <c r="A60572" i="1" s="1"/>
  <c r="A60573" i="1" s="1"/>
  <c r="A60574" i="1" s="1"/>
  <c r="A60575" i="1" s="1"/>
  <c r="A60576" i="1" s="1"/>
  <c r="A60577" i="1" s="1"/>
  <c r="A60578" i="1" s="1"/>
  <c r="A60579" i="1" s="1"/>
  <c r="A60580" i="1" s="1"/>
  <c r="A60581" i="1" s="1"/>
  <c r="A60582" i="1" s="1"/>
  <c r="A60583" i="1" s="1"/>
  <c r="A60584" i="1" s="1"/>
  <c r="A60585" i="1" s="1"/>
  <c r="A60586" i="1" s="1"/>
  <c r="A60587" i="1" s="1"/>
  <c r="A60588" i="1" s="1"/>
  <c r="A60589" i="1" s="1"/>
  <c r="A60590" i="1" s="1"/>
  <c r="A60591" i="1" s="1"/>
  <c r="A60592" i="1" s="1"/>
  <c r="A60593" i="1" s="1"/>
  <c r="A60594" i="1" s="1"/>
  <c r="A60595" i="1" s="1"/>
  <c r="A60596" i="1" s="1"/>
  <c r="A60597" i="1" s="1"/>
  <c r="A60598" i="1" s="1"/>
  <c r="A60599" i="1" s="1"/>
  <c r="A60600" i="1" s="1"/>
  <c r="A60601" i="1" s="1"/>
  <c r="A60602" i="1" s="1"/>
  <c r="A60603" i="1" s="1"/>
  <c r="A60604" i="1" s="1"/>
  <c r="A60605" i="1" s="1"/>
  <c r="A60606" i="1" s="1"/>
  <c r="A60607" i="1" s="1"/>
  <c r="A60608" i="1" s="1"/>
  <c r="A60609" i="1" s="1"/>
  <c r="A60610" i="1" s="1"/>
  <c r="A60611" i="1" s="1"/>
  <c r="A60612" i="1" s="1"/>
  <c r="A60613" i="1" s="1"/>
  <c r="A60614" i="1" s="1"/>
  <c r="A60615" i="1" s="1"/>
  <c r="A60616" i="1" s="1"/>
  <c r="A60617" i="1" s="1"/>
  <c r="A60618" i="1" s="1"/>
  <c r="A60619" i="1" s="1"/>
  <c r="A60620" i="1" s="1"/>
  <c r="A60621" i="1" s="1"/>
  <c r="A60622" i="1" s="1"/>
  <c r="A60623" i="1" s="1"/>
  <c r="A60624" i="1" s="1"/>
  <c r="A60625" i="1" s="1"/>
  <c r="A60626" i="1" s="1"/>
  <c r="A60627" i="1" s="1"/>
  <c r="A60628" i="1" s="1"/>
  <c r="A60629" i="1" s="1"/>
  <c r="A60630" i="1" s="1"/>
  <c r="A60631" i="1" s="1"/>
  <c r="A60632" i="1" s="1"/>
  <c r="A60633" i="1" s="1"/>
  <c r="A60634" i="1" s="1"/>
  <c r="A60635" i="1" s="1"/>
  <c r="A60636" i="1" s="1"/>
  <c r="A60637" i="1" s="1"/>
  <c r="A60638" i="1" s="1"/>
  <c r="A60639" i="1" s="1"/>
  <c r="A60640" i="1" s="1"/>
  <c r="A60641" i="1" s="1"/>
  <c r="A60642" i="1" s="1"/>
  <c r="A60643" i="1" s="1"/>
  <c r="A60644" i="1" s="1"/>
  <c r="A60645" i="1" s="1"/>
  <c r="A60646" i="1" s="1"/>
  <c r="A60647" i="1" s="1"/>
  <c r="A60648" i="1" s="1"/>
  <c r="A60649" i="1" s="1"/>
  <c r="A60650" i="1" s="1"/>
  <c r="A60651" i="1" s="1"/>
  <c r="A60652" i="1" s="1"/>
  <c r="A60653" i="1" s="1"/>
  <c r="A60654" i="1" s="1"/>
  <c r="A60655" i="1" s="1"/>
  <c r="A60656" i="1" s="1"/>
  <c r="A60657" i="1" s="1"/>
  <c r="A60658" i="1" s="1"/>
  <c r="A60659" i="1" s="1"/>
  <c r="A60660" i="1" s="1"/>
  <c r="A60661" i="1" s="1"/>
  <c r="A60662" i="1" s="1"/>
  <c r="A60663" i="1" s="1"/>
  <c r="A60664" i="1" s="1"/>
  <c r="A60665" i="1" s="1"/>
  <c r="A60666" i="1" s="1"/>
  <c r="A60667" i="1" s="1"/>
  <c r="A60668" i="1" s="1"/>
  <c r="A60669" i="1" s="1"/>
  <c r="A60670" i="1" s="1"/>
  <c r="A60671" i="1" s="1"/>
  <c r="A60672" i="1" s="1"/>
  <c r="A60673" i="1" s="1"/>
  <c r="A60674" i="1" s="1"/>
  <c r="A60675" i="1" s="1"/>
  <c r="A60676" i="1" s="1"/>
  <c r="A60677" i="1" s="1"/>
  <c r="A60678" i="1" s="1"/>
  <c r="A60679" i="1" s="1"/>
  <c r="A60680" i="1" s="1"/>
  <c r="A60681" i="1" s="1"/>
  <c r="A60682" i="1" s="1"/>
  <c r="A60683" i="1" s="1"/>
  <c r="A60684" i="1" s="1"/>
  <c r="A60685" i="1" s="1"/>
  <c r="A60686" i="1" s="1"/>
  <c r="A60687" i="1" s="1"/>
  <c r="A60688" i="1" s="1"/>
  <c r="A60689" i="1" s="1"/>
  <c r="A60690" i="1" s="1"/>
  <c r="A60691" i="1" s="1"/>
  <c r="A60692" i="1" s="1"/>
  <c r="A60693" i="1" s="1"/>
  <c r="A60694" i="1" s="1"/>
  <c r="A60695" i="1" s="1"/>
  <c r="A60696" i="1" s="1"/>
  <c r="A60697" i="1" s="1"/>
  <c r="A60698" i="1" s="1"/>
  <c r="A60699" i="1" s="1"/>
  <c r="A60700" i="1" s="1"/>
  <c r="A60701" i="1" s="1"/>
  <c r="A60702" i="1" s="1"/>
  <c r="A60703" i="1" s="1"/>
  <c r="A60704" i="1" s="1"/>
  <c r="A60705" i="1" s="1"/>
  <c r="A60706" i="1" s="1"/>
  <c r="A60707" i="1" s="1"/>
  <c r="A60708" i="1" s="1"/>
  <c r="A60709" i="1" s="1"/>
  <c r="A60710" i="1" s="1"/>
  <c r="A60711" i="1" s="1"/>
  <c r="A60712" i="1" s="1"/>
  <c r="A60713" i="1" s="1"/>
  <c r="A60714" i="1" s="1"/>
  <c r="A60715" i="1" s="1"/>
  <c r="A60716" i="1" s="1"/>
  <c r="A60717" i="1" s="1"/>
  <c r="A60718" i="1" s="1"/>
  <c r="A60719" i="1" s="1"/>
  <c r="A60720" i="1" s="1"/>
  <c r="A60721" i="1" s="1"/>
  <c r="A60722" i="1" s="1"/>
  <c r="A60723" i="1" s="1"/>
  <c r="A60724" i="1" s="1"/>
  <c r="A60725" i="1" s="1"/>
  <c r="A60726" i="1" s="1"/>
  <c r="A60727" i="1" s="1"/>
  <c r="A60728" i="1" s="1"/>
  <c r="A60729" i="1" s="1"/>
  <c r="A60730" i="1" s="1"/>
  <c r="A60731" i="1" s="1"/>
  <c r="A60732" i="1" s="1"/>
  <c r="A60733" i="1" s="1"/>
  <c r="A60734" i="1" s="1"/>
  <c r="A60735" i="1" s="1"/>
  <c r="A60736" i="1" s="1"/>
  <c r="A60737" i="1" s="1"/>
  <c r="A60738" i="1" s="1"/>
  <c r="A60739" i="1" s="1"/>
  <c r="A60740" i="1" s="1"/>
  <c r="A60741" i="1" s="1"/>
  <c r="A60742" i="1" s="1"/>
  <c r="A60743" i="1" s="1"/>
  <c r="A60744" i="1" s="1"/>
  <c r="A60745" i="1" s="1"/>
  <c r="A60746" i="1" s="1"/>
  <c r="A60747" i="1" s="1"/>
  <c r="A60748" i="1" s="1"/>
  <c r="A60749" i="1" s="1"/>
  <c r="A60750" i="1" s="1"/>
  <c r="A60751" i="1" s="1"/>
  <c r="A60752" i="1" s="1"/>
  <c r="A60753" i="1" s="1"/>
  <c r="A60754" i="1" s="1"/>
  <c r="A60755" i="1" s="1"/>
  <c r="A60756" i="1" s="1"/>
  <c r="A60757" i="1" s="1"/>
  <c r="A60758" i="1" s="1"/>
  <c r="A60759" i="1" s="1"/>
  <c r="A60760" i="1" s="1"/>
  <c r="A60761" i="1" s="1"/>
  <c r="A60762" i="1" s="1"/>
  <c r="A60763" i="1" s="1"/>
  <c r="A60764" i="1" s="1"/>
  <c r="A60765" i="1" s="1"/>
  <c r="A60766" i="1" s="1"/>
  <c r="A60767" i="1" s="1"/>
  <c r="A60768" i="1" s="1"/>
  <c r="A60769" i="1" s="1"/>
  <c r="A60770" i="1" s="1"/>
  <c r="A60771" i="1" s="1"/>
  <c r="A60772" i="1" s="1"/>
  <c r="A60773" i="1" s="1"/>
  <c r="A60774" i="1" s="1"/>
  <c r="A60775" i="1" s="1"/>
  <c r="A60776" i="1" s="1"/>
  <c r="A60777" i="1" s="1"/>
  <c r="A60778" i="1" s="1"/>
  <c r="A60779" i="1" s="1"/>
  <c r="A60780" i="1" s="1"/>
  <c r="A60781" i="1" s="1"/>
  <c r="A60782" i="1" s="1"/>
  <c r="A60783" i="1" s="1"/>
  <c r="A60784" i="1" s="1"/>
  <c r="A60785" i="1" s="1"/>
  <c r="A60786" i="1" s="1"/>
  <c r="A60787" i="1" s="1"/>
  <c r="A60788" i="1" s="1"/>
  <c r="A60789" i="1" s="1"/>
  <c r="A60790" i="1" s="1"/>
  <c r="A60791" i="1" s="1"/>
  <c r="A60792" i="1" s="1"/>
  <c r="A60793" i="1" s="1"/>
  <c r="A60794" i="1" s="1"/>
  <c r="A60795" i="1" s="1"/>
  <c r="A60796" i="1" s="1"/>
  <c r="A60797" i="1" s="1"/>
  <c r="A60798" i="1" s="1"/>
  <c r="A60799" i="1" s="1"/>
  <c r="A60800" i="1" s="1"/>
  <c r="A60801" i="1" s="1"/>
  <c r="A60802" i="1" s="1"/>
  <c r="A60803" i="1" s="1"/>
  <c r="A60804" i="1" s="1"/>
  <c r="A60805" i="1" s="1"/>
  <c r="A60806" i="1" s="1"/>
  <c r="A60807" i="1" s="1"/>
  <c r="A60808" i="1" s="1"/>
  <c r="A60809" i="1" s="1"/>
  <c r="A60810" i="1" s="1"/>
  <c r="A60811" i="1" s="1"/>
  <c r="A60812" i="1" s="1"/>
  <c r="A60813" i="1" s="1"/>
  <c r="A60814" i="1" s="1"/>
  <c r="A60815" i="1" s="1"/>
  <c r="A60816" i="1" s="1"/>
  <c r="A60817" i="1" s="1"/>
  <c r="A60818" i="1" s="1"/>
  <c r="A60819" i="1" s="1"/>
  <c r="A60820" i="1" s="1"/>
  <c r="A60821" i="1" s="1"/>
  <c r="A60822" i="1" s="1"/>
  <c r="A60823" i="1" s="1"/>
  <c r="A60824" i="1" s="1"/>
  <c r="A60825" i="1" s="1"/>
  <c r="A60826" i="1" s="1"/>
  <c r="A60827" i="1" s="1"/>
  <c r="A60828" i="1" s="1"/>
  <c r="A60829" i="1" s="1"/>
  <c r="A60830" i="1" s="1"/>
  <c r="A60831" i="1" s="1"/>
  <c r="A60832" i="1" s="1"/>
  <c r="A60833" i="1" s="1"/>
  <c r="A60834" i="1" s="1"/>
  <c r="A60835" i="1" s="1"/>
  <c r="A60836" i="1" s="1"/>
  <c r="A60837" i="1" s="1"/>
  <c r="A60838" i="1" s="1"/>
  <c r="A60839" i="1" s="1"/>
  <c r="A60840" i="1" s="1"/>
  <c r="A60841" i="1" s="1"/>
  <c r="A60842" i="1" s="1"/>
  <c r="A60843" i="1" s="1"/>
  <c r="A60844" i="1" s="1"/>
  <c r="A60845" i="1" s="1"/>
  <c r="A60846" i="1" s="1"/>
  <c r="A60847" i="1" s="1"/>
  <c r="A60848" i="1" s="1"/>
  <c r="A60849" i="1" s="1"/>
  <c r="A60850" i="1" s="1"/>
  <c r="A60851" i="1" s="1"/>
  <c r="A60852" i="1" s="1"/>
  <c r="A60853" i="1" s="1"/>
  <c r="A60854" i="1" s="1"/>
  <c r="A60855" i="1" s="1"/>
  <c r="A60856" i="1" s="1"/>
  <c r="A60857" i="1" s="1"/>
  <c r="A60858" i="1" s="1"/>
  <c r="A60859" i="1" s="1"/>
  <c r="A60860" i="1" s="1"/>
  <c r="A60861" i="1" s="1"/>
  <c r="A60862" i="1" s="1"/>
  <c r="A60863" i="1" s="1"/>
  <c r="A60864" i="1" s="1"/>
  <c r="A60865" i="1" s="1"/>
  <c r="A60866" i="1" s="1"/>
  <c r="A60867" i="1" s="1"/>
  <c r="A60868" i="1" s="1"/>
  <c r="A60869" i="1" s="1"/>
  <c r="A60870" i="1" s="1"/>
  <c r="A60871" i="1" s="1"/>
  <c r="A60872" i="1" s="1"/>
  <c r="A60873" i="1" s="1"/>
  <c r="A60874" i="1" s="1"/>
  <c r="A60875" i="1" s="1"/>
  <c r="A60876" i="1" s="1"/>
  <c r="A60877" i="1" s="1"/>
  <c r="A60878" i="1" s="1"/>
  <c r="A60879" i="1" s="1"/>
  <c r="A60880" i="1" s="1"/>
  <c r="A60881" i="1" s="1"/>
  <c r="A60882" i="1" s="1"/>
  <c r="A60883" i="1" s="1"/>
  <c r="A60884" i="1" s="1"/>
  <c r="A60885" i="1" s="1"/>
  <c r="A60886" i="1" s="1"/>
  <c r="A60887" i="1" s="1"/>
  <c r="A60888" i="1" s="1"/>
  <c r="A60889" i="1" s="1"/>
  <c r="A60890" i="1" s="1"/>
  <c r="A60891" i="1" s="1"/>
  <c r="A60892" i="1" s="1"/>
  <c r="A60893" i="1" s="1"/>
  <c r="A60894" i="1" s="1"/>
  <c r="A60895" i="1" s="1"/>
  <c r="A60896" i="1" s="1"/>
  <c r="A60897" i="1" s="1"/>
  <c r="A60898" i="1" s="1"/>
  <c r="A60899" i="1" s="1"/>
  <c r="A60900" i="1" s="1"/>
  <c r="A60901" i="1" s="1"/>
  <c r="A60902" i="1" s="1"/>
  <c r="A60903" i="1" s="1"/>
  <c r="A60904" i="1" s="1"/>
  <c r="A60905" i="1" s="1"/>
  <c r="A60906" i="1" s="1"/>
  <c r="A60907" i="1" s="1"/>
  <c r="A60908" i="1" s="1"/>
  <c r="A60909" i="1" s="1"/>
  <c r="A60910" i="1" s="1"/>
  <c r="A60911" i="1" s="1"/>
  <c r="A60912" i="1" s="1"/>
  <c r="A60913" i="1" s="1"/>
  <c r="A60914" i="1" s="1"/>
  <c r="A60915" i="1" s="1"/>
  <c r="A60916" i="1" s="1"/>
  <c r="A60917" i="1" s="1"/>
  <c r="A60918" i="1" s="1"/>
  <c r="A60919" i="1" s="1"/>
  <c r="A60920" i="1" s="1"/>
  <c r="A60921" i="1" s="1"/>
  <c r="A60922" i="1" s="1"/>
  <c r="A60923" i="1" s="1"/>
  <c r="A60924" i="1" s="1"/>
  <c r="A60925" i="1" s="1"/>
  <c r="A60926" i="1" s="1"/>
  <c r="A60927" i="1" s="1"/>
  <c r="A60928" i="1" s="1"/>
  <c r="A60929" i="1" s="1"/>
  <c r="A60930" i="1" s="1"/>
  <c r="A60931" i="1" s="1"/>
  <c r="A60932" i="1" s="1"/>
  <c r="A60933" i="1" s="1"/>
  <c r="A60934" i="1" s="1"/>
  <c r="A60935" i="1" s="1"/>
  <c r="A60936" i="1" s="1"/>
  <c r="A60937" i="1" s="1"/>
  <c r="A60938" i="1" s="1"/>
  <c r="A60939" i="1" s="1"/>
  <c r="A60940" i="1" s="1"/>
  <c r="A60941" i="1" s="1"/>
  <c r="A60942" i="1" s="1"/>
  <c r="A60943" i="1" s="1"/>
  <c r="A60944" i="1" s="1"/>
  <c r="A60945" i="1" s="1"/>
  <c r="A60946" i="1" s="1"/>
  <c r="A60947" i="1" s="1"/>
  <c r="A60948" i="1" s="1"/>
  <c r="A60949" i="1" s="1"/>
  <c r="A60950" i="1" s="1"/>
  <c r="A60951" i="1" s="1"/>
  <c r="A60952" i="1" s="1"/>
  <c r="A60953" i="1" s="1"/>
  <c r="A60954" i="1" s="1"/>
  <c r="A60955" i="1" s="1"/>
  <c r="A60956" i="1" s="1"/>
  <c r="A60957" i="1" s="1"/>
  <c r="A60958" i="1" s="1"/>
  <c r="A60959" i="1" s="1"/>
  <c r="A60960" i="1" s="1"/>
  <c r="A60961" i="1" s="1"/>
  <c r="A60962" i="1" s="1"/>
  <c r="A60963" i="1" s="1"/>
  <c r="A60964" i="1" s="1"/>
  <c r="A60965" i="1" s="1"/>
  <c r="A60966" i="1" s="1"/>
  <c r="A60967" i="1" s="1"/>
  <c r="A60968" i="1" s="1"/>
  <c r="A60969" i="1" s="1"/>
  <c r="A60970" i="1" s="1"/>
  <c r="A60971" i="1" s="1"/>
  <c r="A60972" i="1" s="1"/>
  <c r="A60973" i="1" s="1"/>
  <c r="A60974" i="1" s="1"/>
  <c r="A60975" i="1" s="1"/>
  <c r="A60976" i="1" s="1"/>
  <c r="A60977" i="1" s="1"/>
  <c r="A60978" i="1" s="1"/>
  <c r="A60979" i="1" s="1"/>
  <c r="A60980" i="1" s="1"/>
  <c r="A60981" i="1" s="1"/>
  <c r="A60982" i="1" s="1"/>
  <c r="A60983" i="1" s="1"/>
  <c r="A60984" i="1" s="1"/>
  <c r="A60985" i="1" s="1"/>
  <c r="A60986" i="1" s="1"/>
  <c r="A60987" i="1" s="1"/>
  <c r="A60988" i="1" s="1"/>
  <c r="A60989" i="1" s="1"/>
  <c r="A60990" i="1" s="1"/>
  <c r="A60991" i="1" s="1"/>
  <c r="A60992" i="1" s="1"/>
  <c r="A60993" i="1" s="1"/>
  <c r="A60994" i="1" s="1"/>
  <c r="A60995" i="1" s="1"/>
  <c r="A60996" i="1" s="1"/>
  <c r="A60997" i="1" s="1"/>
  <c r="A60998" i="1" s="1"/>
  <c r="A60999" i="1" s="1"/>
  <c r="A61000" i="1" s="1"/>
  <c r="A61001" i="1" s="1"/>
  <c r="A61002" i="1" s="1"/>
  <c r="A61003" i="1" s="1"/>
  <c r="A61004" i="1" s="1"/>
  <c r="A61005" i="1" s="1"/>
  <c r="A61006" i="1" s="1"/>
  <c r="A61007" i="1" s="1"/>
  <c r="A61008" i="1" s="1"/>
  <c r="A61009" i="1" s="1"/>
  <c r="A61010" i="1" s="1"/>
  <c r="A61011" i="1" s="1"/>
  <c r="A61012" i="1" s="1"/>
  <c r="A61013" i="1" s="1"/>
  <c r="A61014" i="1" s="1"/>
  <c r="A61015" i="1" s="1"/>
  <c r="A61016" i="1" s="1"/>
  <c r="A61017" i="1" s="1"/>
  <c r="A61018" i="1" s="1"/>
  <c r="A61019" i="1" s="1"/>
  <c r="A61020" i="1" s="1"/>
  <c r="A61021" i="1" s="1"/>
  <c r="A61022" i="1" s="1"/>
  <c r="A61023" i="1" s="1"/>
  <c r="A61024" i="1" s="1"/>
  <c r="A61025" i="1" s="1"/>
  <c r="A61026" i="1" s="1"/>
  <c r="A61027" i="1" s="1"/>
  <c r="A61028" i="1" s="1"/>
  <c r="A61029" i="1" s="1"/>
  <c r="A61030" i="1" s="1"/>
  <c r="A61031" i="1" s="1"/>
  <c r="A61032" i="1" s="1"/>
  <c r="A61033" i="1" s="1"/>
  <c r="A61034" i="1" s="1"/>
  <c r="A61035" i="1" s="1"/>
  <c r="A61036" i="1" s="1"/>
  <c r="A61037" i="1" s="1"/>
  <c r="A61038" i="1" s="1"/>
  <c r="A61039" i="1" s="1"/>
  <c r="A61040" i="1" s="1"/>
  <c r="A61041" i="1" s="1"/>
  <c r="A61042" i="1" s="1"/>
  <c r="A61043" i="1" s="1"/>
  <c r="A61044" i="1" s="1"/>
  <c r="A61045" i="1" s="1"/>
  <c r="A61046" i="1" s="1"/>
  <c r="A61047" i="1" s="1"/>
  <c r="A61048" i="1" s="1"/>
  <c r="A61049" i="1" s="1"/>
  <c r="A61050" i="1" s="1"/>
  <c r="A61051" i="1" s="1"/>
  <c r="A61052" i="1" s="1"/>
  <c r="A61053" i="1" s="1"/>
  <c r="A61054" i="1" s="1"/>
  <c r="A61055" i="1" s="1"/>
  <c r="A61056" i="1" s="1"/>
  <c r="A61057" i="1" s="1"/>
  <c r="A61058" i="1" s="1"/>
  <c r="A61059" i="1" s="1"/>
  <c r="A61060" i="1" s="1"/>
  <c r="A61061" i="1" s="1"/>
  <c r="A61062" i="1" s="1"/>
  <c r="A61063" i="1" s="1"/>
  <c r="A61064" i="1" s="1"/>
  <c r="A61065" i="1" s="1"/>
  <c r="A61066" i="1" s="1"/>
  <c r="A61067" i="1" s="1"/>
  <c r="A61068" i="1" s="1"/>
  <c r="A61069" i="1" s="1"/>
  <c r="A61070" i="1" s="1"/>
  <c r="A61071" i="1" s="1"/>
  <c r="A61072" i="1" s="1"/>
  <c r="A61073" i="1" s="1"/>
  <c r="A61074" i="1" s="1"/>
  <c r="A61075" i="1" s="1"/>
  <c r="A61076" i="1" s="1"/>
  <c r="A61077" i="1" s="1"/>
  <c r="A61078" i="1" s="1"/>
  <c r="A61079" i="1" s="1"/>
  <c r="A61080" i="1" s="1"/>
  <c r="A61081" i="1" s="1"/>
  <c r="A61082" i="1" s="1"/>
  <c r="A61083" i="1" s="1"/>
  <c r="A61084" i="1" s="1"/>
  <c r="A61085" i="1" s="1"/>
  <c r="A61086" i="1" s="1"/>
  <c r="A61087" i="1" s="1"/>
  <c r="A61088" i="1" s="1"/>
  <c r="A61089" i="1" s="1"/>
  <c r="A61090" i="1" s="1"/>
  <c r="A61091" i="1" s="1"/>
  <c r="A61092" i="1" s="1"/>
  <c r="A61093" i="1" s="1"/>
  <c r="A61094" i="1" s="1"/>
  <c r="A61095" i="1" s="1"/>
  <c r="A61096" i="1" s="1"/>
  <c r="A61097" i="1" s="1"/>
  <c r="A61098" i="1" s="1"/>
  <c r="A61099" i="1" s="1"/>
  <c r="A61100" i="1" s="1"/>
  <c r="A61101" i="1" s="1"/>
  <c r="A61102" i="1" s="1"/>
  <c r="A61103" i="1" s="1"/>
  <c r="A61104" i="1" s="1"/>
  <c r="A61105" i="1" s="1"/>
  <c r="A61106" i="1" s="1"/>
  <c r="A61107" i="1" s="1"/>
  <c r="A61108" i="1" s="1"/>
  <c r="A61109" i="1" s="1"/>
  <c r="A61110" i="1" s="1"/>
  <c r="A61111" i="1" s="1"/>
  <c r="A61112" i="1" s="1"/>
  <c r="A61113" i="1" s="1"/>
  <c r="A61114" i="1" s="1"/>
  <c r="A61115" i="1" s="1"/>
  <c r="A61116" i="1" s="1"/>
  <c r="A61117" i="1" s="1"/>
  <c r="A61118" i="1" s="1"/>
  <c r="A61119" i="1" s="1"/>
  <c r="A61120" i="1" s="1"/>
  <c r="A61121" i="1" s="1"/>
  <c r="A61122" i="1" s="1"/>
  <c r="A61123" i="1" s="1"/>
  <c r="A61124" i="1" s="1"/>
  <c r="A61125" i="1" s="1"/>
  <c r="A61126" i="1" s="1"/>
  <c r="A61127" i="1" s="1"/>
  <c r="A61128" i="1" s="1"/>
  <c r="A61129" i="1" s="1"/>
  <c r="A61130" i="1" s="1"/>
  <c r="A61131" i="1" s="1"/>
  <c r="A61132" i="1" s="1"/>
  <c r="A61133" i="1" s="1"/>
  <c r="A61134" i="1" s="1"/>
  <c r="A61135" i="1" s="1"/>
  <c r="A61136" i="1" s="1"/>
  <c r="A61137" i="1" s="1"/>
  <c r="A61138" i="1" s="1"/>
  <c r="A61139" i="1" s="1"/>
  <c r="A61140" i="1" s="1"/>
  <c r="A61141" i="1" s="1"/>
  <c r="A61142" i="1" s="1"/>
  <c r="A61143" i="1" s="1"/>
  <c r="A61144" i="1" s="1"/>
  <c r="A61145" i="1" s="1"/>
  <c r="A61146" i="1" s="1"/>
  <c r="A61147" i="1" s="1"/>
  <c r="A61148" i="1" s="1"/>
  <c r="A61149" i="1" s="1"/>
  <c r="A61150" i="1" s="1"/>
  <c r="A61151" i="1" s="1"/>
  <c r="A61152" i="1" s="1"/>
  <c r="A61153" i="1" s="1"/>
  <c r="A61154" i="1" s="1"/>
  <c r="A61155" i="1" s="1"/>
  <c r="A61156" i="1" s="1"/>
  <c r="A61157" i="1" s="1"/>
  <c r="A61158" i="1" s="1"/>
  <c r="A61159" i="1" s="1"/>
  <c r="A61160" i="1" s="1"/>
  <c r="A61161" i="1" s="1"/>
  <c r="A61162" i="1" s="1"/>
  <c r="A61163" i="1" s="1"/>
  <c r="A61164" i="1" s="1"/>
  <c r="A61165" i="1" s="1"/>
  <c r="A61166" i="1" s="1"/>
  <c r="A61167" i="1" s="1"/>
  <c r="A61168" i="1" s="1"/>
  <c r="A61169" i="1" s="1"/>
  <c r="A61170" i="1" s="1"/>
  <c r="A61171" i="1" s="1"/>
  <c r="A61172" i="1" s="1"/>
  <c r="A61173" i="1" s="1"/>
  <c r="A61174" i="1" s="1"/>
  <c r="A61175" i="1" s="1"/>
  <c r="A61176" i="1" s="1"/>
  <c r="A61177" i="1" s="1"/>
  <c r="A61178" i="1" s="1"/>
  <c r="A61179" i="1" s="1"/>
  <c r="A61180" i="1" s="1"/>
  <c r="A61181" i="1" s="1"/>
  <c r="A61182" i="1" s="1"/>
  <c r="A61183" i="1" s="1"/>
  <c r="A61184" i="1" s="1"/>
  <c r="A61185" i="1" s="1"/>
  <c r="A61186" i="1" s="1"/>
  <c r="A61187" i="1" s="1"/>
  <c r="A61188" i="1" s="1"/>
  <c r="A61189" i="1" s="1"/>
  <c r="A61190" i="1" s="1"/>
  <c r="A61191" i="1" s="1"/>
  <c r="A61192" i="1" s="1"/>
  <c r="A61193" i="1" s="1"/>
  <c r="A61194" i="1" s="1"/>
  <c r="A61195" i="1" s="1"/>
  <c r="A61196" i="1" s="1"/>
  <c r="A61197" i="1" s="1"/>
  <c r="A61198" i="1" s="1"/>
  <c r="A61199" i="1" s="1"/>
  <c r="A61200" i="1" s="1"/>
  <c r="A61201" i="1" s="1"/>
  <c r="A61202" i="1" s="1"/>
  <c r="A61203" i="1" s="1"/>
  <c r="A61204" i="1" s="1"/>
  <c r="A61205" i="1" s="1"/>
  <c r="A61206" i="1" s="1"/>
  <c r="A61207" i="1" s="1"/>
  <c r="A61208" i="1" s="1"/>
  <c r="A61209" i="1" s="1"/>
  <c r="A61210" i="1" s="1"/>
  <c r="A61211" i="1" s="1"/>
  <c r="A61212" i="1" s="1"/>
  <c r="A61213" i="1" s="1"/>
  <c r="A61214" i="1" s="1"/>
  <c r="A61215" i="1" s="1"/>
  <c r="A61216" i="1" s="1"/>
  <c r="A61217" i="1" s="1"/>
  <c r="A61218" i="1" s="1"/>
  <c r="A61219" i="1" s="1"/>
  <c r="A61220" i="1" s="1"/>
  <c r="A61221" i="1" s="1"/>
  <c r="A61222" i="1" s="1"/>
  <c r="A61223" i="1" s="1"/>
  <c r="A61224" i="1" s="1"/>
  <c r="A61225" i="1" s="1"/>
  <c r="A61226" i="1" s="1"/>
  <c r="A61227" i="1" s="1"/>
  <c r="A61228" i="1" s="1"/>
  <c r="A61229" i="1" s="1"/>
  <c r="A61230" i="1" s="1"/>
  <c r="A61231" i="1" s="1"/>
  <c r="A61232" i="1" s="1"/>
  <c r="A61233" i="1" s="1"/>
  <c r="A61234" i="1" s="1"/>
  <c r="A61235" i="1" s="1"/>
  <c r="A61236" i="1" s="1"/>
  <c r="A61237" i="1" s="1"/>
  <c r="A61238" i="1" s="1"/>
  <c r="A61239" i="1" s="1"/>
  <c r="A61240" i="1" s="1"/>
  <c r="A61241" i="1" s="1"/>
  <c r="A61242" i="1" s="1"/>
  <c r="A61243" i="1" s="1"/>
  <c r="A61244" i="1" s="1"/>
  <c r="A61245" i="1" s="1"/>
  <c r="A61246" i="1" s="1"/>
  <c r="A61247" i="1" s="1"/>
  <c r="A61248" i="1" s="1"/>
  <c r="A61249" i="1" s="1"/>
  <c r="A61250" i="1" s="1"/>
  <c r="A61251" i="1" s="1"/>
  <c r="A61252" i="1" s="1"/>
  <c r="A61253" i="1" s="1"/>
  <c r="A61254" i="1" s="1"/>
  <c r="A61255" i="1" s="1"/>
  <c r="A61256" i="1" s="1"/>
  <c r="A61257" i="1" s="1"/>
  <c r="A61258" i="1" s="1"/>
  <c r="A61259" i="1" s="1"/>
  <c r="A61260" i="1" s="1"/>
  <c r="A61261" i="1" s="1"/>
  <c r="A61262" i="1" s="1"/>
  <c r="A61263" i="1" s="1"/>
  <c r="A61264" i="1" s="1"/>
  <c r="A61265" i="1" s="1"/>
  <c r="A61266" i="1" s="1"/>
  <c r="A61267" i="1" s="1"/>
  <c r="A61268" i="1" s="1"/>
  <c r="A61269" i="1" s="1"/>
  <c r="A61270" i="1" s="1"/>
  <c r="A61271" i="1" s="1"/>
  <c r="A61272" i="1" s="1"/>
  <c r="A61273" i="1" s="1"/>
  <c r="A61274" i="1" s="1"/>
  <c r="A61275" i="1" s="1"/>
  <c r="A61276" i="1" s="1"/>
  <c r="A61277" i="1" s="1"/>
  <c r="A61278" i="1" s="1"/>
  <c r="A61279" i="1" s="1"/>
  <c r="A61280" i="1" s="1"/>
  <c r="A61281" i="1" s="1"/>
  <c r="A61282" i="1" s="1"/>
  <c r="A61283" i="1" s="1"/>
  <c r="A61284" i="1" s="1"/>
  <c r="A61285" i="1" s="1"/>
  <c r="A61286" i="1" s="1"/>
  <c r="A61287" i="1" s="1"/>
  <c r="A61288" i="1" s="1"/>
  <c r="A61289" i="1" s="1"/>
  <c r="A61290" i="1" s="1"/>
  <c r="A61291" i="1" s="1"/>
  <c r="A61292" i="1" s="1"/>
  <c r="A61293" i="1" s="1"/>
  <c r="A61294" i="1" s="1"/>
  <c r="A61295" i="1" s="1"/>
  <c r="A61296" i="1" s="1"/>
  <c r="A61297" i="1" s="1"/>
  <c r="A61298" i="1" s="1"/>
  <c r="A61299" i="1" s="1"/>
  <c r="A61300" i="1" s="1"/>
  <c r="A61301" i="1" s="1"/>
  <c r="A61302" i="1" s="1"/>
  <c r="A61303" i="1" s="1"/>
  <c r="A61304" i="1" s="1"/>
  <c r="A61305" i="1" s="1"/>
  <c r="A61306" i="1" s="1"/>
  <c r="A61307" i="1" s="1"/>
  <c r="A61308" i="1" s="1"/>
  <c r="A61309" i="1" s="1"/>
  <c r="A61310" i="1" s="1"/>
  <c r="A61311" i="1" s="1"/>
  <c r="A61312" i="1" s="1"/>
  <c r="A61313" i="1" s="1"/>
  <c r="A61314" i="1" s="1"/>
  <c r="A61315" i="1" s="1"/>
  <c r="A61316" i="1" s="1"/>
  <c r="A61317" i="1" s="1"/>
  <c r="A61318" i="1" s="1"/>
  <c r="A61319" i="1" s="1"/>
  <c r="A61320" i="1" s="1"/>
  <c r="A61321" i="1" s="1"/>
  <c r="A61322" i="1" s="1"/>
  <c r="A61323" i="1" s="1"/>
  <c r="A61324" i="1" s="1"/>
  <c r="A61325" i="1" s="1"/>
  <c r="A61326" i="1" s="1"/>
  <c r="A61327" i="1" s="1"/>
  <c r="A61328" i="1" s="1"/>
  <c r="A61329" i="1" s="1"/>
  <c r="A61330" i="1" s="1"/>
  <c r="A61331" i="1" s="1"/>
  <c r="A61332" i="1" s="1"/>
  <c r="A61333" i="1" s="1"/>
  <c r="A61334" i="1" s="1"/>
  <c r="A61335" i="1" s="1"/>
  <c r="A61336" i="1" s="1"/>
  <c r="A61337" i="1" s="1"/>
  <c r="A61338" i="1" s="1"/>
  <c r="A61339" i="1" s="1"/>
  <c r="A61340" i="1" s="1"/>
  <c r="A61341" i="1" s="1"/>
  <c r="A61342" i="1" s="1"/>
  <c r="A61343" i="1" s="1"/>
  <c r="A61344" i="1" s="1"/>
  <c r="A61345" i="1" s="1"/>
  <c r="A61346" i="1" s="1"/>
  <c r="A61347" i="1" s="1"/>
  <c r="A61348" i="1" s="1"/>
  <c r="A61349" i="1" s="1"/>
  <c r="A61350" i="1" s="1"/>
  <c r="A61351" i="1" s="1"/>
  <c r="A61352" i="1" s="1"/>
  <c r="A61353" i="1" s="1"/>
  <c r="A61354" i="1" s="1"/>
  <c r="A61355" i="1" s="1"/>
  <c r="A61356" i="1" s="1"/>
  <c r="A61357" i="1" s="1"/>
  <c r="A61358" i="1" s="1"/>
  <c r="A61359" i="1" s="1"/>
  <c r="A61360" i="1" s="1"/>
  <c r="A61361" i="1" s="1"/>
  <c r="A61362" i="1" s="1"/>
  <c r="A61363" i="1" s="1"/>
  <c r="A61364" i="1" s="1"/>
  <c r="A61365" i="1" s="1"/>
  <c r="A61366" i="1" s="1"/>
  <c r="A61367" i="1" s="1"/>
  <c r="A61368" i="1" s="1"/>
  <c r="A61369" i="1" s="1"/>
  <c r="A61370" i="1" s="1"/>
  <c r="A61371" i="1" s="1"/>
  <c r="A61372" i="1" s="1"/>
  <c r="A61373" i="1" s="1"/>
  <c r="A61374" i="1" s="1"/>
  <c r="A61375" i="1" s="1"/>
  <c r="A61376" i="1" s="1"/>
  <c r="A61377" i="1" s="1"/>
  <c r="A61378" i="1" s="1"/>
  <c r="A61379" i="1" s="1"/>
  <c r="A61380" i="1" s="1"/>
  <c r="A61381" i="1" s="1"/>
  <c r="A61382" i="1" s="1"/>
  <c r="A61383" i="1" s="1"/>
  <c r="A61384" i="1" s="1"/>
  <c r="A61385" i="1" s="1"/>
  <c r="A61386" i="1" s="1"/>
  <c r="A61387" i="1" s="1"/>
  <c r="A61388" i="1" s="1"/>
  <c r="A61389" i="1" s="1"/>
  <c r="A61390" i="1" s="1"/>
  <c r="A61391" i="1" s="1"/>
  <c r="A61392" i="1" s="1"/>
  <c r="A61393" i="1" s="1"/>
  <c r="A61394" i="1" s="1"/>
  <c r="A61395" i="1" s="1"/>
  <c r="A61396" i="1" s="1"/>
  <c r="A61397" i="1" s="1"/>
  <c r="A61398" i="1" s="1"/>
  <c r="A61399" i="1" s="1"/>
  <c r="A61400" i="1" s="1"/>
  <c r="A61401" i="1" s="1"/>
  <c r="A61402" i="1" s="1"/>
  <c r="A61403" i="1" s="1"/>
  <c r="A61404" i="1" s="1"/>
  <c r="A61405" i="1" s="1"/>
  <c r="A61406" i="1" s="1"/>
  <c r="A61407" i="1" s="1"/>
  <c r="A61408" i="1" s="1"/>
  <c r="A61409" i="1" s="1"/>
  <c r="A61410" i="1" s="1"/>
  <c r="A61411" i="1" s="1"/>
  <c r="A61412" i="1" s="1"/>
  <c r="A61413" i="1" s="1"/>
  <c r="A61414" i="1" s="1"/>
  <c r="A61415" i="1" s="1"/>
  <c r="A61416" i="1" s="1"/>
  <c r="A61417" i="1" s="1"/>
  <c r="A61418" i="1" s="1"/>
  <c r="A61419" i="1" s="1"/>
  <c r="A61420" i="1" s="1"/>
  <c r="A61421" i="1" s="1"/>
  <c r="A61422" i="1" s="1"/>
  <c r="A61423" i="1" s="1"/>
  <c r="A61424" i="1" s="1"/>
  <c r="A61425" i="1" s="1"/>
  <c r="A61426" i="1" s="1"/>
  <c r="A61427" i="1" s="1"/>
  <c r="A61428" i="1" s="1"/>
  <c r="A61429" i="1" s="1"/>
  <c r="A61430" i="1" s="1"/>
  <c r="A61431" i="1" s="1"/>
  <c r="A61432" i="1" s="1"/>
  <c r="A61433" i="1" s="1"/>
  <c r="A61434" i="1" s="1"/>
  <c r="A61435" i="1" s="1"/>
  <c r="A61436" i="1" s="1"/>
  <c r="A61437" i="1" s="1"/>
  <c r="A61438" i="1" s="1"/>
  <c r="A61439" i="1" s="1"/>
  <c r="A61440" i="1" s="1"/>
  <c r="A61441" i="1" s="1"/>
  <c r="A61442" i="1" s="1"/>
  <c r="A61443" i="1" s="1"/>
  <c r="A61444" i="1" s="1"/>
  <c r="A61445" i="1" s="1"/>
  <c r="A61446" i="1" s="1"/>
  <c r="A61447" i="1" s="1"/>
  <c r="A61448" i="1" s="1"/>
  <c r="A61449" i="1" s="1"/>
  <c r="A61450" i="1" s="1"/>
  <c r="A61451" i="1" s="1"/>
  <c r="A61452" i="1" s="1"/>
  <c r="A61453" i="1" s="1"/>
  <c r="A61454" i="1" s="1"/>
  <c r="A61455" i="1" s="1"/>
  <c r="A61456" i="1" s="1"/>
  <c r="A61457" i="1" s="1"/>
  <c r="A61458" i="1" s="1"/>
  <c r="A61459" i="1" s="1"/>
  <c r="A61460" i="1" s="1"/>
  <c r="A61461" i="1" s="1"/>
  <c r="A61462" i="1" s="1"/>
  <c r="A61463" i="1" s="1"/>
  <c r="A61464" i="1" s="1"/>
  <c r="A61465" i="1" s="1"/>
  <c r="A61466" i="1" s="1"/>
  <c r="A61467" i="1" s="1"/>
  <c r="A61468" i="1" s="1"/>
  <c r="A61469" i="1" s="1"/>
  <c r="A61470" i="1" s="1"/>
  <c r="A61471" i="1" s="1"/>
  <c r="A61472" i="1" s="1"/>
  <c r="A61473" i="1" s="1"/>
  <c r="A61474" i="1" s="1"/>
  <c r="A61475" i="1" s="1"/>
  <c r="A61476" i="1" s="1"/>
  <c r="A61477" i="1" s="1"/>
  <c r="A61478" i="1" s="1"/>
  <c r="A61479" i="1" s="1"/>
  <c r="A61480" i="1" s="1"/>
  <c r="A61481" i="1" s="1"/>
  <c r="A61482" i="1" s="1"/>
  <c r="A61483" i="1" s="1"/>
  <c r="A61484" i="1" s="1"/>
  <c r="A61485" i="1" s="1"/>
  <c r="A61486" i="1" s="1"/>
  <c r="A61487" i="1" s="1"/>
  <c r="A61488" i="1" s="1"/>
  <c r="A61489" i="1" s="1"/>
  <c r="A61490" i="1" s="1"/>
  <c r="A61491" i="1" s="1"/>
  <c r="A61492" i="1" s="1"/>
  <c r="A61493" i="1" s="1"/>
  <c r="A61494" i="1" s="1"/>
  <c r="A61495" i="1" s="1"/>
  <c r="A61496" i="1" s="1"/>
  <c r="A61497" i="1" s="1"/>
  <c r="A61498" i="1" s="1"/>
  <c r="A61499" i="1" s="1"/>
  <c r="A61500" i="1" s="1"/>
  <c r="A61501" i="1" s="1"/>
  <c r="A61502" i="1" s="1"/>
  <c r="A61503" i="1" s="1"/>
  <c r="A61504" i="1" s="1"/>
  <c r="A61505" i="1" s="1"/>
  <c r="A61506" i="1" s="1"/>
  <c r="A61507" i="1" s="1"/>
  <c r="A61508" i="1" s="1"/>
  <c r="A61509" i="1" s="1"/>
  <c r="A61510" i="1" s="1"/>
  <c r="A61511" i="1" s="1"/>
  <c r="A61512" i="1" s="1"/>
  <c r="A61513" i="1" s="1"/>
  <c r="A61514" i="1" s="1"/>
  <c r="A61515" i="1" s="1"/>
  <c r="A61516" i="1" s="1"/>
  <c r="A61517" i="1" s="1"/>
  <c r="A61518" i="1" s="1"/>
  <c r="A61519" i="1" s="1"/>
  <c r="A61520" i="1" s="1"/>
  <c r="A61521" i="1" s="1"/>
  <c r="A61522" i="1" s="1"/>
  <c r="A61523" i="1" s="1"/>
  <c r="A61524" i="1" s="1"/>
  <c r="A61525" i="1" s="1"/>
  <c r="A61526" i="1" s="1"/>
  <c r="A61527" i="1" s="1"/>
  <c r="A61528" i="1" s="1"/>
  <c r="A61529" i="1" s="1"/>
  <c r="A61530" i="1" s="1"/>
  <c r="A61531" i="1" s="1"/>
  <c r="A61532" i="1" s="1"/>
  <c r="A61533" i="1" s="1"/>
  <c r="A61534" i="1" s="1"/>
  <c r="A61535" i="1" s="1"/>
  <c r="A61536" i="1" s="1"/>
  <c r="A61537" i="1" s="1"/>
  <c r="A61538" i="1" s="1"/>
  <c r="A61539" i="1" s="1"/>
  <c r="A61540" i="1" s="1"/>
  <c r="A61541" i="1" s="1"/>
  <c r="A61542" i="1" s="1"/>
  <c r="A61543" i="1" s="1"/>
  <c r="A61544" i="1" s="1"/>
  <c r="A61545" i="1" s="1"/>
  <c r="A61546" i="1" s="1"/>
  <c r="A61547" i="1" s="1"/>
  <c r="A61548" i="1" s="1"/>
  <c r="A61549" i="1" s="1"/>
  <c r="A61550" i="1" s="1"/>
  <c r="A61551" i="1" s="1"/>
  <c r="A61552" i="1" s="1"/>
  <c r="A61553" i="1" s="1"/>
  <c r="A61554" i="1" s="1"/>
  <c r="A61555" i="1" s="1"/>
  <c r="A61556" i="1" s="1"/>
  <c r="A61557" i="1" s="1"/>
  <c r="A61558" i="1" s="1"/>
  <c r="A61559" i="1" s="1"/>
  <c r="A61560" i="1" s="1"/>
  <c r="A61561" i="1" s="1"/>
  <c r="A61562" i="1" s="1"/>
  <c r="A61563" i="1" s="1"/>
  <c r="A61564" i="1" s="1"/>
  <c r="A61565" i="1" s="1"/>
  <c r="A61566" i="1" s="1"/>
  <c r="A61567" i="1" s="1"/>
  <c r="A61568" i="1" s="1"/>
  <c r="A61569" i="1" s="1"/>
  <c r="A61570" i="1" s="1"/>
  <c r="A61571" i="1" s="1"/>
  <c r="A61572" i="1" s="1"/>
  <c r="A61573" i="1" s="1"/>
  <c r="A61574" i="1" s="1"/>
  <c r="A61575" i="1" s="1"/>
  <c r="A61576" i="1" s="1"/>
  <c r="A61577" i="1" s="1"/>
  <c r="A61578" i="1" s="1"/>
  <c r="A61579" i="1" s="1"/>
  <c r="A61580" i="1" s="1"/>
  <c r="A61581" i="1" s="1"/>
  <c r="A61582" i="1" s="1"/>
  <c r="A61583" i="1" s="1"/>
  <c r="A61584" i="1" s="1"/>
  <c r="A61585" i="1" s="1"/>
  <c r="A61586" i="1" s="1"/>
  <c r="A61587" i="1" s="1"/>
  <c r="A61588" i="1" s="1"/>
  <c r="A61589" i="1" s="1"/>
  <c r="A61590" i="1" s="1"/>
  <c r="A61591" i="1" s="1"/>
  <c r="A61592" i="1" s="1"/>
  <c r="A61593" i="1" s="1"/>
  <c r="A61594" i="1" s="1"/>
  <c r="A61595" i="1" s="1"/>
  <c r="A61596" i="1" s="1"/>
  <c r="A61597" i="1" s="1"/>
  <c r="A61598" i="1" s="1"/>
  <c r="A61599" i="1" s="1"/>
  <c r="A61600" i="1" s="1"/>
  <c r="A61601" i="1" s="1"/>
  <c r="A61602" i="1" s="1"/>
  <c r="A61603" i="1" s="1"/>
  <c r="A61604" i="1" s="1"/>
  <c r="A61605" i="1" s="1"/>
  <c r="A61606" i="1" s="1"/>
  <c r="A61607" i="1" s="1"/>
  <c r="A61608" i="1" s="1"/>
  <c r="A61609" i="1" s="1"/>
  <c r="A61610" i="1" s="1"/>
  <c r="A61611" i="1" s="1"/>
  <c r="A61612" i="1" s="1"/>
  <c r="A61613" i="1" s="1"/>
  <c r="A61614" i="1" s="1"/>
  <c r="A61615" i="1" s="1"/>
  <c r="A61616" i="1" s="1"/>
  <c r="A61617" i="1" s="1"/>
  <c r="A61618" i="1" s="1"/>
  <c r="A61619" i="1" s="1"/>
  <c r="A61620" i="1" s="1"/>
  <c r="A61621" i="1" s="1"/>
  <c r="A61622" i="1" s="1"/>
  <c r="A61623" i="1" s="1"/>
  <c r="A61624" i="1" s="1"/>
  <c r="A61625" i="1" s="1"/>
  <c r="A61626" i="1" s="1"/>
  <c r="A61627" i="1" s="1"/>
  <c r="A61628" i="1" s="1"/>
  <c r="A61629" i="1" s="1"/>
  <c r="A61630" i="1" s="1"/>
  <c r="A61631" i="1" s="1"/>
  <c r="A61632" i="1" s="1"/>
  <c r="A61633" i="1" s="1"/>
  <c r="A61634" i="1" s="1"/>
  <c r="A61635" i="1" s="1"/>
  <c r="A61636" i="1" s="1"/>
  <c r="A61637" i="1" s="1"/>
  <c r="A61638" i="1" s="1"/>
  <c r="A61639" i="1" s="1"/>
  <c r="A61640" i="1" s="1"/>
  <c r="A61641" i="1" s="1"/>
  <c r="A61642" i="1" s="1"/>
  <c r="A61643" i="1" s="1"/>
  <c r="A61644" i="1" s="1"/>
  <c r="A61645" i="1" s="1"/>
  <c r="A61646" i="1" s="1"/>
  <c r="A61647" i="1" s="1"/>
  <c r="A61648" i="1" s="1"/>
  <c r="A61649" i="1" s="1"/>
  <c r="A61650" i="1" s="1"/>
  <c r="A61651" i="1" s="1"/>
  <c r="A61652" i="1" s="1"/>
  <c r="A61653" i="1" s="1"/>
  <c r="A61654" i="1" s="1"/>
  <c r="A61655" i="1" s="1"/>
  <c r="A61656" i="1" s="1"/>
  <c r="A61657" i="1" s="1"/>
  <c r="A61658" i="1" s="1"/>
  <c r="A61659" i="1" s="1"/>
  <c r="A61660" i="1" s="1"/>
  <c r="A61661" i="1" s="1"/>
  <c r="A61662" i="1" s="1"/>
  <c r="A61663" i="1" s="1"/>
  <c r="A61664" i="1" s="1"/>
  <c r="A61665" i="1" s="1"/>
  <c r="A61666" i="1" s="1"/>
  <c r="A61667" i="1" s="1"/>
  <c r="A61668" i="1" s="1"/>
  <c r="A61669" i="1" s="1"/>
  <c r="A61670" i="1" s="1"/>
  <c r="A61671" i="1" s="1"/>
  <c r="A61672" i="1" s="1"/>
  <c r="A61673" i="1" s="1"/>
  <c r="A61674" i="1" s="1"/>
  <c r="A61675" i="1" s="1"/>
  <c r="A61676" i="1" s="1"/>
  <c r="A61677" i="1" s="1"/>
  <c r="A61678" i="1" s="1"/>
  <c r="A61679" i="1" s="1"/>
  <c r="A61680" i="1" s="1"/>
  <c r="A61681" i="1" s="1"/>
  <c r="A61682" i="1" s="1"/>
  <c r="A61683" i="1" s="1"/>
  <c r="A61684" i="1" s="1"/>
  <c r="A61685" i="1" s="1"/>
  <c r="A61686" i="1" s="1"/>
  <c r="A61687" i="1" s="1"/>
  <c r="A61688" i="1" s="1"/>
  <c r="A61689" i="1" s="1"/>
  <c r="A61690" i="1" s="1"/>
  <c r="A61691" i="1" s="1"/>
  <c r="A61692" i="1" s="1"/>
  <c r="A61693" i="1" s="1"/>
  <c r="A61694" i="1" s="1"/>
  <c r="A61695" i="1" s="1"/>
  <c r="A61696" i="1" s="1"/>
  <c r="A61697" i="1" s="1"/>
  <c r="A61698" i="1" s="1"/>
  <c r="A61699" i="1" s="1"/>
  <c r="A61700" i="1" s="1"/>
  <c r="A61701" i="1" s="1"/>
  <c r="A61702" i="1" s="1"/>
  <c r="A61703" i="1" s="1"/>
  <c r="A61704" i="1" s="1"/>
  <c r="A61705" i="1" s="1"/>
  <c r="A61706" i="1" s="1"/>
  <c r="A61707" i="1" s="1"/>
  <c r="A61708" i="1" s="1"/>
  <c r="A61709" i="1" s="1"/>
  <c r="A61710" i="1" s="1"/>
  <c r="A61711" i="1" s="1"/>
  <c r="A61712" i="1" s="1"/>
  <c r="A61713" i="1" s="1"/>
  <c r="A61714" i="1" s="1"/>
  <c r="A61715" i="1" s="1"/>
  <c r="A61716" i="1" s="1"/>
  <c r="A61717" i="1" s="1"/>
  <c r="A61718" i="1" s="1"/>
  <c r="A61719" i="1" s="1"/>
  <c r="A61720" i="1" s="1"/>
  <c r="A61721" i="1" s="1"/>
  <c r="A61722" i="1" s="1"/>
  <c r="A61723" i="1" s="1"/>
  <c r="A61724" i="1" s="1"/>
  <c r="A61725" i="1" s="1"/>
  <c r="A61726" i="1" s="1"/>
  <c r="A61727" i="1" s="1"/>
  <c r="A61728" i="1" s="1"/>
  <c r="A61729" i="1" s="1"/>
  <c r="A61730" i="1" s="1"/>
  <c r="A61731" i="1" s="1"/>
  <c r="A61732" i="1" s="1"/>
  <c r="A61733" i="1" s="1"/>
  <c r="A61734" i="1" s="1"/>
  <c r="A61735" i="1" s="1"/>
  <c r="A61736" i="1" s="1"/>
  <c r="A61737" i="1" s="1"/>
  <c r="A61738" i="1" s="1"/>
  <c r="A61739" i="1" s="1"/>
  <c r="A61740" i="1" s="1"/>
  <c r="A61741" i="1" s="1"/>
  <c r="A61742" i="1" s="1"/>
  <c r="A61743" i="1" s="1"/>
  <c r="A61744" i="1" s="1"/>
  <c r="A61745" i="1" s="1"/>
  <c r="A61746" i="1" s="1"/>
  <c r="A61747" i="1" s="1"/>
  <c r="A61748" i="1" s="1"/>
  <c r="A61749" i="1" s="1"/>
  <c r="A61750" i="1" s="1"/>
  <c r="A61751" i="1" s="1"/>
  <c r="A61752" i="1" s="1"/>
  <c r="A61753" i="1" s="1"/>
  <c r="A61754" i="1" s="1"/>
  <c r="A61755" i="1" s="1"/>
  <c r="A61756" i="1" s="1"/>
  <c r="A61757" i="1" s="1"/>
  <c r="A61758" i="1" s="1"/>
  <c r="A61759" i="1" s="1"/>
  <c r="A61760" i="1" s="1"/>
  <c r="A61761" i="1" s="1"/>
  <c r="A61762" i="1" s="1"/>
  <c r="A61763" i="1" s="1"/>
  <c r="A61764" i="1" s="1"/>
  <c r="A61765" i="1" s="1"/>
  <c r="A61766" i="1" s="1"/>
  <c r="A61767" i="1" s="1"/>
  <c r="A61768" i="1" s="1"/>
  <c r="A61769" i="1" s="1"/>
  <c r="A61770" i="1" s="1"/>
  <c r="A61771" i="1" s="1"/>
  <c r="A61772" i="1" s="1"/>
  <c r="A61773" i="1" s="1"/>
  <c r="A61774" i="1" s="1"/>
  <c r="A61775" i="1" s="1"/>
  <c r="A61776" i="1" s="1"/>
  <c r="A61777" i="1" s="1"/>
  <c r="A61778" i="1" s="1"/>
  <c r="A61779" i="1" s="1"/>
  <c r="A61780" i="1" s="1"/>
  <c r="A61781" i="1" s="1"/>
  <c r="A61782" i="1" s="1"/>
  <c r="A61783" i="1" s="1"/>
  <c r="A61784" i="1" s="1"/>
  <c r="A61785" i="1" s="1"/>
  <c r="A61786" i="1" s="1"/>
  <c r="A61787" i="1" s="1"/>
  <c r="A61788" i="1" s="1"/>
  <c r="A61789" i="1" s="1"/>
  <c r="A61790" i="1" s="1"/>
  <c r="A61791" i="1" s="1"/>
  <c r="A61792" i="1" s="1"/>
  <c r="A61793" i="1" s="1"/>
  <c r="A61794" i="1" s="1"/>
  <c r="A61795" i="1" s="1"/>
  <c r="A61796" i="1" s="1"/>
  <c r="A61797" i="1" s="1"/>
  <c r="A61798" i="1" s="1"/>
  <c r="A61799" i="1" s="1"/>
  <c r="A61800" i="1" s="1"/>
  <c r="A61801" i="1" s="1"/>
  <c r="A61802" i="1" s="1"/>
  <c r="A61803" i="1" s="1"/>
  <c r="A61804" i="1" s="1"/>
  <c r="A61805" i="1" s="1"/>
  <c r="A61806" i="1" s="1"/>
  <c r="A61807" i="1" s="1"/>
  <c r="A61808" i="1" s="1"/>
  <c r="A61809" i="1" s="1"/>
  <c r="A61810" i="1" s="1"/>
  <c r="A61811" i="1" s="1"/>
  <c r="A61812" i="1" s="1"/>
  <c r="A61813" i="1" s="1"/>
  <c r="A61814" i="1" s="1"/>
  <c r="A61815" i="1" s="1"/>
  <c r="A61816" i="1" s="1"/>
  <c r="A61817" i="1" s="1"/>
  <c r="A61818" i="1" s="1"/>
  <c r="A61819" i="1" s="1"/>
  <c r="A61820" i="1" s="1"/>
  <c r="A61821" i="1" s="1"/>
  <c r="A61822" i="1" s="1"/>
  <c r="A61823" i="1" s="1"/>
  <c r="A61824" i="1" s="1"/>
  <c r="A61825" i="1" s="1"/>
  <c r="A61826" i="1" s="1"/>
  <c r="A61827" i="1" s="1"/>
  <c r="A61828" i="1" s="1"/>
  <c r="A61829" i="1" s="1"/>
  <c r="A61830" i="1" s="1"/>
  <c r="A61831" i="1" s="1"/>
  <c r="A61832" i="1" s="1"/>
  <c r="A61833" i="1" s="1"/>
  <c r="A61834" i="1" s="1"/>
  <c r="A61835" i="1" s="1"/>
  <c r="A61836" i="1" s="1"/>
  <c r="A61837" i="1" s="1"/>
  <c r="A61838" i="1" s="1"/>
  <c r="A61839" i="1" s="1"/>
  <c r="A61840" i="1" s="1"/>
  <c r="A61841" i="1" s="1"/>
  <c r="A61842" i="1" s="1"/>
  <c r="A61843" i="1" s="1"/>
  <c r="A61844" i="1" s="1"/>
  <c r="A61845" i="1" s="1"/>
  <c r="A61846" i="1" s="1"/>
  <c r="A61847" i="1" s="1"/>
  <c r="A61848" i="1" s="1"/>
  <c r="A61849" i="1" s="1"/>
  <c r="A61850" i="1" s="1"/>
  <c r="A61851" i="1" s="1"/>
  <c r="A61852" i="1" s="1"/>
  <c r="A61853" i="1" s="1"/>
  <c r="A61854" i="1" s="1"/>
  <c r="A61855" i="1" s="1"/>
  <c r="A61856" i="1" s="1"/>
  <c r="A61857" i="1" s="1"/>
  <c r="A61858" i="1" s="1"/>
  <c r="A61859" i="1" s="1"/>
  <c r="A61860" i="1" s="1"/>
  <c r="A61861" i="1" s="1"/>
  <c r="A61862" i="1" s="1"/>
  <c r="A61863" i="1" s="1"/>
  <c r="A61864" i="1" s="1"/>
  <c r="A61865" i="1" s="1"/>
  <c r="A61866" i="1" s="1"/>
  <c r="A61867" i="1" s="1"/>
  <c r="A61868" i="1" s="1"/>
  <c r="A61869" i="1" s="1"/>
  <c r="A61870" i="1" s="1"/>
  <c r="A61871" i="1" s="1"/>
  <c r="A61872" i="1" s="1"/>
  <c r="A61873" i="1" s="1"/>
  <c r="A61874" i="1" s="1"/>
  <c r="A61875" i="1" s="1"/>
  <c r="A61876" i="1" s="1"/>
  <c r="A61877" i="1" s="1"/>
  <c r="A61878" i="1" s="1"/>
  <c r="A61879" i="1" s="1"/>
  <c r="A61880" i="1" s="1"/>
  <c r="A61881" i="1" s="1"/>
  <c r="A61882" i="1" s="1"/>
  <c r="A61883" i="1" s="1"/>
  <c r="A61884" i="1" s="1"/>
  <c r="A61885" i="1" s="1"/>
  <c r="A61886" i="1" s="1"/>
  <c r="A61887" i="1" s="1"/>
  <c r="A61888" i="1" s="1"/>
  <c r="A61889" i="1" s="1"/>
  <c r="A61890" i="1" s="1"/>
  <c r="A61891" i="1" s="1"/>
  <c r="A61892" i="1" s="1"/>
  <c r="A61893" i="1" s="1"/>
  <c r="A61894" i="1" s="1"/>
  <c r="A61895" i="1" s="1"/>
  <c r="A61896" i="1" s="1"/>
  <c r="A61897" i="1" s="1"/>
  <c r="A61898" i="1" s="1"/>
  <c r="A61899" i="1" s="1"/>
  <c r="A61900" i="1" s="1"/>
  <c r="A61901" i="1" s="1"/>
  <c r="A61902" i="1" s="1"/>
  <c r="A61903" i="1" s="1"/>
  <c r="A61904" i="1" s="1"/>
  <c r="A61905" i="1" s="1"/>
  <c r="A61906" i="1" s="1"/>
  <c r="A61907" i="1" s="1"/>
  <c r="A61908" i="1" s="1"/>
  <c r="A61909" i="1" s="1"/>
  <c r="A61910" i="1" s="1"/>
  <c r="A61911" i="1" s="1"/>
  <c r="A61912" i="1" s="1"/>
  <c r="A61913" i="1" s="1"/>
  <c r="A61914" i="1" s="1"/>
  <c r="A61915" i="1" s="1"/>
  <c r="A61916" i="1" s="1"/>
  <c r="A61917" i="1" s="1"/>
  <c r="A61918" i="1" s="1"/>
  <c r="A61919" i="1" s="1"/>
  <c r="A61920" i="1" s="1"/>
  <c r="A61921" i="1" s="1"/>
  <c r="A61922" i="1" s="1"/>
  <c r="A61923" i="1" s="1"/>
  <c r="A61924" i="1" s="1"/>
  <c r="A61925" i="1" s="1"/>
  <c r="A61926" i="1" s="1"/>
  <c r="A61927" i="1" s="1"/>
  <c r="A61928" i="1" s="1"/>
  <c r="A61929" i="1" s="1"/>
  <c r="A61930" i="1" s="1"/>
  <c r="A61931" i="1" s="1"/>
  <c r="A61932" i="1" s="1"/>
  <c r="A61933" i="1" s="1"/>
  <c r="A61934" i="1" s="1"/>
  <c r="A61935" i="1" s="1"/>
  <c r="A61936" i="1" s="1"/>
  <c r="A61937" i="1" s="1"/>
  <c r="A61938" i="1" s="1"/>
  <c r="A61939" i="1" s="1"/>
  <c r="A61940" i="1" s="1"/>
  <c r="A61941" i="1" s="1"/>
  <c r="A61942" i="1" s="1"/>
  <c r="A61943" i="1" s="1"/>
  <c r="A61944" i="1" s="1"/>
  <c r="A61945" i="1" s="1"/>
  <c r="A61946" i="1" s="1"/>
  <c r="A61947" i="1" s="1"/>
  <c r="A61948" i="1" s="1"/>
  <c r="A61949" i="1" s="1"/>
  <c r="A61950" i="1" s="1"/>
  <c r="A61951" i="1" s="1"/>
  <c r="A61952" i="1" s="1"/>
  <c r="A61953" i="1" s="1"/>
  <c r="A61954" i="1" s="1"/>
  <c r="A61955" i="1" s="1"/>
  <c r="A61956" i="1" s="1"/>
  <c r="A61957" i="1" s="1"/>
  <c r="A61958" i="1" s="1"/>
  <c r="A61959" i="1" s="1"/>
  <c r="A61960" i="1" s="1"/>
  <c r="A61961" i="1" s="1"/>
  <c r="A61962" i="1" s="1"/>
  <c r="A61963" i="1" s="1"/>
  <c r="A61964" i="1" s="1"/>
  <c r="A61965" i="1" s="1"/>
  <c r="A61966" i="1" s="1"/>
  <c r="A61967" i="1" s="1"/>
  <c r="A61968" i="1" s="1"/>
  <c r="A61969" i="1" s="1"/>
  <c r="A61970" i="1" s="1"/>
  <c r="A61971" i="1" s="1"/>
  <c r="A61972" i="1" s="1"/>
  <c r="A61973" i="1" s="1"/>
  <c r="A61974" i="1" s="1"/>
  <c r="A61975" i="1" s="1"/>
  <c r="A61976" i="1" s="1"/>
  <c r="A61977" i="1" s="1"/>
  <c r="A61978" i="1" s="1"/>
  <c r="A61979" i="1" s="1"/>
  <c r="A61980" i="1" s="1"/>
  <c r="A61981" i="1" s="1"/>
  <c r="A61982" i="1" s="1"/>
  <c r="A61983" i="1" s="1"/>
  <c r="A61984" i="1" s="1"/>
  <c r="A61985" i="1" s="1"/>
  <c r="A61986" i="1" s="1"/>
  <c r="A61987" i="1" s="1"/>
  <c r="A61988" i="1" s="1"/>
  <c r="A61989" i="1" s="1"/>
  <c r="A61990" i="1" s="1"/>
  <c r="A61991" i="1" s="1"/>
  <c r="A61992" i="1" s="1"/>
  <c r="A61993" i="1" s="1"/>
  <c r="A61994" i="1" s="1"/>
  <c r="A61995" i="1" s="1"/>
  <c r="A61996" i="1" s="1"/>
  <c r="A61997" i="1" s="1"/>
  <c r="A61998" i="1" s="1"/>
  <c r="A61999" i="1" s="1"/>
  <c r="A62000" i="1" s="1"/>
  <c r="A62001" i="1" s="1"/>
  <c r="A62002" i="1" s="1"/>
  <c r="A62003" i="1" s="1"/>
  <c r="A62004" i="1" s="1"/>
  <c r="A62005" i="1" s="1"/>
  <c r="A62006" i="1" s="1"/>
  <c r="A62007" i="1" s="1"/>
  <c r="A62008" i="1" s="1"/>
  <c r="A62009" i="1" s="1"/>
  <c r="A62010" i="1" s="1"/>
  <c r="A62011" i="1" s="1"/>
  <c r="A62012" i="1" s="1"/>
  <c r="A62013" i="1" s="1"/>
  <c r="A62014" i="1" s="1"/>
  <c r="A62015" i="1" s="1"/>
  <c r="A62016" i="1" s="1"/>
  <c r="A62017" i="1" s="1"/>
  <c r="A62018" i="1" s="1"/>
  <c r="A62019" i="1" s="1"/>
  <c r="A62020" i="1" s="1"/>
  <c r="A62021" i="1" s="1"/>
  <c r="A62022" i="1" s="1"/>
  <c r="A62023" i="1" s="1"/>
  <c r="A62024" i="1" s="1"/>
  <c r="A62025" i="1" s="1"/>
  <c r="A62026" i="1" s="1"/>
  <c r="A62027" i="1" s="1"/>
  <c r="A62028" i="1" s="1"/>
  <c r="A62029" i="1" s="1"/>
  <c r="A62030" i="1" s="1"/>
  <c r="A62031" i="1" s="1"/>
  <c r="A62032" i="1" s="1"/>
  <c r="A62033" i="1" s="1"/>
  <c r="A62034" i="1" s="1"/>
  <c r="A62035" i="1" s="1"/>
  <c r="A62036" i="1" s="1"/>
  <c r="A62037" i="1" s="1"/>
  <c r="A62038" i="1" s="1"/>
  <c r="A62039" i="1" s="1"/>
  <c r="A62040" i="1" s="1"/>
  <c r="A62041" i="1" s="1"/>
  <c r="A62042" i="1" s="1"/>
  <c r="A62043" i="1" s="1"/>
  <c r="A62044" i="1" s="1"/>
  <c r="A62045" i="1" s="1"/>
  <c r="A62046" i="1" s="1"/>
  <c r="A62047" i="1" s="1"/>
  <c r="A62048" i="1" s="1"/>
  <c r="A62049" i="1" s="1"/>
  <c r="A62050" i="1" s="1"/>
  <c r="A62051" i="1" s="1"/>
  <c r="A62052" i="1" s="1"/>
  <c r="A62053" i="1" s="1"/>
  <c r="A62054" i="1" s="1"/>
  <c r="A62055" i="1" s="1"/>
  <c r="A62056" i="1" s="1"/>
  <c r="A62057" i="1" s="1"/>
  <c r="A62058" i="1" s="1"/>
  <c r="A62059" i="1" s="1"/>
  <c r="A62060" i="1" s="1"/>
  <c r="A62061" i="1" s="1"/>
  <c r="A62062" i="1" s="1"/>
  <c r="A62063" i="1" s="1"/>
  <c r="A62064" i="1" s="1"/>
  <c r="A62065" i="1" s="1"/>
  <c r="A62066" i="1" s="1"/>
  <c r="A62067" i="1" s="1"/>
  <c r="A62068" i="1" s="1"/>
  <c r="A62069" i="1" s="1"/>
  <c r="A62070" i="1" s="1"/>
  <c r="A62071" i="1" s="1"/>
  <c r="A62072" i="1" s="1"/>
  <c r="A62073" i="1" s="1"/>
  <c r="A62074" i="1" s="1"/>
  <c r="A62075" i="1" s="1"/>
  <c r="A62076" i="1" s="1"/>
  <c r="A62077" i="1" s="1"/>
  <c r="A62078" i="1" s="1"/>
  <c r="A62079" i="1" s="1"/>
  <c r="A62080" i="1" s="1"/>
  <c r="A62081" i="1" s="1"/>
  <c r="A62082" i="1" s="1"/>
  <c r="A62083" i="1" s="1"/>
  <c r="A62084" i="1" s="1"/>
  <c r="A62085" i="1" s="1"/>
  <c r="A62086" i="1" s="1"/>
  <c r="A62087" i="1" s="1"/>
  <c r="A62088" i="1" s="1"/>
  <c r="A62089" i="1" s="1"/>
  <c r="A62090" i="1" s="1"/>
  <c r="A62091" i="1" s="1"/>
  <c r="A62092" i="1" s="1"/>
  <c r="A62093" i="1" s="1"/>
  <c r="A62094" i="1" s="1"/>
  <c r="A62095" i="1" s="1"/>
  <c r="A62096" i="1" s="1"/>
  <c r="A62097" i="1" s="1"/>
  <c r="A62098" i="1" s="1"/>
  <c r="A62099" i="1" s="1"/>
  <c r="A62100" i="1" s="1"/>
  <c r="A62101" i="1" s="1"/>
  <c r="A62102" i="1" s="1"/>
  <c r="A62103" i="1" s="1"/>
  <c r="A62104" i="1" s="1"/>
  <c r="A62105" i="1" s="1"/>
  <c r="A62106" i="1" s="1"/>
  <c r="A62107" i="1" s="1"/>
  <c r="A62108" i="1" s="1"/>
  <c r="A62109" i="1" s="1"/>
  <c r="A62110" i="1" s="1"/>
  <c r="A62111" i="1" s="1"/>
  <c r="A62112" i="1" s="1"/>
  <c r="A62113" i="1" s="1"/>
  <c r="A62114" i="1" s="1"/>
  <c r="A62115" i="1" s="1"/>
  <c r="A62116" i="1" s="1"/>
  <c r="A62117" i="1" s="1"/>
  <c r="A62118" i="1" s="1"/>
  <c r="A62119" i="1" s="1"/>
  <c r="A62120" i="1" s="1"/>
  <c r="A62121" i="1" s="1"/>
  <c r="A62122" i="1" s="1"/>
  <c r="A62123" i="1" s="1"/>
  <c r="A62124" i="1" s="1"/>
  <c r="A62125" i="1" s="1"/>
  <c r="A62126" i="1" s="1"/>
  <c r="A62127" i="1" s="1"/>
  <c r="A62128" i="1" s="1"/>
  <c r="A62129" i="1" s="1"/>
  <c r="A62130" i="1" s="1"/>
  <c r="A62131" i="1" s="1"/>
  <c r="A62132" i="1" s="1"/>
  <c r="A62133" i="1" s="1"/>
  <c r="A62134" i="1" s="1"/>
  <c r="A62135" i="1" s="1"/>
  <c r="A62136" i="1" s="1"/>
  <c r="A62137" i="1" s="1"/>
  <c r="A62138" i="1" s="1"/>
  <c r="A62139" i="1" s="1"/>
  <c r="A62140" i="1" s="1"/>
  <c r="A62141" i="1" s="1"/>
  <c r="A62142" i="1" s="1"/>
  <c r="A62143" i="1" s="1"/>
  <c r="A62144" i="1" s="1"/>
  <c r="A62145" i="1" s="1"/>
  <c r="A62146" i="1" s="1"/>
  <c r="A62147" i="1" s="1"/>
  <c r="A62148" i="1" s="1"/>
  <c r="A62149" i="1" s="1"/>
  <c r="A62150" i="1" s="1"/>
  <c r="A62151" i="1" s="1"/>
  <c r="A62152" i="1" s="1"/>
  <c r="A62153" i="1" s="1"/>
  <c r="A62154" i="1" s="1"/>
  <c r="A62155" i="1" s="1"/>
  <c r="A62156" i="1" s="1"/>
  <c r="A62157" i="1" s="1"/>
  <c r="A62158" i="1" s="1"/>
  <c r="A62159" i="1" s="1"/>
  <c r="A62160" i="1" s="1"/>
  <c r="A62161" i="1" s="1"/>
  <c r="A62162" i="1" s="1"/>
  <c r="A62163" i="1" s="1"/>
  <c r="A62164" i="1" s="1"/>
  <c r="A62165" i="1" s="1"/>
  <c r="A62166" i="1" s="1"/>
  <c r="A62167" i="1" s="1"/>
  <c r="A62168" i="1" s="1"/>
  <c r="A62169" i="1" s="1"/>
  <c r="A62170" i="1" s="1"/>
  <c r="A62171" i="1" s="1"/>
  <c r="A62172" i="1" s="1"/>
  <c r="A62173" i="1" s="1"/>
  <c r="A62174" i="1" s="1"/>
  <c r="A62175" i="1" s="1"/>
  <c r="A62176" i="1" s="1"/>
  <c r="A62177" i="1" s="1"/>
  <c r="A62178" i="1" s="1"/>
  <c r="A62179" i="1" s="1"/>
  <c r="A62180" i="1" s="1"/>
  <c r="A62181" i="1" s="1"/>
  <c r="A62182" i="1" s="1"/>
  <c r="A62183" i="1" s="1"/>
  <c r="A62184" i="1" s="1"/>
  <c r="A62185" i="1" s="1"/>
  <c r="A62186" i="1" s="1"/>
  <c r="A62187" i="1" s="1"/>
  <c r="A62188" i="1" s="1"/>
  <c r="A62189" i="1" s="1"/>
  <c r="A62190" i="1" s="1"/>
  <c r="A62191" i="1" s="1"/>
  <c r="A62192" i="1" s="1"/>
  <c r="A62193" i="1" s="1"/>
  <c r="A62194" i="1" s="1"/>
  <c r="A62195" i="1" s="1"/>
  <c r="A62196" i="1" s="1"/>
  <c r="A62197" i="1" s="1"/>
  <c r="A62198" i="1" s="1"/>
  <c r="A62199" i="1" s="1"/>
  <c r="A62200" i="1" s="1"/>
  <c r="A62201" i="1" s="1"/>
  <c r="A62202" i="1" s="1"/>
  <c r="A62203" i="1" s="1"/>
  <c r="A62204" i="1" s="1"/>
  <c r="A62205" i="1" s="1"/>
  <c r="A62206" i="1" s="1"/>
  <c r="A62207" i="1" s="1"/>
  <c r="A62208" i="1" s="1"/>
  <c r="A62209" i="1" s="1"/>
  <c r="A62210" i="1" s="1"/>
  <c r="A62211" i="1" s="1"/>
  <c r="A62212" i="1" s="1"/>
  <c r="A62213" i="1" s="1"/>
  <c r="A62214" i="1" s="1"/>
  <c r="A62215" i="1" s="1"/>
  <c r="A62216" i="1" s="1"/>
  <c r="A62217" i="1" s="1"/>
  <c r="A62218" i="1" s="1"/>
  <c r="A62219" i="1" s="1"/>
  <c r="A62220" i="1" s="1"/>
  <c r="A62221" i="1" s="1"/>
  <c r="A62222" i="1" s="1"/>
  <c r="A62223" i="1" s="1"/>
  <c r="A62224" i="1" s="1"/>
  <c r="A62225" i="1" s="1"/>
  <c r="A62226" i="1" s="1"/>
  <c r="A62227" i="1" s="1"/>
  <c r="A62228" i="1" s="1"/>
  <c r="A62229" i="1" s="1"/>
  <c r="A62230" i="1" s="1"/>
  <c r="A62231" i="1" s="1"/>
  <c r="A62232" i="1" s="1"/>
  <c r="A62233" i="1" s="1"/>
  <c r="A62234" i="1" s="1"/>
  <c r="A62235" i="1" s="1"/>
  <c r="A62236" i="1" s="1"/>
  <c r="A62237" i="1" s="1"/>
  <c r="A62238" i="1" s="1"/>
  <c r="A62239" i="1" s="1"/>
  <c r="A62240" i="1" s="1"/>
  <c r="A62241" i="1" s="1"/>
  <c r="A62242" i="1" s="1"/>
  <c r="A62243" i="1" s="1"/>
  <c r="A62244" i="1" s="1"/>
  <c r="A62245" i="1" s="1"/>
  <c r="A62246" i="1" s="1"/>
  <c r="A62247" i="1" s="1"/>
  <c r="A62248" i="1" s="1"/>
  <c r="A62249" i="1" s="1"/>
  <c r="A62250" i="1" s="1"/>
  <c r="A62251" i="1" s="1"/>
  <c r="A62252" i="1" s="1"/>
  <c r="A62253" i="1" s="1"/>
  <c r="A62254" i="1" s="1"/>
  <c r="A62255" i="1" s="1"/>
  <c r="A62256" i="1" s="1"/>
  <c r="A62257" i="1" s="1"/>
  <c r="A62258" i="1" s="1"/>
  <c r="A62259" i="1" s="1"/>
  <c r="A62260" i="1" s="1"/>
  <c r="A62261" i="1" s="1"/>
  <c r="A62262" i="1" s="1"/>
  <c r="A62263" i="1" s="1"/>
  <c r="A62264" i="1" s="1"/>
  <c r="A62265" i="1" s="1"/>
  <c r="A62266" i="1" s="1"/>
  <c r="A62267" i="1" s="1"/>
  <c r="A62268" i="1" s="1"/>
  <c r="A62269" i="1" s="1"/>
  <c r="A62270" i="1" s="1"/>
  <c r="A62271" i="1" s="1"/>
  <c r="A62272" i="1" s="1"/>
  <c r="A62273" i="1" s="1"/>
  <c r="A62274" i="1" s="1"/>
  <c r="A62275" i="1" s="1"/>
  <c r="A62276" i="1" s="1"/>
  <c r="A62277" i="1" s="1"/>
  <c r="A62278" i="1" s="1"/>
  <c r="A62279" i="1" s="1"/>
  <c r="A62280" i="1" s="1"/>
  <c r="A62281" i="1" s="1"/>
  <c r="A62282" i="1" s="1"/>
  <c r="A62283" i="1" s="1"/>
  <c r="A62284" i="1" s="1"/>
  <c r="A62285" i="1" s="1"/>
  <c r="A62286" i="1" s="1"/>
  <c r="A62287" i="1" s="1"/>
  <c r="A62288" i="1" s="1"/>
  <c r="A62289" i="1" s="1"/>
  <c r="A62290" i="1" s="1"/>
  <c r="A62291" i="1" s="1"/>
  <c r="A62292" i="1" s="1"/>
  <c r="A62293" i="1" s="1"/>
  <c r="A62294" i="1" s="1"/>
  <c r="A62295" i="1" s="1"/>
  <c r="A62296" i="1" s="1"/>
  <c r="A62297" i="1" s="1"/>
  <c r="A62298" i="1" s="1"/>
  <c r="A62299" i="1" s="1"/>
  <c r="A62300" i="1" s="1"/>
  <c r="A62301" i="1" s="1"/>
  <c r="A62302" i="1" s="1"/>
  <c r="A62303" i="1" s="1"/>
  <c r="A62304" i="1" s="1"/>
  <c r="A62305" i="1" s="1"/>
  <c r="A62306" i="1" s="1"/>
  <c r="A62307" i="1" s="1"/>
  <c r="A62308" i="1" s="1"/>
  <c r="A62309" i="1" s="1"/>
  <c r="A62310" i="1" s="1"/>
  <c r="A62311" i="1" s="1"/>
  <c r="A62312" i="1" s="1"/>
  <c r="A62313" i="1" s="1"/>
  <c r="A62314" i="1" s="1"/>
  <c r="A62315" i="1" s="1"/>
  <c r="A62316" i="1" s="1"/>
  <c r="A62317" i="1" s="1"/>
  <c r="A62318" i="1" s="1"/>
  <c r="A62319" i="1" s="1"/>
  <c r="A62320" i="1" s="1"/>
  <c r="A62321" i="1" s="1"/>
  <c r="A62322" i="1" s="1"/>
  <c r="A62323" i="1" s="1"/>
  <c r="A62324" i="1" s="1"/>
  <c r="A62325" i="1" s="1"/>
  <c r="A62326" i="1" s="1"/>
  <c r="A62327" i="1" s="1"/>
  <c r="A62328" i="1" s="1"/>
  <c r="A62329" i="1" s="1"/>
  <c r="A62330" i="1" s="1"/>
  <c r="A62331" i="1" s="1"/>
  <c r="A62332" i="1" s="1"/>
  <c r="A62333" i="1" s="1"/>
  <c r="A62334" i="1" s="1"/>
  <c r="A62335" i="1" s="1"/>
  <c r="A62336" i="1" s="1"/>
  <c r="A62337" i="1" s="1"/>
  <c r="A62338" i="1" s="1"/>
  <c r="A62339" i="1" s="1"/>
  <c r="A62340" i="1" s="1"/>
  <c r="A62341" i="1" s="1"/>
  <c r="A62342" i="1" s="1"/>
  <c r="A62343" i="1" s="1"/>
  <c r="A62344" i="1" s="1"/>
  <c r="A62345" i="1" s="1"/>
  <c r="A62346" i="1" s="1"/>
  <c r="A62347" i="1" s="1"/>
  <c r="A62348" i="1" s="1"/>
  <c r="A62349" i="1" s="1"/>
  <c r="A62350" i="1" s="1"/>
  <c r="A62351" i="1" s="1"/>
  <c r="A62352" i="1" s="1"/>
  <c r="A62353" i="1" s="1"/>
  <c r="A62354" i="1" s="1"/>
  <c r="A62355" i="1" s="1"/>
  <c r="A62356" i="1" s="1"/>
  <c r="A62357" i="1" s="1"/>
  <c r="A62358" i="1" s="1"/>
  <c r="A62359" i="1" s="1"/>
  <c r="A62360" i="1" s="1"/>
  <c r="A62361" i="1" s="1"/>
  <c r="A62362" i="1" s="1"/>
  <c r="A62363" i="1" s="1"/>
  <c r="A62364" i="1" s="1"/>
  <c r="A62365" i="1" s="1"/>
  <c r="A62366" i="1" s="1"/>
  <c r="A62367" i="1" s="1"/>
  <c r="A62368" i="1" s="1"/>
  <c r="A62369" i="1" s="1"/>
  <c r="A62370" i="1" s="1"/>
  <c r="A62371" i="1" s="1"/>
  <c r="A62372" i="1" s="1"/>
  <c r="A62373" i="1" s="1"/>
  <c r="A62374" i="1" s="1"/>
  <c r="A62375" i="1" s="1"/>
  <c r="A62376" i="1" s="1"/>
  <c r="A62377" i="1" s="1"/>
  <c r="A62378" i="1" s="1"/>
  <c r="A62379" i="1" s="1"/>
  <c r="A62380" i="1" s="1"/>
  <c r="A62381" i="1" s="1"/>
  <c r="A62382" i="1" s="1"/>
  <c r="A62383" i="1" s="1"/>
  <c r="A62384" i="1" s="1"/>
  <c r="A62385" i="1" s="1"/>
  <c r="A62386" i="1" s="1"/>
  <c r="A62387" i="1" s="1"/>
  <c r="A62388" i="1" s="1"/>
  <c r="A62389" i="1" s="1"/>
  <c r="A62390" i="1" s="1"/>
  <c r="A62391" i="1" s="1"/>
  <c r="A62392" i="1" s="1"/>
  <c r="A62393" i="1" s="1"/>
  <c r="A62394" i="1" s="1"/>
  <c r="A62395" i="1" s="1"/>
  <c r="A62396" i="1" s="1"/>
  <c r="A62397" i="1" s="1"/>
  <c r="A62398" i="1" s="1"/>
  <c r="A62399" i="1" s="1"/>
  <c r="A62400" i="1" s="1"/>
  <c r="A62401" i="1" s="1"/>
  <c r="A62402" i="1" s="1"/>
  <c r="A62403" i="1" s="1"/>
  <c r="A62404" i="1" s="1"/>
  <c r="A62405" i="1" s="1"/>
  <c r="A62406" i="1" s="1"/>
  <c r="A62407" i="1" s="1"/>
  <c r="A62408" i="1" s="1"/>
  <c r="A62409" i="1" s="1"/>
  <c r="A62410" i="1" s="1"/>
  <c r="A62411" i="1" s="1"/>
  <c r="A62412" i="1" s="1"/>
  <c r="A62413" i="1" s="1"/>
  <c r="A62414" i="1" s="1"/>
  <c r="A62415" i="1" s="1"/>
  <c r="A62416" i="1" s="1"/>
  <c r="A62417" i="1" s="1"/>
  <c r="A62418" i="1" s="1"/>
  <c r="A62419" i="1" s="1"/>
  <c r="A62420" i="1" s="1"/>
  <c r="A62421" i="1" s="1"/>
  <c r="A62422" i="1" s="1"/>
  <c r="A62423" i="1" s="1"/>
  <c r="A62424" i="1" s="1"/>
  <c r="A62425" i="1" s="1"/>
  <c r="A62426" i="1" s="1"/>
  <c r="A62427" i="1" s="1"/>
  <c r="A62428" i="1" s="1"/>
  <c r="A62429" i="1" s="1"/>
  <c r="A62430" i="1" s="1"/>
  <c r="A62431" i="1" s="1"/>
  <c r="A62432" i="1" s="1"/>
  <c r="A62433" i="1" s="1"/>
  <c r="A62434" i="1" s="1"/>
  <c r="A62435" i="1" s="1"/>
  <c r="A62436" i="1" s="1"/>
  <c r="A62437" i="1" s="1"/>
  <c r="A62438" i="1" s="1"/>
  <c r="A62439" i="1" s="1"/>
  <c r="A62440" i="1" s="1"/>
  <c r="A62441" i="1" s="1"/>
  <c r="A62442" i="1" s="1"/>
  <c r="A62443" i="1" s="1"/>
  <c r="A62444" i="1" s="1"/>
  <c r="A62445" i="1" s="1"/>
  <c r="A62446" i="1" s="1"/>
  <c r="A62447" i="1" s="1"/>
  <c r="A62448" i="1" s="1"/>
  <c r="A62449" i="1" s="1"/>
  <c r="A62450" i="1" s="1"/>
  <c r="A62451" i="1" s="1"/>
  <c r="A62452" i="1" s="1"/>
  <c r="A62453" i="1" s="1"/>
  <c r="A62454" i="1" s="1"/>
  <c r="A62455" i="1" s="1"/>
  <c r="A62456" i="1" s="1"/>
  <c r="A62457" i="1" s="1"/>
  <c r="A62458" i="1" s="1"/>
  <c r="A62459" i="1" s="1"/>
  <c r="A62460" i="1" s="1"/>
  <c r="A62461" i="1" s="1"/>
  <c r="A62462" i="1" s="1"/>
  <c r="A62463" i="1" s="1"/>
  <c r="A62464" i="1" s="1"/>
  <c r="A62465" i="1" s="1"/>
  <c r="A62466" i="1" s="1"/>
  <c r="A62467" i="1" s="1"/>
  <c r="A62468" i="1" s="1"/>
  <c r="A62469" i="1" s="1"/>
  <c r="A62470" i="1" s="1"/>
  <c r="A62471" i="1" s="1"/>
  <c r="A62472" i="1" s="1"/>
  <c r="A62473" i="1" s="1"/>
  <c r="A62474" i="1" s="1"/>
  <c r="A62475" i="1" s="1"/>
  <c r="A62476" i="1" s="1"/>
  <c r="A62477" i="1" s="1"/>
  <c r="A62478" i="1" s="1"/>
  <c r="A62479" i="1" s="1"/>
  <c r="A62480" i="1" s="1"/>
  <c r="A62481" i="1" s="1"/>
  <c r="A62482" i="1" s="1"/>
  <c r="A62483" i="1" s="1"/>
  <c r="A62484" i="1" s="1"/>
  <c r="A62485" i="1" s="1"/>
  <c r="A62486" i="1" s="1"/>
  <c r="A62487" i="1" s="1"/>
  <c r="A62488" i="1" s="1"/>
  <c r="A62489" i="1" s="1"/>
  <c r="A62490" i="1" s="1"/>
  <c r="A62491" i="1" s="1"/>
  <c r="A62492" i="1" s="1"/>
  <c r="A62493" i="1" s="1"/>
  <c r="A62494" i="1" s="1"/>
  <c r="A62495" i="1" s="1"/>
  <c r="A62496" i="1" s="1"/>
  <c r="A62497" i="1" s="1"/>
  <c r="A62498" i="1" s="1"/>
  <c r="A62499" i="1" s="1"/>
  <c r="A62500" i="1" s="1"/>
  <c r="A62501" i="1" s="1"/>
  <c r="A62502" i="1" s="1"/>
  <c r="A62503" i="1" s="1"/>
  <c r="A62504" i="1" s="1"/>
  <c r="A62505" i="1" s="1"/>
  <c r="A62506" i="1" s="1"/>
  <c r="A62507" i="1" s="1"/>
  <c r="A62508" i="1" s="1"/>
  <c r="A62509" i="1" s="1"/>
  <c r="A62510" i="1" s="1"/>
  <c r="A62511" i="1" s="1"/>
  <c r="A62512" i="1" s="1"/>
  <c r="A62513" i="1" s="1"/>
  <c r="A62514" i="1" s="1"/>
  <c r="A62515" i="1" s="1"/>
  <c r="A62516" i="1" s="1"/>
  <c r="A62517" i="1" s="1"/>
  <c r="A62518" i="1" s="1"/>
  <c r="A62519" i="1" s="1"/>
  <c r="A62520" i="1" s="1"/>
  <c r="A62521" i="1" s="1"/>
  <c r="A62522" i="1" s="1"/>
  <c r="A62523" i="1" s="1"/>
  <c r="A62524" i="1" s="1"/>
  <c r="A62525" i="1" s="1"/>
  <c r="A62526" i="1" s="1"/>
  <c r="A62527" i="1" s="1"/>
  <c r="A62528" i="1" s="1"/>
  <c r="A62529" i="1" s="1"/>
  <c r="A62530" i="1" s="1"/>
  <c r="A62531" i="1" s="1"/>
  <c r="A62532" i="1" s="1"/>
  <c r="A62533" i="1" s="1"/>
  <c r="A62534" i="1" s="1"/>
  <c r="A62535" i="1" s="1"/>
  <c r="A62536" i="1" s="1"/>
  <c r="A62537" i="1" s="1"/>
  <c r="A62538" i="1" s="1"/>
  <c r="A62539" i="1" s="1"/>
  <c r="A62540" i="1" s="1"/>
  <c r="A62541" i="1" s="1"/>
  <c r="A62542" i="1" s="1"/>
  <c r="A62543" i="1" s="1"/>
  <c r="A62544" i="1" s="1"/>
  <c r="A62545" i="1" s="1"/>
  <c r="A62546" i="1" s="1"/>
  <c r="A62547" i="1" s="1"/>
  <c r="A62548" i="1" s="1"/>
  <c r="A62549" i="1" s="1"/>
  <c r="A62550" i="1" s="1"/>
  <c r="A62551" i="1" s="1"/>
  <c r="A62552" i="1" s="1"/>
  <c r="A62553" i="1" s="1"/>
  <c r="A62554" i="1" s="1"/>
  <c r="A62555" i="1" s="1"/>
  <c r="A62556" i="1" s="1"/>
  <c r="A62557" i="1" s="1"/>
  <c r="A62558" i="1" s="1"/>
  <c r="A62559" i="1" s="1"/>
  <c r="A62560" i="1" s="1"/>
  <c r="A62561" i="1" s="1"/>
  <c r="A62562" i="1" s="1"/>
  <c r="A62563" i="1" s="1"/>
  <c r="A62564" i="1" s="1"/>
  <c r="A62565" i="1" s="1"/>
  <c r="A62566" i="1" s="1"/>
  <c r="A62567" i="1" s="1"/>
  <c r="A62568" i="1" s="1"/>
  <c r="A62569" i="1" s="1"/>
  <c r="A62570" i="1" s="1"/>
  <c r="A62571" i="1" s="1"/>
  <c r="A62572" i="1" s="1"/>
  <c r="A62573" i="1" s="1"/>
  <c r="A62574" i="1" s="1"/>
  <c r="A62575" i="1" s="1"/>
  <c r="A62576" i="1" s="1"/>
  <c r="A62577" i="1" s="1"/>
  <c r="A62578" i="1" s="1"/>
  <c r="A62579" i="1" s="1"/>
  <c r="A62580" i="1" s="1"/>
  <c r="A62581" i="1" s="1"/>
  <c r="A62582" i="1" s="1"/>
  <c r="A62583" i="1" s="1"/>
  <c r="A62584" i="1" s="1"/>
  <c r="A62585" i="1" s="1"/>
  <c r="A62586" i="1" s="1"/>
  <c r="A62587" i="1" s="1"/>
  <c r="A62588" i="1" s="1"/>
  <c r="A62589" i="1" s="1"/>
  <c r="A62590" i="1" s="1"/>
  <c r="A62591" i="1" s="1"/>
  <c r="A62592" i="1" s="1"/>
  <c r="A62593" i="1" s="1"/>
  <c r="A62594" i="1" s="1"/>
  <c r="A62595" i="1" s="1"/>
  <c r="A62596" i="1" s="1"/>
  <c r="A62597" i="1" s="1"/>
  <c r="A62598" i="1" s="1"/>
  <c r="A62599" i="1" s="1"/>
  <c r="A62600" i="1" s="1"/>
  <c r="A62601" i="1" s="1"/>
  <c r="A62602" i="1" s="1"/>
  <c r="A62603" i="1" s="1"/>
  <c r="A62604" i="1" s="1"/>
  <c r="A62605" i="1" s="1"/>
  <c r="A62606" i="1" s="1"/>
  <c r="A62607" i="1" s="1"/>
  <c r="A62608" i="1" s="1"/>
  <c r="A62609" i="1" s="1"/>
  <c r="A62610" i="1" s="1"/>
  <c r="A62611" i="1" s="1"/>
  <c r="A62612" i="1" s="1"/>
  <c r="A62613" i="1" s="1"/>
  <c r="A62614" i="1" s="1"/>
  <c r="A62615" i="1" s="1"/>
  <c r="A62616" i="1" s="1"/>
  <c r="A62617" i="1" s="1"/>
  <c r="A62618" i="1" s="1"/>
  <c r="A62619" i="1" s="1"/>
  <c r="A62620" i="1" s="1"/>
  <c r="A62621" i="1" s="1"/>
  <c r="A62622" i="1" s="1"/>
  <c r="A62623" i="1" s="1"/>
  <c r="A62624" i="1" s="1"/>
  <c r="A62625" i="1" s="1"/>
  <c r="A62626" i="1" s="1"/>
  <c r="A62627" i="1" s="1"/>
  <c r="A62628" i="1" s="1"/>
  <c r="A62629" i="1" s="1"/>
  <c r="A62630" i="1" s="1"/>
  <c r="A62631" i="1" s="1"/>
  <c r="A62632" i="1" s="1"/>
  <c r="A62633" i="1" s="1"/>
  <c r="A62634" i="1" s="1"/>
  <c r="A62635" i="1" s="1"/>
  <c r="A62636" i="1" s="1"/>
  <c r="A62637" i="1" s="1"/>
  <c r="A62638" i="1" s="1"/>
  <c r="A62639" i="1" s="1"/>
  <c r="A62640" i="1" s="1"/>
  <c r="A62641" i="1" s="1"/>
  <c r="A62642" i="1" s="1"/>
  <c r="A62643" i="1" s="1"/>
  <c r="A62644" i="1" s="1"/>
  <c r="A62645" i="1" s="1"/>
  <c r="A62646" i="1" s="1"/>
  <c r="A62647" i="1" s="1"/>
  <c r="A62648" i="1" s="1"/>
  <c r="A62649" i="1" s="1"/>
  <c r="A62650" i="1" s="1"/>
  <c r="A62651" i="1" s="1"/>
  <c r="A62652" i="1" s="1"/>
  <c r="A62653" i="1" s="1"/>
  <c r="A62654" i="1" s="1"/>
  <c r="A62655" i="1" s="1"/>
  <c r="A62656" i="1" s="1"/>
  <c r="A62657" i="1" s="1"/>
  <c r="A62658" i="1" s="1"/>
  <c r="A62659" i="1" s="1"/>
  <c r="A62660" i="1" s="1"/>
  <c r="A62661" i="1" s="1"/>
  <c r="A62662" i="1" s="1"/>
  <c r="A62663" i="1" s="1"/>
  <c r="A62664" i="1" s="1"/>
  <c r="A62665" i="1" s="1"/>
  <c r="A62666" i="1" s="1"/>
  <c r="A62667" i="1" s="1"/>
  <c r="A62668" i="1" s="1"/>
  <c r="A62669" i="1" s="1"/>
  <c r="A62670" i="1" s="1"/>
  <c r="A62671" i="1" s="1"/>
  <c r="A62672" i="1" s="1"/>
  <c r="A62673" i="1" s="1"/>
  <c r="A62674" i="1" s="1"/>
  <c r="A62675" i="1" s="1"/>
  <c r="A62676" i="1" s="1"/>
  <c r="A62677" i="1" s="1"/>
  <c r="A62678" i="1" s="1"/>
  <c r="A62679" i="1" s="1"/>
  <c r="A62680" i="1" s="1"/>
  <c r="A62681" i="1" s="1"/>
  <c r="A62682" i="1" s="1"/>
  <c r="A62683" i="1" s="1"/>
  <c r="A62684" i="1" s="1"/>
  <c r="A62685" i="1" s="1"/>
  <c r="A62686" i="1" s="1"/>
  <c r="A62687" i="1" s="1"/>
  <c r="A62688" i="1" s="1"/>
  <c r="A62689" i="1" s="1"/>
  <c r="A62690" i="1" s="1"/>
  <c r="A62691" i="1" s="1"/>
  <c r="A62692" i="1" s="1"/>
  <c r="A62693" i="1" s="1"/>
  <c r="A62694" i="1" s="1"/>
  <c r="A62695" i="1" s="1"/>
  <c r="A62696" i="1" s="1"/>
  <c r="A62697" i="1" s="1"/>
  <c r="A62698" i="1" s="1"/>
  <c r="A62699" i="1" s="1"/>
  <c r="A62700" i="1" s="1"/>
  <c r="A62701" i="1" s="1"/>
  <c r="A62702" i="1" s="1"/>
  <c r="A62703" i="1" s="1"/>
  <c r="A62704" i="1" s="1"/>
  <c r="A62705" i="1" s="1"/>
  <c r="A62706" i="1" s="1"/>
  <c r="A62707" i="1" s="1"/>
  <c r="A62708" i="1" s="1"/>
  <c r="A62709" i="1" s="1"/>
  <c r="A62710" i="1" s="1"/>
  <c r="A62711" i="1" s="1"/>
  <c r="A62712" i="1" s="1"/>
  <c r="A62713" i="1" s="1"/>
  <c r="A62714" i="1" s="1"/>
  <c r="A62715" i="1" s="1"/>
  <c r="A62716" i="1" s="1"/>
  <c r="A62717" i="1" s="1"/>
  <c r="A62718" i="1" s="1"/>
  <c r="A62719" i="1" s="1"/>
  <c r="A62720" i="1" s="1"/>
  <c r="A62721" i="1" s="1"/>
  <c r="A62722" i="1" s="1"/>
  <c r="A62723" i="1" s="1"/>
  <c r="A62724" i="1" s="1"/>
  <c r="A62725" i="1" s="1"/>
  <c r="A62726" i="1" s="1"/>
  <c r="A62727" i="1" s="1"/>
  <c r="A62728" i="1" s="1"/>
  <c r="A62729" i="1" s="1"/>
  <c r="A62730" i="1" s="1"/>
  <c r="A62731" i="1" s="1"/>
  <c r="A62732" i="1" s="1"/>
  <c r="A62733" i="1" s="1"/>
  <c r="A62734" i="1" s="1"/>
  <c r="A62735" i="1" s="1"/>
  <c r="A62736" i="1" s="1"/>
  <c r="A62737" i="1" s="1"/>
  <c r="A62738" i="1" s="1"/>
  <c r="A62739" i="1" s="1"/>
  <c r="A62740" i="1" s="1"/>
  <c r="A62741" i="1" s="1"/>
  <c r="A62742" i="1" s="1"/>
  <c r="A62743" i="1" s="1"/>
  <c r="A62744" i="1" s="1"/>
  <c r="A62745" i="1" s="1"/>
  <c r="A62746" i="1" s="1"/>
  <c r="A62747" i="1" s="1"/>
  <c r="A62748" i="1" s="1"/>
  <c r="A62749" i="1" s="1"/>
  <c r="A62750" i="1" s="1"/>
  <c r="A62751" i="1" s="1"/>
  <c r="A62752" i="1" s="1"/>
  <c r="A62753" i="1" s="1"/>
  <c r="A62754" i="1" s="1"/>
  <c r="A62755" i="1" s="1"/>
  <c r="A62756" i="1" s="1"/>
  <c r="A62757" i="1" s="1"/>
  <c r="A62758" i="1" s="1"/>
  <c r="A62759" i="1" s="1"/>
  <c r="A62760" i="1" s="1"/>
  <c r="A62761" i="1" s="1"/>
  <c r="A62762" i="1" s="1"/>
  <c r="A62763" i="1" s="1"/>
  <c r="A62764" i="1" s="1"/>
  <c r="A62765" i="1" s="1"/>
  <c r="A62766" i="1" s="1"/>
  <c r="A62767" i="1" s="1"/>
  <c r="A62768" i="1" s="1"/>
  <c r="A62769" i="1" s="1"/>
  <c r="A62770" i="1" s="1"/>
  <c r="A62771" i="1" s="1"/>
  <c r="A62772" i="1" s="1"/>
  <c r="A62773" i="1" s="1"/>
  <c r="A62774" i="1" s="1"/>
  <c r="A62775" i="1" s="1"/>
  <c r="A62776" i="1" s="1"/>
  <c r="A62777" i="1" s="1"/>
  <c r="A62778" i="1" s="1"/>
  <c r="A62779" i="1" s="1"/>
  <c r="A62780" i="1" s="1"/>
  <c r="A62781" i="1" s="1"/>
  <c r="A62782" i="1" s="1"/>
  <c r="A62783" i="1" s="1"/>
  <c r="A62784" i="1" s="1"/>
  <c r="A62785" i="1" s="1"/>
  <c r="A62786" i="1" s="1"/>
  <c r="A62787" i="1" s="1"/>
  <c r="A62788" i="1" s="1"/>
  <c r="A62789" i="1" s="1"/>
  <c r="A62790" i="1" s="1"/>
  <c r="A62791" i="1" s="1"/>
  <c r="A62792" i="1" s="1"/>
  <c r="A62793" i="1" s="1"/>
  <c r="A62794" i="1" s="1"/>
  <c r="A62795" i="1" s="1"/>
  <c r="A62796" i="1" s="1"/>
  <c r="A62797" i="1" s="1"/>
  <c r="A62798" i="1" s="1"/>
  <c r="A62799" i="1" s="1"/>
  <c r="A62800" i="1" s="1"/>
  <c r="A62801" i="1" s="1"/>
  <c r="A62802" i="1" s="1"/>
  <c r="A62803" i="1" s="1"/>
  <c r="A62804" i="1" s="1"/>
  <c r="A62805" i="1" s="1"/>
  <c r="A62806" i="1" s="1"/>
  <c r="A62807" i="1" s="1"/>
  <c r="A62808" i="1" s="1"/>
  <c r="A62809" i="1" s="1"/>
  <c r="A62810" i="1" s="1"/>
  <c r="A62811" i="1" s="1"/>
  <c r="A62812" i="1" s="1"/>
  <c r="A62813" i="1" s="1"/>
  <c r="A62814" i="1" s="1"/>
  <c r="A62815" i="1" s="1"/>
  <c r="A62816" i="1" s="1"/>
  <c r="A62817" i="1" s="1"/>
  <c r="A62818" i="1" s="1"/>
  <c r="A62819" i="1" s="1"/>
  <c r="A62820" i="1" s="1"/>
  <c r="A62821" i="1" s="1"/>
  <c r="A62822" i="1" s="1"/>
  <c r="A62823" i="1" s="1"/>
  <c r="A62824" i="1" s="1"/>
  <c r="A62825" i="1" s="1"/>
  <c r="A62826" i="1" s="1"/>
  <c r="A62827" i="1" s="1"/>
  <c r="A62828" i="1" s="1"/>
  <c r="A62829" i="1" s="1"/>
  <c r="A62830" i="1" s="1"/>
  <c r="A62831" i="1" s="1"/>
  <c r="A62832" i="1" s="1"/>
  <c r="A62833" i="1" s="1"/>
  <c r="A62834" i="1" s="1"/>
  <c r="A62835" i="1" s="1"/>
  <c r="A62836" i="1" s="1"/>
  <c r="A62837" i="1" s="1"/>
  <c r="A62838" i="1" s="1"/>
  <c r="A62839" i="1" s="1"/>
  <c r="A62840" i="1" s="1"/>
  <c r="A62841" i="1" s="1"/>
  <c r="A62842" i="1" s="1"/>
  <c r="A62843" i="1" s="1"/>
  <c r="A62844" i="1" s="1"/>
  <c r="A62845" i="1" s="1"/>
  <c r="A62846" i="1" s="1"/>
  <c r="A62847" i="1" s="1"/>
  <c r="A62848" i="1" s="1"/>
  <c r="A62849" i="1" s="1"/>
  <c r="A62850" i="1" s="1"/>
  <c r="A62851" i="1" s="1"/>
  <c r="A62852" i="1" s="1"/>
  <c r="A62853" i="1" s="1"/>
  <c r="A62854" i="1" s="1"/>
  <c r="A62855" i="1" s="1"/>
  <c r="A62856" i="1" s="1"/>
  <c r="A62857" i="1" s="1"/>
  <c r="A62858" i="1" s="1"/>
  <c r="A62859" i="1" s="1"/>
  <c r="A62860" i="1" s="1"/>
  <c r="A62861" i="1" s="1"/>
  <c r="A62862" i="1" s="1"/>
  <c r="A62863" i="1" s="1"/>
  <c r="A62864" i="1" s="1"/>
  <c r="A62865" i="1" s="1"/>
  <c r="A62866" i="1" s="1"/>
  <c r="A62867" i="1" s="1"/>
  <c r="A62868" i="1" s="1"/>
  <c r="A62869" i="1" s="1"/>
  <c r="A62870" i="1" s="1"/>
  <c r="A62871" i="1" s="1"/>
  <c r="A62872" i="1" s="1"/>
  <c r="A62873" i="1" s="1"/>
  <c r="A62874" i="1" s="1"/>
  <c r="A62875" i="1" s="1"/>
  <c r="A62876" i="1" s="1"/>
  <c r="A62877" i="1" s="1"/>
  <c r="A62878" i="1" s="1"/>
  <c r="A62879" i="1" s="1"/>
  <c r="A62880" i="1" s="1"/>
  <c r="A62881" i="1" s="1"/>
  <c r="A62882" i="1" s="1"/>
  <c r="A62883" i="1" s="1"/>
  <c r="A62884" i="1" s="1"/>
  <c r="A62885" i="1" s="1"/>
  <c r="A62886" i="1" s="1"/>
  <c r="A62887" i="1" s="1"/>
  <c r="A62888" i="1" s="1"/>
  <c r="A62889" i="1" s="1"/>
  <c r="A62890" i="1" s="1"/>
  <c r="A62891" i="1" s="1"/>
  <c r="A62892" i="1" s="1"/>
  <c r="A62893" i="1" s="1"/>
  <c r="A62894" i="1" s="1"/>
  <c r="A62895" i="1" s="1"/>
  <c r="A62896" i="1" s="1"/>
  <c r="A62897" i="1" s="1"/>
  <c r="A62898" i="1" s="1"/>
  <c r="A62899" i="1" s="1"/>
  <c r="A62900" i="1" s="1"/>
  <c r="A62901" i="1" s="1"/>
  <c r="A62902" i="1" s="1"/>
  <c r="A62903" i="1" s="1"/>
  <c r="A62904" i="1" s="1"/>
  <c r="A62905" i="1" s="1"/>
  <c r="A62906" i="1" s="1"/>
  <c r="A62907" i="1" s="1"/>
  <c r="A62908" i="1" s="1"/>
  <c r="A62909" i="1" s="1"/>
  <c r="A62910" i="1" s="1"/>
  <c r="A62911" i="1" s="1"/>
  <c r="A62912" i="1" s="1"/>
  <c r="A62913" i="1" s="1"/>
  <c r="A62914" i="1" s="1"/>
  <c r="A62915" i="1" s="1"/>
  <c r="A62916" i="1" s="1"/>
  <c r="A62917" i="1" s="1"/>
  <c r="A62918" i="1" s="1"/>
  <c r="A62919" i="1" s="1"/>
  <c r="A62920" i="1" s="1"/>
  <c r="A62921" i="1" s="1"/>
  <c r="A62922" i="1" s="1"/>
  <c r="A62923" i="1" s="1"/>
  <c r="A62924" i="1" s="1"/>
  <c r="A62925" i="1" s="1"/>
  <c r="A62926" i="1" s="1"/>
  <c r="A62927" i="1" s="1"/>
  <c r="A62928" i="1" s="1"/>
  <c r="A62929" i="1" s="1"/>
  <c r="A62930" i="1" s="1"/>
  <c r="A62931" i="1" s="1"/>
  <c r="A62932" i="1" s="1"/>
  <c r="A62933" i="1" s="1"/>
  <c r="A62934" i="1" s="1"/>
  <c r="A62935" i="1" s="1"/>
  <c r="A62936" i="1" s="1"/>
  <c r="A62937" i="1" s="1"/>
  <c r="A62938" i="1" s="1"/>
  <c r="A62939" i="1" s="1"/>
  <c r="A62940" i="1" s="1"/>
  <c r="A62941" i="1" s="1"/>
  <c r="A62942" i="1" s="1"/>
  <c r="A62943" i="1" s="1"/>
  <c r="A62944" i="1" s="1"/>
  <c r="A62945" i="1" s="1"/>
  <c r="A62946" i="1" s="1"/>
  <c r="A62947" i="1" s="1"/>
  <c r="A62948" i="1" s="1"/>
  <c r="A62949" i="1" s="1"/>
  <c r="A62950" i="1" s="1"/>
  <c r="A62951" i="1" s="1"/>
  <c r="A62952" i="1" s="1"/>
  <c r="A62953" i="1" s="1"/>
  <c r="A62954" i="1" s="1"/>
  <c r="A62955" i="1" s="1"/>
  <c r="A62956" i="1" s="1"/>
  <c r="A62957" i="1" s="1"/>
  <c r="A62958" i="1" s="1"/>
  <c r="A62959" i="1" s="1"/>
  <c r="A62960" i="1" s="1"/>
  <c r="A62961" i="1" s="1"/>
  <c r="A62962" i="1" s="1"/>
  <c r="A62963" i="1" s="1"/>
  <c r="A62964" i="1" s="1"/>
  <c r="A62965" i="1" s="1"/>
  <c r="A62966" i="1" s="1"/>
  <c r="A62967" i="1" s="1"/>
  <c r="A62968" i="1" s="1"/>
  <c r="A62969" i="1" s="1"/>
  <c r="A62970" i="1" s="1"/>
  <c r="A62971" i="1" s="1"/>
  <c r="A62972" i="1" s="1"/>
  <c r="A62973" i="1" s="1"/>
  <c r="A62974" i="1" s="1"/>
  <c r="A62975" i="1" s="1"/>
  <c r="A62976" i="1" s="1"/>
  <c r="A62977" i="1" s="1"/>
  <c r="A62978" i="1" s="1"/>
  <c r="A62979" i="1" s="1"/>
  <c r="A62980" i="1" s="1"/>
  <c r="A62981" i="1" s="1"/>
  <c r="A62982" i="1" s="1"/>
  <c r="A62983" i="1" s="1"/>
  <c r="A62984" i="1" s="1"/>
  <c r="A62985" i="1" s="1"/>
  <c r="A62986" i="1" s="1"/>
  <c r="A62987" i="1" s="1"/>
  <c r="A62988" i="1" s="1"/>
  <c r="A62989" i="1" s="1"/>
  <c r="A62990" i="1" s="1"/>
  <c r="A62991" i="1" s="1"/>
  <c r="A62992" i="1" s="1"/>
  <c r="A62993" i="1" s="1"/>
  <c r="A62994" i="1" s="1"/>
  <c r="A62995" i="1" s="1"/>
  <c r="A62996" i="1" s="1"/>
  <c r="A62997" i="1" s="1"/>
  <c r="A62998" i="1" s="1"/>
  <c r="A62999" i="1" s="1"/>
  <c r="A63000" i="1" s="1"/>
  <c r="A63001" i="1" s="1"/>
  <c r="A63002" i="1" s="1"/>
  <c r="A63003" i="1" s="1"/>
  <c r="A63004" i="1" s="1"/>
  <c r="A63005" i="1" s="1"/>
  <c r="A63006" i="1" s="1"/>
  <c r="A63007" i="1" s="1"/>
  <c r="A63008" i="1" s="1"/>
  <c r="A63009" i="1" s="1"/>
  <c r="A63010" i="1" s="1"/>
  <c r="A63011" i="1" s="1"/>
  <c r="A63012" i="1" s="1"/>
  <c r="A63013" i="1" s="1"/>
  <c r="A63014" i="1" s="1"/>
  <c r="A63015" i="1" s="1"/>
  <c r="A63016" i="1" s="1"/>
  <c r="A63017" i="1" s="1"/>
  <c r="A63018" i="1" s="1"/>
  <c r="A63019" i="1" s="1"/>
  <c r="A63020" i="1" s="1"/>
  <c r="A63021" i="1" s="1"/>
  <c r="A63022" i="1" s="1"/>
  <c r="A63023" i="1" s="1"/>
  <c r="A63024" i="1" s="1"/>
  <c r="A63025" i="1" s="1"/>
  <c r="A63026" i="1" s="1"/>
  <c r="A63027" i="1" s="1"/>
  <c r="A63028" i="1" s="1"/>
  <c r="A63029" i="1" s="1"/>
  <c r="A63030" i="1" s="1"/>
  <c r="A63031" i="1" s="1"/>
  <c r="A63032" i="1" s="1"/>
  <c r="A63033" i="1" s="1"/>
  <c r="A63034" i="1" s="1"/>
  <c r="A63035" i="1" s="1"/>
  <c r="A63036" i="1" s="1"/>
  <c r="A63037" i="1" s="1"/>
  <c r="A63038" i="1" s="1"/>
  <c r="A63039" i="1" s="1"/>
  <c r="A63040" i="1" s="1"/>
  <c r="A63041" i="1" s="1"/>
  <c r="A63042" i="1" s="1"/>
  <c r="A63043" i="1" s="1"/>
  <c r="A63044" i="1" s="1"/>
  <c r="A63045" i="1" s="1"/>
  <c r="A63046" i="1" s="1"/>
  <c r="A63047" i="1" s="1"/>
  <c r="A63048" i="1" s="1"/>
  <c r="A63049" i="1" s="1"/>
  <c r="A63050" i="1" s="1"/>
  <c r="A63051" i="1" s="1"/>
  <c r="A63052" i="1" s="1"/>
  <c r="A63053" i="1" s="1"/>
  <c r="A63054" i="1" s="1"/>
  <c r="A63055" i="1" s="1"/>
  <c r="A63056" i="1" s="1"/>
  <c r="A63057" i="1" s="1"/>
  <c r="A63058" i="1" s="1"/>
  <c r="A63059" i="1" s="1"/>
  <c r="A63060" i="1" s="1"/>
  <c r="A63061" i="1" s="1"/>
  <c r="A63062" i="1" s="1"/>
  <c r="A63063" i="1" s="1"/>
  <c r="A63064" i="1" s="1"/>
  <c r="A63065" i="1" s="1"/>
  <c r="A63066" i="1" s="1"/>
  <c r="A63067" i="1" s="1"/>
  <c r="A63068" i="1" s="1"/>
  <c r="A63069" i="1" s="1"/>
  <c r="A63070" i="1" s="1"/>
  <c r="A63071" i="1" s="1"/>
  <c r="A63072" i="1" s="1"/>
  <c r="A63073" i="1" s="1"/>
  <c r="A63074" i="1" s="1"/>
  <c r="A63075" i="1" s="1"/>
  <c r="A63076" i="1" s="1"/>
  <c r="A63077" i="1" s="1"/>
  <c r="A63078" i="1" s="1"/>
  <c r="A63079" i="1" s="1"/>
  <c r="A63080" i="1" s="1"/>
  <c r="A63081" i="1" s="1"/>
  <c r="A63082" i="1" s="1"/>
  <c r="A63083" i="1" s="1"/>
  <c r="A63084" i="1" s="1"/>
  <c r="A63085" i="1" s="1"/>
  <c r="A63086" i="1" s="1"/>
  <c r="A63087" i="1" s="1"/>
  <c r="A63088" i="1" s="1"/>
  <c r="A63089" i="1" s="1"/>
  <c r="A63090" i="1" s="1"/>
  <c r="A63091" i="1" s="1"/>
  <c r="A63092" i="1" s="1"/>
  <c r="A63093" i="1" s="1"/>
  <c r="A63094" i="1" s="1"/>
  <c r="A63095" i="1" s="1"/>
  <c r="A63096" i="1" s="1"/>
  <c r="A63097" i="1" s="1"/>
  <c r="A63098" i="1" s="1"/>
  <c r="A63099" i="1" s="1"/>
  <c r="A63100" i="1" s="1"/>
  <c r="A63101" i="1" s="1"/>
  <c r="A63102" i="1" s="1"/>
  <c r="A63103" i="1" s="1"/>
  <c r="A63104" i="1" s="1"/>
  <c r="A63105" i="1" s="1"/>
  <c r="A63106" i="1" s="1"/>
  <c r="A63107" i="1" s="1"/>
  <c r="A63108" i="1" s="1"/>
  <c r="A63109" i="1" s="1"/>
  <c r="A63110" i="1" s="1"/>
  <c r="A63111" i="1" s="1"/>
  <c r="A63112" i="1" s="1"/>
  <c r="A63113" i="1" s="1"/>
  <c r="A63114" i="1" s="1"/>
  <c r="A63115" i="1" s="1"/>
  <c r="A63116" i="1" s="1"/>
  <c r="A63117" i="1" s="1"/>
  <c r="A63118" i="1" s="1"/>
  <c r="A63119" i="1" s="1"/>
  <c r="A63120" i="1" s="1"/>
  <c r="A63121" i="1" s="1"/>
  <c r="A63122" i="1" s="1"/>
  <c r="A63123" i="1" s="1"/>
  <c r="A63124" i="1" s="1"/>
  <c r="A63125" i="1" s="1"/>
  <c r="A63126" i="1" s="1"/>
  <c r="A63127" i="1" s="1"/>
  <c r="A63128" i="1" s="1"/>
  <c r="A63129" i="1" s="1"/>
  <c r="A63130" i="1" s="1"/>
  <c r="A63131" i="1" s="1"/>
  <c r="A63132" i="1" s="1"/>
  <c r="A63133" i="1" s="1"/>
  <c r="A63134" i="1" s="1"/>
  <c r="A63135" i="1" s="1"/>
  <c r="A63136" i="1" s="1"/>
  <c r="A63137" i="1" s="1"/>
  <c r="A63138" i="1" s="1"/>
  <c r="A63139" i="1" s="1"/>
  <c r="A63140" i="1" s="1"/>
  <c r="A63141" i="1" s="1"/>
  <c r="A63142" i="1" s="1"/>
  <c r="A63143" i="1" s="1"/>
  <c r="A63144" i="1" s="1"/>
  <c r="A63145" i="1" s="1"/>
  <c r="A63146" i="1" s="1"/>
  <c r="A63147" i="1" s="1"/>
  <c r="A63148" i="1" s="1"/>
  <c r="A63149" i="1" s="1"/>
  <c r="A63150" i="1" s="1"/>
  <c r="A63151" i="1" s="1"/>
  <c r="A63152" i="1" s="1"/>
  <c r="A63153" i="1" s="1"/>
  <c r="A63154" i="1" s="1"/>
  <c r="A63155" i="1" s="1"/>
  <c r="A63156" i="1" s="1"/>
  <c r="A63157" i="1" s="1"/>
  <c r="A63158" i="1" s="1"/>
  <c r="A63159" i="1" s="1"/>
  <c r="A63160" i="1" s="1"/>
  <c r="A63161" i="1" s="1"/>
  <c r="A63162" i="1" s="1"/>
  <c r="A63163" i="1" s="1"/>
  <c r="A63164" i="1" s="1"/>
  <c r="A63165" i="1" s="1"/>
  <c r="A63166" i="1" s="1"/>
  <c r="A63167" i="1" s="1"/>
  <c r="A63168" i="1" s="1"/>
  <c r="A63169" i="1" s="1"/>
  <c r="A63170" i="1" s="1"/>
  <c r="A63171" i="1" s="1"/>
  <c r="A63172" i="1" s="1"/>
  <c r="A63173" i="1" s="1"/>
  <c r="A63174" i="1" s="1"/>
  <c r="A63175" i="1" s="1"/>
  <c r="A63176" i="1" s="1"/>
  <c r="A63177" i="1" s="1"/>
  <c r="A63178" i="1" s="1"/>
  <c r="A63179" i="1" s="1"/>
  <c r="A63180" i="1" s="1"/>
  <c r="A63181" i="1" s="1"/>
  <c r="A63182" i="1" s="1"/>
  <c r="A63183" i="1" s="1"/>
  <c r="A63184" i="1" s="1"/>
  <c r="A63185" i="1" s="1"/>
  <c r="A63186" i="1" s="1"/>
  <c r="A63187" i="1" s="1"/>
  <c r="A63188" i="1" s="1"/>
  <c r="A63189" i="1" s="1"/>
  <c r="A63190" i="1" s="1"/>
  <c r="A63191" i="1" s="1"/>
  <c r="A63192" i="1" s="1"/>
  <c r="A63193" i="1" s="1"/>
  <c r="A63194" i="1" s="1"/>
  <c r="A63195" i="1" s="1"/>
  <c r="A63196" i="1" s="1"/>
  <c r="A63197" i="1" s="1"/>
  <c r="A63198" i="1" s="1"/>
  <c r="A63199" i="1" s="1"/>
  <c r="A63200" i="1" s="1"/>
  <c r="A63201" i="1" s="1"/>
  <c r="A63202" i="1" s="1"/>
  <c r="A63203" i="1" s="1"/>
  <c r="A63204" i="1" s="1"/>
  <c r="A63205" i="1" s="1"/>
  <c r="A63206" i="1" s="1"/>
  <c r="A63207" i="1" s="1"/>
  <c r="A63208" i="1" s="1"/>
  <c r="A63209" i="1" s="1"/>
  <c r="A63210" i="1" s="1"/>
  <c r="A63211" i="1" s="1"/>
  <c r="A63212" i="1" s="1"/>
  <c r="A63213" i="1" s="1"/>
  <c r="A63214" i="1" s="1"/>
  <c r="A63215" i="1" s="1"/>
  <c r="A63216" i="1" s="1"/>
  <c r="A63217" i="1" s="1"/>
  <c r="A63218" i="1" s="1"/>
  <c r="A63219" i="1" s="1"/>
  <c r="A63220" i="1" s="1"/>
  <c r="A63221" i="1" s="1"/>
  <c r="A63222" i="1" s="1"/>
  <c r="A63223" i="1" s="1"/>
  <c r="A63224" i="1" s="1"/>
  <c r="A63225" i="1" s="1"/>
  <c r="A63226" i="1" s="1"/>
  <c r="A63227" i="1" s="1"/>
  <c r="A63228" i="1" s="1"/>
  <c r="A63229" i="1" s="1"/>
  <c r="A63230" i="1" s="1"/>
  <c r="A63231" i="1" s="1"/>
  <c r="A63232" i="1" s="1"/>
  <c r="A63233" i="1" s="1"/>
  <c r="A63234" i="1" s="1"/>
  <c r="A63235" i="1" s="1"/>
  <c r="A63236" i="1" s="1"/>
  <c r="A63237" i="1" s="1"/>
  <c r="A63238" i="1" s="1"/>
  <c r="A63239" i="1" s="1"/>
  <c r="A63240" i="1" s="1"/>
  <c r="A63241" i="1" s="1"/>
  <c r="A63242" i="1" s="1"/>
  <c r="A63243" i="1" s="1"/>
  <c r="A63244" i="1" s="1"/>
  <c r="A63245" i="1" s="1"/>
  <c r="A63246" i="1" s="1"/>
  <c r="A63247" i="1" s="1"/>
  <c r="A63248" i="1" s="1"/>
  <c r="A63249" i="1" s="1"/>
  <c r="A63250" i="1" s="1"/>
  <c r="A63251" i="1" s="1"/>
  <c r="A63252" i="1" s="1"/>
  <c r="A63253" i="1" s="1"/>
  <c r="A63254" i="1" s="1"/>
  <c r="A63255" i="1" s="1"/>
  <c r="A63256" i="1" s="1"/>
  <c r="A63257" i="1" s="1"/>
  <c r="A63258" i="1" s="1"/>
  <c r="A63259" i="1" s="1"/>
  <c r="A63260" i="1" s="1"/>
  <c r="A63261" i="1" s="1"/>
  <c r="A63262" i="1" s="1"/>
  <c r="A63263" i="1" s="1"/>
  <c r="A63264" i="1" s="1"/>
  <c r="A63265" i="1" s="1"/>
  <c r="A63266" i="1" s="1"/>
  <c r="A63267" i="1" s="1"/>
  <c r="A63268" i="1" s="1"/>
  <c r="A63269" i="1" s="1"/>
  <c r="A63270" i="1" s="1"/>
  <c r="A63271" i="1" s="1"/>
  <c r="A63272" i="1" s="1"/>
  <c r="A63273" i="1" s="1"/>
  <c r="A63274" i="1" s="1"/>
  <c r="A63275" i="1" s="1"/>
  <c r="A63276" i="1" s="1"/>
  <c r="A63277" i="1" s="1"/>
  <c r="A63278" i="1" s="1"/>
  <c r="A63279" i="1" s="1"/>
  <c r="A63280" i="1" s="1"/>
  <c r="A63281" i="1" s="1"/>
  <c r="A63282" i="1" s="1"/>
  <c r="A63283" i="1" s="1"/>
  <c r="A63284" i="1" s="1"/>
  <c r="A63285" i="1" s="1"/>
  <c r="A63286" i="1" s="1"/>
  <c r="A63287" i="1" s="1"/>
  <c r="A63288" i="1" s="1"/>
  <c r="A63289" i="1" s="1"/>
  <c r="A63290" i="1" s="1"/>
  <c r="A63291" i="1" s="1"/>
  <c r="A63292" i="1" s="1"/>
  <c r="A63293" i="1" s="1"/>
  <c r="A63294" i="1" s="1"/>
  <c r="A63295" i="1" s="1"/>
  <c r="A63296" i="1" s="1"/>
  <c r="A63297" i="1" s="1"/>
  <c r="A63298" i="1" s="1"/>
  <c r="A63299" i="1" s="1"/>
  <c r="A63300" i="1" s="1"/>
  <c r="A63301" i="1" s="1"/>
  <c r="A63302" i="1" s="1"/>
  <c r="A63303" i="1" s="1"/>
  <c r="A63304" i="1" s="1"/>
  <c r="A63305" i="1" s="1"/>
  <c r="A63306" i="1" s="1"/>
  <c r="A63307" i="1" s="1"/>
  <c r="A63308" i="1" s="1"/>
  <c r="A63309" i="1" s="1"/>
  <c r="A63310" i="1" s="1"/>
  <c r="A63311" i="1" s="1"/>
  <c r="A63312" i="1" s="1"/>
  <c r="A63313" i="1" s="1"/>
  <c r="A63314" i="1" s="1"/>
  <c r="A63315" i="1" s="1"/>
  <c r="A63316" i="1" s="1"/>
  <c r="A63317" i="1" s="1"/>
  <c r="A63318" i="1" s="1"/>
  <c r="A63319" i="1" s="1"/>
  <c r="A63320" i="1" s="1"/>
  <c r="A63321" i="1" s="1"/>
  <c r="A63322" i="1" s="1"/>
  <c r="A63323" i="1" s="1"/>
  <c r="A63324" i="1" s="1"/>
  <c r="A63325" i="1" s="1"/>
  <c r="A63326" i="1" s="1"/>
  <c r="A63327" i="1" s="1"/>
  <c r="A63328" i="1" s="1"/>
  <c r="A63329" i="1" s="1"/>
  <c r="A63330" i="1" s="1"/>
  <c r="A63331" i="1" s="1"/>
  <c r="A63332" i="1" s="1"/>
  <c r="A63333" i="1" s="1"/>
  <c r="A63334" i="1" s="1"/>
  <c r="A63335" i="1" s="1"/>
  <c r="A63336" i="1" s="1"/>
  <c r="A63337" i="1" s="1"/>
  <c r="A63338" i="1" s="1"/>
  <c r="A63339" i="1" s="1"/>
  <c r="A63340" i="1" s="1"/>
  <c r="A63341" i="1" s="1"/>
  <c r="A63342" i="1" s="1"/>
  <c r="A63343" i="1" s="1"/>
  <c r="A63344" i="1" s="1"/>
  <c r="A63345" i="1" s="1"/>
  <c r="A63346" i="1" s="1"/>
  <c r="A63347" i="1" s="1"/>
  <c r="A63348" i="1" s="1"/>
  <c r="A63349" i="1" s="1"/>
  <c r="A63350" i="1" s="1"/>
  <c r="A63351" i="1" s="1"/>
  <c r="A63352" i="1" s="1"/>
  <c r="A63353" i="1" s="1"/>
  <c r="A63354" i="1" s="1"/>
  <c r="A63355" i="1" s="1"/>
  <c r="A63356" i="1" s="1"/>
  <c r="A63357" i="1" s="1"/>
  <c r="A63358" i="1" s="1"/>
  <c r="A63359" i="1" s="1"/>
  <c r="A63360" i="1" s="1"/>
  <c r="A63361" i="1" s="1"/>
  <c r="A63362" i="1" s="1"/>
  <c r="A63363" i="1" s="1"/>
  <c r="A63364" i="1" s="1"/>
  <c r="A63365" i="1" s="1"/>
  <c r="A63366" i="1" s="1"/>
  <c r="A63367" i="1" s="1"/>
  <c r="A63368" i="1" s="1"/>
  <c r="A63369" i="1" s="1"/>
  <c r="A63370" i="1" s="1"/>
  <c r="A63371" i="1" s="1"/>
  <c r="A63372" i="1" s="1"/>
  <c r="A63373" i="1" s="1"/>
  <c r="A63374" i="1" s="1"/>
  <c r="A63375" i="1" s="1"/>
  <c r="A63376" i="1" s="1"/>
  <c r="A63377" i="1" s="1"/>
  <c r="A63378" i="1" s="1"/>
  <c r="A63379" i="1" s="1"/>
  <c r="A63380" i="1" s="1"/>
  <c r="A63381" i="1" s="1"/>
  <c r="A63382" i="1" s="1"/>
  <c r="A63383" i="1" s="1"/>
  <c r="A63384" i="1" s="1"/>
  <c r="A63385" i="1" s="1"/>
  <c r="A63386" i="1" s="1"/>
  <c r="A63387" i="1" s="1"/>
  <c r="A63388" i="1" s="1"/>
  <c r="A63389" i="1" s="1"/>
  <c r="A63390" i="1" s="1"/>
  <c r="A63391" i="1" s="1"/>
  <c r="A63392" i="1" s="1"/>
  <c r="A63393" i="1" s="1"/>
  <c r="A63394" i="1" s="1"/>
  <c r="A63395" i="1" s="1"/>
  <c r="A63396" i="1" s="1"/>
  <c r="A63397" i="1" s="1"/>
  <c r="A63398" i="1" s="1"/>
  <c r="A63399" i="1" s="1"/>
  <c r="A63400" i="1" s="1"/>
  <c r="A63401" i="1" s="1"/>
  <c r="A63402" i="1" s="1"/>
  <c r="A63403" i="1" s="1"/>
  <c r="A63404" i="1" s="1"/>
  <c r="A63405" i="1" s="1"/>
  <c r="A63406" i="1" s="1"/>
  <c r="A63407" i="1" s="1"/>
  <c r="A63408" i="1" s="1"/>
  <c r="A63409" i="1" s="1"/>
  <c r="A63410" i="1" s="1"/>
  <c r="A63411" i="1" s="1"/>
  <c r="A63412" i="1" s="1"/>
  <c r="A63413" i="1" s="1"/>
  <c r="A63414" i="1" s="1"/>
  <c r="A63415" i="1" s="1"/>
  <c r="A63416" i="1" s="1"/>
  <c r="A63417" i="1" s="1"/>
  <c r="A63418" i="1" s="1"/>
  <c r="A63419" i="1" s="1"/>
  <c r="A63420" i="1" s="1"/>
  <c r="A63421" i="1" s="1"/>
  <c r="A63422" i="1" s="1"/>
  <c r="A63423" i="1" s="1"/>
  <c r="A63424" i="1" s="1"/>
  <c r="A63425" i="1" s="1"/>
  <c r="A63426" i="1" s="1"/>
  <c r="A63427" i="1" s="1"/>
  <c r="A63428" i="1" s="1"/>
  <c r="A63429" i="1" s="1"/>
  <c r="A63430" i="1" s="1"/>
  <c r="A63431" i="1" s="1"/>
  <c r="A63432" i="1" s="1"/>
  <c r="A63433" i="1" s="1"/>
  <c r="A63434" i="1" s="1"/>
  <c r="A63435" i="1" s="1"/>
  <c r="A63436" i="1" s="1"/>
  <c r="A63437" i="1" s="1"/>
  <c r="A63438" i="1" s="1"/>
  <c r="A63439" i="1" s="1"/>
  <c r="A63440" i="1" s="1"/>
  <c r="A63441" i="1" s="1"/>
  <c r="A63442" i="1" s="1"/>
  <c r="A63443" i="1" s="1"/>
  <c r="A63444" i="1" s="1"/>
  <c r="A63445" i="1" s="1"/>
  <c r="A63446" i="1" s="1"/>
  <c r="A63447" i="1" s="1"/>
  <c r="A63448" i="1" s="1"/>
  <c r="A63449" i="1" s="1"/>
  <c r="A63450" i="1" s="1"/>
  <c r="A63451" i="1" s="1"/>
  <c r="A63452" i="1" s="1"/>
  <c r="A63453" i="1" s="1"/>
  <c r="A63454" i="1" s="1"/>
  <c r="A63455" i="1" s="1"/>
  <c r="A63456" i="1" s="1"/>
  <c r="A63457" i="1" s="1"/>
  <c r="A63458" i="1" s="1"/>
  <c r="A63459" i="1" s="1"/>
  <c r="A63460" i="1" s="1"/>
  <c r="A63461" i="1" s="1"/>
  <c r="A63462" i="1" s="1"/>
  <c r="A63463" i="1" s="1"/>
  <c r="A63464" i="1" s="1"/>
  <c r="A63465" i="1" s="1"/>
  <c r="A63466" i="1" s="1"/>
  <c r="A63467" i="1" s="1"/>
  <c r="A63468" i="1" s="1"/>
  <c r="A63469" i="1" s="1"/>
  <c r="A63470" i="1" s="1"/>
  <c r="A63471" i="1" s="1"/>
  <c r="A63472" i="1" s="1"/>
  <c r="A63473" i="1" s="1"/>
  <c r="A63474" i="1" s="1"/>
  <c r="A63475" i="1" s="1"/>
  <c r="A63476" i="1" s="1"/>
  <c r="A63477" i="1" s="1"/>
  <c r="A63478" i="1" s="1"/>
  <c r="A63479" i="1" s="1"/>
  <c r="A63480" i="1" s="1"/>
  <c r="A63481" i="1" s="1"/>
  <c r="A63482" i="1" s="1"/>
  <c r="A63483" i="1" s="1"/>
  <c r="A63484" i="1" s="1"/>
  <c r="A63485" i="1" s="1"/>
  <c r="A63486" i="1" s="1"/>
  <c r="A63487" i="1" s="1"/>
  <c r="A63488" i="1" s="1"/>
  <c r="A63489" i="1" s="1"/>
  <c r="A63490" i="1" s="1"/>
  <c r="A63491" i="1" s="1"/>
  <c r="A63492" i="1" s="1"/>
  <c r="A63493" i="1" s="1"/>
  <c r="A63494" i="1" s="1"/>
  <c r="A63495" i="1" s="1"/>
  <c r="A63496" i="1" s="1"/>
  <c r="A63497" i="1" s="1"/>
  <c r="A63498" i="1" s="1"/>
  <c r="A63499" i="1" s="1"/>
  <c r="A63500" i="1" s="1"/>
  <c r="A63501" i="1" s="1"/>
  <c r="A63502" i="1" s="1"/>
  <c r="A63503" i="1" s="1"/>
  <c r="A63504" i="1" s="1"/>
  <c r="A63505" i="1" s="1"/>
  <c r="A63506" i="1" s="1"/>
  <c r="A63507" i="1" s="1"/>
  <c r="A63508" i="1" s="1"/>
  <c r="A63509" i="1" s="1"/>
  <c r="A63510" i="1" s="1"/>
  <c r="A63511" i="1" s="1"/>
  <c r="A63512" i="1" s="1"/>
  <c r="A63513" i="1" s="1"/>
  <c r="A63514" i="1" s="1"/>
  <c r="A63515" i="1" s="1"/>
  <c r="A63516" i="1" s="1"/>
  <c r="A63517" i="1" s="1"/>
  <c r="A63518" i="1" s="1"/>
  <c r="A63519" i="1" s="1"/>
  <c r="A63520" i="1" s="1"/>
  <c r="A63521" i="1" s="1"/>
  <c r="A63522" i="1" s="1"/>
  <c r="A63523" i="1" s="1"/>
  <c r="A63524" i="1" s="1"/>
  <c r="A63525" i="1" s="1"/>
  <c r="A63526" i="1" s="1"/>
  <c r="A63527" i="1" s="1"/>
  <c r="A63528" i="1" s="1"/>
  <c r="A63529" i="1" s="1"/>
  <c r="A63530" i="1" s="1"/>
  <c r="A63531" i="1" s="1"/>
  <c r="A63532" i="1" s="1"/>
  <c r="A63533" i="1" s="1"/>
  <c r="A63534" i="1" s="1"/>
  <c r="A63535" i="1" s="1"/>
  <c r="A63536" i="1" s="1"/>
  <c r="A63537" i="1" s="1"/>
  <c r="A63538" i="1" s="1"/>
  <c r="A63539" i="1" s="1"/>
  <c r="A63540" i="1" s="1"/>
  <c r="A63541" i="1" s="1"/>
  <c r="A63542" i="1" s="1"/>
  <c r="A63543" i="1" s="1"/>
  <c r="A63544" i="1" s="1"/>
  <c r="A63545" i="1" s="1"/>
  <c r="A63546" i="1" s="1"/>
  <c r="A63547" i="1" s="1"/>
  <c r="A63548" i="1" s="1"/>
  <c r="A63549" i="1" s="1"/>
  <c r="A63550" i="1" s="1"/>
  <c r="A63551" i="1" s="1"/>
  <c r="A63552" i="1" s="1"/>
  <c r="A63553" i="1" s="1"/>
  <c r="A63554" i="1" s="1"/>
  <c r="A63555" i="1" s="1"/>
  <c r="A63556" i="1" s="1"/>
  <c r="A63557" i="1" s="1"/>
  <c r="A63558" i="1" s="1"/>
  <c r="A63559" i="1" s="1"/>
  <c r="A63560" i="1" s="1"/>
  <c r="A63561" i="1" s="1"/>
  <c r="A63562" i="1" s="1"/>
  <c r="A63563" i="1" s="1"/>
  <c r="A63564" i="1" s="1"/>
  <c r="A63565" i="1" s="1"/>
  <c r="A63566" i="1" s="1"/>
  <c r="A63567" i="1" s="1"/>
  <c r="A63568" i="1" s="1"/>
  <c r="A63569" i="1" s="1"/>
  <c r="A63570" i="1" s="1"/>
  <c r="A63571" i="1" s="1"/>
  <c r="A63572" i="1" s="1"/>
  <c r="A63573" i="1" s="1"/>
  <c r="A63574" i="1" s="1"/>
  <c r="A63575" i="1" s="1"/>
  <c r="A63576" i="1" s="1"/>
  <c r="A63577" i="1" s="1"/>
  <c r="A63578" i="1" s="1"/>
  <c r="A63579" i="1" s="1"/>
  <c r="A63580" i="1" s="1"/>
  <c r="A63581" i="1" s="1"/>
  <c r="A63582" i="1" s="1"/>
  <c r="A63583" i="1" s="1"/>
  <c r="A63584" i="1" s="1"/>
  <c r="A63585" i="1" s="1"/>
  <c r="A63586" i="1" s="1"/>
  <c r="A63587" i="1" s="1"/>
  <c r="A63588" i="1" s="1"/>
  <c r="A63589" i="1" s="1"/>
  <c r="A63590" i="1" s="1"/>
  <c r="A63591" i="1" s="1"/>
  <c r="A63592" i="1" s="1"/>
  <c r="A63593" i="1" s="1"/>
  <c r="A63594" i="1" s="1"/>
  <c r="A63595" i="1" s="1"/>
  <c r="A63596" i="1" s="1"/>
  <c r="A63597" i="1" s="1"/>
  <c r="A63598" i="1" s="1"/>
  <c r="A63599" i="1" s="1"/>
  <c r="A63600" i="1" s="1"/>
  <c r="A63601" i="1" s="1"/>
  <c r="A63602" i="1" s="1"/>
  <c r="A63603" i="1" s="1"/>
  <c r="A63604" i="1" s="1"/>
  <c r="A63605" i="1" s="1"/>
  <c r="A63606" i="1" s="1"/>
  <c r="A63607" i="1" s="1"/>
  <c r="A63608" i="1" s="1"/>
  <c r="A63609" i="1" s="1"/>
  <c r="A63610" i="1" s="1"/>
  <c r="A63611" i="1" s="1"/>
  <c r="A63612" i="1" s="1"/>
  <c r="A63613" i="1" s="1"/>
  <c r="A63614" i="1" s="1"/>
  <c r="A63615" i="1" s="1"/>
  <c r="A63616" i="1" s="1"/>
  <c r="A63617" i="1" s="1"/>
  <c r="A63618" i="1" s="1"/>
  <c r="A63619" i="1" s="1"/>
  <c r="A63620" i="1" s="1"/>
  <c r="A63621" i="1" s="1"/>
  <c r="A63622" i="1" s="1"/>
  <c r="A63623" i="1" s="1"/>
  <c r="A63624" i="1" s="1"/>
  <c r="A63625" i="1" s="1"/>
  <c r="A63626" i="1" s="1"/>
  <c r="A63627" i="1" s="1"/>
  <c r="A63628" i="1" s="1"/>
  <c r="A63629" i="1" s="1"/>
  <c r="A63630" i="1" s="1"/>
  <c r="A63631" i="1" s="1"/>
  <c r="A63632" i="1" s="1"/>
  <c r="A63633" i="1" s="1"/>
  <c r="A63634" i="1" s="1"/>
  <c r="A63635" i="1" s="1"/>
  <c r="A63636" i="1" s="1"/>
  <c r="A63637" i="1" s="1"/>
  <c r="A63638" i="1" s="1"/>
  <c r="A63639" i="1" s="1"/>
  <c r="A63640" i="1" s="1"/>
  <c r="A63641" i="1" s="1"/>
  <c r="A63642" i="1" s="1"/>
  <c r="A63643" i="1" s="1"/>
  <c r="A63644" i="1" s="1"/>
  <c r="A63645" i="1" s="1"/>
  <c r="A63646" i="1" s="1"/>
  <c r="A63647" i="1" s="1"/>
  <c r="A63648" i="1" s="1"/>
  <c r="A63649" i="1" s="1"/>
  <c r="A63650" i="1" s="1"/>
  <c r="A63651" i="1" s="1"/>
  <c r="A63652" i="1" s="1"/>
  <c r="A63653" i="1" s="1"/>
  <c r="A63654" i="1" s="1"/>
  <c r="A63655" i="1" s="1"/>
  <c r="A63656" i="1" s="1"/>
  <c r="A63657" i="1" s="1"/>
  <c r="A63658" i="1" s="1"/>
  <c r="A63659" i="1" s="1"/>
  <c r="A63660" i="1" s="1"/>
  <c r="A63661" i="1" s="1"/>
  <c r="A63662" i="1" s="1"/>
  <c r="A63663" i="1" s="1"/>
  <c r="A63664" i="1" s="1"/>
  <c r="A63665" i="1" s="1"/>
  <c r="A63666" i="1" s="1"/>
  <c r="A63667" i="1" s="1"/>
  <c r="A63668" i="1" s="1"/>
  <c r="A63669" i="1" s="1"/>
  <c r="A63670" i="1" s="1"/>
  <c r="A63671" i="1" s="1"/>
  <c r="A63672" i="1" s="1"/>
  <c r="A63673" i="1" s="1"/>
  <c r="A63674" i="1" s="1"/>
  <c r="A63675" i="1" s="1"/>
  <c r="A63676" i="1" s="1"/>
  <c r="A63677" i="1" s="1"/>
  <c r="A63678" i="1" s="1"/>
  <c r="A63679" i="1" s="1"/>
  <c r="A63680" i="1" s="1"/>
  <c r="A63681" i="1" s="1"/>
  <c r="A63682" i="1" s="1"/>
  <c r="A63683" i="1" s="1"/>
  <c r="A63684" i="1" s="1"/>
  <c r="A63685" i="1" s="1"/>
  <c r="A63686" i="1" s="1"/>
  <c r="A63687" i="1" s="1"/>
  <c r="A63688" i="1" s="1"/>
  <c r="A63689" i="1" s="1"/>
  <c r="A63690" i="1" s="1"/>
  <c r="A63691" i="1" s="1"/>
  <c r="A63692" i="1" s="1"/>
  <c r="A63693" i="1" s="1"/>
  <c r="A63694" i="1" s="1"/>
  <c r="A63695" i="1" s="1"/>
  <c r="A63696" i="1" s="1"/>
  <c r="A63697" i="1" s="1"/>
  <c r="A63698" i="1" s="1"/>
  <c r="A63699" i="1" s="1"/>
  <c r="A63700" i="1" s="1"/>
  <c r="A63701" i="1" s="1"/>
  <c r="A63702" i="1" s="1"/>
  <c r="A63703" i="1" s="1"/>
  <c r="A63704" i="1" s="1"/>
  <c r="A63705" i="1" s="1"/>
  <c r="A63706" i="1" s="1"/>
  <c r="A63707" i="1" s="1"/>
  <c r="A63708" i="1" s="1"/>
  <c r="A63709" i="1" s="1"/>
  <c r="A63710" i="1" s="1"/>
  <c r="A63711" i="1" s="1"/>
  <c r="A63712" i="1" s="1"/>
  <c r="A63713" i="1" s="1"/>
  <c r="A63714" i="1" s="1"/>
  <c r="A63715" i="1" s="1"/>
  <c r="A63716" i="1" s="1"/>
  <c r="A63717" i="1" s="1"/>
  <c r="A63718" i="1" s="1"/>
  <c r="A63719" i="1" s="1"/>
  <c r="A63720" i="1" s="1"/>
  <c r="A63721" i="1" s="1"/>
  <c r="A63722" i="1" s="1"/>
  <c r="A63723" i="1" s="1"/>
  <c r="A63724" i="1" s="1"/>
  <c r="A63725" i="1" s="1"/>
  <c r="A63726" i="1" s="1"/>
  <c r="A63727" i="1" s="1"/>
  <c r="A63728" i="1" s="1"/>
  <c r="A63729" i="1" s="1"/>
  <c r="A63730" i="1" s="1"/>
  <c r="A63731" i="1" s="1"/>
  <c r="A63732" i="1" s="1"/>
  <c r="A63733" i="1" s="1"/>
  <c r="A63734" i="1" s="1"/>
  <c r="A63735" i="1" s="1"/>
  <c r="A63736" i="1" s="1"/>
  <c r="A63737" i="1" s="1"/>
  <c r="A63738" i="1" s="1"/>
  <c r="A63739" i="1" s="1"/>
  <c r="A63740" i="1" s="1"/>
  <c r="A63741" i="1" s="1"/>
  <c r="A63742" i="1" s="1"/>
  <c r="A63743" i="1" s="1"/>
  <c r="A63744" i="1" s="1"/>
  <c r="A63745" i="1" s="1"/>
  <c r="A63746" i="1" s="1"/>
  <c r="A63747" i="1" s="1"/>
  <c r="A63748" i="1" s="1"/>
  <c r="A63749" i="1" s="1"/>
  <c r="A63750" i="1" s="1"/>
  <c r="A63751" i="1" s="1"/>
  <c r="A63752" i="1" s="1"/>
  <c r="A63753" i="1" s="1"/>
  <c r="A63754" i="1" s="1"/>
  <c r="A63755" i="1" s="1"/>
  <c r="A63756" i="1" s="1"/>
  <c r="A63757" i="1" s="1"/>
  <c r="A63758" i="1" s="1"/>
  <c r="A63759" i="1" s="1"/>
  <c r="A63760" i="1" s="1"/>
  <c r="A63761" i="1" s="1"/>
  <c r="A63762" i="1" s="1"/>
  <c r="A63763" i="1" s="1"/>
  <c r="A63764" i="1" s="1"/>
  <c r="A63765" i="1" s="1"/>
  <c r="A63766" i="1" s="1"/>
  <c r="A63767" i="1" s="1"/>
  <c r="A63768" i="1" s="1"/>
  <c r="A63769" i="1" s="1"/>
  <c r="A63770" i="1" s="1"/>
  <c r="A63771" i="1" s="1"/>
  <c r="A63772" i="1" s="1"/>
  <c r="A63773" i="1" s="1"/>
  <c r="A63774" i="1" s="1"/>
  <c r="A63775" i="1" s="1"/>
  <c r="A63776" i="1" s="1"/>
  <c r="A63777" i="1" s="1"/>
  <c r="A63778" i="1" s="1"/>
  <c r="A63779" i="1" s="1"/>
  <c r="A63780" i="1" s="1"/>
  <c r="A63781" i="1" s="1"/>
  <c r="A63782" i="1" s="1"/>
  <c r="A63783" i="1" s="1"/>
  <c r="A63784" i="1" s="1"/>
  <c r="A63785" i="1" s="1"/>
  <c r="A63786" i="1" s="1"/>
  <c r="A63787" i="1" s="1"/>
  <c r="A63788" i="1" s="1"/>
  <c r="A63789" i="1" s="1"/>
  <c r="A63790" i="1" s="1"/>
  <c r="A63791" i="1" s="1"/>
  <c r="A63792" i="1" s="1"/>
  <c r="A63793" i="1" s="1"/>
  <c r="A63794" i="1" s="1"/>
  <c r="A63795" i="1" s="1"/>
  <c r="A63796" i="1" s="1"/>
  <c r="A63797" i="1" s="1"/>
  <c r="A63798" i="1" s="1"/>
  <c r="A63799" i="1" s="1"/>
  <c r="A63800" i="1" s="1"/>
  <c r="A63801" i="1" s="1"/>
  <c r="A63802" i="1" s="1"/>
  <c r="A63803" i="1" s="1"/>
  <c r="A63804" i="1" s="1"/>
  <c r="A63805" i="1" s="1"/>
  <c r="A63806" i="1" s="1"/>
  <c r="A63807" i="1" s="1"/>
  <c r="A63808" i="1" s="1"/>
  <c r="A63809" i="1" s="1"/>
  <c r="A63810" i="1" s="1"/>
  <c r="A63811" i="1" s="1"/>
  <c r="A63812" i="1" s="1"/>
  <c r="A63813" i="1" s="1"/>
  <c r="A63814" i="1" s="1"/>
  <c r="A63815" i="1" s="1"/>
  <c r="A63816" i="1" s="1"/>
  <c r="A63817" i="1" s="1"/>
  <c r="A63818" i="1" s="1"/>
  <c r="A63819" i="1" s="1"/>
  <c r="A63820" i="1" s="1"/>
  <c r="A63821" i="1" s="1"/>
  <c r="A63822" i="1" s="1"/>
  <c r="A63823" i="1" s="1"/>
  <c r="A63824" i="1" s="1"/>
  <c r="A63825" i="1" s="1"/>
  <c r="A63826" i="1" s="1"/>
  <c r="A63827" i="1" s="1"/>
  <c r="A63828" i="1" s="1"/>
  <c r="A63829" i="1" s="1"/>
  <c r="A63830" i="1" s="1"/>
  <c r="A63831" i="1" s="1"/>
  <c r="A63832" i="1" s="1"/>
  <c r="A63833" i="1" s="1"/>
  <c r="A63834" i="1" s="1"/>
  <c r="A63835" i="1" s="1"/>
  <c r="A63836" i="1" s="1"/>
  <c r="A63837" i="1" s="1"/>
  <c r="A63838" i="1" s="1"/>
  <c r="A63839" i="1" s="1"/>
  <c r="A63840" i="1" s="1"/>
  <c r="A63841" i="1" s="1"/>
  <c r="A63842" i="1" s="1"/>
  <c r="A63843" i="1" s="1"/>
  <c r="A63844" i="1" s="1"/>
  <c r="A63845" i="1" s="1"/>
  <c r="A63846" i="1" s="1"/>
  <c r="A63847" i="1" s="1"/>
  <c r="A63848" i="1" s="1"/>
  <c r="A63849" i="1" s="1"/>
  <c r="A63850" i="1" s="1"/>
  <c r="A63851" i="1" s="1"/>
  <c r="A63852" i="1" s="1"/>
  <c r="A63853" i="1" s="1"/>
  <c r="A63854" i="1" s="1"/>
  <c r="A63855" i="1" s="1"/>
  <c r="A63856" i="1" s="1"/>
  <c r="A63857" i="1" s="1"/>
  <c r="A63858" i="1" s="1"/>
  <c r="A63859" i="1" s="1"/>
  <c r="A63860" i="1" s="1"/>
  <c r="A63861" i="1" s="1"/>
  <c r="A63862" i="1" s="1"/>
  <c r="A63863" i="1" s="1"/>
  <c r="A63864" i="1" s="1"/>
  <c r="A63865" i="1" s="1"/>
  <c r="A63866" i="1" s="1"/>
  <c r="A63867" i="1" s="1"/>
  <c r="A63868" i="1" s="1"/>
  <c r="A63869" i="1" s="1"/>
  <c r="A63870" i="1" s="1"/>
  <c r="A63871" i="1" s="1"/>
  <c r="A63872" i="1" s="1"/>
  <c r="A63873" i="1" s="1"/>
  <c r="A63874" i="1" s="1"/>
  <c r="A63875" i="1" s="1"/>
  <c r="A63876" i="1" s="1"/>
  <c r="A63877" i="1" s="1"/>
  <c r="A63878" i="1" s="1"/>
  <c r="A63879" i="1" s="1"/>
  <c r="A63880" i="1" s="1"/>
  <c r="A63881" i="1" s="1"/>
  <c r="A63882" i="1" s="1"/>
  <c r="A63883" i="1" s="1"/>
  <c r="A63884" i="1" s="1"/>
  <c r="A63885" i="1" s="1"/>
  <c r="A63886" i="1" s="1"/>
  <c r="A63887" i="1" s="1"/>
  <c r="A63888" i="1" s="1"/>
  <c r="A63889" i="1" s="1"/>
  <c r="A63890" i="1" s="1"/>
  <c r="A63891" i="1" s="1"/>
  <c r="A63892" i="1" s="1"/>
  <c r="A63893" i="1" s="1"/>
  <c r="A63894" i="1" s="1"/>
  <c r="A63895" i="1" s="1"/>
  <c r="A63896" i="1" s="1"/>
  <c r="A63897" i="1" s="1"/>
  <c r="A63898" i="1" s="1"/>
  <c r="A63899" i="1" s="1"/>
  <c r="A63900" i="1" s="1"/>
  <c r="A63901" i="1" s="1"/>
  <c r="A63902" i="1" s="1"/>
  <c r="A63903" i="1" s="1"/>
  <c r="A63904" i="1" s="1"/>
  <c r="A63905" i="1" s="1"/>
  <c r="A63906" i="1" s="1"/>
  <c r="A63907" i="1" s="1"/>
  <c r="A63908" i="1" s="1"/>
  <c r="A63909" i="1" s="1"/>
  <c r="A63910" i="1" s="1"/>
  <c r="A63911" i="1" s="1"/>
  <c r="A63912" i="1" s="1"/>
  <c r="A63913" i="1" s="1"/>
  <c r="A63914" i="1" s="1"/>
  <c r="A63915" i="1" s="1"/>
  <c r="A63916" i="1" s="1"/>
  <c r="A63917" i="1" s="1"/>
  <c r="A63918" i="1" s="1"/>
  <c r="A63919" i="1" s="1"/>
  <c r="A63920" i="1" s="1"/>
  <c r="A63921" i="1" s="1"/>
  <c r="A63922" i="1" s="1"/>
  <c r="A63923" i="1" s="1"/>
  <c r="A63924" i="1" s="1"/>
  <c r="A63925" i="1" s="1"/>
  <c r="A63926" i="1" s="1"/>
  <c r="A63927" i="1" s="1"/>
  <c r="A63928" i="1" s="1"/>
  <c r="A63929" i="1" s="1"/>
  <c r="A63930" i="1" s="1"/>
  <c r="A63931" i="1" s="1"/>
  <c r="A63932" i="1" s="1"/>
  <c r="A63933" i="1" s="1"/>
  <c r="A63934" i="1" s="1"/>
  <c r="A63935" i="1" s="1"/>
  <c r="A63936" i="1" s="1"/>
  <c r="A63937" i="1" s="1"/>
  <c r="A63938" i="1" s="1"/>
  <c r="A63939" i="1" s="1"/>
  <c r="A63940" i="1" s="1"/>
  <c r="A63941" i="1" s="1"/>
  <c r="A63942" i="1" s="1"/>
  <c r="A63943" i="1" s="1"/>
  <c r="A63944" i="1" s="1"/>
  <c r="A63945" i="1" s="1"/>
  <c r="A63946" i="1" s="1"/>
  <c r="A63947" i="1" s="1"/>
  <c r="A63948" i="1" s="1"/>
  <c r="A63949" i="1" s="1"/>
  <c r="A63950" i="1" s="1"/>
  <c r="A63951" i="1" s="1"/>
  <c r="A63952" i="1" s="1"/>
  <c r="A63953" i="1" s="1"/>
  <c r="A63954" i="1" s="1"/>
  <c r="A63955" i="1" s="1"/>
  <c r="A63956" i="1" s="1"/>
  <c r="A63957" i="1" s="1"/>
  <c r="A63958" i="1" s="1"/>
  <c r="A63959" i="1" s="1"/>
  <c r="A63960" i="1" s="1"/>
  <c r="A63961" i="1" s="1"/>
  <c r="A63962" i="1" s="1"/>
  <c r="A63963" i="1" s="1"/>
  <c r="A63964" i="1" s="1"/>
  <c r="A63965" i="1" s="1"/>
  <c r="A63966" i="1" s="1"/>
  <c r="A63967" i="1" s="1"/>
  <c r="A63968" i="1" s="1"/>
  <c r="A63969" i="1" s="1"/>
  <c r="A63970" i="1" s="1"/>
  <c r="A63971" i="1" s="1"/>
  <c r="A63972" i="1" s="1"/>
  <c r="A63973" i="1" s="1"/>
  <c r="A63974" i="1" s="1"/>
  <c r="A63975" i="1" s="1"/>
  <c r="A63976" i="1" s="1"/>
  <c r="A63977" i="1" s="1"/>
  <c r="A63978" i="1" s="1"/>
  <c r="A63979" i="1" s="1"/>
  <c r="A63980" i="1" s="1"/>
  <c r="A63981" i="1" s="1"/>
  <c r="A63982" i="1" s="1"/>
  <c r="A63983" i="1" s="1"/>
  <c r="A63984" i="1" s="1"/>
  <c r="A63985" i="1" s="1"/>
  <c r="A63986" i="1" s="1"/>
  <c r="A63987" i="1" s="1"/>
  <c r="A63988" i="1" s="1"/>
  <c r="A63989" i="1" s="1"/>
  <c r="A63990" i="1" s="1"/>
  <c r="A63991" i="1" s="1"/>
  <c r="A63992" i="1" s="1"/>
  <c r="A63993" i="1" s="1"/>
  <c r="A63994" i="1" s="1"/>
  <c r="A63995" i="1" s="1"/>
  <c r="A63996" i="1" s="1"/>
  <c r="A63997" i="1" s="1"/>
  <c r="A63998" i="1" s="1"/>
  <c r="A63999" i="1" s="1"/>
  <c r="A64000" i="1" s="1"/>
  <c r="A64001" i="1" s="1"/>
  <c r="A64002" i="1" s="1"/>
  <c r="A64003" i="1" s="1"/>
  <c r="A64004" i="1" s="1"/>
  <c r="A64005" i="1" s="1"/>
  <c r="A64006" i="1" s="1"/>
  <c r="A64007" i="1" s="1"/>
  <c r="A64008" i="1" s="1"/>
  <c r="A64009" i="1" s="1"/>
  <c r="A64010" i="1" s="1"/>
  <c r="A64011" i="1" s="1"/>
  <c r="A64012" i="1" s="1"/>
  <c r="A64013" i="1" s="1"/>
  <c r="A64014" i="1" s="1"/>
  <c r="A64015" i="1" s="1"/>
  <c r="A64016" i="1" s="1"/>
  <c r="A64017" i="1" s="1"/>
  <c r="A64018" i="1" s="1"/>
  <c r="A64019" i="1" s="1"/>
  <c r="A64020" i="1" s="1"/>
  <c r="A64021" i="1" s="1"/>
  <c r="A64022" i="1" s="1"/>
  <c r="A64023" i="1" s="1"/>
  <c r="A64024" i="1" s="1"/>
  <c r="A64025" i="1" s="1"/>
  <c r="A64026" i="1" s="1"/>
  <c r="A64027" i="1" s="1"/>
  <c r="A64028" i="1" s="1"/>
  <c r="A64029" i="1" s="1"/>
  <c r="A64030" i="1" s="1"/>
  <c r="A64031" i="1" s="1"/>
  <c r="A64032" i="1" s="1"/>
  <c r="A64033" i="1" s="1"/>
  <c r="A64034" i="1" s="1"/>
  <c r="A64035" i="1" s="1"/>
  <c r="A64036" i="1" s="1"/>
  <c r="A64037" i="1" s="1"/>
  <c r="A64038" i="1" s="1"/>
  <c r="A64039" i="1" s="1"/>
  <c r="A64040" i="1" s="1"/>
  <c r="A64041" i="1" s="1"/>
  <c r="A64042" i="1" s="1"/>
  <c r="A64043" i="1" s="1"/>
  <c r="A64044" i="1" s="1"/>
  <c r="A64045" i="1" s="1"/>
  <c r="A64046" i="1" s="1"/>
  <c r="A64047" i="1" s="1"/>
  <c r="A64048" i="1" s="1"/>
  <c r="A64049" i="1" s="1"/>
  <c r="A64050" i="1" s="1"/>
  <c r="A64051" i="1" s="1"/>
  <c r="A64052" i="1" s="1"/>
  <c r="A64053" i="1" s="1"/>
  <c r="A64054" i="1" s="1"/>
  <c r="A64055" i="1" s="1"/>
  <c r="A64056" i="1" s="1"/>
  <c r="A64057" i="1" s="1"/>
  <c r="A64058" i="1" s="1"/>
  <c r="A64059" i="1" s="1"/>
  <c r="A64060" i="1" s="1"/>
  <c r="A64061" i="1" s="1"/>
  <c r="A64062" i="1" s="1"/>
  <c r="A64063" i="1" s="1"/>
  <c r="A64064" i="1" s="1"/>
  <c r="A64065" i="1" s="1"/>
  <c r="A64066" i="1" s="1"/>
  <c r="A64067" i="1" s="1"/>
  <c r="A64068" i="1" s="1"/>
  <c r="A64069" i="1" s="1"/>
  <c r="A64070" i="1" s="1"/>
  <c r="A64071" i="1" s="1"/>
  <c r="A64072" i="1" s="1"/>
  <c r="A64073" i="1" s="1"/>
  <c r="A64074" i="1" s="1"/>
  <c r="A64075" i="1" s="1"/>
  <c r="A64076" i="1" s="1"/>
  <c r="A64077" i="1" s="1"/>
  <c r="A64078" i="1" s="1"/>
  <c r="A64079" i="1" s="1"/>
  <c r="A64080" i="1" s="1"/>
  <c r="A64081" i="1" s="1"/>
  <c r="A64082" i="1" s="1"/>
  <c r="A64083" i="1" s="1"/>
  <c r="A64084" i="1" s="1"/>
  <c r="A64085" i="1" s="1"/>
  <c r="A64086" i="1" s="1"/>
  <c r="A64087" i="1" s="1"/>
  <c r="A64088" i="1" s="1"/>
  <c r="A64089" i="1" s="1"/>
  <c r="A64090" i="1" s="1"/>
  <c r="A64091" i="1" s="1"/>
  <c r="A64092" i="1" s="1"/>
  <c r="A64093" i="1" s="1"/>
  <c r="A64094" i="1" s="1"/>
  <c r="A64095" i="1" s="1"/>
  <c r="A64096" i="1" s="1"/>
  <c r="A64097" i="1" s="1"/>
  <c r="A64098" i="1" s="1"/>
  <c r="A64099" i="1" s="1"/>
  <c r="A64100" i="1" s="1"/>
  <c r="A64101" i="1" s="1"/>
  <c r="A64102" i="1" s="1"/>
  <c r="A64103" i="1" s="1"/>
  <c r="A64104" i="1" s="1"/>
  <c r="A64105" i="1" s="1"/>
  <c r="A64106" i="1" s="1"/>
  <c r="A64107" i="1" s="1"/>
  <c r="A64108" i="1" s="1"/>
  <c r="A64109" i="1" s="1"/>
  <c r="A64110" i="1" s="1"/>
  <c r="A64111" i="1" s="1"/>
  <c r="A64112" i="1" s="1"/>
  <c r="A64113" i="1" s="1"/>
  <c r="A64114" i="1" s="1"/>
  <c r="A64115" i="1" s="1"/>
  <c r="A64116" i="1" s="1"/>
  <c r="A64117" i="1" s="1"/>
  <c r="A64118" i="1" s="1"/>
  <c r="A64119" i="1" s="1"/>
  <c r="A64120" i="1" s="1"/>
  <c r="A64121" i="1" s="1"/>
  <c r="A64122" i="1" s="1"/>
  <c r="A64123" i="1" s="1"/>
  <c r="A64124" i="1" s="1"/>
  <c r="A64125" i="1" s="1"/>
  <c r="A64126" i="1" s="1"/>
  <c r="A64127" i="1" s="1"/>
  <c r="A64128" i="1" s="1"/>
  <c r="A64129" i="1" s="1"/>
  <c r="A64130" i="1" s="1"/>
  <c r="A64131" i="1" s="1"/>
  <c r="A64132" i="1" s="1"/>
  <c r="A64133" i="1" s="1"/>
  <c r="A64134" i="1" s="1"/>
  <c r="A64135" i="1" s="1"/>
  <c r="A64136" i="1" s="1"/>
  <c r="A64137" i="1" s="1"/>
  <c r="A64138" i="1" s="1"/>
  <c r="A64139" i="1" s="1"/>
  <c r="A64140" i="1" s="1"/>
  <c r="A64141" i="1" s="1"/>
  <c r="A64142" i="1" s="1"/>
  <c r="A64143" i="1" s="1"/>
  <c r="A64144" i="1" s="1"/>
  <c r="A64145" i="1" s="1"/>
  <c r="A64146" i="1" s="1"/>
  <c r="A64147" i="1" s="1"/>
  <c r="A64148" i="1" s="1"/>
  <c r="A64149" i="1" s="1"/>
  <c r="A64150" i="1" s="1"/>
  <c r="A64151" i="1" s="1"/>
  <c r="A64152" i="1" s="1"/>
  <c r="A64153" i="1" s="1"/>
  <c r="A64154" i="1" s="1"/>
  <c r="A64155" i="1" s="1"/>
  <c r="A64156" i="1" s="1"/>
  <c r="A64157" i="1" s="1"/>
  <c r="A64158" i="1" s="1"/>
  <c r="A64159" i="1" s="1"/>
  <c r="A64160" i="1" s="1"/>
  <c r="A64161" i="1" s="1"/>
  <c r="A64162" i="1" s="1"/>
  <c r="A64163" i="1" s="1"/>
  <c r="A64164" i="1" s="1"/>
  <c r="A64165" i="1" s="1"/>
  <c r="A64166" i="1" s="1"/>
  <c r="A64167" i="1" s="1"/>
  <c r="A64168" i="1" s="1"/>
  <c r="A64169" i="1" s="1"/>
  <c r="A64170" i="1" s="1"/>
  <c r="A64171" i="1" s="1"/>
  <c r="A64172" i="1" s="1"/>
  <c r="A64173" i="1" s="1"/>
  <c r="A64174" i="1" s="1"/>
  <c r="A64175" i="1" s="1"/>
  <c r="A64176" i="1" s="1"/>
  <c r="A64177" i="1" s="1"/>
  <c r="A64178" i="1" s="1"/>
  <c r="A64179" i="1" s="1"/>
  <c r="A64180" i="1" s="1"/>
  <c r="A64181" i="1" s="1"/>
  <c r="A64182" i="1" s="1"/>
  <c r="A64183" i="1" s="1"/>
  <c r="A64184" i="1" s="1"/>
  <c r="A64185" i="1" s="1"/>
  <c r="A64186" i="1" s="1"/>
  <c r="A64187" i="1" s="1"/>
  <c r="A64188" i="1" s="1"/>
  <c r="A64189" i="1" s="1"/>
  <c r="A64190" i="1" s="1"/>
  <c r="A64191" i="1" s="1"/>
  <c r="A64192" i="1" s="1"/>
  <c r="A64193" i="1" s="1"/>
  <c r="A64194" i="1" s="1"/>
  <c r="A64195" i="1" s="1"/>
  <c r="A64196" i="1" s="1"/>
  <c r="A64197" i="1" s="1"/>
  <c r="A64198" i="1" s="1"/>
  <c r="A64199" i="1" s="1"/>
  <c r="A64200" i="1" s="1"/>
  <c r="A64201" i="1" s="1"/>
  <c r="A64202" i="1" s="1"/>
  <c r="A64203" i="1" s="1"/>
  <c r="A64204" i="1" s="1"/>
  <c r="A64205" i="1" s="1"/>
  <c r="A64206" i="1" s="1"/>
  <c r="A64207" i="1" s="1"/>
  <c r="A64208" i="1" s="1"/>
  <c r="A64209" i="1" s="1"/>
  <c r="A64210" i="1" s="1"/>
  <c r="A64211" i="1" s="1"/>
  <c r="A64212" i="1" s="1"/>
  <c r="A64213" i="1" s="1"/>
  <c r="A64214" i="1" s="1"/>
  <c r="A64215" i="1" s="1"/>
  <c r="A64216" i="1" s="1"/>
  <c r="A64217" i="1" s="1"/>
  <c r="A64218" i="1" s="1"/>
  <c r="A64219" i="1" s="1"/>
  <c r="A64220" i="1" s="1"/>
  <c r="A64221" i="1" s="1"/>
  <c r="A64222" i="1" s="1"/>
  <c r="A64223" i="1" s="1"/>
  <c r="A64224" i="1" s="1"/>
  <c r="A64225" i="1" s="1"/>
  <c r="A64226" i="1" s="1"/>
  <c r="A64227" i="1" s="1"/>
  <c r="A64228" i="1" s="1"/>
  <c r="A64229" i="1" s="1"/>
  <c r="A64230" i="1" s="1"/>
  <c r="A64231" i="1" s="1"/>
  <c r="A64232" i="1" s="1"/>
  <c r="A64233" i="1" s="1"/>
  <c r="A64234" i="1" s="1"/>
  <c r="A64235" i="1" s="1"/>
  <c r="A64236" i="1" s="1"/>
  <c r="A64237" i="1" s="1"/>
  <c r="A64238" i="1" s="1"/>
  <c r="A64239" i="1" s="1"/>
  <c r="A64240" i="1" s="1"/>
  <c r="A64241" i="1" s="1"/>
  <c r="A64242" i="1" s="1"/>
  <c r="A64243" i="1" s="1"/>
  <c r="A64244" i="1" s="1"/>
  <c r="A64245" i="1" s="1"/>
  <c r="A64246" i="1" s="1"/>
  <c r="A64247" i="1" s="1"/>
  <c r="A64248" i="1" s="1"/>
  <c r="A64249" i="1" s="1"/>
  <c r="A64250" i="1" s="1"/>
  <c r="A64251" i="1" s="1"/>
  <c r="A64252" i="1" s="1"/>
  <c r="A64253" i="1" s="1"/>
  <c r="A64254" i="1" s="1"/>
  <c r="A64255" i="1" s="1"/>
  <c r="A64256" i="1" s="1"/>
  <c r="A64257" i="1" s="1"/>
  <c r="A64258" i="1" s="1"/>
  <c r="A64259" i="1" s="1"/>
  <c r="A64260" i="1" s="1"/>
  <c r="A64261" i="1" s="1"/>
  <c r="A64262" i="1" s="1"/>
  <c r="A64263" i="1" s="1"/>
  <c r="A64264" i="1" s="1"/>
  <c r="A64265" i="1" s="1"/>
  <c r="A64266" i="1" s="1"/>
  <c r="A64267" i="1" s="1"/>
  <c r="A64268" i="1" s="1"/>
  <c r="A64269" i="1" s="1"/>
  <c r="A64270" i="1" s="1"/>
  <c r="A64271" i="1" s="1"/>
  <c r="A64272" i="1" s="1"/>
  <c r="A64273" i="1" s="1"/>
  <c r="A64274" i="1" s="1"/>
  <c r="A64275" i="1" s="1"/>
  <c r="A64276" i="1" s="1"/>
  <c r="A64277" i="1" s="1"/>
  <c r="A64278" i="1" s="1"/>
  <c r="A64279" i="1" s="1"/>
  <c r="A64280" i="1" s="1"/>
  <c r="A64281" i="1" s="1"/>
  <c r="A64282" i="1" s="1"/>
  <c r="A64283" i="1" s="1"/>
  <c r="A64284" i="1" s="1"/>
  <c r="A64285" i="1" s="1"/>
  <c r="A64286" i="1" s="1"/>
  <c r="A64287" i="1" s="1"/>
  <c r="A64288" i="1" s="1"/>
  <c r="A64289" i="1" s="1"/>
  <c r="A64290" i="1" s="1"/>
  <c r="A64291" i="1" s="1"/>
  <c r="A64292" i="1" s="1"/>
  <c r="A64293" i="1" s="1"/>
  <c r="A64294" i="1" s="1"/>
  <c r="A64295" i="1" s="1"/>
  <c r="A64296" i="1" s="1"/>
  <c r="A64297" i="1" s="1"/>
  <c r="A64298" i="1" s="1"/>
  <c r="A64299" i="1" s="1"/>
  <c r="A64300" i="1" s="1"/>
  <c r="A64301" i="1" s="1"/>
  <c r="A64302" i="1" s="1"/>
  <c r="A64303" i="1" s="1"/>
  <c r="A64304" i="1" s="1"/>
  <c r="A64305" i="1" s="1"/>
  <c r="A64306" i="1" s="1"/>
  <c r="A64307" i="1" s="1"/>
  <c r="A64308" i="1" s="1"/>
  <c r="A64309" i="1" s="1"/>
  <c r="A64310" i="1" s="1"/>
  <c r="A64311" i="1" s="1"/>
  <c r="A64312" i="1" s="1"/>
  <c r="A64313" i="1" s="1"/>
  <c r="A64314" i="1" s="1"/>
  <c r="A64315" i="1" s="1"/>
  <c r="A64316" i="1" s="1"/>
  <c r="A64317" i="1" s="1"/>
  <c r="A64318" i="1" s="1"/>
  <c r="A64319" i="1" s="1"/>
  <c r="A64320" i="1" s="1"/>
  <c r="A64321" i="1" s="1"/>
  <c r="A64322" i="1" s="1"/>
  <c r="A64323" i="1" s="1"/>
  <c r="A64324" i="1" s="1"/>
  <c r="A64325" i="1" s="1"/>
  <c r="A64326" i="1" s="1"/>
  <c r="A64327" i="1" s="1"/>
  <c r="A64328" i="1" s="1"/>
  <c r="A64329" i="1" s="1"/>
  <c r="A64330" i="1" s="1"/>
  <c r="A64331" i="1" s="1"/>
  <c r="A64332" i="1" s="1"/>
  <c r="A64333" i="1" s="1"/>
  <c r="A64334" i="1" s="1"/>
  <c r="A64335" i="1" s="1"/>
  <c r="A64336" i="1" s="1"/>
  <c r="A64337" i="1" s="1"/>
  <c r="A64338" i="1" s="1"/>
  <c r="A64339" i="1" s="1"/>
  <c r="A64340" i="1" s="1"/>
  <c r="A64341" i="1" s="1"/>
  <c r="A64342" i="1" s="1"/>
  <c r="A64343" i="1" s="1"/>
  <c r="A64344" i="1" s="1"/>
  <c r="A64345" i="1" s="1"/>
  <c r="A64346" i="1" s="1"/>
  <c r="A64347" i="1" s="1"/>
  <c r="A64348" i="1" s="1"/>
  <c r="A64349" i="1" s="1"/>
  <c r="A64350" i="1" s="1"/>
  <c r="A64351" i="1" s="1"/>
  <c r="A64352" i="1" s="1"/>
  <c r="A64353" i="1" s="1"/>
  <c r="A64354" i="1" s="1"/>
  <c r="A64355" i="1" s="1"/>
  <c r="A64356" i="1" s="1"/>
  <c r="A64357" i="1" s="1"/>
  <c r="A64358" i="1" s="1"/>
  <c r="A64359" i="1" s="1"/>
  <c r="A64360" i="1" s="1"/>
  <c r="A64361" i="1" s="1"/>
  <c r="A64362" i="1" s="1"/>
  <c r="A64363" i="1" s="1"/>
  <c r="A64364" i="1" s="1"/>
  <c r="A64365" i="1" s="1"/>
  <c r="A64366" i="1" s="1"/>
  <c r="A64367" i="1" s="1"/>
  <c r="A64368" i="1" s="1"/>
  <c r="A64369" i="1" s="1"/>
  <c r="A64370" i="1" s="1"/>
  <c r="A64371" i="1" s="1"/>
  <c r="A64372" i="1" s="1"/>
  <c r="A64373" i="1" s="1"/>
  <c r="A64374" i="1" s="1"/>
  <c r="A64375" i="1" s="1"/>
  <c r="A64376" i="1" s="1"/>
  <c r="A64377" i="1" s="1"/>
  <c r="A64378" i="1" s="1"/>
  <c r="A64379" i="1" s="1"/>
  <c r="A64380" i="1" s="1"/>
  <c r="A64381" i="1" s="1"/>
  <c r="A64382" i="1" s="1"/>
  <c r="A64383" i="1" s="1"/>
  <c r="A64384" i="1" s="1"/>
  <c r="A64385" i="1" s="1"/>
  <c r="A64386" i="1" s="1"/>
  <c r="A64387" i="1" s="1"/>
  <c r="A64388" i="1" s="1"/>
  <c r="A64389" i="1" s="1"/>
  <c r="A64390" i="1" s="1"/>
  <c r="A64391" i="1" s="1"/>
  <c r="A64392" i="1" s="1"/>
  <c r="A64393" i="1" s="1"/>
  <c r="A64394" i="1" s="1"/>
  <c r="A64395" i="1" s="1"/>
  <c r="A64396" i="1" s="1"/>
  <c r="A64397" i="1" s="1"/>
  <c r="A64398" i="1" s="1"/>
  <c r="A64399" i="1" s="1"/>
  <c r="A64400" i="1" s="1"/>
  <c r="A64401" i="1" s="1"/>
  <c r="A64402" i="1" s="1"/>
  <c r="A64403" i="1" s="1"/>
  <c r="A64404" i="1" s="1"/>
  <c r="A64405" i="1" s="1"/>
  <c r="A64406" i="1" s="1"/>
  <c r="A64407" i="1" s="1"/>
  <c r="A64408" i="1" s="1"/>
  <c r="A64409" i="1" s="1"/>
  <c r="A64410" i="1" s="1"/>
  <c r="A64411" i="1" s="1"/>
  <c r="A64412" i="1" s="1"/>
  <c r="A64413" i="1" s="1"/>
  <c r="A64414" i="1" s="1"/>
  <c r="A64415" i="1" s="1"/>
  <c r="A64416" i="1" s="1"/>
  <c r="A64417" i="1" s="1"/>
  <c r="A64418" i="1" s="1"/>
  <c r="A64419" i="1" s="1"/>
  <c r="A64420" i="1" s="1"/>
  <c r="A64421" i="1" s="1"/>
  <c r="A64422" i="1" s="1"/>
  <c r="A64423" i="1" s="1"/>
  <c r="A64424" i="1" s="1"/>
  <c r="A64425" i="1" s="1"/>
  <c r="A64426" i="1" s="1"/>
  <c r="A64427" i="1" s="1"/>
  <c r="A64428" i="1" s="1"/>
  <c r="A64429" i="1" s="1"/>
  <c r="A64430" i="1" s="1"/>
  <c r="A64431" i="1" s="1"/>
  <c r="A64432" i="1" s="1"/>
  <c r="A64433" i="1" s="1"/>
  <c r="A64434" i="1" s="1"/>
  <c r="A64435" i="1" s="1"/>
  <c r="A64436" i="1" s="1"/>
  <c r="A64437" i="1" s="1"/>
  <c r="A64438" i="1" s="1"/>
  <c r="A64439" i="1" s="1"/>
  <c r="A64440" i="1" s="1"/>
  <c r="A64441" i="1" s="1"/>
  <c r="A64442" i="1" s="1"/>
  <c r="A64443" i="1" s="1"/>
  <c r="A64444" i="1" s="1"/>
  <c r="A64445" i="1" s="1"/>
  <c r="A64446" i="1" s="1"/>
  <c r="A64447" i="1" s="1"/>
  <c r="A64448" i="1" s="1"/>
  <c r="A64449" i="1" s="1"/>
  <c r="A64450" i="1" s="1"/>
  <c r="A64451" i="1" s="1"/>
  <c r="A64452" i="1" s="1"/>
  <c r="A64453" i="1" s="1"/>
  <c r="A64454" i="1" s="1"/>
  <c r="A64455" i="1" s="1"/>
  <c r="A64456" i="1" s="1"/>
  <c r="A64457" i="1" s="1"/>
  <c r="A64458" i="1" s="1"/>
  <c r="A64459" i="1" s="1"/>
  <c r="A64460" i="1" s="1"/>
  <c r="A64461" i="1" s="1"/>
  <c r="A64462" i="1" s="1"/>
  <c r="A64463" i="1" s="1"/>
  <c r="A64464" i="1" s="1"/>
  <c r="A64465" i="1" s="1"/>
  <c r="A64466" i="1" s="1"/>
  <c r="A64467" i="1" s="1"/>
  <c r="A64468" i="1" s="1"/>
  <c r="A64469" i="1" s="1"/>
  <c r="A64470" i="1" s="1"/>
  <c r="A64471" i="1" s="1"/>
  <c r="A64472" i="1" s="1"/>
  <c r="A64473" i="1" s="1"/>
  <c r="A64474" i="1" s="1"/>
  <c r="A64475" i="1" s="1"/>
  <c r="A64476" i="1" s="1"/>
  <c r="A64477" i="1" s="1"/>
  <c r="A64478" i="1" s="1"/>
  <c r="A64479" i="1" s="1"/>
  <c r="A64480" i="1" s="1"/>
  <c r="A64481" i="1" s="1"/>
  <c r="A64482" i="1" s="1"/>
  <c r="A64483" i="1" s="1"/>
  <c r="A64484" i="1" s="1"/>
  <c r="A64485" i="1" s="1"/>
  <c r="A64486" i="1" s="1"/>
  <c r="A64487" i="1" s="1"/>
  <c r="A64488" i="1" s="1"/>
  <c r="A64489" i="1" s="1"/>
  <c r="A64490" i="1" s="1"/>
  <c r="A64491" i="1" s="1"/>
  <c r="A64492" i="1" s="1"/>
  <c r="A64493" i="1" s="1"/>
  <c r="A64494" i="1" s="1"/>
  <c r="A64495" i="1" s="1"/>
  <c r="A64496" i="1" s="1"/>
  <c r="A64497" i="1" s="1"/>
  <c r="A64498" i="1" s="1"/>
  <c r="A64499" i="1" s="1"/>
  <c r="A64500" i="1" s="1"/>
  <c r="A64501" i="1" s="1"/>
  <c r="A64502" i="1" s="1"/>
  <c r="A64503" i="1" s="1"/>
  <c r="A64504" i="1" s="1"/>
  <c r="A64505" i="1" s="1"/>
  <c r="A64506" i="1" s="1"/>
  <c r="A64507" i="1" s="1"/>
  <c r="A64508" i="1" s="1"/>
  <c r="A64509" i="1" s="1"/>
  <c r="A64510" i="1" s="1"/>
  <c r="A64511" i="1" s="1"/>
  <c r="A64512" i="1" s="1"/>
  <c r="A64513" i="1" s="1"/>
  <c r="A64514" i="1" s="1"/>
  <c r="A64515" i="1" s="1"/>
  <c r="A64516" i="1" s="1"/>
  <c r="A64517" i="1" s="1"/>
  <c r="A64518" i="1" s="1"/>
  <c r="A64519" i="1" s="1"/>
  <c r="A64520" i="1" s="1"/>
  <c r="A64521" i="1" s="1"/>
  <c r="A64522" i="1" s="1"/>
  <c r="A64523" i="1" s="1"/>
  <c r="A64524" i="1" s="1"/>
  <c r="A64525" i="1" s="1"/>
  <c r="A64526" i="1" s="1"/>
  <c r="A64527" i="1" s="1"/>
  <c r="A64528" i="1" s="1"/>
  <c r="A64529" i="1" s="1"/>
  <c r="A64530" i="1" s="1"/>
  <c r="A64531" i="1" s="1"/>
  <c r="A64532" i="1" s="1"/>
  <c r="A64533" i="1" s="1"/>
  <c r="A64534" i="1" s="1"/>
  <c r="A64535" i="1" s="1"/>
  <c r="A64536" i="1" s="1"/>
  <c r="A64537" i="1" s="1"/>
  <c r="A64538" i="1" s="1"/>
  <c r="A64539" i="1" s="1"/>
  <c r="A64540" i="1" s="1"/>
  <c r="A64541" i="1" s="1"/>
  <c r="A64542" i="1" s="1"/>
  <c r="A64543" i="1" s="1"/>
  <c r="A64544" i="1" s="1"/>
  <c r="A64545" i="1" s="1"/>
  <c r="A64546" i="1" s="1"/>
  <c r="A64547" i="1" s="1"/>
  <c r="A64548" i="1" s="1"/>
  <c r="A64549" i="1" s="1"/>
  <c r="A64550" i="1" s="1"/>
  <c r="A64551" i="1" s="1"/>
  <c r="A64552" i="1" s="1"/>
  <c r="A64553" i="1" s="1"/>
  <c r="A64554" i="1" s="1"/>
  <c r="A64555" i="1" s="1"/>
  <c r="A64556" i="1" s="1"/>
  <c r="A64557" i="1" s="1"/>
  <c r="A64558" i="1" s="1"/>
  <c r="A64559" i="1" s="1"/>
  <c r="A64560" i="1" s="1"/>
  <c r="A64561" i="1" s="1"/>
  <c r="A64562" i="1" s="1"/>
  <c r="A64563" i="1" s="1"/>
  <c r="A64564" i="1" s="1"/>
  <c r="A64565" i="1" s="1"/>
  <c r="A64566" i="1" s="1"/>
  <c r="A64567" i="1" s="1"/>
  <c r="A64568" i="1" s="1"/>
  <c r="A64569" i="1" s="1"/>
  <c r="A64570" i="1" s="1"/>
  <c r="A64571" i="1" s="1"/>
  <c r="A64572" i="1" s="1"/>
  <c r="A64573" i="1" s="1"/>
  <c r="A64574" i="1" s="1"/>
  <c r="A64575" i="1" s="1"/>
  <c r="A64576" i="1" s="1"/>
  <c r="A64577" i="1" s="1"/>
  <c r="A64578" i="1" s="1"/>
  <c r="A64579" i="1" s="1"/>
  <c r="A64580" i="1" s="1"/>
  <c r="A64581" i="1" s="1"/>
  <c r="A64582" i="1" s="1"/>
  <c r="A64583" i="1" s="1"/>
  <c r="A64584" i="1" s="1"/>
  <c r="A64585" i="1" s="1"/>
  <c r="A64586" i="1" s="1"/>
  <c r="A64587" i="1" s="1"/>
  <c r="A64588" i="1" s="1"/>
  <c r="A64589" i="1" s="1"/>
  <c r="A64590" i="1" s="1"/>
  <c r="A64591" i="1" s="1"/>
  <c r="A64592" i="1" s="1"/>
  <c r="A64593" i="1" s="1"/>
  <c r="A64594" i="1" s="1"/>
  <c r="A64595" i="1" s="1"/>
  <c r="A64596" i="1" s="1"/>
  <c r="A64597" i="1" s="1"/>
  <c r="A64598" i="1" s="1"/>
  <c r="A64599" i="1" s="1"/>
  <c r="A64600" i="1" s="1"/>
  <c r="A64601" i="1" s="1"/>
  <c r="A64602" i="1" s="1"/>
  <c r="A64603" i="1" s="1"/>
  <c r="A64604" i="1" s="1"/>
  <c r="A64605" i="1" s="1"/>
  <c r="A64606" i="1" s="1"/>
  <c r="A64607" i="1" s="1"/>
  <c r="A64608" i="1" s="1"/>
  <c r="A64609" i="1" s="1"/>
  <c r="A64610" i="1" s="1"/>
  <c r="A64611" i="1" s="1"/>
  <c r="A64612" i="1" s="1"/>
  <c r="A64613" i="1" s="1"/>
  <c r="A64614" i="1" s="1"/>
  <c r="A64615" i="1" s="1"/>
  <c r="A64616" i="1" s="1"/>
  <c r="A64617" i="1" s="1"/>
  <c r="A64618" i="1" s="1"/>
  <c r="A64619" i="1" s="1"/>
  <c r="A64620" i="1" s="1"/>
  <c r="A64621" i="1" s="1"/>
  <c r="A64622" i="1" s="1"/>
  <c r="A64623" i="1" s="1"/>
  <c r="A64624" i="1" s="1"/>
  <c r="A64625" i="1" s="1"/>
  <c r="A64626" i="1" s="1"/>
  <c r="A64627" i="1" s="1"/>
  <c r="A64628" i="1" s="1"/>
  <c r="A64629" i="1" s="1"/>
  <c r="A64630" i="1" s="1"/>
  <c r="A64631" i="1" s="1"/>
  <c r="A64632" i="1" s="1"/>
  <c r="A64633" i="1" s="1"/>
  <c r="A64634" i="1" s="1"/>
  <c r="A64635" i="1" s="1"/>
  <c r="A64636" i="1" s="1"/>
  <c r="A64637" i="1" s="1"/>
  <c r="A64638" i="1" s="1"/>
  <c r="A64639" i="1" s="1"/>
  <c r="A64640" i="1" s="1"/>
  <c r="A64641" i="1" s="1"/>
  <c r="A64642" i="1" s="1"/>
  <c r="A64643" i="1" s="1"/>
  <c r="A64644" i="1" s="1"/>
  <c r="A64645" i="1" s="1"/>
  <c r="A64646" i="1" s="1"/>
  <c r="A64647" i="1" s="1"/>
  <c r="A64648" i="1" s="1"/>
  <c r="A64649" i="1" s="1"/>
  <c r="A64650" i="1" s="1"/>
  <c r="A64651" i="1" s="1"/>
  <c r="A64652" i="1" s="1"/>
  <c r="A64653" i="1" s="1"/>
  <c r="A64654" i="1" s="1"/>
  <c r="A64655" i="1" s="1"/>
  <c r="A64656" i="1" s="1"/>
  <c r="A64657" i="1" s="1"/>
  <c r="A64658" i="1" s="1"/>
  <c r="A64659" i="1" s="1"/>
  <c r="A64660" i="1" s="1"/>
  <c r="A64661" i="1" s="1"/>
  <c r="A64662" i="1" s="1"/>
  <c r="A64663" i="1" s="1"/>
  <c r="A64664" i="1" s="1"/>
  <c r="A64665" i="1" s="1"/>
  <c r="A64666" i="1" s="1"/>
  <c r="A64667" i="1" s="1"/>
  <c r="A64668" i="1" s="1"/>
  <c r="A64669" i="1" s="1"/>
  <c r="A64670" i="1" s="1"/>
  <c r="A64671" i="1" s="1"/>
  <c r="A64672" i="1" s="1"/>
  <c r="A64673" i="1" s="1"/>
  <c r="A64674" i="1" s="1"/>
  <c r="A64675" i="1" s="1"/>
  <c r="A64676" i="1" s="1"/>
  <c r="A64677" i="1" s="1"/>
  <c r="A64678" i="1" s="1"/>
  <c r="A64679" i="1" s="1"/>
  <c r="A64680" i="1" s="1"/>
  <c r="A64681" i="1" s="1"/>
  <c r="A64682" i="1" s="1"/>
  <c r="A64683" i="1" s="1"/>
  <c r="A64684" i="1" s="1"/>
  <c r="A64685" i="1" s="1"/>
  <c r="A64686" i="1" s="1"/>
  <c r="A64687" i="1" s="1"/>
  <c r="A64688" i="1" s="1"/>
  <c r="A64689" i="1" s="1"/>
  <c r="A64690" i="1" s="1"/>
  <c r="A64691" i="1" s="1"/>
  <c r="A64692" i="1" s="1"/>
  <c r="A64693" i="1" s="1"/>
  <c r="A64694" i="1" s="1"/>
  <c r="A64695" i="1" s="1"/>
  <c r="A64696" i="1" s="1"/>
  <c r="A64697" i="1" s="1"/>
  <c r="A64698" i="1" s="1"/>
  <c r="A64699" i="1" s="1"/>
  <c r="A64700" i="1" s="1"/>
  <c r="A64701" i="1" s="1"/>
  <c r="A64702" i="1" s="1"/>
  <c r="A64703" i="1" s="1"/>
  <c r="A64704" i="1" s="1"/>
  <c r="A64705" i="1" s="1"/>
  <c r="A64706" i="1" s="1"/>
  <c r="A64707" i="1" s="1"/>
  <c r="A64708" i="1" s="1"/>
  <c r="A64709" i="1" s="1"/>
  <c r="A64710" i="1" s="1"/>
  <c r="A64711" i="1" s="1"/>
  <c r="A64712" i="1" s="1"/>
  <c r="A64713" i="1" s="1"/>
  <c r="A64714" i="1" s="1"/>
  <c r="A64715" i="1" s="1"/>
  <c r="A64716" i="1" s="1"/>
  <c r="A64717" i="1" s="1"/>
  <c r="A64718" i="1" s="1"/>
  <c r="A64719" i="1" s="1"/>
  <c r="A64720" i="1" s="1"/>
  <c r="A64721" i="1" s="1"/>
  <c r="A64722" i="1" s="1"/>
  <c r="A64723" i="1" s="1"/>
  <c r="A64724" i="1" s="1"/>
  <c r="A64725" i="1" s="1"/>
  <c r="A64726" i="1" s="1"/>
  <c r="A64727" i="1" s="1"/>
  <c r="A64728" i="1" s="1"/>
  <c r="A64729" i="1" s="1"/>
  <c r="A64730" i="1" s="1"/>
  <c r="A64731" i="1" s="1"/>
  <c r="A64732" i="1" s="1"/>
  <c r="A64733" i="1" s="1"/>
  <c r="A64734" i="1" s="1"/>
  <c r="A64735" i="1" s="1"/>
  <c r="A64736" i="1" s="1"/>
  <c r="A64737" i="1" s="1"/>
  <c r="A64738" i="1" s="1"/>
  <c r="A64739" i="1" s="1"/>
  <c r="A64740" i="1" s="1"/>
  <c r="A64741" i="1" s="1"/>
  <c r="A64742" i="1" s="1"/>
  <c r="A64743" i="1" s="1"/>
  <c r="A64744" i="1" s="1"/>
  <c r="A64745" i="1" s="1"/>
  <c r="A64746" i="1" s="1"/>
  <c r="A64747" i="1" s="1"/>
  <c r="A64748" i="1" s="1"/>
  <c r="A64749" i="1" s="1"/>
  <c r="A64750" i="1" s="1"/>
  <c r="A64751" i="1" s="1"/>
  <c r="A64752" i="1" s="1"/>
  <c r="A64753" i="1" s="1"/>
  <c r="A64754" i="1" s="1"/>
  <c r="A64755" i="1" s="1"/>
  <c r="A64756" i="1" s="1"/>
  <c r="A64757" i="1" s="1"/>
  <c r="A64758" i="1" s="1"/>
  <c r="A64759" i="1" s="1"/>
  <c r="A64760" i="1" s="1"/>
  <c r="A64761" i="1" s="1"/>
  <c r="A64762" i="1" s="1"/>
  <c r="A64763" i="1" s="1"/>
  <c r="A64764" i="1" s="1"/>
  <c r="A64765" i="1" s="1"/>
  <c r="A64766" i="1" s="1"/>
  <c r="A64767" i="1" s="1"/>
  <c r="A64768" i="1" s="1"/>
  <c r="A64769" i="1" s="1"/>
  <c r="A64770" i="1" s="1"/>
  <c r="A64771" i="1" s="1"/>
  <c r="A64772" i="1" s="1"/>
  <c r="A64773" i="1" s="1"/>
  <c r="A64774" i="1" s="1"/>
  <c r="A64775" i="1" s="1"/>
  <c r="A64776" i="1" s="1"/>
  <c r="A64777" i="1" s="1"/>
  <c r="A64778" i="1" s="1"/>
  <c r="A64779" i="1" s="1"/>
  <c r="A64780" i="1" s="1"/>
  <c r="A64781" i="1" s="1"/>
  <c r="A64782" i="1" s="1"/>
  <c r="A64783" i="1" s="1"/>
  <c r="A64784" i="1" s="1"/>
  <c r="A64785" i="1" s="1"/>
  <c r="A64786" i="1" s="1"/>
  <c r="A64787" i="1" s="1"/>
  <c r="A64788" i="1" s="1"/>
  <c r="A64789" i="1" s="1"/>
  <c r="A64790" i="1" s="1"/>
  <c r="A64791" i="1" s="1"/>
  <c r="A64792" i="1" s="1"/>
  <c r="A64793" i="1" s="1"/>
  <c r="A64794" i="1" s="1"/>
  <c r="A64795" i="1" s="1"/>
  <c r="A64796" i="1" s="1"/>
  <c r="A64797" i="1" s="1"/>
  <c r="A64798" i="1" s="1"/>
  <c r="A64799" i="1" s="1"/>
  <c r="A64800" i="1" s="1"/>
  <c r="A64801" i="1" s="1"/>
  <c r="A64802" i="1" s="1"/>
  <c r="A64803" i="1" s="1"/>
  <c r="A64804" i="1" s="1"/>
  <c r="A64805" i="1" s="1"/>
  <c r="A64806" i="1" s="1"/>
  <c r="A64807" i="1" s="1"/>
  <c r="A64808" i="1" s="1"/>
  <c r="A64809" i="1" s="1"/>
  <c r="A64810" i="1" s="1"/>
  <c r="A64811" i="1" s="1"/>
  <c r="A64812" i="1" s="1"/>
  <c r="A64813" i="1" s="1"/>
  <c r="A64814" i="1" s="1"/>
  <c r="A64815" i="1" s="1"/>
  <c r="A64816" i="1" s="1"/>
  <c r="A64817" i="1" s="1"/>
  <c r="A64818" i="1" s="1"/>
  <c r="A64819" i="1" s="1"/>
  <c r="A64820" i="1" s="1"/>
  <c r="A64821" i="1" s="1"/>
  <c r="A64822" i="1" s="1"/>
  <c r="A64823" i="1" s="1"/>
  <c r="A64824" i="1" s="1"/>
  <c r="A64825" i="1" s="1"/>
  <c r="A64826" i="1" s="1"/>
  <c r="A64827" i="1" s="1"/>
  <c r="A64828" i="1" s="1"/>
  <c r="A64829" i="1" s="1"/>
  <c r="A64830" i="1" s="1"/>
  <c r="A64831" i="1" s="1"/>
  <c r="A64832" i="1" s="1"/>
  <c r="A64833" i="1" s="1"/>
  <c r="A64834" i="1" s="1"/>
  <c r="A64835" i="1" s="1"/>
  <c r="A64836" i="1" s="1"/>
  <c r="A64837" i="1" s="1"/>
  <c r="A64838" i="1" s="1"/>
  <c r="A64839" i="1" s="1"/>
  <c r="A64840" i="1" s="1"/>
  <c r="A64841" i="1" s="1"/>
  <c r="A64842" i="1" s="1"/>
  <c r="A64843" i="1" s="1"/>
  <c r="A64844" i="1" s="1"/>
  <c r="A64845" i="1" s="1"/>
  <c r="A64846" i="1" s="1"/>
  <c r="A64847" i="1" s="1"/>
  <c r="A64848" i="1" s="1"/>
  <c r="A64849" i="1" s="1"/>
  <c r="A64850" i="1" s="1"/>
  <c r="A64851" i="1" s="1"/>
  <c r="A64852" i="1" s="1"/>
  <c r="A64853" i="1" s="1"/>
  <c r="A64854" i="1" s="1"/>
  <c r="A64855" i="1" s="1"/>
  <c r="A64856" i="1" s="1"/>
  <c r="A64857" i="1" s="1"/>
  <c r="A64858" i="1" s="1"/>
  <c r="A64859" i="1" s="1"/>
  <c r="A64860" i="1" s="1"/>
  <c r="A64861" i="1" s="1"/>
  <c r="A64862" i="1" s="1"/>
  <c r="A64863" i="1" s="1"/>
  <c r="A64864" i="1" s="1"/>
  <c r="A64865" i="1" s="1"/>
  <c r="A64866" i="1" s="1"/>
  <c r="A64867" i="1" s="1"/>
  <c r="A64868" i="1" s="1"/>
  <c r="A64869" i="1" s="1"/>
  <c r="A64870" i="1" s="1"/>
  <c r="A64871" i="1" s="1"/>
  <c r="A64872" i="1" s="1"/>
  <c r="A64873" i="1" s="1"/>
  <c r="A64874" i="1" s="1"/>
  <c r="A64875" i="1" s="1"/>
  <c r="A64876" i="1" s="1"/>
  <c r="A64877" i="1" s="1"/>
  <c r="A64878" i="1" s="1"/>
  <c r="A64879" i="1" s="1"/>
  <c r="A64880" i="1" s="1"/>
  <c r="A64881" i="1" s="1"/>
  <c r="A64882" i="1" s="1"/>
  <c r="A64883" i="1" s="1"/>
  <c r="A64884" i="1" s="1"/>
  <c r="A64885" i="1" s="1"/>
  <c r="A64886" i="1" s="1"/>
  <c r="A64887" i="1" s="1"/>
  <c r="A64888" i="1" s="1"/>
  <c r="A64889" i="1" s="1"/>
  <c r="A64890" i="1" s="1"/>
  <c r="A64891" i="1" s="1"/>
  <c r="A64892" i="1" s="1"/>
  <c r="A64893" i="1" s="1"/>
  <c r="A64894" i="1" s="1"/>
  <c r="A64895" i="1" s="1"/>
  <c r="A64896" i="1" s="1"/>
  <c r="A64897" i="1" s="1"/>
  <c r="A64898" i="1" s="1"/>
  <c r="A64899" i="1" s="1"/>
  <c r="A64900" i="1" s="1"/>
  <c r="A64901" i="1" s="1"/>
  <c r="A64902" i="1" s="1"/>
  <c r="A64903" i="1" s="1"/>
  <c r="A64904" i="1" s="1"/>
  <c r="A64905" i="1" s="1"/>
  <c r="A64906" i="1" s="1"/>
  <c r="A64907" i="1" s="1"/>
  <c r="A64908" i="1" s="1"/>
  <c r="A64909" i="1" s="1"/>
  <c r="A64910" i="1" s="1"/>
  <c r="A64911" i="1" s="1"/>
  <c r="A64912" i="1" s="1"/>
  <c r="A64913" i="1" s="1"/>
  <c r="A64914" i="1" s="1"/>
  <c r="A64915" i="1" s="1"/>
  <c r="A64916" i="1" s="1"/>
  <c r="A64917" i="1" s="1"/>
  <c r="A64918" i="1" s="1"/>
  <c r="A64919" i="1" s="1"/>
  <c r="A64920" i="1" s="1"/>
  <c r="A64921" i="1" s="1"/>
  <c r="A64922" i="1" s="1"/>
  <c r="A64923" i="1" s="1"/>
  <c r="A64924" i="1" s="1"/>
  <c r="A64925" i="1" s="1"/>
  <c r="A64926" i="1" s="1"/>
  <c r="A64927" i="1" s="1"/>
  <c r="A64928" i="1" s="1"/>
  <c r="A64929" i="1" s="1"/>
  <c r="A64930" i="1" s="1"/>
  <c r="A64931" i="1" s="1"/>
  <c r="A64932" i="1" s="1"/>
  <c r="A64933" i="1" s="1"/>
  <c r="A64934" i="1" s="1"/>
  <c r="A64935" i="1" s="1"/>
  <c r="A64936" i="1" s="1"/>
  <c r="A64937" i="1" s="1"/>
  <c r="A64938" i="1" s="1"/>
  <c r="A64939" i="1" s="1"/>
  <c r="A64940" i="1" s="1"/>
  <c r="A64941" i="1" s="1"/>
  <c r="A64942" i="1" s="1"/>
  <c r="A64943" i="1" s="1"/>
  <c r="A64944" i="1" s="1"/>
  <c r="A64945" i="1" s="1"/>
  <c r="A64946" i="1" s="1"/>
  <c r="A64947" i="1" s="1"/>
  <c r="A64948" i="1" s="1"/>
  <c r="A64949" i="1" s="1"/>
  <c r="A64950" i="1" s="1"/>
  <c r="A64951" i="1" s="1"/>
  <c r="A64952" i="1" s="1"/>
  <c r="A64953" i="1" s="1"/>
  <c r="A64954" i="1" s="1"/>
  <c r="A64955" i="1" s="1"/>
  <c r="A64956" i="1" s="1"/>
  <c r="A64957" i="1" s="1"/>
  <c r="A64958" i="1" s="1"/>
  <c r="A64959" i="1" s="1"/>
  <c r="A64960" i="1" s="1"/>
  <c r="A64961" i="1" s="1"/>
  <c r="A64962" i="1" s="1"/>
  <c r="A64963" i="1" s="1"/>
  <c r="A64964" i="1" s="1"/>
  <c r="A64965" i="1" s="1"/>
  <c r="A64966" i="1" s="1"/>
  <c r="A64967" i="1" s="1"/>
  <c r="A64968" i="1" s="1"/>
  <c r="A64969" i="1" s="1"/>
  <c r="A64970" i="1" s="1"/>
  <c r="A64971" i="1" s="1"/>
  <c r="A64972" i="1" s="1"/>
  <c r="A64973" i="1" s="1"/>
  <c r="A64974" i="1" s="1"/>
  <c r="A64975" i="1" s="1"/>
  <c r="A64976" i="1" s="1"/>
  <c r="A64977" i="1" s="1"/>
  <c r="A64978" i="1" s="1"/>
  <c r="A64979" i="1" s="1"/>
  <c r="A64980" i="1" s="1"/>
  <c r="A64981" i="1" s="1"/>
  <c r="A64982" i="1" s="1"/>
  <c r="A64983" i="1" s="1"/>
  <c r="A64984" i="1" s="1"/>
  <c r="A64985" i="1" s="1"/>
  <c r="A64986" i="1" s="1"/>
  <c r="A64987" i="1" s="1"/>
  <c r="A64988" i="1" s="1"/>
  <c r="A64989" i="1" s="1"/>
  <c r="A64990" i="1" s="1"/>
  <c r="A64991" i="1" s="1"/>
  <c r="A64992" i="1" s="1"/>
  <c r="A64993" i="1" s="1"/>
  <c r="A64994" i="1" s="1"/>
  <c r="A64995" i="1" s="1"/>
  <c r="A64996" i="1" s="1"/>
  <c r="A64997" i="1" s="1"/>
  <c r="A64998" i="1" s="1"/>
  <c r="A64999" i="1" s="1"/>
  <c r="A65000" i="1" s="1"/>
  <c r="A65001" i="1" s="1"/>
  <c r="A65002" i="1" s="1"/>
  <c r="A65003" i="1" s="1"/>
  <c r="A65004" i="1" s="1"/>
  <c r="A65005" i="1" s="1"/>
  <c r="A65006" i="1" s="1"/>
  <c r="A65007" i="1" s="1"/>
  <c r="A65008" i="1" s="1"/>
  <c r="A65009" i="1" s="1"/>
  <c r="A65010" i="1" s="1"/>
  <c r="A65011" i="1" s="1"/>
  <c r="A65012" i="1" s="1"/>
  <c r="A65013" i="1" s="1"/>
  <c r="A65014" i="1" s="1"/>
  <c r="A65015" i="1" s="1"/>
  <c r="A65016" i="1" s="1"/>
  <c r="A65017" i="1" s="1"/>
  <c r="A65018" i="1" s="1"/>
  <c r="A65019" i="1" s="1"/>
  <c r="A65020" i="1" s="1"/>
  <c r="A65021" i="1" s="1"/>
  <c r="A65022" i="1" s="1"/>
  <c r="A65023" i="1" s="1"/>
  <c r="A65024" i="1" s="1"/>
  <c r="A65025" i="1" s="1"/>
  <c r="A65026" i="1" s="1"/>
  <c r="A65027" i="1" s="1"/>
  <c r="A65028" i="1" s="1"/>
  <c r="A65029" i="1" s="1"/>
  <c r="A65030" i="1" s="1"/>
  <c r="A65031" i="1" s="1"/>
  <c r="A65032" i="1" s="1"/>
  <c r="A65033" i="1" s="1"/>
  <c r="A65034" i="1" s="1"/>
  <c r="A65035" i="1" s="1"/>
  <c r="A65036" i="1" s="1"/>
  <c r="A65037" i="1" s="1"/>
  <c r="A65038" i="1" s="1"/>
  <c r="A65039" i="1" s="1"/>
  <c r="A65040" i="1" s="1"/>
  <c r="A65041" i="1" s="1"/>
  <c r="A65042" i="1" s="1"/>
  <c r="A65043" i="1" s="1"/>
  <c r="A65044" i="1" s="1"/>
  <c r="A65045" i="1" s="1"/>
  <c r="A65046" i="1" s="1"/>
  <c r="A65047" i="1" s="1"/>
  <c r="A65048" i="1" s="1"/>
  <c r="A65049" i="1" s="1"/>
  <c r="A65050" i="1" s="1"/>
  <c r="A65051" i="1" s="1"/>
  <c r="A65052" i="1" s="1"/>
  <c r="A65053" i="1" s="1"/>
  <c r="A65054" i="1" s="1"/>
  <c r="A65055" i="1" s="1"/>
  <c r="A65056" i="1" s="1"/>
  <c r="A65057" i="1" s="1"/>
  <c r="A65058" i="1" s="1"/>
  <c r="A65059" i="1" s="1"/>
  <c r="A65060" i="1" s="1"/>
  <c r="A65061" i="1" s="1"/>
  <c r="A65062" i="1" s="1"/>
  <c r="A65063" i="1" s="1"/>
  <c r="A65064" i="1" s="1"/>
  <c r="A65065" i="1" s="1"/>
  <c r="A65066" i="1" s="1"/>
  <c r="A65067" i="1" s="1"/>
  <c r="A65068" i="1" s="1"/>
  <c r="A65069" i="1" s="1"/>
  <c r="A65070" i="1" s="1"/>
  <c r="A65071" i="1" s="1"/>
  <c r="A65072" i="1" s="1"/>
  <c r="A65073" i="1" s="1"/>
  <c r="A65074" i="1" s="1"/>
  <c r="A65075" i="1" s="1"/>
  <c r="A65076" i="1" s="1"/>
  <c r="A65077" i="1" s="1"/>
  <c r="A65078" i="1" s="1"/>
  <c r="A65079" i="1" s="1"/>
  <c r="A65080" i="1" s="1"/>
  <c r="A65081" i="1" s="1"/>
  <c r="A65082" i="1" s="1"/>
  <c r="A65083" i="1" s="1"/>
  <c r="A65084" i="1" s="1"/>
  <c r="A65085" i="1" s="1"/>
  <c r="A65086" i="1" s="1"/>
  <c r="A65087" i="1" s="1"/>
  <c r="A65088" i="1" s="1"/>
  <c r="A65089" i="1" s="1"/>
  <c r="A65090" i="1" s="1"/>
  <c r="A65091" i="1" s="1"/>
  <c r="A65092" i="1" s="1"/>
  <c r="A65093" i="1" s="1"/>
  <c r="A65094" i="1" s="1"/>
  <c r="A65095" i="1" s="1"/>
  <c r="A65096" i="1" s="1"/>
  <c r="A65097" i="1" s="1"/>
  <c r="A65098" i="1" s="1"/>
  <c r="A65099" i="1" s="1"/>
  <c r="A65100" i="1" s="1"/>
  <c r="A65101" i="1" s="1"/>
  <c r="A65102" i="1" s="1"/>
  <c r="A65103" i="1" s="1"/>
  <c r="A65104" i="1" s="1"/>
  <c r="A65105" i="1" s="1"/>
  <c r="A65106" i="1" s="1"/>
  <c r="A65107" i="1" s="1"/>
  <c r="A65108" i="1" s="1"/>
  <c r="A65109" i="1" s="1"/>
  <c r="A65110" i="1" s="1"/>
  <c r="A65111" i="1" s="1"/>
  <c r="A65112" i="1" s="1"/>
  <c r="A65113" i="1" s="1"/>
  <c r="A65114" i="1" s="1"/>
  <c r="A65115" i="1" s="1"/>
  <c r="A65116" i="1" s="1"/>
  <c r="A65117" i="1" s="1"/>
  <c r="A65118" i="1" s="1"/>
  <c r="A65119" i="1" s="1"/>
  <c r="A65120" i="1" s="1"/>
  <c r="A65121" i="1" s="1"/>
  <c r="A65122" i="1" s="1"/>
  <c r="A65123" i="1" s="1"/>
  <c r="A65124" i="1" s="1"/>
  <c r="A65125" i="1" s="1"/>
  <c r="A65126" i="1" s="1"/>
  <c r="A65127" i="1" s="1"/>
  <c r="A65128" i="1" s="1"/>
  <c r="A65129" i="1" s="1"/>
  <c r="A65130" i="1" s="1"/>
  <c r="A65131" i="1" s="1"/>
  <c r="A65132" i="1" s="1"/>
  <c r="A65133" i="1" s="1"/>
  <c r="A65134" i="1" s="1"/>
  <c r="A65135" i="1" s="1"/>
  <c r="A65136" i="1" s="1"/>
  <c r="A65137" i="1" s="1"/>
  <c r="A65138" i="1" s="1"/>
  <c r="A65139" i="1" s="1"/>
  <c r="A65140" i="1" s="1"/>
  <c r="A65141" i="1" s="1"/>
  <c r="A65142" i="1" s="1"/>
  <c r="A65143" i="1" s="1"/>
  <c r="A65144" i="1" s="1"/>
  <c r="A65145" i="1" s="1"/>
  <c r="A65146" i="1" s="1"/>
  <c r="A65147" i="1" s="1"/>
  <c r="A65148" i="1" s="1"/>
  <c r="A65149" i="1" s="1"/>
  <c r="A65150" i="1" s="1"/>
  <c r="A65151" i="1" s="1"/>
  <c r="A65152" i="1" s="1"/>
  <c r="A65153" i="1" s="1"/>
  <c r="A65154" i="1" s="1"/>
  <c r="A65155" i="1" s="1"/>
  <c r="A65156" i="1" s="1"/>
  <c r="A65157" i="1" s="1"/>
  <c r="A65158" i="1" s="1"/>
  <c r="A65159" i="1" s="1"/>
  <c r="A65160" i="1" s="1"/>
  <c r="A65161" i="1" s="1"/>
  <c r="A65162" i="1" s="1"/>
  <c r="A65163" i="1" s="1"/>
  <c r="A65164" i="1" s="1"/>
  <c r="A65165" i="1" s="1"/>
  <c r="A65166" i="1" s="1"/>
  <c r="A65167" i="1" s="1"/>
  <c r="A65168" i="1" s="1"/>
  <c r="A65169" i="1" s="1"/>
  <c r="A65170" i="1" s="1"/>
  <c r="A65171" i="1" s="1"/>
  <c r="A65172" i="1" s="1"/>
  <c r="A65173" i="1" s="1"/>
  <c r="A65174" i="1" s="1"/>
  <c r="A65175" i="1" s="1"/>
  <c r="A65176" i="1" s="1"/>
  <c r="A65177" i="1" s="1"/>
  <c r="A65178" i="1" s="1"/>
  <c r="A65179" i="1" s="1"/>
  <c r="A65180" i="1" s="1"/>
  <c r="A65181" i="1" s="1"/>
  <c r="A65182" i="1" s="1"/>
  <c r="A65183" i="1" s="1"/>
  <c r="A65184" i="1" s="1"/>
  <c r="A65185" i="1" s="1"/>
  <c r="A65186" i="1" s="1"/>
  <c r="A65187" i="1" s="1"/>
  <c r="A65188" i="1" s="1"/>
  <c r="A65189" i="1" s="1"/>
  <c r="A65190" i="1" s="1"/>
  <c r="A65191" i="1" s="1"/>
  <c r="A65192" i="1" s="1"/>
  <c r="A65193" i="1" s="1"/>
  <c r="A65194" i="1" s="1"/>
  <c r="A65195" i="1" s="1"/>
  <c r="A65196" i="1" s="1"/>
  <c r="A65197" i="1" s="1"/>
  <c r="A65198" i="1" s="1"/>
  <c r="A65199" i="1" s="1"/>
  <c r="A65200" i="1" s="1"/>
  <c r="A65201" i="1" s="1"/>
  <c r="A65202" i="1" s="1"/>
  <c r="A65203" i="1" s="1"/>
  <c r="A65204" i="1" s="1"/>
  <c r="A65205" i="1" s="1"/>
  <c r="A65206" i="1" s="1"/>
  <c r="A65207" i="1" s="1"/>
  <c r="A65208" i="1" s="1"/>
  <c r="A65209" i="1" s="1"/>
  <c r="A65210" i="1" s="1"/>
  <c r="A65211" i="1" s="1"/>
  <c r="A65212" i="1" s="1"/>
  <c r="A65213" i="1" s="1"/>
  <c r="A65214" i="1" s="1"/>
  <c r="A65215" i="1" s="1"/>
  <c r="A65216" i="1" s="1"/>
  <c r="A65217" i="1" s="1"/>
  <c r="A65218" i="1" s="1"/>
  <c r="A65219" i="1" s="1"/>
  <c r="A65220" i="1" s="1"/>
  <c r="A65221" i="1" s="1"/>
  <c r="A65222" i="1" s="1"/>
  <c r="A65223" i="1" s="1"/>
  <c r="A65224" i="1" s="1"/>
  <c r="A65225" i="1" s="1"/>
  <c r="A65226" i="1" s="1"/>
  <c r="A65227" i="1" s="1"/>
  <c r="A65228" i="1" s="1"/>
  <c r="A65229" i="1" s="1"/>
  <c r="A65230" i="1" s="1"/>
  <c r="A65231" i="1" s="1"/>
  <c r="A65232" i="1" s="1"/>
  <c r="A65233" i="1" s="1"/>
  <c r="A65234" i="1" s="1"/>
  <c r="A65235" i="1" s="1"/>
  <c r="A65236" i="1" s="1"/>
  <c r="A65237" i="1" s="1"/>
  <c r="A65238" i="1" s="1"/>
  <c r="A65239" i="1" s="1"/>
  <c r="A65240" i="1" s="1"/>
  <c r="A65241" i="1" s="1"/>
  <c r="A65242" i="1" s="1"/>
  <c r="A65243" i="1" s="1"/>
  <c r="A65244" i="1" s="1"/>
  <c r="A65245" i="1" s="1"/>
  <c r="A65246" i="1" s="1"/>
  <c r="A65247" i="1" s="1"/>
  <c r="A65248" i="1" s="1"/>
  <c r="A65249" i="1" s="1"/>
  <c r="A65250" i="1" s="1"/>
  <c r="A65251" i="1" s="1"/>
  <c r="A65252" i="1" s="1"/>
  <c r="A65253" i="1" s="1"/>
  <c r="A65254" i="1" s="1"/>
  <c r="A65255" i="1" s="1"/>
  <c r="A65256" i="1" s="1"/>
  <c r="A65257" i="1" s="1"/>
  <c r="A65258" i="1" s="1"/>
  <c r="A65259" i="1" s="1"/>
  <c r="A65260" i="1" s="1"/>
  <c r="A65261" i="1" s="1"/>
  <c r="A65262" i="1" s="1"/>
  <c r="A65263" i="1" s="1"/>
  <c r="A65264" i="1" s="1"/>
  <c r="A65265" i="1" s="1"/>
  <c r="A65266" i="1" s="1"/>
  <c r="A65267" i="1" s="1"/>
  <c r="A65268" i="1" s="1"/>
  <c r="A65269" i="1" s="1"/>
  <c r="A65270" i="1" s="1"/>
  <c r="A65271" i="1" s="1"/>
  <c r="A65272" i="1" s="1"/>
  <c r="A65273" i="1" s="1"/>
  <c r="A65274" i="1" s="1"/>
  <c r="A65275" i="1" s="1"/>
  <c r="A65276" i="1" s="1"/>
  <c r="A65277" i="1" s="1"/>
  <c r="A65278" i="1" s="1"/>
  <c r="A65279" i="1" s="1"/>
  <c r="A65280" i="1" s="1"/>
  <c r="A65281" i="1" s="1"/>
  <c r="A65282" i="1" s="1"/>
  <c r="A65283" i="1" s="1"/>
  <c r="A65284" i="1" s="1"/>
  <c r="A65285" i="1" s="1"/>
  <c r="A65286" i="1" s="1"/>
  <c r="A65287" i="1" s="1"/>
  <c r="A65288" i="1" s="1"/>
  <c r="A65289" i="1" s="1"/>
  <c r="A65290" i="1" s="1"/>
  <c r="A65291" i="1" s="1"/>
  <c r="A65292" i="1" s="1"/>
  <c r="A65293" i="1" s="1"/>
  <c r="A65294" i="1" s="1"/>
  <c r="A65295" i="1" s="1"/>
  <c r="A65296" i="1" s="1"/>
  <c r="A65297" i="1" s="1"/>
  <c r="A65298" i="1" s="1"/>
  <c r="A65299" i="1" s="1"/>
  <c r="A65300" i="1" s="1"/>
  <c r="A65301" i="1" s="1"/>
  <c r="A65302" i="1" s="1"/>
  <c r="A65303" i="1" s="1"/>
  <c r="A65304" i="1" s="1"/>
  <c r="A65305" i="1" s="1"/>
  <c r="A65306" i="1" s="1"/>
  <c r="A65307" i="1" s="1"/>
  <c r="A65308" i="1" s="1"/>
  <c r="A65309" i="1" s="1"/>
  <c r="A65310" i="1" s="1"/>
  <c r="A65311" i="1" s="1"/>
  <c r="A65312" i="1" s="1"/>
  <c r="A65313" i="1" s="1"/>
  <c r="A65314" i="1" s="1"/>
  <c r="A65315" i="1" s="1"/>
  <c r="A65316" i="1" s="1"/>
  <c r="A65317" i="1" s="1"/>
  <c r="A65318" i="1" s="1"/>
  <c r="A65319" i="1" s="1"/>
  <c r="A65320" i="1" s="1"/>
  <c r="A65321" i="1" s="1"/>
  <c r="A65322" i="1" s="1"/>
  <c r="A65323" i="1" s="1"/>
  <c r="A65324" i="1" s="1"/>
  <c r="A65325" i="1" s="1"/>
  <c r="A65326" i="1" s="1"/>
  <c r="A65327" i="1" s="1"/>
  <c r="A65328" i="1" s="1"/>
  <c r="A65329" i="1" s="1"/>
  <c r="A65330" i="1" s="1"/>
  <c r="A65331" i="1" s="1"/>
  <c r="A65332" i="1" s="1"/>
  <c r="A65333" i="1" s="1"/>
  <c r="A65334" i="1" s="1"/>
  <c r="A65335" i="1" s="1"/>
  <c r="A65336" i="1" s="1"/>
  <c r="A65337" i="1" s="1"/>
  <c r="A65338" i="1" s="1"/>
  <c r="A65339" i="1" s="1"/>
  <c r="A65340" i="1" s="1"/>
  <c r="A65341" i="1" s="1"/>
  <c r="A65342" i="1" s="1"/>
  <c r="A65343" i="1" s="1"/>
  <c r="A65344" i="1" s="1"/>
  <c r="A65345" i="1" s="1"/>
  <c r="A65346" i="1" s="1"/>
  <c r="A65347" i="1" s="1"/>
  <c r="A65348" i="1" s="1"/>
  <c r="A65349" i="1" s="1"/>
  <c r="A65350" i="1" s="1"/>
  <c r="A65351" i="1" s="1"/>
  <c r="A65352" i="1" s="1"/>
  <c r="A65353" i="1" s="1"/>
  <c r="A65354" i="1" s="1"/>
  <c r="A65355" i="1" s="1"/>
  <c r="A65356" i="1" s="1"/>
  <c r="A65357" i="1" s="1"/>
  <c r="A65358" i="1" s="1"/>
  <c r="A65359" i="1" s="1"/>
  <c r="A65360" i="1" s="1"/>
  <c r="A65361" i="1" s="1"/>
  <c r="A65362" i="1" s="1"/>
  <c r="A65363" i="1" s="1"/>
  <c r="A65364" i="1" s="1"/>
  <c r="A65365" i="1" s="1"/>
  <c r="A65366" i="1" s="1"/>
  <c r="A65367" i="1" s="1"/>
  <c r="A65368" i="1" s="1"/>
  <c r="A65369" i="1" s="1"/>
  <c r="A65370" i="1" s="1"/>
  <c r="A65371" i="1" s="1"/>
  <c r="A65372" i="1" s="1"/>
  <c r="A65373" i="1" s="1"/>
  <c r="A65374" i="1" s="1"/>
  <c r="A65375" i="1" s="1"/>
  <c r="A65376" i="1" s="1"/>
  <c r="A65377" i="1" s="1"/>
  <c r="A65378" i="1" s="1"/>
  <c r="A65379" i="1" s="1"/>
  <c r="A65380" i="1" s="1"/>
  <c r="A65381" i="1" s="1"/>
  <c r="A65382" i="1" s="1"/>
  <c r="A65383" i="1" s="1"/>
  <c r="A65384" i="1" s="1"/>
  <c r="A65385" i="1" s="1"/>
  <c r="A65386" i="1" s="1"/>
  <c r="A65387" i="1" s="1"/>
  <c r="A65388" i="1" s="1"/>
  <c r="A65389" i="1" s="1"/>
  <c r="A65390" i="1" s="1"/>
  <c r="A65391" i="1" s="1"/>
  <c r="A65392" i="1" s="1"/>
  <c r="A65393" i="1" s="1"/>
  <c r="A65394" i="1" s="1"/>
  <c r="A65395" i="1" s="1"/>
  <c r="A65396" i="1" s="1"/>
  <c r="A65397" i="1" s="1"/>
  <c r="A65398" i="1" s="1"/>
  <c r="A65399" i="1" s="1"/>
  <c r="A65400" i="1" s="1"/>
  <c r="A65401" i="1" s="1"/>
  <c r="A65402" i="1" s="1"/>
  <c r="A65403" i="1" s="1"/>
  <c r="A65404" i="1" s="1"/>
  <c r="A65405" i="1" s="1"/>
  <c r="A65406" i="1" s="1"/>
  <c r="A65407" i="1" s="1"/>
  <c r="A65408" i="1" s="1"/>
  <c r="A65409" i="1" s="1"/>
  <c r="A65410" i="1" s="1"/>
  <c r="A65411" i="1" s="1"/>
  <c r="A65412" i="1" s="1"/>
  <c r="A65413" i="1" s="1"/>
  <c r="A65414" i="1" s="1"/>
  <c r="A65415" i="1" s="1"/>
  <c r="A65416" i="1" s="1"/>
  <c r="A65417" i="1" s="1"/>
  <c r="A65418" i="1" s="1"/>
  <c r="A65419" i="1" s="1"/>
  <c r="A65420" i="1" s="1"/>
  <c r="A65421" i="1" s="1"/>
  <c r="A65422" i="1" s="1"/>
  <c r="A65423" i="1" s="1"/>
  <c r="A65424" i="1" s="1"/>
  <c r="A65425" i="1" s="1"/>
  <c r="A65426" i="1" s="1"/>
  <c r="A65427" i="1" s="1"/>
  <c r="A65428" i="1" s="1"/>
  <c r="A65429" i="1" s="1"/>
  <c r="A65430" i="1" s="1"/>
  <c r="A65431" i="1" s="1"/>
  <c r="A65432" i="1" s="1"/>
  <c r="A65433" i="1" s="1"/>
  <c r="A65434" i="1" s="1"/>
  <c r="A65435" i="1" s="1"/>
  <c r="A65436" i="1" s="1"/>
  <c r="A65437" i="1" s="1"/>
  <c r="A65438" i="1" s="1"/>
  <c r="A65439" i="1" s="1"/>
  <c r="A65440" i="1" s="1"/>
  <c r="A65441" i="1" s="1"/>
  <c r="A65442" i="1" s="1"/>
  <c r="A65443" i="1" s="1"/>
  <c r="A65444" i="1" s="1"/>
  <c r="A65445" i="1" s="1"/>
  <c r="A65446" i="1" s="1"/>
  <c r="A65447" i="1" s="1"/>
  <c r="A65448" i="1" s="1"/>
  <c r="A65449" i="1" s="1"/>
  <c r="A65450" i="1" s="1"/>
  <c r="A65451" i="1" s="1"/>
  <c r="A65452" i="1" s="1"/>
  <c r="A65453" i="1" s="1"/>
  <c r="A65454" i="1" s="1"/>
  <c r="A65455" i="1" s="1"/>
  <c r="A65456" i="1" s="1"/>
  <c r="A65457" i="1" s="1"/>
  <c r="A65458" i="1" s="1"/>
  <c r="A65459" i="1" s="1"/>
  <c r="A65460" i="1" s="1"/>
  <c r="A65461" i="1" s="1"/>
  <c r="A65462" i="1" s="1"/>
  <c r="A65463" i="1" s="1"/>
  <c r="A65464" i="1" s="1"/>
  <c r="A65465" i="1" s="1"/>
  <c r="A65466" i="1" s="1"/>
  <c r="A65467" i="1" s="1"/>
  <c r="A65468" i="1" s="1"/>
  <c r="A65469" i="1" s="1"/>
  <c r="A65470" i="1" s="1"/>
  <c r="A65471" i="1" s="1"/>
  <c r="A65472" i="1" s="1"/>
  <c r="A65473" i="1" s="1"/>
  <c r="A65474" i="1" s="1"/>
  <c r="A65475" i="1" s="1"/>
  <c r="A65476" i="1" s="1"/>
  <c r="A65477" i="1" s="1"/>
  <c r="A65478" i="1" s="1"/>
  <c r="A65479" i="1" s="1"/>
  <c r="A65480" i="1" s="1"/>
  <c r="A65481" i="1" s="1"/>
  <c r="A65482" i="1" s="1"/>
  <c r="A65483" i="1" s="1"/>
  <c r="A65484" i="1" s="1"/>
  <c r="A65485" i="1" s="1"/>
  <c r="A65486" i="1" s="1"/>
  <c r="A65487" i="1" s="1"/>
  <c r="A65488" i="1" s="1"/>
  <c r="A65489" i="1" s="1"/>
  <c r="A65490" i="1" s="1"/>
  <c r="A65491" i="1" s="1"/>
  <c r="A65492" i="1" s="1"/>
  <c r="A65493" i="1" s="1"/>
  <c r="A65494" i="1" s="1"/>
  <c r="A65495" i="1" s="1"/>
  <c r="A65496" i="1" s="1"/>
  <c r="A65497" i="1" s="1"/>
  <c r="A65498" i="1" s="1"/>
  <c r="A65499" i="1" s="1"/>
  <c r="A65500" i="1" s="1"/>
  <c r="A65501" i="1" s="1"/>
  <c r="A65502" i="1" s="1"/>
  <c r="A65503" i="1" s="1"/>
  <c r="A65504" i="1" s="1"/>
  <c r="A65505" i="1" s="1"/>
  <c r="A65506" i="1" s="1"/>
  <c r="A65507" i="1" s="1"/>
  <c r="A65508" i="1" s="1"/>
  <c r="A65509" i="1" s="1"/>
  <c r="A65510" i="1" s="1"/>
  <c r="A65511" i="1" s="1"/>
  <c r="A65512" i="1" s="1"/>
  <c r="A65513" i="1" s="1"/>
  <c r="A65514" i="1" s="1"/>
  <c r="A65515" i="1" s="1"/>
  <c r="A65516" i="1" s="1"/>
  <c r="A65517" i="1" s="1"/>
  <c r="A65518" i="1" s="1"/>
  <c r="A65519" i="1" s="1"/>
  <c r="A65520" i="1" s="1"/>
  <c r="A65521" i="1" s="1"/>
  <c r="A65522" i="1" s="1"/>
  <c r="A65523" i="1" s="1"/>
  <c r="A65524" i="1" s="1"/>
  <c r="A65525" i="1" s="1"/>
  <c r="A65526" i="1" s="1"/>
  <c r="A65527" i="1" s="1"/>
  <c r="A65528" i="1" s="1"/>
  <c r="A65529" i="1" s="1"/>
  <c r="A65530" i="1" s="1"/>
  <c r="A65531" i="1" s="1"/>
  <c r="A65532" i="1" s="1"/>
  <c r="A65533" i="1" s="1"/>
  <c r="A65534" i="1" s="1"/>
  <c r="A65535" i="1" s="1"/>
  <c r="A65536" i="1" s="1"/>
  <c r="A65537" i="1" s="1"/>
  <c r="A65538" i="1" s="1"/>
  <c r="A65539" i="1" s="1"/>
  <c r="A65540" i="1" s="1"/>
  <c r="A65541" i="1" s="1"/>
  <c r="A65542" i="1" s="1"/>
  <c r="A65543" i="1" s="1"/>
  <c r="A65544" i="1" s="1"/>
  <c r="A65545" i="1" s="1"/>
  <c r="A65546" i="1" s="1"/>
  <c r="A65547" i="1" s="1"/>
  <c r="A65548" i="1" s="1"/>
  <c r="A65549" i="1" s="1"/>
  <c r="A65550" i="1" s="1"/>
  <c r="A65551" i="1" s="1"/>
  <c r="A65552" i="1" s="1"/>
  <c r="A65553" i="1" s="1"/>
  <c r="A65554" i="1" s="1"/>
  <c r="A65555" i="1" s="1"/>
  <c r="A65556" i="1" s="1"/>
  <c r="A65557" i="1" s="1"/>
  <c r="A65558" i="1" s="1"/>
  <c r="A65559" i="1" s="1"/>
  <c r="A65560" i="1" s="1"/>
  <c r="A65561" i="1" s="1"/>
  <c r="A65562" i="1" s="1"/>
  <c r="A65563" i="1" s="1"/>
  <c r="A65564" i="1" s="1"/>
  <c r="A65565" i="1" s="1"/>
  <c r="A65566" i="1" s="1"/>
  <c r="A65567" i="1" s="1"/>
  <c r="A65568" i="1" s="1"/>
  <c r="A65569" i="1" s="1"/>
  <c r="A65570" i="1" s="1"/>
  <c r="A65571" i="1" s="1"/>
  <c r="A65572" i="1" s="1"/>
  <c r="A65573" i="1" s="1"/>
  <c r="A65574" i="1" s="1"/>
  <c r="A65575" i="1" s="1"/>
  <c r="A65576" i="1" s="1"/>
  <c r="A65577" i="1" s="1"/>
  <c r="A65578" i="1" s="1"/>
  <c r="A65579" i="1" s="1"/>
  <c r="A65580" i="1" s="1"/>
  <c r="A65581" i="1" s="1"/>
  <c r="A65582" i="1" s="1"/>
  <c r="A65583" i="1" s="1"/>
  <c r="A65584" i="1" s="1"/>
  <c r="A65585" i="1" s="1"/>
  <c r="A65586" i="1" s="1"/>
  <c r="A65587" i="1" s="1"/>
  <c r="A65588" i="1" s="1"/>
  <c r="A65589" i="1" s="1"/>
  <c r="A65590" i="1" s="1"/>
  <c r="A65591" i="1" s="1"/>
  <c r="A65592" i="1" s="1"/>
  <c r="A65593" i="1" s="1"/>
  <c r="A65594" i="1" s="1"/>
  <c r="A65595" i="1" s="1"/>
  <c r="A65596" i="1" s="1"/>
  <c r="A65597" i="1" s="1"/>
  <c r="A65598" i="1" s="1"/>
  <c r="A65599" i="1" s="1"/>
  <c r="A65600" i="1" s="1"/>
  <c r="A65601" i="1" s="1"/>
  <c r="A65602" i="1" s="1"/>
  <c r="A65603" i="1" s="1"/>
  <c r="A65604" i="1" s="1"/>
  <c r="A65605" i="1" s="1"/>
  <c r="A65606" i="1" s="1"/>
  <c r="A65607" i="1" s="1"/>
  <c r="A65608" i="1" s="1"/>
  <c r="A65609" i="1" s="1"/>
  <c r="A65610" i="1" s="1"/>
  <c r="A65611" i="1" s="1"/>
  <c r="A65612" i="1" s="1"/>
  <c r="A65613" i="1" s="1"/>
  <c r="A65614" i="1" s="1"/>
  <c r="A65615" i="1" s="1"/>
  <c r="A65616" i="1" s="1"/>
  <c r="A65617" i="1" s="1"/>
  <c r="A65618" i="1" s="1"/>
  <c r="A65619" i="1" s="1"/>
  <c r="A65620" i="1" s="1"/>
  <c r="A65621" i="1" s="1"/>
  <c r="A65622" i="1" s="1"/>
  <c r="A65623" i="1" s="1"/>
  <c r="A65624" i="1" s="1"/>
  <c r="A65625" i="1" s="1"/>
  <c r="A65626" i="1" s="1"/>
  <c r="A65627" i="1" s="1"/>
  <c r="A65628" i="1" s="1"/>
  <c r="A65629" i="1" s="1"/>
  <c r="A65630" i="1" s="1"/>
  <c r="A65631" i="1" s="1"/>
  <c r="A65632" i="1" s="1"/>
  <c r="A65633" i="1" s="1"/>
  <c r="A65634" i="1" s="1"/>
  <c r="A65635" i="1" s="1"/>
  <c r="A65636" i="1" s="1"/>
  <c r="A65637" i="1" s="1"/>
  <c r="A65638" i="1" s="1"/>
  <c r="A65639" i="1" s="1"/>
  <c r="A65640" i="1" s="1"/>
  <c r="A65641" i="1" s="1"/>
  <c r="A65642" i="1" s="1"/>
  <c r="A65643" i="1" s="1"/>
  <c r="A65644" i="1" s="1"/>
  <c r="A65645" i="1" s="1"/>
  <c r="A65646" i="1" s="1"/>
  <c r="A65647" i="1" s="1"/>
  <c r="A65648" i="1" s="1"/>
  <c r="A65649" i="1" s="1"/>
  <c r="A65650" i="1" s="1"/>
  <c r="A65651" i="1" s="1"/>
  <c r="A65652" i="1" s="1"/>
  <c r="A65653" i="1" s="1"/>
  <c r="A65654" i="1" s="1"/>
  <c r="A65655" i="1" s="1"/>
  <c r="A65656" i="1" s="1"/>
  <c r="A65657" i="1" s="1"/>
  <c r="A65658" i="1" s="1"/>
  <c r="A65659" i="1" s="1"/>
  <c r="A65660" i="1" s="1"/>
  <c r="A65661" i="1" s="1"/>
  <c r="A65662" i="1" s="1"/>
  <c r="A65663" i="1" s="1"/>
  <c r="A65664" i="1" s="1"/>
  <c r="A65665" i="1" s="1"/>
  <c r="A65666" i="1" s="1"/>
  <c r="A65667" i="1" s="1"/>
  <c r="A65668" i="1" s="1"/>
  <c r="A65669" i="1" s="1"/>
  <c r="A65670" i="1" s="1"/>
  <c r="A65671" i="1" s="1"/>
  <c r="A65672" i="1" s="1"/>
  <c r="A65673" i="1" s="1"/>
  <c r="A65674" i="1" s="1"/>
  <c r="A65675" i="1" s="1"/>
  <c r="A65676" i="1" s="1"/>
  <c r="A65677" i="1" s="1"/>
  <c r="A65678" i="1" s="1"/>
  <c r="A65679" i="1" s="1"/>
  <c r="A65680" i="1" s="1"/>
  <c r="A65681" i="1" s="1"/>
  <c r="A65682" i="1" s="1"/>
  <c r="A65683" i="1" s="1"/>
  <c r="A65684" i="1" s="1"/>
  <c r="A65685" i="1" s="1"/>
  <c r="A65686" i="1" s="1"/>
  <c r="A65687" i="1" s="1"/>
  <c r="A65688" i="1" s="1"/>
  <c r="A65689" i="1" s="1"/>
  <c r="A65690" i="1" s="1"/>
  <c r="A65691" i="1" s="1"/>
  <c r="A65692" i="1" s="1"/>
  <c r="A65693" i="1" s="1"/>
  <c r="A65694" i="1" s="1"/>
  <c r="A65695" i="1" s="1"/>
  <c r="A65696" i="1" s="1"/>
  <c r="A65697" i="1" s="1"/>
  <c r="A65698" i="1" s="1"/>
  <c r="A65699" i="1" s="1"/>
  <c r="A65700" i="1" s="1"/>
  <c r="A65701" i="1" s="1"/>
  <c r="A65702" i="1" s="1"/>
  <c r="A65703" i="1" s="1"/>
  <c r="A65704" i="1" s="1"/>
  <c r="A65705" i="1" s="1"/>
  <c r="A65706" i="1" s="1"/>
  <c r="A65707" i="1" s="1"/>
  <c r="A65708" i="1" s="1"/>
  <c r="A65709" i="1" s="1"/>
  <c r="A65710" i="1" s="1"/>
  <c r="A65711" i="1" s="1"/>
  <c r="A65712" i="1" s="1"/>
  <c r="A65713" i="1" s="1"/>
  <c r="A65714" i="1" s="1"/>
  <c r="A65715" i="1" s="1"/>
  <c r="A65716" i="1" s="1"/>
  <c r="A65717" i="1" s="1"/>
  <c r="A65718" i="1" s="1"/>
  <c r="A65719" i="1" s="1"/>
  <c r="A65720" i="1" s="1"/>
  <c r="A65721" i="1" s="1"/>
  <c r="A65722" i="1" s="1"/>
  <c r="A65723" i="1" s="1"/>
  <c r="A65724" i="1" s="1"/>
  <c r="A65725" i="1" s="1"/>
  <c r="A65726" i="1" s="1"/>
  <c r="A65727" i="1" s="1"/>
  <c r="A65728" i="1" s="1"/>
  <c r="A65729" i="1" s="1"/>
  <c r="A65730" i="1" s="1"/>
  <c r="A65731" i="1" s="1"/>
  <c r="A65732" i="1" s="1"/>
  <c r="A65733" i="1" s="1"/>
  <c r="A65734" i="1" s="1"/>
  <c r="A65735" i="1" s="1"/>
  <c r="A65736" i="1" s="1"/>
  <c r="A65737" i="1" s="1"/>
  <c r="A65738" i="1" s="1"/>
  <c r="A65739" i="1" s="1"/>
  <c r="A65740" i="1" s="1"/>
  <c r="A65741" i="1" s="1"/>
  <c r="A65742" i="1" s="1"/>
  <c r="A65743" i="1" s="1"/>
  <c r="A65744" i="1" s="1"/>
  <c r="A65745" i="1" s="1"/>
  <c r="A65746" i="1" s="1"/>
  <c r="A65747" i="1" s="1"/>
  <c r="A65748" i="1" s="1"/>
  <c r="A65749" i="1" s="1"/>
  <c r="A65750" i="1" s="1"/>
  <c r="A65751" i="1" s="1"/>
  <c r="A65752" i="1" s="1"/>
  <c r="A65753" i="1" s="1"/>
  <c r="A65754" i="1" s="1"/>
  <c r="A65755" i="1" s="1"/>
  <c r="A65756" i="1" s="1"/>
  <c r="A65757" i="1" s="1"/>
  <c r="A65758" i="1" s="1"/>
  <c r="A65759" i="1" s="1"/>
  <c r="A65760" i="1" s="1"/>
  <c r="A65761" i="1" s="1"/>
  <c r="A65762" i="1" s="1"/>
  <c r="A65763" i="1" s="1"/>
  <c r="A65764" i="1" s="1"/>
  <c r="A65765" i="1" s="1"/>
  <c r="A65766" i="1" s="1"/>
  <c r="A65767" i="1" s="1"/>
  <c r="A65768" i="1" s="1"/>
  <c r="A65769" i="1" s="1"/>
  <c r="A65770" i="1" s="1"/>
  <c r="A65771" i="1" s="1"/>
  <c r="A65772" i="1" s="1"/>
  <c r="A65773" i="1" s="1"/>
  <c r="A65774" i="1" s="1"/>
  <c r="A65775" i="1" s="1"/>
  <c r="A65776" i="1" s="1"/>
  <c r="A65777" i="1" s="1"/>
  <c r="A65778" i="1" s="1"/>
  <c r="A65779" i="1" s="1"/>
  <c r="A65780" i="1" s="1"/>
  <c r="A65781" i="1" s="1"/>
  <c r="A65782" i="1" s="1"/>
  <c r="A65783" i="1" s="1"/>
  <c r="A65784" i="1" s="1"/>
  <c r="A65785" i="1" s="1"/>
  <c r="A65786" i="1" s="1"/>
  <c r="A65787" i="1" s="1"/>
  <c r="A65788" i="1" s="1"/>
  <c r="A65789" i="1" s="1"/>
  <c r="A65790" i="1" s="1"/>
  <c r="A65791" i="1" s="1"/>
  <c r="A65792" i="1" s="1"/>
  <c r="A65793" i="1" s="1"/>
  <c r="A65794" i="1" s="1"/>
  <c r="A65795" i="1" s="1"/>
  <c r="A65796" i="1" s="1"/>
  <c r="A65797" i="1" s="1"/>
  <c r="A65798" i="1" s="1"/>
  <c r="A65799" i="1" s="1"/>
  <c r="A65800" i="1" s="1"/>
  <c r="A65801" i="1" s="1"/>
  <c r="A65802" i="1" s="1"/>
  <c r="A65803" i="1" s="1"/>
  <c r="A65804" i="1" s="1"/>
  <c r="A65805" i="1" s="1"/>
  <c r="A65806" i="1" s="1"/>
  <c r="A65807" i="1" s="1"/>
  <c r="A65808" i="1" s="1"/>
  <c r="A65809" i="1" s="1"/>
  <c r="A65810" i="1" s="1"/>
  <c r="A65811" i="1" s="1"/>
  <c r="A65812" i="1" s="1"/>
  <c r="A65813" i="1" s="1"/>
  <c r="A65814" i="1" s="1"/>
  <c r="A65815" i="1" s="1"/>
  <c r="A65816" i="1" s="1"/>
  <c r="A65817" i="1" s="1"/>
  <c r="A65818" i="1" s="1"/>
  <c r="A65819" i="1" s="1"/>
  <c r="A65820" i="1" s="1"/>
  <c r="A65821" i="1" s="1"/>
  <c r="A65822" i="1" s="1"/>
  <c r="A65823" i="1" s="1"/>
  <c r="A65824" i="1" s="1"/>
  <c r="A65825" i="1" s="1"/>
  <c r="A65826" i="1" s="1"/>
  <c r="A65827" i="1" s="1"/>
  <c r="A65828" i="1" s="1"/>
  <c r="A65829" i="1" s="1"/>
  <c r="A65830" i="1" s="1"/>
  <c r="A65831" i="1" s="1"/>
  <c r="A65832" i="1" s="1"/>
  <c r="A65833" i="1" s="1"/>
  <c r="A65834" i="1" s="1"/>
  <c r="A65835" i="1" s="1"/>
  <c r="A65836" i="1" s="1"/>
  <c r="A65837" i="1" s="1"/>
  <c r="A65838" i="1" s="1"/>
  <c r="A65839" i="1" s="1"/>
  <c r="A65840" i="1" s="1"/>
  <c r="A65841" i="1" s="1"/>
  <c r="A65842" i="1" s="1"/>
  <c r="A65843" i="1" s="1"/>
  <c r="A65844" i="1" s="1"/>
  <c r="A65845" i="1" s="1"/>
  <c r="A65846" i="1" s="1"/>
  <c r="A65847" i="1" s="1"/>
  <c r="A65848" i="1" s="1"/>
  <c r="A65849" i="1" s="1"/>
  <c r="A65850" i="1" s="1"/>
  <c r="A65851" i="1" s="1"/>
  <c r="A65852" i="1" s="1"/>
  <c r="A65853" i="1" s="1"/>
  <c r="A65854" i="1" s="1"/>
  <c r="A65855" i="1" s="1"/>
  <c r="A65856" i="1" s="1"/>
  <c r="A65857" i="1" s="1"/>
  <c r="A65858" i="1" s="1"/>
  <c r="A65859" i="1" s="1"/>
  <c r="A65860" i="1" s="1"/>
  <c r="A65861" i="1" s="1"/>
  <c r="A65862" i="1" s="1"/>
  <c r="A65863" i="1" s="1"/>
  <c r="A65864" i="1" s="1"/>
  <c r="A65865" i="1" s="1"/>
  <c r="A65866" i="1" s="1"/>
  <c r="A65867" i="1" s="1"/>
  <c r="A65868" i="1" s="1"/>
  <c r="A65869" i="1" s="1"/>
  <c r="A65870" i="1" s="1"/>
  <c r="A65871" i="1" s="1"/>
  <c r="A65872" i="1" s="1"/>
  <c r="A65873" i="1" s="1"/>
  <c r="A65874" i="1" s="1"/>
  <c r="A65875" i="1" s="1"/>
  <c r="A65876" i="1" s="1"/>
  <c r="A65877" i="1" s="1"/>
  <c r="A65878" i="1" s="1"/>
  <c r="A65879" i="1" s="1"/>
  <c r="A65880" i="1" s="1"/>
  <c r="A65881" i="1" s="1"/>
  <c r="A65882" i="1" s="1"/>
  <c r="A65883" i="1" s="1"/>
  <c r="A65884" i="1" s="1"/>
  <c r="A65885" i="1" s="1"/>
  <c r="A65886" i="1" s="1"/>
  <c r="A65887" i="1" s="1"/>
  <c r="A65888" i="1" s="1"/>
  <c r="A65889" i="1" s="1"/>
  <c r="A65890" i="1" s="1"/>
  <c r="A65891" i="1" s="1"/>
  <c r="A65892" i="1" s="1"/>
  <c r="A65893" i="1" s="1"/>
  <c r="A65894" i="1" s="1"/>
  <c r="A65895" i="1" s="1"/>
  <c r="A65896" i="1" s="1"/>
  <c r="A65897" i="1" s="1"/>
  <c r="A65898" i="1" s="1"/>
  <c r="A65899" i="1" s="1"/>
  <c r="A65900" i="1" s="1"/>
  <c r="A65901" i="1" s="1"/>
  <c r="A65902" i="1" s="1"/>
  <c r="A65903" i="1" s="1"/>
  <c r="A65904" i="1" s="1"/>
  <c r="A65905" i="1" s="1"/>
  <c r="A65906" i="1" s="1"/>
  <c r="A65907" i="1" s="1"/>
  <c r="A65908" i="1" s="1"/>
  <c r="A65909" i="1" s="1"/>
  <c r="A65910" i="1" s="1"/>
  <c r="A65911" i="1" s="1"/>
  <c r="A65912" i="1" s="1"/>
  <c r="A65913" i="1" s="1"/>
  <c r="A65914" i="1" s="1"/>
  <c r="A65915" i="1" s="1"/>
  <c r="A65916" i="1" s="1"/>
  <c r="A65917" i="1" s="1"/>
  <c r="A65918" i="1" s="1"/>
  <c r="A65919" i="1" s="1"/>
  <c r="A65920" i="1" s="1"/>
  <c r="A65921" i="1" s="1"/>
  <c r="A65922" i="1" s="1"/>
  <c r="A65923" i="1" s="1"/>
  <c r="A65924" i="1" s="1"/>
  <c r="A65925" i="1" s="1"/>
  <c r="A65926" i="1" s="1"/>
  <c r="A65927" i="1" s="1"/>
  <c r="A65928" i="1" s="1"/>
  <c r="A65929" i="1" s="1"/>
  <c r="A65930" i="1" s="1"/>
  <c r="A65931" i="1" s="1"/>
  <c r="A65932" i="1" s="1"/>
  <c r="A65933" i="1" s="1"/>
  <c r="A65934" i="1" s="1"/>
  <c r="A65935" i="1" s="1"/>
  <c r="A65936" i="1" s="1"/>
  <c r="A65937" i="1" s="1"/>
  <c r="A65938" i="1" s="1"/>
  <c r="A65939" i="1" s="1"/>
  <c r="A65940" i="1" s="1"/>
  <c r="A65941" i="1" s="1"/>
  <c r="A65942" i="1" s="1"/>
  <c r="A65943" i="1" s="1"/>
  <c r="A65944" i="1" s="1"/>
  <c r="A65945" i="1" s="1"/>
  <c r="A65946" i="1" s="1"/>
  <c r="A65947" i="1" s="1"/>
  <c r="A65948" i="1" s="1"/>
  <c r="A65949" i="1" s="1"/>
  <c r="A65950" i="1" s="1"/>
  <c r="A65951" i="1" s="1"/>
  <c r="A65952" i="1" s="1"/>
  <c r="A65953" i="1" s="1"/>
  <c r="A65954" i="1" s="1"/>
  <c r="A65955" i="1" s="1"/>
  <c r="A65956" i="1" s="1"/>
  <c r="A65957" i="1" s="1"/>
  <c r="A65958" i="1" s="1"/>
  <c r="A65959" i="1" s="1"/>
  <c r="A65960" i="1" s="1"/>
  <c r="A65961" i="1" s="1"/>
  <c r="A65962" i="1" s="1"/>
  <c r="A65963" i="1" s="1"/>
  <c r="A65964" i="1" s="1"/>
  <c r="A65965" i="1" s="1"/>
  <c r="A65966" i="1" s="1"/>
  <c r="A65967" i="1" s="1"/>
  <c r="A65968" i="1" s="1"/>
  <c r="A65969" i="1" s="1"/>
  <c r="A65970" i="1" s="1"/>
  <c r="A65971" i="1" s="1"/>
  <c r="A65972" i="1" s="1"/>
  <c r="A65973" i="1" s="1"/>
  <c r="A65974" i="1" s="1"/>
  <c r="A65975" i="1" s="1"/>
  <c r="A65976" i="1" s="1"/>
  <c r="A65977" i="1" s="1"/>
  <c r="A65978" i="1" s="1"/>
  <c r="A65979" i="1" s="1"/>
  <c r="A65980" i="1" s="1"/>
  <c r="A65981" i="1" s="1"/>
  <c r="A65982" i="1" s="1"/>
  <c r="A65983" i="1" s="1"/>
  <c r="A65984" i="1" s="1"/>
  <c r="A65985" i="1" s="1"/>
  <c r="A65986" i="1" s="1"/>
  <c r="A65987" i="1" s="1"/>
  <c r="A65988" i="1" s="1"/>
  <c r="A65989" i="1" s="1"/>
  <c r="A65990" i="1" s="1"/>
  <c r="A65991" i="1" s="1"/>
  <c r="A65992" i="1" s="1"/>
  <c r="A65993" i="1" s="1"/>
  <c r="A65994" i="1" s="1"/>
  <c r="A65995" i="1" s="1"/>
  <c r="A65996" i="1" s="1"/>
  <c r="A65997" i="1" s="1"/>
  <c r="A65998" i="1" s="1"/>
  <c r="A65999" i="1" s="1"/>
  <c r="A66000" i="1" s="1"/>
  <c r="A66001" i="1" s="1"/>
  <c r="A66002" i="1" s="1"/>
  <c r="A66003" i="1" s="1"/>
  <c r="A66004" i="1" s="1"/>
  <c r="A66005" i="1" s="1"/>
  <c r="A66006" i="1" s="1"/>
  <c r="A66007" i="1" s="1"/>
  <c r="A66008" i="1" s="1"/>
  <c r="A66009" i="1" s="1"/>
  <c r="A66010" i="1" s="1"/>
  <c r="A66011" i="1" s="1"/>
  <c r="A66012" i="1" s="1"/>
  <c r="A66013" i="1" s="1"/>
  <c r="A66014" i="1" s="1"/>
  <c r="A66015" i="1" s="1"/>
  <c r="A66016" i="1" s="1"/>
  <c r="A66017" i="1" s="1"/>
  <c r="A66018" i="1" s="1"/>
  <c r="A66019" i="1" s="1"/>
  <c r="A66020" i="1" s="1"/>
  <c r="A66021" i="1" s="1"/>
  <c r="A66022" i="1" s="1"/>
  <c r="A66023" i="1" s="1"/>
  <c r="A66024" i="1" s="1"/>
  <c r="A66025" i="1" s="1"/>
  <c r="A66026" i="1" s="1"/>
  <c r="A66027" i="1" s="1"/>
  <c r="A66028" i="1" s="1"/>
  <c r="A66029" i="1" s="1"/>
  <c r="A66030" i="1" s="1"/>
  <c r="A66031" i="1" s="1"/>
  <c r="A66032" i="1" s="1"/>
  <c r="A66033" i="1" s="1"/>
  <c r="A66034" i="1" s="1"/>
  <c r="A66035" i="1" s="1"/>
  <c r="A66036" i="1" s="1"/>
  <c r="A66037" i="1" s="1"/>
  <c r="A66038" i="1" s="1"/>
  <c r="A66039" i="1" s="1"/>
  <c r="A66040" i="1" s="1"/>
  <c r="A66041" i="1" s="1"/>
  <c r="A66042" i="1" s="1"/>
  <c r="A66043" i="1" s="1"/>
  <c r="A66044" i="1" s="1"/>
  <c r="A66045" i="1" s="1"/>
  <c r="A66046" i="1" s="1"/>
  <c r="A66047" i="1" s="1"/>
  <c r="A66048" i="1" s="1"/>
  <c r="A66049" i="1" s="1"/>
  <c r="A66050" i="1" s="1"/>
  <c r="A66051" i="1" s="1"/>
  <c r="A66052" i="1" s="1"/>
  <c r="A66053" i="1" s="1"/>
  <c r="A66054" i="1" s="1"/>
  <c r="A66055" i="1" s="1"/>
  <c r="A66056" i="1" s="1"/>
  <c r="A66057" i="1" s="1"/>
  <c r="A66058" i="1" s="1"/>
  <c r="A66059" i="1" s="1"/>
  <c r="A66060" i="1" s="1"/>
  <c r="A66061" i="1" s="1"/>
  <c r="A66062" i="1" s="1"/>
  <c r="A66063" i="1" s="1"/>
  <c r="A66064" i="1" s="1"/>
  <c r="A66065" i="1" s="1"/>
  <c r="A66066" i="1" s="1"/>
  <c r="A66067" i="1" s="1"/>
  <c r="A66068" i="1" s="1"/>
  <c r="A66069" i="1" s="1"/>
  <c r="A66070" i="1" s="1"/>
  <c r="A66071" i="1" s="1"/>
  <c r="A66072" i="1" s="1"/>
  <c r="A66073" i="1" s="1"/>
  <c r="A66074" i="1" s="1"/>
  <c r="A66075" i="1" s="1"/>
  <c r="A66076" i="1" s="1"/>
  <c r="A66077" i="1" s="1"/>
  <c r="A66078" i="1" s="1"/>
  <c r="A66079" i="1" s="1"/>
  <c r="A66080" i="1" s="1"/>
  <c r="A66081" i="1" s="1"/>
  <c r="A66082" i="1" s="1"/>
  <c r="A66083" i="1" s="1"/>
  <c r="A66084" i="1" s="1"/>
  <c r="A66085" i="1" s="1"/>
  <c r="A66086" i="1" s="1"/>
  <c r="A66087" i="1" s="1"/>
  <c r="A66088" i="1" s="1"/>
  <c r="A66089" i="1" s="1"/>
  <c r="A66090" i="1" s="1"/>
  <c r="A66091" i="1" s="1"/>
  <c r="A66092" i="1" s="1"/>
  <c r="A66093" i="1" s="1"/>
  <c r="A66094" i="1" s="1"/>
  <c r="A66095" i="1" s="1"/>
  <c r="A66096" i="1" s="1"/>
  <c r="A66097" i="1" s="1"/>
  <c r="A66098" i="1" s="1"/>
  <c r="A66099" i="1" s="1"/>
  <c r="A66100" i="1" s="1"/>
  <c r="A66101" i="1" s="1"/>
  <c r="A66102" i="1" s="1"/>
  <c r="A66103" i="1" s="1"/>
  <c r="A66104" i="1" s="1"/>
  <c r="A66105" i="1" s="1"/>
  <c r="A66106" i="1" s="1"/>
  <c r="A66107" i="1" s="1"/>
  <c r="A66108" i="1" s="1"/>
  <c r="A66109" i="1" s="1"/>
  <c r="A66110" i="1" s="1"/>
  <c r="A66111" i="1" s="1"/>
  <c r="A66112" i="1" s="1"/>
  <c r="A66113" i="1" s="1"/>
  <c r="A66114" i="1" s="1"/>
  <c r="A66115" i="1" s="1"/>
  <c r="A66116" i="1" s="1"/>
  <c r="A66117" i="1" s="1"/>
  <c r="A66118" i="1" s="1"/>
  <c r="A66119" i="1" s="1"/>
  <c r="A66120" i="1" s="1"/>
  <c r="A66121" i="1" s="1"/>
  <c r="A66122" i="1" s="1"/>
  <c r="A66123" i="1" s="1"/>
  <c r="A66124" i="1" s="1"/>
  <c r="A66125" i="1" s="1"/>
  <c r="A66126" i="1" s="1"/>
  <c r="A66127" i="1" s="1"/>
  <c r="A66128" i="1" s="1"/>
  <c r="A66129" i="1" s="1"/>
  <c r="A66130" i="1" s="1"/>
  <c r="A66131" i="1" s="1"/>
  <c r="A66132" i="1" s="1"/>
  <c r="A66133" i="1" s="1"/>
  <c r="A66134" i="1" s="1"/>
  <c r="A66135" i="1" s="1"/>
  <c r="A66136" i="1" s="1"/>
  <c r="A66137" i="1" s="1"/>
  <c r="A66138" i="1" s="1"/>
  <c r="A66139" i="1" s="1"/>
  <c r="A66140" i="1" s="1"/>
  <c r="A66141" i="1" s="1"/>
  <c r="A66142" i="1" s="1"/>
  <c r="A66143" i="1" s="1"/>
  <c r="A66144" i="1" s="1"/>
  <c r="A66145" i="1" s="1"/>
  <c r="A66146" i="1" s="1"/>
  <c r="A66147" i="1" s="1"/>
  <c r="A66148" i="1" s="1"/>
  <c r="A66149" i="1" s="1"/>
  <c r="A66150" i="1" s="1"/>
  <c r="A66151" i="1" s="1"/>
  <c r="A66152" i="1" s="1"/>
  <c r="A66153" i="1" s="1"/>
  <c r="A66154" i="1" s="1"/>
  <c r="A66155" i="1" s="1"/>
  <c r="A66156" i="1" s="1"/>
  <c r="A66157" i="1" s="1"/>
  <c r="A66158" i="1" s="1"/>
  <c r="A66159" i="1" s="1"/>
  <c r="A66160" i="1" s="1"/>
  <c r="A66161" i="1" s="1"/>
  <c r="A66162" i="1" s="1"/>
  <c r="A66163" i="1" s="1"/>
  <c r="A66164" i="1" s="1"/>
  <c r="A66165" i="1" s="1"/>
  <c r="A66166" i="1" s="1"/>
  <c r="A66167" i="1" s="1"/>
  <c r="A66168" i="1" s="1"/>
  <c r="A66169" i="1" s="1"/>
  <c r="A66170" i="1" s="1"/>
  <c r="A66171" i="1" s="1"/>
  <c r="A66172" i="1" s="1"/>
  <c r="A66173" i="1" s="1"/>
  <c r="A66174" i="1" s="1"/>
  <c r="A66175" i="1" s="1"/>
  <c r="A66176" i="1" s="1"/>
  <c r="A66177" i="1" s="1"/>
  <c r="A66178" i="1" s="1"/>
  <c r="A66179" i="1" s="1"/>
  <c r="A66180" i="1" s="1"/>
  <c r="A66181" i="1" s="1"/>
  <c r="A66182" i="1" s="1"/>
  <c r="A66183" i="1" s="1"/>
  <c r="A66184" i="1" s="1"/>
  <c r="A66185" i="1" s="1"/>
  <c r="A66186" i="1" s="1"/>
  <c r="A66187" i="1" s="1"/>
  <c r="A66188" i="1" s="1"/>
  <c r="A66189" i="1" s="1"/>
  <c r="A66190" i="1" s="1"/>
  <c r="A66191" i="1" s="1"/>
  <c r="A66192" i="1" s="1"/>
  <c r="A66193" i="1" s="1"/>
  <c r="A66194" i="1" s="1"/>
  <c r="A66195" i="1" s="1"/>
  <c r="A66196" i="1" s="1"/>
  <c r="A66197" i="1" s="1"/>
  <c r="A66198" i="1" s="1"/>
  <c r="A66199" i="1" s="1"/>
  <c r="A66200" i="1" s="1"/>
  <c r="A66201" i="1" s="1"/>
  <c r="A66202" i="1" s="1"/>
  <c r="A66203" i="1" s="1"/>
  <c r="A66204" i="1" s="1"/>
  <c r="A66205" i="1" s="1"/>
  <c r="A66206" i="1" s="1"/>
  <c r="A66207" i="1" s="1"/>
  <c r="A66208" i="1" s="1"/>
  <c r="A66209" i="1" s="1"/>
  <c r="A66210" i="1" s="1"/>
  <c r="A66211" i="1" s="1"/>
  <c r="A66212" i="1" s="1"/>
  <c r="A66213" i="1" s="1"/>
  <c r="A66214" i="1" s="1"/>
  <c r="A66215" i="1" s="1"/>
  <c r="A66216" i="1" s="1"/>
  <c r="A66217" i="1" s="1"/>
  <c r="A66218" i="1" s="1"/>
  <c r="A66219" i="1" s="1"/>
  <c r="A66220" i="1" s="1"/>
  <c r="A66221" i="1" s="1"/>
  <c r="A66222" i="1" s="1"/>
  <c r="A66223" i="1" s="1"/>
  <c r="A66224" i="1" s="1"/>
  <c r="A66225" i="1" s="1"/>
  <c r="A66226" i="1" s="1"/>
  <c r="A66227" i="1" s="1"/>
  <c r="A66228" i="1" s="1"/>
  <c r="A66229" i="1" s="1"/>
  <c r="A66230" i="1" s="1"/>
  <c r="A66231" i="1" s="1"/>
  <c r="A66232" i="1" s="1"/>
  <c r="A66233" i="1" s="1"/>
  <c r="A66234" i="1" s="1"/>
  <c r="A66235" i="1" s="1"/>
  <c r="A66236" i="1" s="1"/>
  <c r="A66237" i="1" s="1"/>
  <c r="A66238" i="1" s="1"/>
  <c r="A66239" i="1" s="1"/>
  <c r="A66240" i="1" s="1"/>
  <c r="A66241" i="1" s="1"/>
  <c r="A66242" i="1" s="1"/>
  <c r="A66243" i="1" s="1"/>
  <c r="A66244" i="1" s="1"/>
  <c r="A66245" i="1" s="1"/>
  <c r="A66246" i="1" s="1"/>
  <c r="A66247" i="1" s="1"/>
  <c r="A66248" i="1" s="1"/>
  <c r="A66249" i="1" s="1"/>
  <c r="A66250" i="1" s="1"/>
  <c r="A66251" i="1" s="1"/>
  <c r="A66252" i="1" s="1"/>
  <c r="A66253" i="1" s="1"/>
  <c r="A66254" i="1" s="1"/>
  <c r="A66255" i="1" s="1"/>
  <c r="A66256" i="1" s="1"/>
  <c r="A66257" i="1" s="1"/>
  <c r="A66258" i="1" s="1"/>
  <c r="A66259" i="1" s="1"/>
  <c r="A66260" i="1" s="1"/>
  <c r="A66261" i="1" s="1"/>
  <c r="A66262" i="1" s="1"/>
  <c r="A66263" i="1" s="1"/>
  <c r="A66264" i="1" s="1"/>
  <c r="A66265" i="1" s="1"/>
  <c r="A66266" i="1" s="1"/>
  <c r="A66267" i="1" s="1"/>
  <c r="A66268" i="1" s="1"/>
  <c r="A66269" i="1" s="1"/>
  <c r="A66270" i="1" s="1"/>
  <c r="A66271" i="1" s="1"/>
  <c r="A66272" i="1" s="1"/>
  <c r="A66273" i="1" s="1"/>
  <c r="A66274" i="1" s="1"/>
  <c r="A66275" i="1" s="1"/>
  <c r="A66276" i="1" s="1"/>
  <c r="A66277" i="1" s="1"/>
  <c r="A66278" i="1" s="1"/>
  <c r="A66279" i="1" s="1"/>
  <c r="A66280" i="1" s="1"/>
  <c r="A66281" i="1" s="1"/>
  <c r="A66282" i="1" s="1"/>
  <c r="A66283" i="1" s="1"/>
  <c r="A66284" i="1" s="1"/>
  <c r="A66285" i="1" s="1"/>
  <c r="A66286" i="1" s="1"/>
  <c r="A66287" i="1" s="1"/>
  <c r="A66288" i="1" s="1"/>
  <c r="A66289" i="1" s="1"/>
  <c r="A66290" i="1" s="1"/>
  <c r="A66291" i="1" s="1"/>
  <c r="A66292" i="1" s="1"/>
  <c r="A66293" i="1" s="1"/>
  <c r="A66294" i="1" s="1"/>
  <c r="A66295" i="1" s="1"/>
  <c r="A66296" i="1" s="1"/>
  <c r="A66297" i="1" s="1"/>
  <c r="A66298" i="1" s="1"/>
  <c r="A66299" i="1" s="1"/>
  <c r="A66300" i="1" s="1"/>
  <c r="A66301" i="1" s="1"/>
  <c r="A66302" i="1" s="1"/>
  <c r="A66303" i="1" s="1"/>
  <c r="A66304" i="1" s="1"/>
  <c r="A66305" i="1" s="1"/>
  <c r="A66306" i="1" s="1"/>
  <c r="A66307" i="1" s="1"/>
  <c r="A66308" i="1" s="1"/>
  <c r="A66309" i="1" s="1"/>
  <c r="A66310" i="1" s="1"/>
  <c r="A66311" i="1" s="1"/>
  <c r="A66312" i="1" s="1"/>
  <c r="A66313" i="1" s="1"/>
  <c r="A66314" i="1" s="1"/>
  <c r="A66315" i="1" s="1"/>
  <c r="A66316" i="1" s="1"/>
  <c r="A66317" i="1" s="1"/>
  <c r="A66318" i="1" s="1"/>
  <c r="A66319" i="1" s="1"/>
  <c r="A66320" i="1" s="1"/>
  <c r="A66321" i="1" s="1"/>
  <c r="A66322" i="1" s="1"/>
  <c r="A66323" i="1" s="1"/>
  <c r="A66324" i="1" s="1"/>
  <c r="A66325" i="1" s="1"/>
  <c r="A66326" i="1" s="1"/>
  <c r="A66327" i="1" s="1"/>
  <c r="A66328" i="1" s="1"/>
  <c r="A66329" i="1" s="1"/>
  <c r="A66330" i="1" s="1"/>
  <c r="A66331" i="1" s="1"/>
  <c r="A66332" i="1" s="1"/>
  <c r="A66333" i="1" s="1"/>
  <c r="A66334" i="1" s="1"/>
  <c r="A66335" i="1" s="1"/>
  <c r="A66336" i="1" s="1"/>
  <c r="A66337" i="1" s="1"/>
  <c r="A66338" i="1" s="1"/>
  <c r="A66339" i="1" s="1"/>
  <c r="A66340" i="1" s="1"/>
  <c r="A66341" i="1" s="1"/>
  <c r="A66342" i="1" s="1"/>
  <c r="A66343" i="1" s="1"/>
  <c r="A66344" i="1" s="1"/>
  <c r="A66345" i="1" s="1"/>
  <c r="A66346" i="1" s="1"/>
  <c r="A66347" i="1" s="1"/>
  <c r="A66348" i="1" s="1"/>
  <c r="A66349" i="1" s="1"/>
  <c r="A66350" i="1" s="1"/>
  <c r="A66351" i="1" s="1"/>
  <c r="A66352" i="1" s="1"/>
  <c r="A66353" i="1" s="1"/>
  <c r="A66354" i="1" s="1"/>
  <c r="A66355" i="1" s="1"/>
  <c r="A66356" i="1" s="1"/>
  <c r="A66357" i="1" s="1"/>
  <c r="A66358" i="1" s="1"/>
  <c r="A66359" i="1" s="1"/>
  <c r="A66360" i="1" s="1"/>
  <c r="A66361" i="1" s="1"/>
  <c r="A66362" i="1" s="1"/>
  <c r="A66363" i="1" s="1"/>
  <c r="A66364" i="1" s="1"/>
  <c r="A66365" i="1" s="1"/>
  <c r="A66366" i="1" s="1"/>
  <c r="A66367" i="1" s="1"/>
  <c r="A66368" i="1" s="1"/>
  <c r="A66369" i="1" s="1"/>
  <c r="A66370" i="1" s="1"/>
  <c r="A66371" i="1" s="1"/>
  <c r="A66372" i="1" s="1"/>
  <c r="A66373" i="1" s="1"/>
  <c r="A66374" i="1" s="1"/>
  <c r="A66375" i="1" s="1"/>
  <c r="A66376" i="1" s="1"/>
  <c r="A66377" i="1" s="1"/>
  <c r="A66378" i="1" s="1"/>
  <c r="A66379" i="1" s="1"/>
  <c r="A66380" i="1" s="1"/>
  <c r="A66381" i="1" s="1"/>
  <c r="A66382" i="1" s="1"/>
  <c r="A66383" i="1" s="1"/>
  <c r="A66384" i="1" s="1"/>
  <c r="A66385" i="1" s="1"/>
  <c r="A66386" i="1" s="1"/>
  <c r="A66387" i="1" s="1"/>
  <c r="A66388" i="1" s="1"/>
  <c r="A66389" i="1" s="1"/>
  <c r="A66390" i="1" s="1"/>
  <c r="A66391" i="1" s="1"/>
  <c r="A66392" i="1" s="1"/>
  <c r="A66393" i="1" s="1"/>
  <c r="A66394" i="1" s="1"/>
  <c r="A66395" i="1" s="1"/>
  <c r="A66396" i="1" s="1"/>
  <c r="A66397" i="1" s="1"/>
  <c r="A66398" i="1" s="1"/>
  <c r="A66399" i="1" s="1"/>
  <c r="A66400" i="1" s="1"/>
  <c r="A66401" i="1" s="1"/>
  <c r="A66402" i="1" s="1"/>
  <c r="A66403" i="1" s="1"/>
  <c r="A66404" i="1" s="1"/>
  <c r="A66405" i="1" s="1"/>
  <c r="A66406" i="1" s="1"/>
  <c r="A66407" i="1" s="1"/>
  <c r="A66408" i="1" s="1"/>
  <c r="A66409" i="1" s="1"/>
  <c r="A66410" i="1" s="1"/>
  <c r="A66411" i="1" s="1"/>
  <c r="A66412" i="1" s="1"/>
  <c r="A66413" i="1" s="1"/>
  <c r="A66414" i="1" s="1"/>
  <c r="A66415" i="1" s="1"/>
  <c r="A66416" i="1" s="1"/>
  <c r="A66417" i="1" s="1"/>
  <c r="A66418" i="1" s="1"/>
  <c r="A66419" i="1" s="1"/>
  <c r="A66420" i="1" s="1"/>
  <c r="A66421" i="1" s="1"/>
  <c r="A66422" i="1" s="1"/>
  <c r="A66423" i="1" s="1"/>
  <c r="A66424" i="1" s="1"/>
  <c r="A66425" i="1" s="1"/>
  <c r="A66426" i="1" s="1"/>
  <c r="A66427" i="1" s="1"/>
  <c r="A66428" i="1" s="1"/>
  <c r="A66429" i="1" s="1"/>
  <c r="A66430" i="1" s="1"/>
  <c r="A66431" i="1" s="1"/>
  <c r="A66432" i="1" s="1"/>
  <c r="A66433" i="1" s="1"/>
  <c r="A66434" i="1" s="1"/>
  <c r="A66435" i="1" s="1"/>
  <c r="A66436" i="1" s="1"/>
  <c r="A66437" i="1" s="1"/>
  <c r="A66438" i="1" s="1"/>
  <c r="A66439" i="1" s="1"/>
  <c r="A66440" i="1" s="1"/>
  <c r="A66441" i="1" s="1"/>
  <c r="A66442" i="1" s="1"/>
  <c r="A66443" i="1" s="1"/>
  <c r="A66444" i="1" s="1"/>
  <c r="A66445" i="1" s="1"/>
  <c r="A66446" i="1" s="1"/>
  <c r="A66447" i="1" s="1"/>
  <c r="A66448" i="1" s="1"/>
  <c r="A66449" i="1" s="1"/>
  <c r="A66450" i="1" s="1"/>
  <c r="A66451" i="1" s="1"/>
  <c r="A66452" i="1" s="1"/>
  <c r="A66453" i="1" s="1"/>
  <c r="A66454" i="1" s="1"/>
  <c r="A66455" i="1" s="1"/>
  <c r="A66456" i="1" s="1"/>
  <c r="A66457" i="1" s="1"/>
  <c r="A66458" i="1" s="1"/>
  <c r="A66459" i="1" s="1"/>
  <c r="A66460" i="1" s="1"/>
  <c r="A66461" i="1" s="1"/>
  <c r="A66462" i="1" s="1"/>
  <c r="A66463" i="1" s="1"/>
  <c r="A66464" i="1" s="1"/>
  <c r="A66465" i="1" s="1"/>
  <c r="A66466" i="1" s="1"/>
  <c r="A66467" i="1" s="1"/>
  <c r="A66468" i="1" s="1"/>
  <c r="A66469" i="1" s="1"/>
  <c r="A66470" i="1" s="1"/>
  <c r="A66471" i="1" s="1"/>
  <c r="A66472" i="1" s="1"/>
  <c r="A66473" i="1" s="1"/>
  <c r="A66474" i="1" s="1"/>
  <c r="A66475" i="1" s="1"/>
  <c r="A66476" i="1" s="1"/>
  <c r="A66477" i="1" s="1"/>
  <c r="A66478" i="1" s="1"/>
  <c r="A66479" i="1" s="1"/>
  <c r="A66480" i="1" s="1"/>
  <c r="A66481" i="1" s="1"/>
  <c r="A66482" i="1" s="1"/>
  <c r="A66483" i="1" s="1"/>
  <c r="A66484" i="1" s="1"/>
  <c r="A66485" i="1" s="1"/>
  <c r="A66486" i="1" s="1"/>
  <c r="A66487" i="1" s="1"/>
  <c r="A66488" i="1" s="1"/>
  <c r="A66489" i="1" s="1"/>
  <c r="A66490" i="1" s="1"/>
  <c r="A66491" i="1" s="1"/>
  <c r="A66492" i="1" s="1"/>
  <c r="A66493" i="1" s="1"/>
  <c r="A66494" i="1" s="1"/>
  <c r="A66495" i="1" s="1"/>
  <c r="A66496" i="1" s="1"/>
  <c r="A66497" i="1" s="1"/>
  <c r="A66498" i="1" s="1"/>
  <c r="A66499" i="1" s="1"/>
  <c r="A66500" i="1" s="1"/>
  <c r="A66501" i="1" s="1"/>
  <c r="A66502" i="1" s="1"/>
  <c r="A66503" i="1" s="1"/>
  <c r="A66504" i="1" s="1"/>
  <c r="A66505" i="1" s="1"/>
  <c r="A66506" i="1" s="1"/>
  <c r="A66507" i="1" s="1"/>
  <c r="A66508" i="1" s="1"/>
  <c r="A66509" i="1" s="1"/>
  <c r="A66510" i="1" s="1"/>
  <c r="A66511" i="1" s="1"/>
  <c r="A66512" i="1" s="1"/>
  <c r="A66513" i="1" s="1"/>
  <c r="A66514" i="1" s="1"/>
  <c r="A66515" i="1" s="1"/>
  <c r="A66516" i="1" s="1"/>
  <c r="A66517" i="1" s="1"/>
  <c r="A66518" i="1" s="1"/>
  <c r="A66519" i="1" s="1"/>
  <c r="A66520" i="1" s="1"/>
  <c r="A66521" i="1" s="1"/>
  <c r="A66522" i="1" s="1"/>
  <c r="A66523" i="1" s="1"/>
  <c r="A66524" i="1" s="1"/>
  <c r="A66525" i="1" s="1"/>
  <c r="A66526" i="1" s="1"/>
  <c r="A66527" i="1" s="1"/>
  <c r="A66528" i="1" s="1"/>
  <c r="A66529" i="1" s="1"/>
  <c r="A66530" i="1" s="1"/>
  <c r="A66531" i="1" s="1"/>
  <c r="A66532" i="1" s="1"/>
  <c r="A66533" i="1" s="1"/>
  <c r="A66534" i="1" s="1"/>
  <c r="A66535" i="1" s="1"/>
  <c r="A66536" i="1" s="1"/>
  <c r="A66537" i="1" s="1"/>
  <c r="A66538" i="1" s="1"/>
  <c r="A66539" i="1" s="1"/>
  <c r="A66540" i="1" s="1"/>
  <c r="A66541" i="1" s="1"/>
  <c r="A66542" i="1" s="1"/>
  <c r="A66543" i="1" s="1"/>
  <c r="A66544" i="1" s="1"/>
  <c r="A66545" i="1" s="1"/>
  <c r="A66546" i="1" s="1"/>
  <c r="A66547" i="1" s="1"/>
  <c r="A66548" i="1" s="1"/>
  <c r="A66549" i="1" s="1"/>
  <c r="A66550" i="1" s="1"/>
  <c r="A66551" i="1" s="1"/>
  <c r="A66552" i="1" s="1"/>
  <c r="A66553" i="1" s="1"/>
  <c r="A66554" i="1" s="1"/>
  <c r="A66555" i="1" s="1"/>
  <c r="A66556" i="1" s="1"/>
  <c r="A66557" i="1" s="1"/>
  <c r="A66558" i="1" s="1"/>
  <c r="A66559" i="1" s="1"/>
  <c r="A66560" i="1" s="1"/>
  <c r="A66561" i="1" s="1"/>
  <c r="A66562" i="1" s="1"/>
  <c r="A66563" i="1" s="1"/>
  <c r="A66564" i="1" s="1"/>
  <c r="A66565" i="1" s="1"/>
  <c r="A66566" i="1" s="1"/>
  <c r="A66567" i="1" s="1"/>
  <c r="A66568" i="1" s="1"/>
  <c r="A66569" i="1" s="1"/>
  <c r="A66570" i="1" s="1"/>
  <c r="A66571" i="1" s="1"/>
  <c r="A66572" i="1" s="1"/>
  <c r="A66573" i="1" s="1"/>
  <c r="A66574" i="1" s="1"/>
  <c r="A66575" i="1" s="1"/>
  <c r="A66576" i="1" s="1"/>
  <c r="A66577" i="1" s="1"/>
  <c r="A66578" i="1" s="1"/>
  <c r="A66579" i="1" s="1"/>
  <c r="A66580" i="1" s="1"/>
  <c r="A66581" i="1" s="1"/>
  <c r="A66582" i="1" s="1"/>
  <c r="A66583" i="1" s="1"/>
  <c r="A66584" i="1" s="1"/>
  <c r="A66585" i="1" s="1"/>
  <c r="A66586" i="1" s="1"/>
  <c r="A66587" i="1" s="1"/>
  <c r="A66588" i="1" s="1"/>
  <c r="A66589" i="1" s="1"/>
  <c r="A66590" i="1" s="1"/>
  <c r="A66591" i="1" s="1"/>
  <c r="A66592" i="1" s="1"/>
  <c r="A66593" i="1" s="1"/>
  <c r="A66594" i="1" s="1"/>
  <c r="A66595" i="1" s="1"/>
  <c r="A66596" i="1" s="1"/>
  <c r="A66597" i="1" s="1"/>
  <c r="A66598" i="1" s="1"/>
  <c r="A66599" i="1" s="1"/>
  <c r="A66600" i="1" s="1"/>
  <c r="A66601" i="1" s="1"/>
  <c r="A66602" i="1" s="1"/>
  <c r="A66603" i="1" s="1"/>
  <c r="A66604" i="1" s="1"/>
  <c r="A66605" i="1" s="1"/>
  <c r="A66606" i="1" s="1"/>
  <c r="A66607" i="1" s="1"/>
  <c r="A66608" i="1" s="1"/>
  <c r="A66609" i="1" s="1"/>
  <c r="A66610" i="1" s="1"/>
  <c r="A66611" i="1" s="1"/>
  <c r="A66612" i="1" s="1"/>
  <c r="A66613" i="1" s="1"/>
  <c r="A66614" i="1" s="1"/>
  <c r="A66615" i="1" s="1"/>
  <c r="A66616" i="1" s="1"/>
  <c r="A66617" i="1" s="1"/>
  <c r="A66618" i="1" s="1"/>
  <c r="A66619" i="1" s="1"/>
  <c r="A66620" i="1" s="1"/>
  <c r="A66621" i="1" s="1"/>
  <c r="A66622" i="1" s="1"/>
  <c r="A66623" i="1" s="1"/>
  <c r="A66624" i="1" s="1"/>
  <c r="A66625" i="1" s="1"/>
  <c r="A66626" i="1" s="1"/>
  <c r="A66627" i="1" s="1"/>
  <c r="A66628" i="1" s="1"/>
  <c r="A66629" i="1" s="1"/>
  <c r="A66630" i="1" s="1"/>
  <c r="A66631" i="1" s="1"/>
  <c r="A66632" i="1" s="1"/>
  <c r="A66633" i="1" s="1"/>
  <c r="A66634" i="1" s="1"/>
  <c r="A66635" i="1" s="1"/>
  <c r="A66636" i="1" s="1"/>
  <c r="A66637" i="1" s="1"/>
  <c r="A66638" i="1" s="1"/>
  <c r="A66639" i="1" s="1"/>
  <c r="A66640" i="1" s="1"/>
  <c r="A66641" i="1" s="1"/>
  <c r="A66642" i="1" s="1"/>
  <c r="A66643" i="1" s="1"/>
  <c r="A66644" i="1" s="1"/>
  <c r="A66645" i="1" s="1"/>
  <c r="A66646" i="1" s="1"/>
  <c r="A66647" i="1" s="1"/>
  <c r="A66648" i="1" s="1"/>
  <c r="A66649" i="1" s="1"/>
  <c r="A66650" i="1" s="1"/>
  <c r="A66651" i="1" s="1"/>
  <c r="A66652" i="1" s="1"/>
  <c r="A66653" i="1" s="1"/>
  <c r="A66654" i="1" s="1"/>
  <c r="A66655" i="1" s="1"/>
  <c r="A66656" i="1" s="1"/>
  <c r="A66657" i="1" s="1"/>
  <c r="A66658" i="1" s="1"/>
  <c r="A66659" i="1" s="1"/>
  <c r="A66660" i="1" s="1"/>
  <c r="A66661" i="1" s="1"/>
  <c r="A66662" i="1" s="1"/>
  <c r="A66663" i="1" s="1"/>
  <c r="A66664" i="1" s="1"/>
  <c r="A66665" i="1" s="1"/>
  <c r="A66666" i="1" s="1"/>
  <c r="A66667" i="1" s="1"/>
  <c r="A66668" i="1" s="1"/>
  <c r="A66669" i="1" s="1"/>
  <c r="A66670" i="1" s="1"/>
  <c r="A66671" i="1" s="1"/>
  <c r="A66672" i="1" s="1"/>
  <c r="A66673" i="1" s="1"/>
  <c r="A66674" i="1" s="1"/>
  <c r="A66675" i="1" s="1"/>
  <c r="A66676" i="1" s="1"/>
  <c r="A66677" i="1" s="1"/>
  <c r="A66678" i="1" s="1"/>
  <c r="A66679" i="1" s="1"/>
  <c r="A66680" i="1" s="1"/>
  <c r="A66681" i="1" s="1"/>
  <c r="A66682" i="1" s="1"/>
  <c r="A66683" i="1" s="1"/>
  <c r="A66684" i="1" s="1"/>
  <c r="A66685" i="1" s="1"/>
  <c r="A66686" i="1" s="1"/>
  <c r="A66687" i="1" s="1"/>
  <c r="A66688" i="1" s="1"/>
  <c r="A66689" i="1" s="1"/>
  <c r="A66690" i="1" s="1"/>
  <c r="A66691" i="1" s="1"/>
  <c r="A66692" i="1" s="1"/>
  <c r="A66693" i="1" s="1"/>
  <c r="A66694" i="1" s="1"/>
  <c r="A66695" i="1" s="1"/>
  <c r="A66696" i="1" s="1"/>
  <c r="A66697" i="1" s="1"/>
  <c r="A66698" i="1" s="1"/>
  <c r="A66699" i="1" s="1"/>
  <c r="A66700" i="1" s="1"/>
  <c r="A66701" i="1" s="1"/>
  <c r="A66702" i="1" s="1"/>
  <c r="A66703" i="1" s="1"/>
  <c r="A66704" i="1" s="1"/>
  <c r="A66705" i="1" s="1"/>
  <c r="A66706" i="1" s="1"/>
  <c r="A66707" i="1" s="1"/>
  <c r="A66708" i="1" s="1"/>
  <c r="A66709" i="1" s="1"/>
  <c r="A66710" i="1" s="1"/>
  <c r="A66711" i="1" s="1"/>
  <c r="A66712" i="1" s="1"/>
  <c r="A66713" i="1" s="1"/>
  <c r="A66714" i="1" s="1"/>
  <c r="A66715" i="1" s="1"/>
  <c r="A66716" i="1" s="1"/>
  <c r="A66717" i="1" s="1"/>
  <c r="A66718" i="1" s="1"/>
  <c r="A66719" i="1" s="1"/>
  <c r="A66720" i="1" s="1"/>
  <c r="A66721" i="1" s="1"/>
  <c r="A66722" i="1" s="1"/>
  <c r="A66723" i="1" s="1"/>
  <c r="A66724" i="1" s="1"/>
  <c r="A66725" i="1" s="1"/>
  <c r="A66726" i="1" s="1"/>
  <c r="A66727" i="1" s="1"/>
  <c r="A66728" i="1" s="1"/>
  <c r="A66729" i="1" s="1"/>
  <c r="A66730" i="1" s="1"/>
  <c r="A66731" i="1" s="1"/>
  <c r="A66732" i="1" s="1"/>
  <c r="A66733" i="1" s="1"/>
  <c r="A66734" i="1" s="1"/>
  <c r="A66735" i="1" s="1"/>
  <c r="A66736" i="1" s="1"/>
  <c r="A66737" i="1" s="1"/>
  <c r="A66738" i="1" s="1"/>
  <c r="A66739" i="1" s="1"/>
  <c r="A66740" i="1" s="1"/>
  <c r="A66741" i="1" s="1"/>
  <c r="A66742" i="1" s="1"/>
  <c r="A66743" i="1" s="1"/>
  <c r="A66744" i="1" s="1"/>
  <c r="A66745" i="1" s="1"/>
  <c r="A66746" i="1" s="1"/>
  <c r="A66747" i="1" s="1"/>
  <c r="A66748" i="1" s="1"/>
  <c r="A66749" i="1" s="1"/>
  <c r="A66750" i="1" s="1"/>
  <c r="A66751" i="1" s="1"/>
  <c r="A66752" i="1" s="1"/>
  <c r="A66753" i="1" s="1"/>
  <c r="A66754" i="1" s="1"/>
  <c r="A66755" i="1" s="1"/>
  <c r="A66756" i="1" s="1"/>
  <c r="A66757" i="1" s="1"/>
  <c r="A66758" i="1" s="1"/>
  <c r="A66759" i="1" s="1"/>
  <c r="A66760" i="1" s="1"/>
  <c r="A66761" i="1" s="1"/>
  <c r="A66762" i="1" s="1"/>
  <c r="A66763" i="1" s="1"/>
  <c r="A66764" i="1" s="1"/>
  <c r="A66765" i="1" s="1"/>
  <c r="A66766" i="1" s="1"/>
  <c r="A66767" i="1" s="1"/>
  <c r="A66768" i="1" s="1"/>
  <c r="A66769" i="1" s="1"/>
  <c r="A66770" i="1" s="1"/>
  <c r="A66771" i="1" s="1"/>
  <c r="A66772" i="1" s="1"/>
  <c r="A66773" i="1" s="1"/>
  <c r="A66774" i="1" s="1"/>
  <c r="A66775" i="1" s="1"/>
  <c r="A66776" i="1" s="1"/>
  <c r="A66777" i="1" s="1"/>
  <c r="A66778" i="1" s="1"/>
  <c r="A66779" i="1" s="1"/>
  <c r="A66780" i="1" s="1"/>
  <c r="A66781" i="1" s="1"/>
  <c r="A66782" i="1" s="1"/>
  <c r="A66783" i="1" s="1"/>
  <c r="A66784" i="1" s="1"/>
  <c r="A66785" i="1" s="1"/>
  <c r="A66786" i="1" s="1"/>
  <c r="A66787" i="1" s="1"/>
  <c r="A66788" i="1" s="1"/>
  <c r="A66789" i="1" s="1"/>
  <c r="A66790" i="1" s="1"/>
  <c r="A66791" i="1" s="1"/>
  <c r="A66792" i="1" s="1"/>
  <c r="A66793" i="1" s="1"/>
  <c r="A66794" i="1" s="1"/>
  <c r="A66795" i="1" s="1"/>
  <c r="A66796" i="1" s="1"/>
  <c r="A66797" i="1" s="1"/>
  <c r="A66798" i="1" s="1"/>
  <c r="A66799" i="1" s="1"/>
  <c r="A66800" i="1" s="1"/>
  <c r="A66801" i="1" s="1"/>
  <c r="A66802" i="1" s="1"/>
  <c r="A66803" i="1" s="1"/>
  <c r="A66804" i="1" s="1"/>
  <c r="A66805" i="1" s="1"/>
  <c r="A66806" i="1" s="1"/>
  <c r="A66807" i="1" s="1"/>
  <c r="A66808" i="1" s="1"/>
  <c r="A66809" i="1" s="1"/>
  <c r="A66810" i="1" s="1"/>
  <c r="A66811" i="1" s="1"/>
  <c r="A66812" i="1" s="1"/>
  <c r="A66813" i="1" s="1"/>
  <c r="A66814" i="1" s="1"/>
  <c r="A66815" i="1" s="1"/>
  <c r="A66816" i="1" s="1"/>
  <c r="A66817" i="1" s="1"/>
  <c r="A66818" i="1" s="1"/>
  <c r="A66819" i="1" s="1"/>
  <c r="A66820" i="1" s="1"/>
  <c r="A66821" i="1" s="1"/>
  <c r="A66822" i="1" s="1"/>
  <c r="A66823" i="1" s="1"/>
  <c r="A66824" i="1" s="1"/>
  <c r="A66825" i="1" s="1"/>
  <c r="A66826" i="1" s="1"/>
  <c r="A66827" i="1" s="1"/>
  <c r="A66828" i="1" s="1"/>
  <c r="A66829" i="1" s="1"/>
  <c r="A66830" i="1" s="1"/>
  <c r="A66831" i="1" s="1"/>
  <c r="A66832" i="1" s="1"/>
  <c r="A66833" i="1" s="1"/>
  <c r="A66834" i="1" s="1"/>
  <c r="A66835" i="1" s="1"/>
  <c r="A66836" i="1" s="1"/>
  <c r="A66837" i="1" s="1"/>
  <c r="A66838" i="1" s="1"/>
  <c r="A66839" i="1" s="1"/>
  <c r="A66840" i="1" s="1"/>
  <c r="A66841" i="1" s="1"/>
  <c r="A66842" i="1" s="1"/>
  <c r="A66843" i="1" s="1"/>
  <c r="A66844" i="1" s="1"/>
  <c r="A66845" i="1" s="1"/>
  <c r="A66846" i="1" s="1"/>
  <c r="A66847" i="1" s="1"/>
  <c r="A66848" i="1" s="1"/>
  <c r="A66849" i="1" s="1"/>
  <c r="A66850" i="1" s="1"/>
  <c r="A66851" i="1" s="1"/>
  <c r="A66852" i="1" s="1"/>
  <c r="A66853" i="1" s="1"/>
  <c r="A66854" i="1" s="1"/>
  <c r="A66855" i="1" s="1"/>
  <c r="A66856" i="1" s="1"/>
  <c r="A66857" i="1" s="1"/>
  <c r="A66858" i="1" s="1"/>
  <c r="A66859" i="1" s="1"/>
  <c r="A66860" i="1" s="1"/>
  <c r="A66861" i="1" s="1"/>
  <c r="A66862" i="1" s="1"/>
  <c r="A66863" i="1" s="1"/>
  <c r="A66864" i="1" s="1"/>
  <c r="A66865" i="1" s="1"/>
  <c r="A66866" i="1" s="1"/>
  <c r="A66867" i="1" s="1"/>
  <c r="A66868" i="1" s="1"/>
  <c r="A66869" i="1" s="1"/>
  <c r="A66870" i="1" s="1"/>
  <c r="A66871" i="1" s="1"/>
  <c r="A66872" i="1" s="1"/>
  <c r="A66873" i="1" s="1"/>
  <c r="A66874" i="1" s="1"/>
  <c r="A66875" i="1" s="1"/>
  <c r="A66876" i="1" s="1"/>
  <c r="A66877" i="1" s="1"/>
  <c r="A66878" i="1" s="1"/>
  <c r="A66879" i="1" s="1"/>
  <c r="A66880" i="1" s="1"/>
  <c r="A66881" i="1" s="1"/>
  <c r="A66882" i="1" s="1"/>
  <c r="A66883" i="1" s="1"/>
  <c r="A66884" i="1" s="1"/>
  <c r="A66885" i="1" s="1"/>
  <c r="A66886" i="1" s="1"/>
  <c r="A66887" i="1" s="1"/>
  <c r="A66888" i="1" s="1"/>
  <c r="A66889" i="1" s="1"/>
  <c r="A66890" i="1" s="1"/>
  <c r="A66891" i="1" s="1"/>
  <c r="A66892" i="1" s="1"/>
  <c r="A66893" i="1" s="1"/>
  <c r="A66894" i="1" s="1"/>
  <c r="A66895" i="1" s="1"/>
  <c r="A66896" i="1" s="1"/>
  <c r="A66897" i="1" s="1"/>
  <c r="A66898" i="1" s="1"/>
  <c r="A66899" i="1" s="1"/>
  <c r="A66900" i="1" s="1"/>
  <c r="A66901" i="1" s="1"/>
  <c r="A66902" i="1" s="1"/>
  <c r="A66903" i="1" s="1"/>
  <c r="A66904" i="1" s="1"/>
  <c r="A66905" i="1" s="1"/>
  <c r="A66906" i="1" s="1"/>
  <c r="A66907" i="1" s="1"/>
  <c r="A66908" i="1" s="1"/>
  <c r="A66909" i="1" s="1"/>
  <c r="A66910" i="1" s="1"/>
  <c r="A66911" i="1" s="1"/>
  <c r="A66912" i="1" s="1"/>
  <c r="A66913" i="1" s="1"/>
  <c r="A66914" i="1" s="1"/>
  <c r="A66915" i="1" s="1"/>
  <c r="A66916" i="1" s="1"/>
  <c r="A66917" i="1" s="1"/>
  <c r="A66918" i="1" s="1"/>
  <c r="A66919" i="1" s="1"/>
  <c r="A66920" i="1" s="1"/>
  <c r="A66921" i="1" s="1"/>
  <c r="A66922" i="1" s="1"/>
  <c r="A66923" i="1" s="1"/>
  <c r="A66924" i="1" s="1"/>
  <c r="A66925" i="1" s="1"/>
  <c r="A66926" i="1" s="1"/>
  <c r="A66927" i="1" s="1"/>
  <c r="A66928" i="1" s="1"/>
  <c r="A66929" i="1" s="1"/>
  <c r="A66930" i="1" s="1"/>
  <c r="A66931" i="1" s="1"/>
  <c r="A66932" i="1" s="1"/>
  <c r="A66933" i="1" s="1"/>
  <c r="A66934" i="1" s="1"/>
  <c r="A66935" i="1" s="1"/>
  <c r="A66936" i="1" s="1"/>
  <c r="A66937" i="1" s="1"/>
  <c r="A66938" i="1" s="1"/>
  <c r="A66939" i="1" s="1"/>
  <c r="A66940" i="1" s="1"/>
  <c r="A66941" i="1" s="1"/>
  <c r="A66942" i="1" s="1"/>
  <c r="A66943" i="1" s="1"/>
  <c r="A66944" i="1" s="1"/>
  <c r="A66945" i="1" s="1"/>
  <c r="A66946" i="1" s="1"/>
  <c r="A66947" i="1" s="1"/>
  <c r="A66948" i="1" s="1"/>
  <c r="A66949" i="1" s="1"/>
  <c r="A66950" i="1" s="1"/>
  <c r="A66951" i="1" s="1"/>
  <c r="A66952" i="1" s="1"/>
  <c r="A66953" i="1" s="1"/>
  <c r="A66954" i="1" s="1"/>
  <c r="A66955" i="1" s="1"/>
  <c r="A66956" i="1" s="1"/>
  <c r="A66957" i="1" s="1"/>
  <c r="A66958" i="1" s="1"/>
  <c r="A66959" i="1" s="1"/>
  <c r="A66960" i="1" s="1"/>
  <c r="A66961" i="1" s="1"/>
  <c r="A66962" i="1" s="1"/>
  <c r="A66963" i="1" s="1"/>
  <c r="A66964" i="1" s="1"/>
  <c r="A66965" i="1" s="1"/>
  <c r="A66966" i="1" s="1"/>
  <c r="A66967" i="1" s="1"/>
  <c r="A66968" i="1" s="1"/>
  <c r="A66969" i="1" s="1"/>
  <c r="A66970" i="1" s="1"/>
  <c r="A66971" i="1" s="1"/>
  <c r="A66972" i="1" s="1"/>
  <c r="A66973" i="1" s="1"/>
  <c r="A66974" i="1" s="1"/>
  <c r="A66975" i="1" s="1"/>
  <c r="A66976" i="1" s="1"/>
  <c r="A66977" i="1" s="1"/>
  <c r="A66978" i="1" s="1"/>
  <c r="A66979" i="1" s="1"/>
  <c r="A66980" i="1" s="1"/>
  <c r="A66981" i="1" s="1"/>
  <c r="A66982" i="1" s="1"/>
  <c r="A66983" i="1" s="1"/>
  <c r="A66984" i="1" s="1"/>
  <c r="A66985" i="1" s="1"/>
  <c r="A66986" i="1" s="1"/>
  <c r="A66987" i="1" s="1"/>
  <c r="A66988" i="1" s="1"/>
  <c r="A66989" i="1" s="1"/>
  <c r="A66990" i="1" s="1"/>
  <c r="A66991" i="1" s="1"/>
  <c r="A66992" i="1" s="1"/>
  <c r="A66993" i="1" s="1"/>
  <c r="A66994" i="1" s="1"/>
  <c r="A66995" i="1" s="1"/>
  <c r="A66996" i="1" s="1"/>
  <c r="A66997" i="1" s="1"/>
  <c r="A66998" i="1" s="1"/>
  <c r="A66999" i="1" s="1"/>
  <c r="A67000" i="1" s="1"/>
  <c r="A67001" i="1" s="1"/>
  <c r="A67002" i="1" s="1"/>
  <c r="A67003" i="1" s="1"/>
  <c r="A67004" i="1" s="1"/>
  <c r="A67005" i="1" s="1"/>
  <c r="A67006" i="1" s="1"/>
  <c r="A67007" i="1" s="1"/>
  <c r="A67008" i="1" s="1"/>
  <c r="A67009" i="1" s="1"/>
  <c r="A67010" i="1" s="1"/>
  <c r="A67011" i="1" s="1"/>
  <c r="A67012" i="1" s="1"/>
  <c r="A67013" i="1" s="1"/>
  <c r="A67014" i="1" s="1"/>
  <c r="A67015" i="1" s="1"/>
  <c r="A67016" i="1" s="1"/>
  <c r="A67017" i="1" s="1"/>
  <c r="A67018" i="1" s="1"/>
  <c r="A67019" i="1" s="1"/>
  <c r="A67020" i="1" s="1"/>
  <c r="A67021" i="1" s="1"/>
  <c r="A67022" i="1" s="1"/>
  <c r="A67023" i="1" s="1"/>
  <c r="A67024" i="1" s="1"/>
  <c r="A67025" i="1" s="1"/>
  <c r="A67026" i="1" s="1"/>
  <c r="A67027" i="1" s="1"/>
  <c r="A67028" i="1" s="1"/>
  <c r="A67029" i="1" s="1"/>
  <c r="A67030" i="1" s="1"/>
  <c r="A67031" i="1" s="1"/>
  <c r="A67032" i="1" s="1"/>
  <c r="A67033" i="1" s="1"/>
  <c r="A67034" i="1" s="1"/>
  <c r="A67035" i="1" s="1"/>
  <c r="A67036" i="1" s="1"/>
  <c r="A67037" i="1" s="1"/>
  <c r="A67038" i="1" s="1"/>
  <c r="A67039" i="1" s="1"/>
  <c r="A67040" i="1" s="1"/>
  <c r="A67041" i="1" s="1"/>
  <c r="A67042" i="1" s="1"/>
  <c r="A67043" i="1" s="1"/>
  <c r="A67044" i="1" s="1"/>
  <c r="A67045" i="1" s="1"/>
  <c r="A67046" i="1" s="1"/>
  <c r="A67047" i="1" s="1"/>
  <c r="A67048" i="1" s="1"/>
  <c r="A67049" i="1" s="1"/>
  <c r="A67050" i="1" s="1"/>
  <c r="A67051" i="1" s="1"/>
  <c r="A67052" i="1" s="1"/>
  <c r="A67053" i="1" s="1"/>
  <c r="A67054" i="1" s="1"/>
  <c r="A67055" i="1" s="1"/>
  <c r="A67056" i="1" s="1"/>
  <c r="A67057" i="1" s="1"/>
  <c r="A67058" i="1" s="1"/>
  <c r="A67059" i="1" s="1"/>
  <c r="A67060" i="1" s="1"/>
  <c r="A67061" i="1" s="1"/>
  <c r="A67062" i="1" s="1"/>
  <c r="A67063" i="1" s="1"/>
  <c r="A67064" i="1" s="1"/>
  <c r="A67065" i="1" s="1"/>
  <c r="A67066" i="1" s="1"/>
  <c r="A67067" i="1" s="1"/>
  <c r="A67068" i="1" s="1"/>
  <c r="A67069" i="1" s="1"/>
  <c r="A67070" i="1" s="1"/>
  <c r="A67071" i="1" s="1"/>
  <c r="A67072" i="1" s="1"/>
  <c r="A67073" i="1" s="1"/>
  <c r="A67074" i="1" s="1"/>
  <c r="A67075" i="1" s="1"/>
  <c r="A67076" i="1" s="1"/>
  <c r="A67077" i="1" s="1"/>
  <c r="A67078" i="1" s="1"/>
  <c r="A67079" i="1" s="1"/>
  <c r="A67080" i="1" s="1"/>
  <c r="A67081" i="1" s="1"/>
  <c r="A67082" i="1" s="1"/>
  <c r="A67083" i="1" s="1"/>
  <c r="A67084" i="1" s="1"/>
  <c r="A67085" i="1" s="1"/>
  <c r="A67086" i="1" s="1"/>
  <c r="A67087" i="1" s="1"/>
  <c r="A67088" i="1" s="1"/>
  <c r="A67089" i="1" s="1"/>
  <c r="A67090" i="1" s="1"/>
  <c r="A67091" i="1" s="1"/>
  <c r="A67092" i="1" s="1"/>
  <c r="A67093" i="1" s="1"/>
  <c r="A67094" i="1" s="1"/>
  <c r="A67095" i="1" s="1"/>
  <c r="A67096" i="1" s="1"/>
  <c r="A67097" i="1" s="1"/>
  <c r="A67098" i="1" s="1"/>
  <c r="A67099" i="1" s="1"/>
  <c r="A67100" i="1" s="1"/>
  <c r="A67101" i="1" s="1"/>
  <c r="A67102" i="1" s="1"/>
  <c r="A67103" i="1" s="1"/>
  <c r="A67104" i="1" s="1"/>
  <c r="A67105" i="1" s="1"/>
  <c r="A67106" i="1" s="1"/>
  <c r="A67107" i="1" s="1"/>
  <c r="A67108" i="1" s="1"/>
  <c r="A67109" i="1" s="1"/>
  <c r="A67110" i="1" s="1"/>
  <c r="A67111" i="1" s="1"/>
  <c r="A67112" i="1" s="1"/>
  <c r="A67113" i="1" s="1"/>
  <c r="A67114" i="1" s="1"/>
  <c r="A67115" i="1" s="1"/>
  <c r="A67116" i="1" s="1"/>
  <c r="A67117" i="1" s="1"/>
  <c r="A67118" i="1" s="1"/>
  <c r="A67119" i="1" s="1"/>
  <c r="A67120" i="1" s="1"/>
  <c r="A67121" i="1" s="1"/>
  <c r="A67122" i="1" s="1"/>
  <c r="A67123" i="1" s="1"/>
  <c r="A67124" i="1" s="1"/>
  <c r="A67125" i="1" s="1"/>
  <c r="A67126" i="1" s="1"/>
  <c r="A67127" i="1" s="1"/>
  <c r="A67128" i="1" s="1"/>
  <c r="A67129" i="1" s="1"/>
  <c r="A67130" i="1" s="1"/>
  <c r="A67131" i="1" s="1"/>
  <c r="A67132" i="1" s="1"/>
  <c r="A67133" i="1" s="1"/>
  <c r="A67134" i="1" s="1"/>
  <c r="A67135" i="1" s="1"/>
  <c r="A67136" i="1" s="1"/>
  <c r="A67137" i="1" s="1"/>
  <c r="A67138" i="1" s="1"/>
  <c r="A67139" i="1" s="1"/>
  <c r="A67140" i="1" s="1"/>
  <c r="A67141" i="1" s="1"/>
  <c r="A67142" i="1" s="1"/>
  <c r="A67143" i="1" s="1"/>
  <c r="A67144" i="1" s="1"/>
  <c r="A67145" i="1" s="1"/>
  <c r="A67146" i="1" s="1"/>
  <c r="A67147" i="1" s="1"/>
  <c r="A67148" i="1" s="1"/>
  <c r="A67149" i="1" s="1"/>
  <c r="A67150" i="1" s="1"/>
  <c r="A67151" i="1" s="1"/>
  <c r="A67152" i="1" s="1"/>
  <c r="A67153" i="1" s="1"/>
  <c r="A67154" i="1" s="1"/>
  <c r="A67155" i="1" s="1"/>
  <c r="A67156" i="1" s="1"/>
  <c r="A67157" i="1" s="1"/>
  <c r="A67158" i="1" s="1"/>
  <c r="A67159" i="1" s="1"/>
  <c r="A67160" i="1" s="1"/>
  <c r="A67161" i="1" s="1"/>
  <c r="A67162" i="1" s="1"/>
  <c r="A67163" i="1" s="1"/>
  <c r="A67164" i="1" s="1"/>
  <c r="A67165" i="1" s="1"/>
  <c r="A67166" i="1" s="1"/>
  <c r="A67167" i="1" s="1"/>
  <c r="A67168" i="1" s="1"/>
  <c r="A67169" i="1" s="1"/>
  <c r="A67170" i="1" s="1"/>
  <c r="A67171" i="1" s="1"/>
  <c r="A67172" i="1" s="1"/>
  <c r="A67173" i="1" s="1"/>
  <c r="A67174" i="1" s="1"/>
  <c r="A67175" i="1" s="1"/>
  <c r="A67176" i="1" s="1"/>
  <c r="A67177" i="1" s="1"/>
  <c r="A67178" i="1" s="1"/>
  <c r="A67179" i="1" s="1"/>
  <c r="A67180" i="1" s="1"/>
  <c r="A67181" i="1" s="1"/>
  <c r="A67182" i="1" s="1"/>
  <c r="A67183" i="1" s="1"/>
  <c r="A67184" i="1" s="1"/>
  <c r="A67185" i="1" s="1"/>
  <c r="A67186" i="1" s="1"/>
  <c r="A67187" i="1" s="1"/>
  <c r="A67188" i="1" s="1"/>
  <c r="A67189" i="1" s="1"/>
  <c r="A67190" i="1" s="1"/>
  <c r="A67191" i="1" s="1"/>
  <c r="A67192" i="1" s="1"/>
  <c r="A67193" i="1" s="1"/>
  <c r="A67194" i="1" s="1"/>
  <c r="A67195" i="1" s="1"/>
  <c r="A67196" i="1" s="1"/>
  <c r="A67197" i="1" s="1"/>
  <c r="A67198" i="1" s="1"/>
  <c r="A67199" i="1" s="1"/>
  <c r="A67200" i="1" s="1"/>
  <c r="A67201" i="1" s="1"/>
  <c r="A67202" i="1" s="1"/>
  <c r="A67203" i="1" s="1"/>
  <c r="A67204" i="1" s="1"/>
  <c r="A67205" i="1" s="1"/>
  <c r="A67206" i="1" s="1"/>
  <c r="A67207" i="1" s="1"/>
  <c r="A67208" i="1" s="1"/>
  <c r="A67209" i="1" s="1"/>
  <c r="A67210" i="1" s="1"/>
  <c r="A67211" i="1" s="1"/>
  <c r="A67212" i="1" s="1"/>
  <c r="A67213" i="1" s="1"/>
  <c r="A67214" i="1" s="1"/>
  <c r="A67215" i="1" s="1"/>
  <c r="A67216" i="1" s="1"/>
  <c r="A67217" i="1" s="1"/>
  <c r="A67218" i="1" s="1"/>
  <c r="A67219" i="1" s="1"/>
  <c r="A67220" i="1" s="1"/>
  <c r="A67221" i="1" s="1"/>
  <c r="A67222" i="1" s="1"/>
  <c r="A67223" i="1" s="1"/>
  <c r="A67224" i="1" s="1"/>
  <c r="A67225" i="1" s="1"/>
  <c r="A67226" i="1" s="1"/>
  <c r="A67227" i="1" s="1"/>
  <c r="A67228" i="1" s="1"/>
  <c r="A67229" i="1" s="1"/>
  <c r="A67230" i="1" s="1"/>
  <c r="A67231" i="1" s="1"/>
  <c r="A67232" i="1" s="1"/>
  <c r="A67233" i="1" s="1"/>
  <c r="A67234" i="1" s="1"/>
  <c r="A67235" i="1" s="1"/>
  <c r="A67236" i="1" s="1"/>
  <c r="A67237" i="1" s="1"/>
  <c r="A67238" i="1" s="1"/>
  <c r="A67239" i="1" s="1"/>
  <c r="A67240" i="1" s="1"/>
  <c r="A67241" i="1" s="1"/>
  <c r="A67242" i="1" s="1"/>
  <c r="A67243" i="1" s="1"/>
  <c r="A67244" i="1" s="1"/>
  <c r="A67245" i="1" s="1"/>
  <c r="A67246" i="1" s="1"/>
  <c r="A67247" i="1" s="1"/>
  <c r="A67248" i="1" s="1"/>
  <c r="A67249" i="1" s="1"/>
  <c r="A67250" i="1" s="1"/>
  <c r="A67251" i="1" s="1"/>
  <c r="A67252" i="1" s="1"/>
  <c r="A67253" i="1" s="1"/>
  <c r="A67254" i="1" s="1"/>
  <c r="A67255" i="1" s="1"/>
  <c r="A67256" i="1" s="1"/>
  <c r="A67257" i="1" s="1"/>
  <c r="A67258" i="1" s="1"/>
  <c r="A67259" i="1" s="1"/>
  <c r="A67260" i="1" s="1"/>
  <c r="A67261" i="1" s="1"/>
  <c r="A67262" i="1" s="1"/>
  <c r="A67263" i="1" s="1"/>
  <c r="A67264" i="1" s="1"/>
  <c r="A67265" i="1" s="1"/>
  <c r="A67266" i="1" s="1"/>
  <c r="A67267" i="1" s="1"/>
  <c r="A67268" i="1" s="1"/>
  <c r="A67269" i="1" s="1"/>
  <c r="A67270" i="1" s="1"/>
  <c r="A67271" i="1" s="1"/>
  <c r="A67272" i="1" s="1"/>
  <c r="A67273" i="1" s="1"/>
  <c r="A67274" i="1" s="1"/>
  <c r="A67275" i="1" s="1"/>
  <c r="A67276" i="1" s="1"/>
  <c r="A67277" i="1" s="1"/>
  <c r="A67278" i="1" s="1"/>
  <c r="A67279" i="1" s="1"/>
  <c r="A67280" i="1" s="1"/>
  <c r="A67281" i="1" s="1"/>
  <c r="A67282" i="1" s="1"/>
  <c r="A67283" i="1" s="1"/>
  <c r="A67284" i="1" s="1"/>
  <c r="A67285" i="1" s="1"/>
  <c r="A67286" i="1" s="1"/>
  <c r="A67287" i="1" s="1"/>
  <c r="A67288" i="1" s="1"/>
  <c r="A67289" i="1" s="1"/>
  <c r="A67290" i="1" s="1"/>
  <c r="A67291" i="1" s="1"/>
  <c r="A67292" i="1" s="1"/>
  <c r="A67293" i="1" s="1"/>
  <c r="A67294" i="1" s="1"/>
  <c r="A67295" i="1" s="1"/>
  <c r="A67296" i="1" s="1"/>
  <c r="A67297" i="1" s="1"/>
  <c r="A67298" i="1" s="1"/>
  <c r="A67299" i="1" s="1"/>
  <c r="A67300" i="1" s="1"/>
  <c r="A67301" i="1" s="1"/>
  <c r="A67302" i="1" s="1"/>
  <c r="A67303" i="1" s="1"/>
  <c r="A67304" i="1" s="1"/>
  <c r="A67305" i="1" s="1"/>
  <c r="A67306" i="1" s="1"/>
  <c r="A67307" i="1" s="1"/>
  <c r="A67308" i="1" s="1"/>
  <c r="A67309" i="1" s="1"/>
  <c r="A67310" i="1" s="1"/>
  <c r="A67311" i="1" s="1"/>
  <c r="A67312" i="1" s="1"/>
  <c r="A67313" i="1" s="1"/>
  <c r="A67314" i="1" s="1"/>
  <c r="A67315" i="1" s="1"/>
  <c r="A67316" i="1" s="1"/>
  <c r="A67317" i="1" s="1"/>
  <c r="A67318" i="1" s="1"/>
  <c r="A67319" i="1" s="1"/>
  <c r="A67320" i="1" s="1"/>
  <c r="A67321" i="1" s="1"/>
  <c r="A67322" i="1" s="1"/>
  <c r="A67323" i="1" s="1"/>
  <c r="A67324" i="1" s="1"/>
  <c r="A67325" i="1" s="1"/>
  <c r="A67326" i="1" s="1"/>
  <c r="A67327" i="1" s="1"/>
  <c r="A67328" i="1" s="1"/>
  <c r="A67329" i="1" s="1"/>
  <c r="A67330" i="1" s="1"/>
  <c r="A67331" i="1" s="1"/>
  <c r="A67332" i="1" s="1"/>
  <c r="A67333" i="1" s="1"/>
  <c r="A67334" i="1" s="1"/>
  <c r="A67335" i="1" s="1"/>
  <c r="A67336" i="1" s="1"/>
  <c r="A67337" i="1" s="1"/>
  <c r="A67338" i="1" s="1"/>
  <c r="A67339" i="1" s="1"/>
  <c r="A67340" i="1" s="1"/>
  <c r="A67341" i="1" s="1"/>
  <c r="A67342" i="1" s="1"/>
  <c r="A67343" i="1" s="1"/>
  <c r="A67344" i="1" s="1"/>
  <c r="A67345" i="1" s="1"/>
  <c r="A67346" i="1" s="1"/>
  <c r="A67347" i="1" s="1"/>
  <c r="A67348" i="1" s="1"/>
  <c r="A67349" i="1" s="1"/>
  <c r="A67350" i="1" s="1"/>
  <c r="A67351" i="1" s="1"/>
  <c r="A67352" i="1" s="1"/>
  <c r="A67353" i="1" s="1"/>
  <c r="A67354" i="1" s="1"/>
  <c r="A67355" i="1" s="1"/>
  <c r="A67356" i="1" s="1"/>
  <c r="A67357" i="1" s="1"/>
  <c r="A67358" i="1" s="1"/>
  <c r="A67359" i="1" s="1"/>
  <c r="A67360" i="1" s="1"/>
  <c r="A67361" i="1" s="1"/>
  <c r="A67362" i="1" s="1"/>
  <c r="A67363" i="1" s="1"/>
  <c r="A67364" i="1" s="1"/>
  <c r="A67365" i="1" s="1"/>
  <c r="A67366" i="1" s="1"/>
  <c r="A67367" i="1" s="1"/>
  <c r="A67368" i="1" s="1"/>
  <c r="A67369" i="1" s="1"/>
  <c r="A67370" i="1" s="1"/>
  <c r="A67371" i="1" s="1"/>
  <c r="A67372" i="1" s="1"/>
  <c r="A67373" i="1" s="1"/>
  <c r="A67374" i="1" s="1"/>
  <c r="A67375" i="1" s="1"/>
  <c r="A67376" i="1" s="1"/>
  <c r="A67377" i="1" s="1"/>
  <c r="A67378" i="1" s="1"/>
  <c r="A67379" i="1" s="1"/>
  <c r="A67380" i="1" s="1"/>
  <c r="A67381" i="1" s="1"/>
  <c r="A67382" i="1" s="1"/>
  <c r="A67383" i="1" s="1"/>
  <c r="A67384" i="1" s="1"/>
  <c r="A67385" i="1" s="1"/>
  <c r="A67386" i="1" s="1"/>
  <c r="A67387" i="1" s="1"/>
  <c r="A67388" i="1" s="1"/>
  <c r="A67389" i="1" s="1"/>
  <c r="A67390" i="1" s="1"/>
  <c r="A67391" i="1" s="1"/>
  <c r="A67392" i="1" s="1"/>
  <c r="A67393" i="1" s="1"/>
  <c r="A67394" i="1" s="1"/>
  <c r="A67395" i="1" s="1"/>
  <c r="A67396" i="1" s="1"/>
  <c r="A67397" i="1" s="1"/>
  <c r="A67398" i="1" s="1"/>
  <c r="A67399" i="1" s="1"/>
  <c r="A67400" i="1" s="1"/>
  <c r="A67401" i="1" s="1"/>
  <c r="A67402" i="1" s="1"/>
  <c r="A67403" i="1" s="1"/>
  <c r="A67404" i="1" s="1"/>
  <c r="A67405" i="1" s="1"/>
  <c r="A67406" i="1" s="1"/>
  <c r="A67407" i="1" s="1"/>
  <c r="A67408" i="1" s="1"/>
  <c r="A67409" i="1" s="1"/>
  <c r="A67410" i="1" s="1"/>
  <c r="A67411" i="1" s="1"/>
  <c r="A67412" i="1" s="1"/>
  <c r="A67413" i="1" s="1"/>
  <c r="A67414" i="1" s="1"/>
  <c r="A67415" i="1" s="1"/>
  <c r="A67416" i="1" s="1"/>
  <c r="A67417" i="1" s="1"/>
  <c r="A67418" i="1" s="1"/>
  <c r="A67419" i="1" s="1"/>
  <c r="A67420" i="1" s="1"/>
  <c r="A67421" i="1" s="1"/>
  <c r="A67422" i="1" s="1"/>
  <c r="A67423" i="1" s="1"/>
  <c r="A67424" i="1" s="1"/>
  <c r="A67425" i="1" s="1"/>
  <c r="A67426" i="1" s="1"/>
  <c r="A67427" i="1" s="1"/>
  <c r="A67428" i="1" s="1"/>
  <c r="A67429" i="1" s="1"/>
  <c r="A67430" i="1" s="1"/>
  <c r="A67431" i="1" s="1"/>
  <c r="A67432" i="1" s="1"/>
  <c r="A67433" i="1" s="1"/>
  <c r="A67434" i="1" s="1"/>
  <c r="A67435" i="1" s="1"/>
  <c r="A67436" i="1" s="1"/>
  <c r="A67437" i="1" s="1"/>
  <c r="A67438" i="1" s="1"/>
  <c r="A67439" i="1" s="1"/>
  <c r="A67440" i="1" s="1"/>
  <c r="A67441" i="1" s="1"/>
  <c r="A67442" i="1" s="1"/>
  <c r="A67443" i="1" s="1"/>
  <c r="A67444" i="1" s="1"/>
  <c r="A67445" i="1" s="1"/>
  <c r="A67446" i="1" s="1"/>
  <c r="A67447" i="1" s="1"/>
  <c r="A67448" i="1" s="1"/>
  <c r="A67449" i="1" s="1"/>
  <c r="A67450" i="1" s="1"/>
  <c r="A67451" i="1" s="1"/>
  <c r="A67452" i="1" s="1"/>
  <c r="A67453" i="1" s="1"/>
  <c r="A67454" i="1" s="1"/>
  <c r="A67455" i="1" s="1"/>
  <c r="A67456" i="1" s="1"/>
  <c r="A67457" i="1" s="1"/>
  <c r="A67458" i="1" s="1"/>
  <c r="A67459" i="1" s="1"/>
  <c r="A67460" i="1" s="1"/>
  <c r="A67461" i="1" s="1"/>
  <c r="A67462" i="1" s="1"/>
  <c r="A67463" i="1" s="1"/>
  <c r="A67464" i="1" s="1"/>
  <c r="A67465" i="1" s="1"/>
  <c r="A67466" i="1" s="1"/>
  <c r="A67467" i="1" s="1"/>
  <c r="A67468" i="1" s="1"/>
  <c r="A67469" i="1" s="1"/>
  <c r="A67470" i="1" s="1"/>
  <c r="A67471" i="1" s="1"/>
  <c r="A67472" i="1" s="1"/>
  <c r="A67473" i="1" s="1"/>
  <c r="A67474" i="1" s="1"/>
  <c r="A67475" i="1" s="1"/>
  <c r="A67476" i="1" s="1"/>
  <c r="A67477" i="1" s="1"/>
  <c r="A67478" i="1" s="1"/>
  <c r="A67479" i="1" s="1"/>
  <c r="A67480" i="1" s="1"/>
  <c r="A67481" i="1" s="1"/>
  <c r="A67482" i="1" s="1"/>
  <c r="A67483" i="1" s="1"/>
  <c r="A67484" i="1" s="1"/>
  <c r="A67485" i="1" s="1"/>
  <c r="A67486" i="1" s="1"/>
  <c r="A67487" i="1" s="1"/>
  <c r="A67488" i="1" s="1"/>
  <c r="A67489" i="1" s="1"/>
  <c r="A67490" i="1" s="1"/>
  <c r="A67491" i="1" s="1"/>
  <c r="A67492" i="1" s="1"/>
  <c r="A67493" i="1" s="1"/>
  <c r="A67494" i="1" s="1"/>
  <c r="A67495" i="1" s="1"/>
  <c r="A67496" i="1" s="1"/>
  <c r="A67497" i="1" s="1"/>
  <c r="A67498" i="1" s="1"/>
  <c r="A67499" i="1" s="1"/>
  <c r="A67500" i="1" s="1"/>
  <c r="A67501" i="1" s="1"/>
  <c r="A67502" i="1" s="1"/>
  <c r="A67503" i="1" s="1"/>
  <c r="A67504" i="1" s="1"/>
  <c r="A67505" i="1" s="1"/>
  <c r="A67506" i="1" s="1"/>
  <c r="A67507" i="1" s="1"/>
  <c r="A67508" i="1" s="1"/>
  <c r="A67509" i="1" s="1"/>
  <c r="A67510" i="1" s="1"/>
  <c r="A67511" i="1" s="1"/>
  <c r="A67512" i="1" s="1"/>
  <c r="A67513" i="1" s="1"/>
  <c r="A67514" i="1" s="1"/>
  <c r="A67515" i="1" s="1"/>
  <c r="A67516" i="1" s="1"/>
  <c r="A67517" i="1" s="1"/>
  <c r="A67518" i="1" s="1"/>
  <c r="A67519" i="1" s="1"/>
  <c r="A67520" i="1" s="1"/>
  <c r="A67521" i="1" s="1"/>
  <c r="A67522" i="1" s="1"/>
  <c r="A67523" i="1" s="1"/>
  <c r="A67524" i="1" s="1"/>
  <c r="A67525" i="1" s="1"/>
  <c r="A67526" i="1" s="1"/>
  <c r="A67527" i="1" s="1"/>
  <c r="A67528" i="1" s="1"/>
  <c r="A67529" i="1" s="1"/>
  <c r="A67530" i="1" s="1"/>
  <c r="A67531" i="1" s="1"/>
  <c r="A67532" i="1" s="1"/>
  <c r="A67533" i="1" s="1"/>
  <c r="A67534" i="1" s="1"/>
  <c r="A67535" i="1" s="1"/>
  <c r="A67536" i="1" s="1"/>
  <c r="A67537" i="1" s="1"/>
  <c r="A67538" i="1" s="1"/>
  <c r="A67539" i="1" s="1"/>
  <c r="A67540" i="1" s="1"/>
  <c r="A67541" i="1" s="1"/>
  <c r="A67542" i="1" s="1"/>
  <c r="A67543" i="1" s="1"/>
  <c r="A67544" i="1" s="1"/>
  <c r="A67545" i="1" s="1"/>
  <c r="A67546" i="1" s="1"/>
  <c r="A67547" i="1" s="1"/>
  <c r="A67548" i="1" s="1"/>
  <c r="A67549" i="1" s="1"/>
  <c r="A67550" i="1" s="1"/>
  <c r="A67551" i="1" s="1"/>
  <c r="A67552" i="1" s="1"/>
  <c r="A67553" i="1" s="1"/>
  <c r="A67554" i="1" s="1"/>
  <c r="A67555" i="1" s="1"/>
  <c r="A67556" i="1" s="1"/>
  <c r="A67557" i="1" s="1"/>
  <c r="A67558" i="1" s="1"/>
  <c r="A67559" i="1" s="1"/>
  <c r="A67560" i="1" s="1"/>
  <c r="A67561" i="1" s="1"/>
  <c r="A67562" i="1" s="1"/>
  <c r="A67563" i="1" s="1"/>
  <c r="A67564" i="1" s="1"/>
  <c r="A67565" i="1" s="1"/>
  <c r="A67566" i="1" s="1"/>
  <c r="A67567" i="1" s="1"/>
  <c r="A67568" i="1" s="1"/>
  <c r="A67569" i="1" s="1"/>
  <c r="A67570" i="1" s="1"/>
  <c r="A67571" i="1" s="1"/>
  <c r="A67572" i="1" s="1"/>
  <c r="A67573" i="1" s="1"/>
  <c r="A67574" i="1" s="1"/>
  <c r="A67575" i="1" s="1"/>
  <c r="A67576" i="1" s="1"/>
  <c r="A67577" i="1" s="1"/>
  <c r="A67578" i="1" s="1"/>
  <c r="A67579" i="1" s="1"/>
  <c r="A67580" i="1" s="1"/>
  <c r="A67581" i="1" s="1"/>
  <c r="A67582" i="1" s="1"/>
  <c r="A67583" i="1" s="1"/>
  <c r="A67584" i="1" s="1"/>
  <c r="A67585" i="1" s="1"/>
  <c r="A67586" i="1" s="1"/>
  <c r="A67587" i="1" s="1"/>
  <c r="A67588" i="1" s="1"/>
  <c r="A67589" i="1" s="1"/>
  <c r="A67590" i="1" s="1"/>
  <c r="A67591" i="1" s="1"/>
  <c r="A67592" i="1" s="1"/>
  <c r="A67593" i="1" s="1"/>
  <c r="A67594" i="1" s="1"/>
  <c r="A67595" i="1" s="1"/>
  <c r="A67596" i="1" s="1"/>
  <c r="A67597" i="1" s="1"/>
  <c r="A67598" i="1" s="1"/>
  <c r="A67599" i="1" s="1"/>
  <c r="A67600" i="1" s="1"/>
  <c r="A67601" i="1" s="1"/>
  <c r="A67602" i="1" s="1"/>
  <c r="A67603" i="1" s="1"/>
  <c r="A67604" i="1" s="1"/>
  <c r="A67605" i="1" s="1"/>
  <c r="A67606" i="1" s="1"/>
  <c r="A67607" i="1" s="1"/>
  <c r="A67608" i="1" s="1"/>
  <c r="A67609" i="1" s="1"/>
  <c r="A67610" i="1" s="1"/>
  <c r="A67611" i="1" s="1"/>
  <c r="A67612" i="1" s="1"/>
  <c r="A67613" i="1" s="1"/>
  <c r="A67614" i="1" s="1"/>
  <c r="A67615" i="1" s="1"/>
  <c r="A67616" i="1" s="1"/>
  <c r="A67617" i="1" s="1"/>
  <c r="A67618" i="1" s="1"/>
  <c r="A67619" i="1" s="1"/>
  <c r="A67620" i="1" s="1"/>
  <c r="A67621" i="1" s="1"/>
  <c r="A67622" i="1" s="1"/>
  <c r="A67623" i="1" s="1"/>
  <c r="A67624" i="1" s="1"/>
  <c r="A67625" i="1" s="1"/>
  <c r="A67626" i="1" s="1"/>
  <c r="A67627" i="1" s="1"/>
  <c r="A67628" i="1" s="1"/>
  <c r="A67629" i="1" s="1"/>
  <c r="A67630" i="1" s="1"/>
  <c r="A67631" i="1" s="1"/>
  <c r="A67632" i="1" s="1"/>
  <c r="A67633" i="1" s="1"/>
  <c r="A67634" i="1" s="1"/>
  <c r="A67635" i="1" s="1"/>
  <c r="A67636" i="1" s="1"/>
  <c r="A67637" i="1" s="1"/>
  <c r="A67638" i="1" s="1"/>
  <c r="A67639" i="1" s="1"/>
  <c r="A67640" i="1" s="1"/>
  <c r="A67641" i="1" s="1"/>
  <c r="A67642" i="1" s="1"/>
  <c r="A67643" i="1" s="1"/>
  <c r="A67644" i="1" s="1"/>
  <c r="A67645" i="1" s="1"/>
  <c r="A67646" i="1" s="1"/>
  <c r="A67647" i="1" s="1"/>
  <c r="A67648" i="1" s="1"/>
  <c r="A67649" i="1" s="1"/>
  <c r="A67650" i="1" s="1"/>
  <c r="A67651" i="1" s="1"/>
  <c r="A67652" i="1" s="1"/>
  <c r="A67653" i="1" s="1"/>
  <c r="A67654" i="1" s="1"/>
  <c r="A67655" i="1" s="1"/>
  <c r="A67656" i="1" s="1"/>
  <c r="A67657" i="1" s="1"/>
  <c r="A67658" i="1" s="1"/>
  <c r="A67659" i="1" s="1"/>
  <c r="A67660" i="1" s="1"/>
  <c r="A67661" i="1" s="1"/>
  <c r="A67662" i="1" s="1"/>
  <c r="A67663" i="1" s="1"/>
  <c r="A67664" i="1" s="1"/>
  <c r="A67665" i="1" s="1"/>
  <c r="A67666" i="1" s="1"/>
  <c r="A67667" i="1" s="1"/>
  <c r="A67668" i="1" s="1"/>
  <c r="A67669" i="1" s="1"/>
  <c r="A67670" i="1" s="1"/>
  <c r="A67671" i="1" s="1"/>
  <c r="A67672" i="1" s="1"/>
  <c r="A67673" i="1" s="1"/>
  <c r="A67674" i="1" s="1"/>
  <c r="A67675" i="1" s="1"/>
  <c r="A67676" i="1" s="1"/>
  <c r="A67677" i="1" s="1"/>
  <c r="A67678" i="1" s="1"/>
  <c r="A67679" i="1" s="1"/>
  <c r="A67680" i="1" s="1"/>
  <c r="A67681" i="1" s="1"/>
  <c r="A67682" i="1" s="1"/>
  <c r="A67683" i="1" s="1"/>
  <c r="A67684" i="1" s="1"/>
  <c r="A67685" i="1" s="1"/>
  <c r="A67686" i="1" s="1"/>
  <c r="A67687" i="1" s="1"/>
  <c r="A67688" i="1" s="1"/>
  <c r="A67689" i="1" s="1"/>
  <c r="A67690" i="1" s="1"/>
  <c r="A67691" i="1" s="1"/>
  <c r="A67692" i="1" s="1"/>
  <c r="A67693" i="1" s="1"/>
  <c r="A67694" i="1" s="1"/>
  <c r="A67695" i="1" s="1"/>
  <c r="A67696" i="1" s="1"/>
  <c r="A67697" i="1" s="1"/>
  <c r="A67698" i="1" s="1"/>
  <c r="A67699" i="1" s="1"/>
  <c r="A67700" i="1" s="1"/>
  <c r="A67701" i="1" s="1"/>
  <c r="A67702" i="1" s="1"/>
  <c r="A67703" i="1" s="1"/>
  <c r="A67704" i="1" s="1"/>
  <c r="A67705" i="1" s="1"/>
  <c r="A67706" i="1" s="1"/>
  <c r="A67707" i="1" s="1"/>
  <c r="A67708" i="1" s="1"/>
  <c r="A67709" i="1" s="1"/>
  <c r="A67710" i="1" s="1"/>
  <c r="A67711" i="1" s="1"/>
  <c r="A67712" i="1" s="1"/>
  <c r="A67713" i="1" s="1"/>
  <c r="A67714" i="1" s="1"/>
  <c r="A67715" i="1" s="1"/>
  <c r="A67716" i="1" s="1"/>
  <c r="A67717" i="1" s="1"/>
  <c r="A67718" i="1" s="1"/>
  <c r="A67719" i="1" s="1"/>
  <c r="A67720" i="1" s="1"/>
  <c r="A67721" i="1" s="1"/>
  <c r="A67722" i="1" s="1"/>
  <c r="A67723" i="1" s="1"/>
  <c r="A67724" i="1" s="1"/>
  <c r="A67725" i="1" s="1"/>
  <c r="A67726" i="1" s="1"/>
  <c r="A67727" i="1" s="1"/>
  <c r="A67728" i="1" s="1"/>
  <c r="A67729" i="1" s="1"/>
  <c r="A67730" i="1" s="1"/>
  <c r="A67731" i="1" s="1"/>
  <c r="A67732" i="1" s="1"/>
  <c r="A67733" i="1" s="1"/>
  <c r="A67734" i="1" s="1"/>
  <c r="A67735" i="1" s="1"/>
  <c r="A67736" i="1" s="1"/>
  <c r="A67737" i="1" s="1"/>
  <c r="A67738" i="1" s="1"/>
  <c r="A67739" i="1" s="1"/>
  <c r="A67740" i="1" s="1"/>
  <c r="A67741" i="1" s="1"/>
  <c r="A67742" i="1" s="1"/>
  <c r="A67743" i="1" s="1"/>
  <c r="A67744" i="1" s="1"/>
  <c r="A67745" i="1" s="1"/>
  <c r="A67746" i="1" s="1"/>
  <c r="A67747" i="1" s="1"/>
  <c r="A67748" i="1" s="1"/>
  <c r="A67749" i="1" s="1"/>
  <c r="A67750" i="1" s="1"/>
  <c r="A67751" i="1" s="1"/>
  <c r="A67752" i="1" s="1"/>
  <c r="A67753" i="1" s="1"/>
  <c r="A67754" i="1" s="1"/>
  <c r="A67755" i="1" s="1"/>
  <c r="A67756" i="1" s="1"/>
  <c r="A67757" i="1" s="1"/>
  <c r="A67758" i="1" s="1"/>
  <c r="A67759" i="1" s="1"/>
  <c r="A67760" i="1" s="1"/>
  <c r="A67761" i="1" s="1"/>
  <c r="A67762" i="1" s="1"/>
  <c r="A67763" i="1" s="1"/>
  <c r="A67764" i="1" s="1"/>
  <c r="A67765" i="1" s="1"/>
  <c r="A67766" i="1" s="1"/>
  <c r="A67767" i="1" s="1"/>
  <c r="A67768" i="1" s="1"/>
  <c r="A67769" i="1" s="1"/>
  <c r="A67770" i="1" s="1"/>
  <c r="A67771" i="1" s="1"/>
  <c r="A67772" i="1" s="1"/>
  <c r="A67773" i="1" s="1"/>
  <c r="A67774" i="1" s="1"/>
  <c r="A67775" i="1" s="1"/>
  <c r="A67776" i="1" s="1"/>
  <c r="A67777" i="1" s="1"/>
  <c r="A67778" i="1" s="1"/>
  <c r="A67779" i="1" s="1"/>
  <c r="A67780" i="1" s="1"/>
  <c r="A67781" i="1" s="1"/>
  <c r="A67782" i="1" s="1"/>
  <c r="A67783" i="1" s="1"/>
  <c r="A67784" i="1" s="1"/>
  <c r="A67785" i="1" s="1"/>
  <c r="A67786" i="1" s="1"/>
  <c r="A67787" i="1" s="1"/>
  <c r="A67788" i="1" s="1"/>
  <c r="A67789" i="1" s="1"/>
  <c r="A67790" i="1" s="1"/>
  <c r="A67791" i="1" s="1"/>
  <c r="A67792" i="1" s="1"/>
  <c r="A67793" i="1" s="1"/>
  <c r="A67794" i="1" s="1"/>
  <c r="A67795" i="1" s="1"/>
  <c r="A67796" i="1" s="1"/>
  <c r="A67797" i="1" s="1"/>
  <c r="A67798" i="1" s="1"/>
  <c r="A67799" i="1" s="1"/>
  <c r="A67800" i="1" s="1"/>
  <c r="A67801" i="1" s="1"/>
  <c r="A67802" i="1" s="1"/>
  <c r="A67803" i="1" s="1"/>
  <c r="A67804" i="1" s="1"/>
  <c r="A67805" i="1" s="1"/>
  <c r="A67806" i="1" s="1"/>
  <c r="A67807" i="1" s="1"/>
  <c r="A67808" i="1" s="1"/>
  <c r="A67809" i="1" s="1"/>
  <c r="A67810" i="1" s="1"/>
  <c r="A67811" i="1" s="1"/>
  <c r="A67812" i="1" s="1"/>
  <c r="A67813" i="1" s="1"/>
  <c r="A67814" i="1" s="1"/>
  <c r="A67815" i="1" s="1"/>
  <c r="A67816" i="1" s="1"/>
  <c r="A67817" i="1" s="1"/>
  <c r="A67818" i="1" s="1"/>
  <c r="A67819" i="1" s="1"/>
  <c r="A67820" i="1" s="1"/>
  <c r="A67821" i="1" s="1"/>
  <c r="A67822" i="1" s="1"/>
  <c r="A67823" i="1" s="1"/>
  <c r="A67824" i="1" s="1"/>
  <c r="A67825" i="1" s="1"/>
  <c r="A67826" i="1" s="1"/>
  <c r="A67827" i="1" s="1"/>
  <c r="A67828" i="1" s="1"/>
  <c r="A67829" i="1" s="1"/>
  <c r="A67830" i="1" s="1"/>
  <c r="A67831" i="1" s="1"/>
  <c r="A67832" i="1" s="1"/>
  <c r="A67833" i="1" s="1"/>
  <c r="A67834" i="1" s="1"/>
  <c r="A67835" i="1" s="1"/>
  <c r="A67836" i="1" s="1"/>
  <c r="A67837" i="1" s="1"/>
  <c r="A67838" i="1" s="1"/>
  <c r="A67839" i="1" s="1"/>
  <c r="A67840" i="1" s="1"/>
  <c r="A67841" i="1" s="1"/>
  <c r="A67842" i="1" s="1"/>
  <c r="A67843" i="1" s="1"/>
  <c r="A67844" i="1" s="1"/>
  <c r="A67845" i="1" s="1"/>
  <c r="A67846" i="1" s="1"/>
  <c r="A67847" i="1" s="1"/>
  <c r="A67848" i="1" s="1"/>
  <c r="A67849" i="1" s="1"/>
  <c r="A67850" i="1" s="1"/>
  <c r="A67851" i="1" s="1"/>
  <c r="A67852" i="1" s="1"/>
  <c r="A67853" i="1" s="1"/>
  <c r="A67854" i="1" s="1"/>
  <c r="A67855" i="1" s="1"/>
  <c r="A67856" i="1" s="1"/>
  <c r="A67857" i="1" s="1"/>
  <c r="A67858" i="1" s="1"/>
  <c r="A67859" i="1" s="1"/>
  <c r="A67860" i="1" s="1"/>
  <c r="A67861" i="1" s="1"/>
  <c r="A67862" i="1" s="1"/>
  <c r="A67863" i="1" s="1"/>
  <c r="A67864" i="1" s="1"/>
  <c r="A67865" i="1" s="1"/>
  <c r="A67866" i="1" s="1"/>
  <c r="A67867" i="1" s="1"/>
  <c r="A67868" i="1" s="1"/>
  <c r="A67869" i="1" s="1"/>
  <c r="A67870" i="1" s="1"/>
  <c r="A67871" i="1" s="1"/>
  <c r="A67872" i="1" s="1"/>
  <c r="A67873" i="1" s="1"/>
  <c r="A67874" i="1" s="1"/>
  <c r="A67875" i="1" s="1"/>
  <c r="A67876" i="1" s="1"/>
  <c r="A67877" i="1" s="1"/>
  <c r="A67878" i="1" s="1"/>
  <c r="A67879" i="1" s="1"/>
  <c r="A67880" i="1" s="1"/>
  <c r="A67881" i="1" s="1"/>
  <c r="A67882" i="1" s="1"/>
  <c r="A67883" i="1" s="1"/>
  <c r="A67884" i="1" s="1"/>
  <c r="A67885" i="1" s="1"/>
  <c r="A67886" i="1" s="1"/>
  <c r="A67887" i="1" s="1"/>
  <c r="A67888" i="1" s="1"/>
  <c r="A67889" i="1" s="1"/>
  <c r="A67890" i="1" s="1"/>
  <c r="A67891" i="1" s="1"/>
  <c r="A67892" i="1" s="1"/>
  <c r="A67893" i="1" s="1"/>
  <c r="A67894" i="1" s="1"/>
  <c r="A67895" i="1" s="1"/>
  <c r="A67896" i="1" s="1"/>
  <c r="A67897" i="1" s="1"/>
  <c r="A67898" i="1" s="1"/>
  <c r="A67899" i="1" s="1"/>
  <c r="A67900" i="1" s="1"/>
  <c r="A67901" i="1" s="1"/>
  <c r="A67902" i="1" s="1"/>
  <c r="A67903" i="1" s="1"/>
  <c r="A67904" i="1" s="1"/>
  <c r="A67905" i="1" s="1"/>
  <c r="A67906" i="1" s="1"/>
  <c r="A67907" i="1" s="1"/>
  <c r="A67908" i="1" s="1"/>
  <c r="A67909" i="1" s="1"/>
  <c r="A67910" i="1" s="1"/>
  <c r="A67911" i="1" s="1"/>
  <c r="A67912" i="1" s="1"/>
  <c r="A67913" i="1" s="1"/>
  <c r="A67914" i="1" s="1"/>
  <c r="A67915" i="1" s="1"/>
  <c r="A67916" i="1" s="1"/>
  <c r="A67917" i="1" s="1"/>
  <c r="A67918" i="1" s="1"/>
  <c r="A67919" i="1" s="1"/>
  <c r="A67920" i="1" s="1"/>
  <c r="A67921" i="1" s="1"/>
  <c r="A67922" i="1" s="1"/>
  <c r="A67923" i="1" s="1"/>
  <c r="A67924" i="1" s="1"/>
  <c r="A67925" i="1" s="1"/>
  <c r="A67926" i="1" s="1"/>
  <c r="A67927" i="1" s="1"/>
  <c r="A67928" i="1" s="1"/>
  <c r="A67929" i="1" s="1"/>
  <c r="A67930" i="1" s="1"/>
  <c r="A67931" i="1" s="1"/>
  <c r="A67932" i="1" s="1"/>
  <c r="A67933" i="1" s="1"/>
  <c r="A67934" i="1" s="1"/>
  <c r="A67935" i="1" s="1"/>
  <c r="A67936" i="1" s="1"/>
  <c r="A67937" i="1" s="1"/>
  <c r="A67938" i="1" s="1"/>
  <c r="A67939" i="1" s="1"/>
  <c r="A67940" i="1" s="1"/>
  <c r="A67941" i="1" s="1"/>
  <c r="A67942" i="1" s="1"/>
  <c r="A67943" i="1" s="1"/>
  <c r="A67944" i="1" s="1"/>
  <c r="A67945" i="1" s="1"/>
  <c r="A67946" i="1" s="1"/>
  <c r="A67947" i="1" s="1"/>
  <c r="A67948" i="1" s="1"/>
  <c r="A67949" i="1" s="1"/>
  <c r="A67950" i="1" s="1"/>
  <c r="A67951" i="1" s="1"/>
  <c r="A67952" i="1" s="1"/>
  <c r="A67953" i="1" s="1"/>
  <c r="A67954" i="1" s="1"/>
  <c r="A67955" i="1" s="1"/>
  <c r="A67956" i="1" s="1"/>
  <c r="A67957" i="1" s="1"/>
  <c r="A67958" i="1" s="1"/>
  <c r="A67959" i="1" s="1"/>
  <c r="A67960" i="1" s="1"/>
  <c r="A67961" i="1" s="1"/>
  <c r="A67962" i="1" s="1"/>
  <c r="A67963" i="1" s="1"/>
  <c r="A67964" i="1" s="1"/>
  <c r="A67965" i="1" s="1"/>
  <c r="A67966" i="1" s="1"/>
  <c r="A67967" i="1" s="1"/>
  <c r="A67968" i="1" s="1"/>
  <c r="A67969" i="1" s="1"/>
  <c r="A67970" i="1" s="1"/>
  <c r="A67971" i="1" s="1"/>
  <c r="A67972" i="1" s="1"/>
  <c r="A67973" i="1" s="1"/>
  <c r="A67974" i="1" s="1"/>
  <c r="A67975" i="1" s="1"/>
  <c r="A67976" i="1" s="1"/>
  <c r="A67977" i="1" s="1"/>
  <c r="A67978" i="1" s="1"/>
  <c r="A67979" i="1" s="1"/>
  <c r="A67980" i="1" s="1"/>
  <c r="A67981" i="1" s="1"/>
  <c r="A67982" i="1" s="1"/>
  <c r="A67983" i="1" s="1"/>
  <c r="A67984" i="1" s="1"/>
  <c r="A67985" i="1" s="1"/>
  <c r="A67986" i="1" s="1"/>
  <c r="A67987" i="1" s="1"/>
  <c r="A67988" i="1" s="1"/>
  <c r="A67989" i="1" s="1"/>
  <c r="A67990" i="1" s="1"/>
  <c r="A67991" i="1" s="1"/>
  <c r="A67992" i="1" s="1"/>
  <c r="A67993" i="1" s="1"/>
  <c r="A67994" i="1" s="1"/>
  <c r="A67995" i="1" s="1"/>
  <c r="A67996" i="1" s="1"/>
  <c r="A67997" i="1" s="1"/>
  <c r="A67998" i="1" s="1"/>
  <c r="A67999" i="1" s="1"/>
  <c r="A68000" i="1" s="1"/>
  <c r="A68001" i="1" s="1"/>
  <c r="A68002" i="1" s="1"/>
  <c r="A68003" i="1" s="1"/>
  <c r="A68004" i="1" s="1"/>
  <c r="A68005" i="1" s="1"/>
  <c r="A68006" i="1" s="1"/>
  <c r="A68007" i="1" s="1"/>
  <c r="A68008" i="1" s="1"/>
  <c r="A68009" i="1" s="1"/>
  <c r="A68010" i="1" s="1"/>
  <c r="A68011" i="1" s="1"/>
  <c r="A68012" i="1" s="1"/>
  <c r="A68013" i="1" s="1"/>
  <c r="A68014" i="1" s="1"/>
  <c r="A68015" i="1" s="1"/>
  <c r="A68016" i="1" s="1"/>
  <c r="A68017" i="1" s="1"/>
  <c r="A68018" i="1" s="1"/>
  <c r="A68019" i="1" s="1"/>
  <c r="A68020" i="1" s="1"/>
  <c r="A68021" i="1" s="1"/>
  <c r="A68022" i="1" s="1"/>
  <c r="A68023" i="1" s="1"/>
  <c r="A68024" i="1" s="1"/>
  <c r="A68025" i="1" s="1"/>
  <c r="A68026" i="1" s="1"/>
  <c r="A68027" i="1" s="1"/>
  <c r="A68028" i="1" s="1"/>
  <c r="A68029" i="1" s="1"/>
  <c r="A68030" i="1" s="1"/>
  <c r="A68031" i="1" s="1"/>
  <c r="A68032" i="1" s="1"/>
  <c r="A68033" i="1" s="1"/>
  <c r="A68034" i="1" s="1"/>
  <c r="A68035" i="1" s="1"/>
  <c r="A68036" i="1" s="1"/>
  <c r="A68037" i="1" s="1"/>
  <c r="A68038" i="1" s="1"/>
  <c r="A68039" i="1" s="1"/>
  <c r="A68040" i="1" s="1"/>
  <c r="A68041" i="1" s="1"/>
  <c r="A68042" i="1" s="1"/>
  <c r="A68043" i="1" s="1"/>
  <c r="A68044" i="1" s="1"/>
  <c r="A68045" i="1" s="1"/>
  <c r="A68046" i="1" s="1"/>
  <c r="A68047" i="1" s="1"/>
  <c r="A68048" i="1" s="1"/>
  <c r="A68049" i="1" s="1"/>
  <c r="A68050" i="1" s="1"/>
  <c r="A68051" i="1" s="1"/>
  <c r="A68052" i="1" s="1"/>
  <c r="A68053" i="1" s="1"/>
  <c r="A68054" i="1" s="1"/>
  <c r="A68055" i="1" s="1"/>
  <c r="A68056" i="1" s="1"/>
  <c r="A68057" i="1" s="1"/>
  <c r="A68058" i="1" s="1"/>
  <c r="A68059" i="1" s="1"/>
  <c r="A68060" i="1" s="1"/>
  <c r="A68061" i="1" s="1"/>
  <c r="A68062" i="1" s="1"/>
  <c r="A68063" i="1" s="1"/>
  <c r="A68064" i="1" s="1"/>
  <c r="A68065" i="1" s="1"/>
  <c r="A68066" i="1" s="1"/>
  <c r="A68067" i="1" s="1"/>
  <c r="A68068" i="1" s="1"/>
  <c r="A68069" i="1" s="1"/>
  <c r="A68070" i="1" s="1"/>
  <c r="A68071" i="1" s="1"/>
  <c r="A68072" i="1" s="1"/>
  <c r="A68073" i="1" s="1"/>
  <c r="A68074" i="1" s="1"/>
  <c r="A68075" i="1" s="1"/>
  <c r="A68076" i="1" s="1"/>
  <c r="A68077" i="1" s="1"/>
  <c r="A68078" i="1" s="1"/>
  <c r="A68079" i="1" s="1"/>
  <c r="A68080" i="1" s="1"/>
  <c r="A68081" i="1" s="1"/>
  <c r="A68082" i="1" s="1"/>
  <c r="A68083" i="1" s="1"/>
  <c r="A68084" i="1" s="1"/>
  <c r="A68085" i="1" s="1"/>
  <c r="A68086" i="1" s="1"/>
  <c r="A68087" i="1" s="1"/>
  <c r="A68088" i="1" s="1"/>
  <c r="A68089" i="1" s="1"/>
  <c r="A68090" i="1" s="1"/>
  <c r="A68091" i="1" s="1"/>
  <c r="A68092" i="1" s="1"/>
  <c r="A68093" i="1" s="1"/>
  <c r="A68094" i="1" s="1"/>
  <c r="A68095" i="1" s="1"/>
  <c r="A68096" i="1" s="1"/>
  <c r="A68097" i="1" s="1"/>
  <c r="A68098" i="1" s="1"/>
  <c r="A68099" i="1" s="1"/>
  <c r="A68100" i="1" s="1"/>
  <c r="A68101" i="1" s="1"/>
  <c r="A68102" i="1" s="1"/>
  <c r="A68103" i="1" s="1"/>
  <c r="A68104" i="1" s="1"/>
  <c r="A68105" i="1" s="1"/>
  <c r="A68106" i="1" s="1"/>
  <c r="A68107" i="1" s="1"/>
  <c r="A68108" i="1" s="1"/>
  <c r="A68109" i="1" s="1"/>
  <c r="A68110" i="1" s="1"/>
  <c r="A68111" i="1" s="1"/>
  <c r="A68112" i="1" s="1"/>
  <c r="A68113" i="1" s="1"/>
  <c r="A68114" i="1" s="1"/>
  <c r="A68115" i="1" s="1"/>
  <c r="A68116" i="1" s="1"/>
  <c r="A68117" i="1" s="1"/>
  <c r="A68118" i="1" s="1"/>
  <c r="A68119" i="1" s="1"/>
  <c r="A68120" i="1" s="1"/>
  <c r="A68121" i="1" s="1"/>
  <c r="A68122" i="1" s="1"/>
  <c r="A68123" i="1" s="1"/>
  <c r="A68124" i="1" s="1"/>
  <c r="A68125" i="1" s="1"/>
  <c r="A68126" i="1" s="1"/>
  <c r="A68127" i="1" s="1"/>
  <c r="A68128" i="1" s="1"/>
  <c r="A68129" i="1" s="1"/>
  <c r="A68130" i="1" s="1"/>
  <c r="A68131" i="1" s="1"/>
  <c r="A68132" i="1" s="1"/>
  <c r="A68133" i="1" s="1"/>
  <c r="A68134" i="1" s="1"/>
  <c r="A68135" i="1" s="1"/>
  <c r="A68136" i="1" s="1"/>
  <c r="A68137" i="1" s="1"/>
  <c r="A68138" i="1" s="1"/>
  <c r="A68139" i="1" s="1"/>
  <c r="A68140" i="1" s="1"/>
  <c r="A68141" i="1" s="1"/>
  <c r="A68142" i="1" s="1"/>
  <c r="A68143" i="1" s="1"/>
  <c r="A68144" i="1" s="1"/>
  <c r="A68145" i="1" s="1"/>
  <c r="A68146" i="1" s="1"/>
  <c r="A68147" i="1" s="1"/>
  <c r="A68148" i="1" s="1"/>
  <c r="A68149" i="1" s="1"/>
  <c r="A68150" i="1" s="1"/>
  <c r="A68151" i="1" s="1"/>
  <c r="A68152" i="1" s="1"/>
  <c r="A68153" i="1" s="1"/>
  <c r="A68154" i="1" s="1"/>
  <c r="A68155" i="1" s="1"/>
  <c r="A68156" i="1" s="1"/>
  <c r="A68157" i="1" s="1"/>
  <c r="A68158" i="1" s="1"/>
  <c r="A68159" i="1" s="1"/>
  <c r="A68160" i="1" s="1"/>
  <c r="A68161" i="1" s="1"/>
  <c r="A68162" i="1" s="1"/>
  <c r="A68163" i="1" s="1"/>
  <c r="A68164" i="1" s="1"/>
  <c r="A68165" i="1" s="1"/>
  <c r="A68166" i="1" s="1"/>
  <c r="A68167" i="1" s="1"/>
  <c r="A68168" i="1" s="1"/>
  <c r="A68169" i="1" s="1"/>
  <c r="A68170" i="1" s="1"/>
  <c r="A68171" i="1" s="1"/>
  <c r="A68172" i="1" s="1"/>
  <c r="A68173" i="1" s="1"/>
  <c r="A68174" i="1" s="1"/>
  <c r="A68175" i="1" s="1"/>
  <c r="A68176" i="1" s="1"/>
  <c r="A68177" i="1" s="1"/>
  <c r="A68178" i="1" s="1"/>
  <c r="A68179" i="1" s="1"/>
  <c r="A68180" i="1" s="1"/>
  <c r="A68181" i="1" s="1"/>
  <c r="A68182" i="1" s="1"/>
  <c r="A68183" i="1" s="1"/>
  <c r="A68184" i="1" s="1"/>
  <c r="A68185" i="1" s="1"/>
  <c r="A68186" i="1" s="1"/>
  <c r="A68187" i="1" s="1"/>
  <c r="A68188" i="1" s="1"/>
  <c r="A68189" i="1" s="1"/>
  <c r="A68190" i="1" s="1"/>
  <c r="A68191" i="1" s="1"/>
  <c r="A68192" i="1" s="1"/>
  <c r="A68193" i="1" s="1"/>
  <c r="A68194" i="1" s="1"/>
  <c r="A68195" i="1" s="1"/>
  <c r="A68196" i="1" s="1"/>
  <c r="A68197" i="1" s="1"/>
  <c r="A68198" i="1" s="1"/>
  <c r="A68199" i="1" s="1"/>
  <c r="A68200" i="1" s="1"/>
  <c r="A68201" i="1" s="1"/>
  <c r="A68202" i="1" s="1"/>
  <c r="A68203" i="1" s="1"/>
  <c r="A68204" i="1" s="1"/>
  <c r="A68205" i="1" s="1"/>
  <c r="A68206" i="1" s="1"/>
  <c r="A68207" i="1" s="1"/>
  <c r="A68208" i="1" s="1"/>
  <c r="A68209" i="1" s="1"/>
  <c r="A68210" i="1" s="1"/>
  <c r="A68211" i="1" s="1"/>
  <c r="A68212" i="1" s="1"/>
  <c r="A68213" i="1" s="1"/>
  <c r="A68214" i="1" s="1"/>
  <c r="A68215" i="1" s="1"/>
  <c r="A68216" i="1" s="1"/>
  <c r="A68217" i="1" s="1"/>
  <c r="A68218" i="1" s="1"/>
  <c r="A68219" i="1" s="1"/>
  <c r="A68220" i="1" s="1"/>
  <c r="A68221" i="1" s="1"/>
  <c r="A68222" i="1" s="1"/>
  <c r="A68223" i="1" s="1"/>
  <c r="A68224" i="1" s="1"/>
  <c r="A68225" i="1" s="1"/>
  <c r="A68226" i="1" s="1"/>
  <c r="A68227" i="1" s="1"/>
  <c r="A68228" i="1" s="1"/>
  <c r="A68229" i="1" s="1"/>
  <c r="A68230" i="1" s="1"/>
  <c r="A68231" i="1" s="1"/>
  <c r="A68232" i="1" s="1"/>
  <c r="A68233" i="1" s="1"/>
  <c r="A68234" i="1" s="1"/>
  <c r="A68235" i="1" s="1"/>
  <c r="A68236" i="1" s="1"/>
  <c r="A68237" i="1" s="1"/>
  <c r="A68238" i="1" s="1"/>
  <c r="A68239" i="1" s="1"/>
  <c r="A68240" i="1" s="1"/>
  <c r="A68241" i="1" s="1"/>
  <c r="A68242" i="1" s="1"/>
  <c r="A68243" i="1" s="1"/>
  <c r="A68244" i="1" s="1"/>
  <c r="A68245" i="1" s="1"/>
  <c r="A68246" i="1" s="1"/>
  <c r="A68247" i="1" s="1"/>
  <c r="A68248" i="1" s="1"/>
  <c r="A68249" i="1" s="1"/>
  <c r="A68250" i="1" s="1"/>
  <c r="A68251" i="1" s="1"/>
  <c r="A68252" i="1" s="1"/>
  <c r="A68253" i="1" s="1"/>
  <c r="A68254" i="1" s="1"/>
  <c r="A68255" i="1" s="1"/>
  <c r="A68256" i="1" s="1"/>
  <c r="A68257" i="1" s="1"/>
  <c r="A68258" i="1" s="1"/>
  <c r="A68259" i="1" s="1"/>
  <c r="A68260" i="1" s="1"/>
  <c r="A68261" i="1" s="1"/>
  <c r="A68262" i="1" s="1"/>
  <c r="A68263" i="1" s="1"/>
  <c r="A68264" i="1" s="1"/>
  <c r="A68265" i="1" s="1"/>
  <c r="A68266" i="1" s="1"/>
  <c r="A68267" i="1" s="1"/>
  <c r="A68268" i="1" s="1"/>
  <c r="A68269" i="1" s="1"/>
  <c r="A68270" i="1" s="1"/>
  <c r="A68271" i="1" s="1"/>
  <c r="A68272" i="1" s="1"/>
  <c r="A68273" i="1" s="1"/>
  <c r="A68274" i="1" s="1"/>
  <c r="A68275" i="1" s="1"/>
  <c r="A68276" i="1" s="1"/>
  <c r="A68277" i="1" s="1"/>
  <c r="A68278" i="1" s="1"/>
  <c r="A68279" i="1" s="1"/>
  <c r="A68280" i="1" s="1"/>
  <c r="A68281" i="1" s="1"/>
  <c r="A68282" i="1" s="1"/>
  <c r="A68283" i="1" s="1"/>
  <c r="A68284" i="1" s="1"/>
  <c r="A68285" i="1" s="1"/>
  <c r="A68286" i="1" s="1"/>
  <c r="A68287" i="1" s="1"/>
  <c r="A68288" i="1" s="1"/>
  <c r="A68289" i="1" s="1"/>
  <c r="A68290" i="1" s="1"/>
  <c r="A68291" i="1" s="1"/>
  <c r="A68292" i="1" s="1"/>
  <c r="A68293" i="1" s="1"/>
  <c r="A68294" i="1" s="1"/>
  <c r="A68295" i="1" s="1"/>
  <c r="A68296" i="1" s="1"/>
  <c r="A68297" i="1" s="1"/>
  <c r="A68298" i="1" s="1"/>
  <c r="A68299" i="1" s="1"/>
  <c r="A68300" i="1" s="1"/>
  <c r="A68301" i="1" s="1"/>
  <c r="A68302" i="1" s="1"/>
  <c r="A68303" i="1" s="1"/>
  <c r="A68304" i="1" s="1"/>
  <c r="A68305" i="1" s="1"/>
  <c r="A68306" i="1" s="1"/>
  <c r="A68307" i="1" s="1"/>
  <c r="A68308" i="1" s="1"/>
  <c r="A68309" i="1" s="1"/>
  <c r="A68310" i="1" s="1"/>
  <c r="A68311" i="1" s="1"/>
  <c r="A68312" i="1" s="1"/>
  <c r="A68313" i="1" s="1"/>
  <c r="A68314" i="1" s="1"/>
  <c r="A68315" i="1" s="1"/>
  <c r="A68316" i="1" s="1"/>
  <c r="A68317" i="1" s="1"/>
  <c r="A68318" i="1" s="1"/>
  <c r="A68319" i="1" s="1"/>
  <c r="A68320" i="1" s="1"/>
  <c r="A68321" i="1" s="1"/>
  <c r="A68322" i="1" s="1"/>
  <c r="A68323" i="1" s="1"/>
  <c r="A68324" i="1" s="1"/>
  <c r="A68325" i="1" s="1"/>
  <c r="A68326" i="1" s="1"/>
  <c r="A68327" i="1" s="1"/>
  <c r="A68328" i="1" s="1"/>
  <c r="A68329" i="1" s="1"/>
  <c r="A68330" i="1" s="1"/>
  <c r="A68331" i="1" s="1"/>
  <c r="A68332" i="1" s="1"/>
  <c r="A68333" i="1" s="1"/>
  <c r="A68334" i="1" s="1"/>
  <c r="A68335" i="1" s="1"/>
  <c r="A68336" i="1" s="1"/>
  <c r="A68337" i="1" s="1"/>
  <c r="A68338" i="1" s="1"/>
  <c r="A68339" i="1" s="1"/>
  <c r="A68340" i="1" s="1"/>
  <c r="A68341" i="1" s="1"/>
  <c r="A68342" i="1" s="1"/>
  <c r="A68343" i="1" s="1"/>
  <c r="A68344" i="1" s="1"/>
  <c r="A68345" i="1" s="1"/>
  <c r="A68346" i="1" s="1"/>
  <c r="A68347" i="1" s="1"/>
  <c r="A68348" i="1" s="1"/>
  <c r="A68349" i="1" s="1"/>
  <c r="A68350" i="1" s="1"/>
  <c r="A68351" i="1" s="1"/>
  <c r="A68352" i="1" s="1"/>
  <c r="A68353" i="1" s="1"/>
  <c r="A68354" i="1" s="1"/>
  <c r="A68355" i="1" s="1"/>
  <c r="A68356" i="1" s="1"/>
  <c r="A68357" i="1" s="1"/>
  <c r="A68358" i="1" s="1"/>
  <c r="A68359" i="1" s="1"/>
  <c r="A68360" i="1" s="1"/>
  <c r="A68361" i="1" s="1"/>
  <c r="A68362" i="1" s="1"/>
  <c r="A68363" i="1" s="1"/>
  <c r="A68364" i="1" s="1"/>
  <c r="A68365" i="1" s="1"/>
  <c r="A68366" i="1" s="1"/>
  <c r="A68367" i="1" s="1"/>
  <c r="A68368" i="1" s="1"/>
  <c r="A68369" i="1" s="1"/>
  <c r="A68370" i="1" s="1"/>
  <c r="A68371" i="1" s="1"/>
  <c r="A68372" i="1" s="1"/>
  <c r="A68373" i="1" s="1"/>
  <c r="A68374" i="1" s="1"/>
  <c r="A68375" i="1" s="1"/>
  <c r="A68376" i="1" s="1"/>
  <c r="A68377" i="1" s="1"/>
  <c r="A68378" i="1" s="1"/>
  <c r="A68379" i="1" s="1"/>
  <c r="A68380" i="1" s="1"/>
  <c r="A68381" i="1" s="1"/>
  <c r="A68382" i="1" s="1"/>
  <c r="A68383" i="1" s="1"/>
  <c r="A68384" i="1" s="1"/>
  <c r="A68385" i="1" s="1"/>
  <c r="A68386" i="1" s="1"/>
  <c r="A68387" i="1" s="1"/>
  <c r="A68388" i="1" s="1"/>
  <c r="A68389" i="1" s="1"/>
  <c r="A68390" i="1" s="1"/>
  <c r="A68391" i="1" s="1"/>
  <c r="A68392" i="1" s="1"/>
  <c r="A68393" i="1" s="1"/>
  <c r="A68394" i="1" s="1"/>
  <c r="A68395" i="1" s="1"/>
  <c r="A68396" i="1" s="1"/>
  <c r="A68397" i="1" s="1"/>
  <c r="A68398" i="1" s="1"/>
  <c r="A68399" i="1" s="1"/>
  <c r="A68400" i="1" s="1"/>
  <c r="A68401" i="1" s="1"/>
  <c r="A68402" i="1" s="1"/>
  <c r="A68403" i="1" s="1"/>
  <c r="A68404" i="1" s="1"/>
  <c r="A68405" i="1" s="1"/>
  <c r="A68406" i="1" s="1"/>
  <c r="A68407" i="1" s="1"/>
  <c r="A68408" i="1" s="1"/>
  <c r="A68409" i="1" s="1"/>
  <c r="A68410" i="1" s="1"/>
  <c r="A68411" i="1" s="1"/>
  <c r="A68412" i="1" s="1"/>
  <c r="A68413" i="1" s="1"/>
  <c r="A68414" i="1" s="1"/>
  <c r="A68415" i="1" s="1"/>
  <c r="A68416" i="1" s="1"/>
  <c r="A68417" i="1" s="1"/>
  <c r="A68418" i="1" s="1"/>
  <c r="A68419" i="1" s="1"/>
  <c r="A68420" i="1" s="1"/>
  <c r="A68421" i="1" s="1"/>
  <c r="A68422" i="1" s="1"/>
  <c r="A68423" i="1" s="1"/>
  <c r="A68424" i="1" s="1"/>
  <c r="A68425" i="1" s="1"/>
  <c r="A68426" i="1" s="1"/>
  <c r="A68427" i="1" s="1"/>
  <c r="A68428" i="1" s="1"/>
  <c r="A68429" i="1" s="1"/>
  <c r="A68430" i="1" s="1"/>
  <c r="A68431" i="1" s="1"/>
  <c r="A68432" i="1" s="1"/>
  <c r="A68433" i="1" s="1"/>
  <c r="A68434" i="1" s="1"/>
  <c r="A68435" i="1" s="1"/>
  <c r="A68436" i="1" s="1"/>
  <c r="A68437" i="1" s="1"/>
  <c r="A68438" i="1" s="1"/>
  <c r="A68439" i="1" s="1"/>
  <c r="A68440" i="1" s="1"/>
  <c r="A68441" i="1" s="1"/>
  <c r="A68442" i="1" s="1"/>
  <c r="A68443" i="1" s="1"/>
  <c r="A68444" i="1" s="1"/>
  <c r="A68445" i="1" s="1"/>
  <c r="A68446" i="1" s="1"/>
  <c r="A68447" i="1" s="1"/>
  <c r="A68448" i="1" s="1"/>
  <c r="A68449" i="1" s="1"/>
  <c r="A68450" i="1" s="1"/>
  <c r="A68451" i="1" s="1"/>
  <c r="A68452" i="1" s="1"/>
  <c r="A68453" i="1" s="1"/>
  <c r="A68454" i="1" s="1"/>
  <c r="A68455" i="1" s="1"/>
  <c r="A68456" i="1" s="1"/>
  <c r="A68457" i="1" s="1"/>
  <c r="A68458" i="1" s="1"/>
  <c r="A68459" i="1" s="1"/>
  <c r="A68460" i="1" s="1"/>
  <c r="A68461" i="1" s="1"/>
  <c r="A68462" i="1" s="1"/>
  <c r="A68463" i="1" s="1"/>
  <c r="A68464" i="1" s="1"/>
  <c r="A68465" i="1" s="1"/>
  <c r="A68466" i="1" s="1"/>
  <c r="A68467" i="1" s="1"/>
  <c r="A68468" i="1" s="1"/>
  <c r="A68469" i="1" s="1"/>
  <c r="A68470" i="1" s="1"/>
  <c r="A68471" i="1" s="1"/>
  <c r="A68472" i="1" s="1"/>
  <c r="A68473" i="1" s="1"/>
  <c r="A68474" i="1" s="1"/>
  <c r="A68475" i="1" s="1"/>
  <c r="A68476" i="1" s="1"/>
  <c r="A68477" i="1" s="1"/>
  <c r="A68478" i="1" s="1"/>
  <c r="A68479" i="1" s="1"/>
  <c r="A68480" i="1" s="1"/>
  <c r="A68481" i="1" s="1"/>
  <c r="A68482" i="1" s="1"/>
  <c r="A68483" i="1" s="1"/>
  <c r="A68484" i="1" s="1"/>
  <c r="A68485" i="1" s="1"/>
  <c r="A68486" i="1" s="1"/>
  <c r="A68487" i="1" s="1"/>
  <c r="A68488" i="1" s="1"/>
  <c r="A68489" i="1" s="1"/>
  <c r="A68490" i="1" s="1"/>
  <c r="A68491" i="1" s="1"/>
  <c r="A68492" i="1" s="1"/>
  <c r="A68493" i="1" s="1"/>
  <c r="A68494" i="1" s="1"/>
  <c r="A68495" i="1" s="1"/>
  <c r="A68496" i="1" s="1"/>
  <c r="A68497" i="1" s="1"/>
  <c r="A68498" i="1" s="1"/>
  <c r="A68499" i="1" s="1"/>
  <c r="A68500" i="1" s="1"/>
  <c r="A68501" i="1" s="1"/>
  <c r="A68502" i="1" s="1"/>
  <c r="A68503" i="1" s="1"/>
  <c r="A68504" i="1" s="1"/>
  <c r="A68505" i="1" s="1"/>
  <c r="A68506" i="1" s="1"/>
  <c r="A68507" i="1" s="1"/>
  <c r="A68508" i="1" s="1"/>
  <c r="A68509" i="1" s="1"/>
  <c r="A68510" i="1" s="1"/>
  <c r="A68511" i="1" s="1"/>
  <c r="A68512" i="1" s="1"/>
  <c r="A68513" i="1" s="1"/>
  <c r="A68514" i="1" s="1"/>
  <c r="A68515" i="1" s="1"/>
  <c r="A68516" i="1" s="1"/>
  <c r="A68517" i="1" s="1"/>
  <c r="A68518" i="1" s="1"/>
  <c r="A68519" i="1" s="1"/>
  <c r="A68520" i="1" s="1"/>
  <c r="A68521" i="1" s="1"/>
  <c r="A68522" i="1" s="1"/>
  <c r="A68523" i="1" s="1"/>
  <c r="A68524" i="1" s="1"/>
  <c r="A68525" i="1" s="1"/>
  <c r="A68526" i="1" s="1"/>
  <c r="A68527" i="1" s="1"/>
  <c r="A68528" i="1" s="1"/>
  <c r="A68529" i="1" s="1"/>
  <c r="A68530" i="1" s="1"/>
  <c r="A68531" i="1" s="1"/>
  <c r="A68532" i="1" s="1"/>
  <c r="A68533" i="1" s="1"/>
  <c r="A68534" i="1" s="1"/>
  <c r="A68535" i="1" s="1"/>
  <c r="A68536" i="1" s="1"/>
  <c r="A68537" i="1" s="1"/>
  <c r="A68538" i="1" s="1"/>
  <c r="A68539" i="1" s="1"/>
  <c r="A68540" i="1" s="1"/>
  <c r="A68541" i="1" s="1"/>
  <c r="A68542" i="1" s="1"/>
  <c r="A68543" i="1" s="1"/>
  <c r="A68544" i="1" s="1"/>
  <c r="A68545" i="1" s="1"/>
  <c r="A68546" i="1" s="1"/>
  <c r="A68547" i="1" s="1"/>
  <c r="A68548" i="1" s="1"/>
  <c r="A68549" i="1" s="1"/>
  <c r="A68550" i="1" s="1"/>
  <c r="A68551" i="1" s="1"/>
  <c r="A68552" i="1" s="1"/>
  <c r="A68553" i="1" s="1"/>
  <c r="A68554" i="1" s="1"/>
  <c r="A68555" i="1" s="1"/>
  <c r="A68556" i="1" s="1"/>
  <c r="A68557" i="1" s="1"/>
  <c r="A68558" i="1" s="1"/>
  <c r="A68559" i="1" s="1"/>
  <c r="A68560" i="1" s="1"/>
  <c r="A68561" i="1" s="1"/>
  <c r="A68562" i="1" s="1"/>
  <c r="A68563" i="1" s="1"/>
  <c r="A68564" i="1" s="1"/>
  <c r="A68565" i="1" s="1"/>
  <c r="A68566" i="1" s="1"/>
  <c r="A68567" i="1" s="1"/>
  <c r="A68568" i="1" s="1"/>
  <c r="A68569" i="1" s="1"/>
  <c r="A68570" i="1" s="1"/>
  <c r="A68571" i="1" s="1"/>
  <c r="A68572" i="1" s="1"/>
  <c r="A68573" i="1" s="1"/>
  <c r="A68574" i="1" s="1"/>
  <c r="A68575" i="1" s="1"/>
  <c r="A68576" i="1" s="1"/>
  <c r="A68577" i="1" s="1"/>
  <c r="A68578" i="1" s="1"/>
  <c r="A68579" i="1" s="1"/>
  <c r="A68580" i="1" s="1"/>
  <c r="A68581" i="1" s="1"/>
  <c r="A68582" i="1" s="1"/>
  <c r="A68583" i="1" s="1"/>
  <c r="A68584" i="1" s="1"/>
  <c r="A68585" i="1" s="1"/>
  <c r="A68586" i="1" s="1"/>
  <c r="A68587" i="1" s="1"/>
  <c r="A68588" i="1" s="1"/>
  <c r="A68589" i="1" s="1"/>
  <c r="A68590" i="1" s="1"/>
  <c r="A68591" i="1" s="1"/>
  <c r="A68592" i="1" s="1"/>
  <c r="A68593" i="1" s="1"/>
  <c r="A68594" i="1" s="1"/>
  <c r="A68595" i="1" s="1"/>
  <c r="A68596" i="1" s="1"/>
  <c r="A68597" i="1" s="1"/>
  <c r="A68598" i="1" s="1"/>
  <c r="A68599" i="1" s="1"/>
  <c r="A68600" i="1" s="1"/>
  <c r="A68601" i="1" s="1"/>
  <c r="A68602" i="1" s="1"/>
  <c r="A68603" i="1" s="1"/>
  <c r="A68604" i="1" s="1"/>
  <c r="A68605" i="1" s="1"/>
  <c r="A68606" i="1" s="1"/>
  <c r="A68607" i="1" s="1"/>
  <c r="A68608" i="1" s="1"/>
  <c r="A68609" i="1" s="1"/>
  <c r="A68610" i="1" s="1"/>
  <c r="A68611" i="1" s="1"/>
  <c r="A68612" i="1" s="1"/>
  <c r="A68613" i="1" s="1"/>
  <c r="A68614" i="1" s="1"/>
  <c r="A68615" i="1" s="1"/>
  <c r="A68616" i="1" s="1"/>
  <c r="A68617" i="1" s="1"/>
  <c r="A68618" i="1" s="1"/>
  <c r="A68619" i="1" s="1"/>
  <c r="A68620" i="1" s="1"/>
  <c r="A68621" i="1" s="1"/>
  <c r="A68622" i="1" s="1"/>
  <c r="A68623" i="1" s="1"/>
  <c r="A68624" i="1" s="1"/>
  <c r="A68625" i="1" s="1"/>
  <c r="A68626" i="1" s="1"/>
  <c r="A68627" i="1" s="1"/>
  <c r="A68628" i="1" s="1"/>
  <c r="A68629" i="1" s="1"/>
  <c r="A68630" i="1" s="1"/>
  <c r="A68631" i="1" s="1"/>
  <c r="A68632" i="1" s="1"/>
  <c r="A68633" i="1" s="1"/>
  <c r="A68634" i="1" s="1"/>
  <c r="A68635" i="1" s="1"/>
  <c r="A68636" i="1" s="1"/>
  <c r="A68637" i="1" s="1"/>
  <c r="A68638" i="1" s="1"/>
  <c r="A68639" i="1" s="1"/>
  <c r="A68640" i="1" s="1"/>
  <c r="A68641" i="1" s="1"/>
  <c r="A68642" i="1" s="1"/>
  <c r="A68643" i="1" s="1"/>
  <c r="A68644" i="1" s="1"/>
  <c r="A68645" i="1" s="1"/>
  <c r="A68646" i="1" s="1"/>
  <c r="A68647" i="1" s="1"/>
  <c r="A68648" i="1" s="1"/>
  <c r="A68649" i="1" s="1"/>
  <c r="A68650" i="1" s="1"/>
  <c r="A68651" i="1" s="1"/>
  <c r="A68652" i="1" s="1"/>
  <c r="A68653" i="1" s="1"/>
  <c r="A68654" i="1" s="1"/>
  <c r="A68655" i="1" s="1"/>
  <c r="A68656" i="1" s="1"/>
  <c r="A68657" i="1" s="1"/>
  <c r="A68658" i="1" s="1"/>
  <c r="A68659" i="1" s="1"/>
  <c r="A68660" i="1" s="1"/>
  <c r="A68661" i="1" s="1"/>
  <c r="A68662" i="1" s="1"/>
  <c r="A68663" i="1" s="1"/>
  <c r="A68664" i="1" s="1"/>
  <c r="A68665" i="1" s="1"/>
  <c r="A68666" i="1" s="1"/>
  <c r="A68667" i="1" s="1"/>
  <c r="A68668" i="1" s="1"/>
  <c r="A68669" i="1" s="1"/>
  <c r="A68670" i="1" s="1"/>
  <c r="A68671" i="1" s="1"/>
  <c r="A68672" i="1" s="1"/>
  <c r="A68673" i="1" s="1"/>
  <c r="A68674" i="1" s="1"/>
  <c r="A68675" i="1" s="1"/>
  <c r="A68676" i="1" s="1"/>
  <c r="A68677" i="1" s="1"/>
  <c r="A68678" i="1" s="1"/>
  <c r="A68679" i="1" s="1"/>
  <c r="A68680" i="1" s="1"/>
  <c r="A68681" i="1" s="1"/>
  <c r="A68682" i="1" s="1"/>
  <c r="A68683" i="1" s="1"/>
  <c r="A68684" i="1" s="1"/>
  <c r="A68685" i="1" s="1"/>
  <c r="A68686" i="1" s="1"/>
  <c r="A68687" i="1" s="1"/>
  <c r="A68688" i="1" s="1"/>
  <c r="A68689" i="1" s="1"/>
  <c r="A68690" i="1" s="1"/>
  <c r="A68691" i="1" s="1"/>
  <c r="A68692" i="1" s="1"/>
  <c r="A68693" i="1" s="1"/>
  <c r="A68694" i="1" s="1"/>
  <c r="A68695" i="1" s="1"/>
  <c r="A68696" i="1" s="1"/>
  <c r="A68697" i="1" s="1"/>
  <c r="A68698" i="1" s="1"/>
  <c r="A68699" i="1" s="1"/>
  <c r="A68700" i="1" s="1"/>
  <c r="A68701" i="1" s="1"/>
  <c r="A68702" i="1" s="1"/>
  <c r="A68703" i="1" s="1"/>
  <c r="A68704" i="1" s="1"/>
  <c r="A68705" i="1" s="1"/>
  <c r="A68706" i="1" s="1"/>
  <c r="A68707" i="1" s="1"/>
  <c r="A68708" i="1" s="1"/>
  <c r="A68709" i="1" s="1"/>
  <c r="A68710" i="1" s="1"/>
  <c r="A68711" i="1" s="1"/>
  <c r="A68712" i="1" s="1"/>
  <c r="A68713" i="1" s="1"/>
  <c r="A68714" i="1" s="1"/>
  <c r="A68715" i="1" s="1"/>
  <c r="A68716" i="1" s="1"/>
  <c r="A68717" i="1" s="1"/>
  <c r="A68718" i="1" s="1"/>
  <c r="A68719" i="1" s="1"/>
  <c r="A68720" i="1" s="1"/>
  <c r="A68721" i="1" s="1"/>
  <c r="A68722" i="1" s="1"/>
  <c r="A68723" i="1" s="1"/>
  <c r="A68724" i="1" s="1"/>
  <c r="A68725" i="1" s="1"/>
  <c r="A68726" i="1" s="1"/>
  <c r="A68727" i="1" s="1"/>
  <c r="A68728" i="1" s="1"/>
  <c r="A68729" i="1" s="1"/>
  <c r="A68730" i="1" s="1"/>
  <c r="A68731" i="1" s="1"/>
  <c r="A68732" i="1" s="1"/>
  <c r="A68733" i="1" s="1"/>
  <c r="A68734" i="1" s="1"/>
  <c r="A68735" i="1" s="1"/>
  <c r="A68736" i="1" s="1"/>
  <c r="A68737" i="1" s="1"/>
  <c r="A68738" i="1" s="1"/>
  <c r="A68739" i="1" s="1"/>
  <c r="A68740" i="1" s="1"/>
  <c r="A68741" i="1" s="1"/>
  <c r="A68742" i="1" s="1"/>
  <c r="A68743" i="1" s="1"/>
  <c r="A68744" i="1" s="1"/>
  <c r="A68745" i="1" s="1"/>
  <c r="A68746" i="1" s="1"/>
  <c r="A68747" i="1" s="1"/>
  <c r="A68748" i="1" s="1"/>
  <c r="A68749" i="1" s="1"/>
  <c r="A68750" i="1" s="1"/>
  <c r="A68751" i="1" s="1"/>
  <c r="A68752" i="1" s="1"/>
  <c r="A68753" i="1" s="1"/>
  <c r="A68754" i="1" s="1"/>
  <c r="A68755" i="1" s="1"/>
  <c r="A68756" i="1" s="1"/>
  <c r="A68757" i="1" s="1"/>
  <c r="A68758" i="1" s="1"/>
  <c r="A68759" i="1" s="1"/>
  <c r="A68760" i="1" s="1"/>
  <c r="A68761" i="1" s="1"/>
  <c r="A68762" i="1" s="1"/>
  <c r="A68763" i="1" s="1"/>
  <c r="A68764" i="1" s="1"/>
  <c r="A68765" i="1" s="1"/>
  <c r="A68766" i="1" s="1"/>
  <c r="A68767" i="1" s="1"/>
  <c r="A68768" i="1" s="1"/>
  <c r="A68769" i="1" s="1"/>
  <c r="A68770" i="1" s="1"/>
  <c r="A68771" i="1" s="1"/>
  <c r="A68772" i="1" s="1"/>
  <c r="A68773" i="1" s="1"/>
  <c r="A68774" i="1" s="1"/>
  <c r="A68775" i="1" s="1"/>
  <c r="A68776" i="1" s="1"/>
  <c r="A68777" i="1" s="1"/>
  <c r="A68778" i="1" s="1"/>
  <c r="A68779" i="1" s="1"/>
  <c r="A68780" i="1" s="1"/>
  <c r="A68781" i="1" s="1"/>
  <c r="A68782" i="1" s="1"/>
  <c r="A68783" i="1" s="1"/>
  <c r="A68784" i="1" s="1"/>
  <c r="A68785" i="1" s="1"/>
  <c r="A68786" i="1" s="1"/>
  <c r="A68787" i="1" s="1"/>
  <c r="A68788" i="1" s="1"/>
  <c r="A68789" i="1" s="1"/>
  <c r="A68790" i="1" s="1"/>
  <c r="A68791" i="1" s="1"/>
  <c r="A68792" i="1" s="1"/>
  <c r="A68793" i="1" s="1"/>
  <c r="A68794" i="1" s="1"/>
  <c r="A68795" i="1" s="1"/>
  <c r="A68796" i="1" s="1"/>
  <c r="A68797" i="1" s="1"/>
  <c r="A68798" i="1" s="1"/>
  <c r="A68799" i="1" s="1"/>
  <c r="A68800" i="1" s="1"/>
  <c r="A68801" i="1" s="1"/>
  <c r="A68802" i="1" s="1"/>
  <c r="A68803" i="1" s="1"/>
  <c r="A68804" i="1" s="1"/>
  <c r="A68805" i="1" s="1"/>
  <c r="A68806" i="1" s="1"/>
  <c r="A68807" i="1" s="1"/>
  <c r="A68808" i="1" s="1"/>
  <c r="A68809" i="1" s="1"/>
  <c r="A68810" i="1" s="1"/>
  <c r="A68811" i="1" s="1"/>
  <c r="A68812" i="1" s="1"/>
  <c r="A68813" i="1" s="1"/>
  <c r="A68814" i="1" s="1"/>
  <c r="A68815" i="1" s="1"/>
  <c r="A68816" i="1" s="1"/>
  <c r="A68817" i="1" s="1"/>
  <c r="A68818" i="1" s="1"/>
  <c r="A68819" i="1" s="1"/>
  <c r="A68820" i="1" s="1"/>
  <c r="A68821" i="1" s="1"/>
  <c r="A68822" i="1" s="1"/>
  <c r="A68823" i="1" s="1"/>
  <c r="A68824" i="1" s="1"/>
  <c r="A68825" i="1" s="1"/>
  <c r="A68826" i="1" s="1"/>
  <c r="A68827" i="1" s="1"/>
  <c r="A68828" i="1" s="1"/>
  <c r="A68829" i="1" s="1"/>
  <c r="A68830" i="1" s="1"/>
  <c r="A68831" i="1" s="1"/>
  <c r="A68832" i="1" s="1"/>
  <c r="A68833" i="1" s="1"/>
  <c r="A68834" i="1" s="1"/>
  <c r="A68835" i="1" s="1"/>
  <c r="A68836" i="1" s="1"/>
  <c r="A68837" i="1" s="1"/>
  <c r="A68838" i="1" s="1"/>
  <c r="A68839" i="1" s="1"/>
  <c r="A68840" i="1" s="1"/>
  <c r="A68841" i="1" s="1"/>
  <c r="A68842" i="1" s="1"/>
  <c r="A68843" i="1" s="1"/>
  <c r="A68844" i="1" s="1"/>
  <c r="A68845" i="1" s="1"/>
  <c r="A68846" i="1" s="1"/>
  <c r="A68847" i="1" s="1"/>
  <c r="A68848" i="1" s="1"/>
  <c r="A68849" i="1" s="1"/>
  <c r="A68850" i="1" s="1"/>
  <c r="A68851" i="1" s="1"/>
  <c r="A68852" i="1" s="1"/>
  <c r="A68853" i="1" s="1"/>
  <c r="A68854" i="1" s="1"/>
  <c r="A68855" i="1" s="1"/>
  <c r="A68856" i="1" s="1"/>
  <c r="A68857" i="1" s="1"/>
  <c r="A68858" i="1" s="1"/>
  <c r="A68859" i="1" s="1"/>
  <c r="A68860" i="1" s="1"/>
  <c r="A68861" i="1" s="1"/>
  <c r="A68862" i="1" s="1"/>
  <c r="A68863" i="1" s="1"/>
  <c r="A68864" i="1" s="1"/>
  <c r="A68865" i="1" s="1"/>
  <c r="A68866" i="1" s="1"/>
  <c r="A68867" i="1" s="1"/>
  <c r="A68868" i="1" s="1"/>
  <c r="A68869" i="1" s="1"/>
  <c r="A68870" i="1" s="1"/>
  <c r="A68871" i="1" s="1"/>
  <c r="A68872" i="1" s="1"/>
  <c r="A68873" i="1" s="1"/>
  <c r="A68874" i="1" s="1"/>
  <c r="A68875" i="1" s="1"/>
  <c r="A68876" i="1" s="1"/>
  <c r="A68877" i="1" s="1"/>
  <c r="A68878" i="1" s="1"/>
  <c r="A68879" i="1" s="1"/>
  <c r="A68880" i="1" s="1"/>
  <c r="A68881" i="1" s="1"/>
  <c r="A68882" i="1" s="1"/>
  <c r="A68883" i="1" s="1"/>
  <c r="A68884" i="1" s="1"/>
  <c r="A68885" i="1" s="1"/>
  <c r="A68886" i="1" s="1"/>
  <c r="A68887" i="1" s="1"/>
  <c r="A68888" i="1" s="1"/>
  <c r="A68889" i="1" s="1"/>
  <c r="A68890" i="1" s="1"/>
  <c r="A68891" i="1" s="1"/>
  <c r="A68892" i="1" s="1"/>
  <c r="A68893" i="1" s="1"/>
  <c r="A68894" i="1" s="1"/>
  <c r="A68895" i="1" s="1"/>
  <c r="A68896" i="1" s="1"/>
  <c r="A68897" i="1" s="1"/>
  <c r="A68898" i="1" s="1"/>
  <c r="A68899" i="1" s="1"/>
  <c r="A68900" i="1" s="1"/>
  <c r="A68901" i="1" s="1"/>
  <c r="A68902" i="1" s="1"/>
  <c r="A68903" i="1" s="1"/>
  <c r="A68904" i="1" s="1"/>
  <c r="A68905" i="1" s="1"/>
  <c r="A68906" i="1" s="1"/>
  <c r="A68907" i="1" s="1"/>
  <c r="A68908" i="1" s="1"/>
  <c r="A68909" i="1" s="1"/>
  <c r="A68910" i="1" s="1"/>
  <c r="A68911" i="1" s="1"/>
  <c r="A68912" i="1" s="1"/>
  <c r="A68913" i="1" s="1"/>
  <c r="A68914" i="1" s="1"/>
  <c r="A68915" i="1" s="1"/>
  <c r="A68916" i="1" s="1"/>
  <c r="A68917" i="1" s="1"/>
  <c r="A68918" i="1" s="1"/>
  <c r="A68919" i="1" s="1"/>
  <c r="A68920" i="1" s="1"/>
  <c r="A68921" i="1" s="1"/>
  <c r="A68922" i="1" s="1"/>
  <c r="A68923" i="1" s="1"/>
  <c r="A68924" i="1" s="1"/>
  <c r="A68925" i="1" s="1"/>
  <c r="A68926" i="1" s="1"/>
  <c r="A68927" i="1" s="1"/>
  <c r="A68928" i="1" s="1"/>
  <c r="A68929" i="1" s="1"/>
  <c r="A68930" i="1" s="1"/>
  <c r="A68931" i="1" s="1"/>
  <c r="A68932" i="1" s="1"/>
  <c r="A68933" i="1" s="1"/>
  <c r="A68934" i="1" s="1"/>
  <c r="A68935" i="1" s="1"/>
  <c r="A68936" i="1" s="1"/>
  <c r="A68937" i="1" s="1"/>
  <c r="A68938" i="1" s="1"/>
  <c r="A68939" i="1" s="1"/>
  <c r="A68940" i="1" s="1"/>
  <c r="A68941" i="1" s="1"/>
  <c r="A68942" i="1" s="1"/>
  <c r="A68943" i="1" s="1"/>
  <c r="A68944" i="1" s="1"/>
  <c r="A68945" i="1" s="1"/>
  <c r="A68946" i="1" s="1"/>
  <c r="A68947" i="1" s="1"/>
  <c r="A68948" i="1" s="1"/>
  <c r="A68949" i="1" s="1"/>
  <c r="A68950" i="1" s="1"/>
  <c r="A68951" i="1" s="1"/>
  <c r="A68952" i="1" s="1"/>
  <c r="A68953" i="1" s="1"/>
  <c r="A68954" i="1" s="1"/>
  <c r="A68955" i="1" s="1"/>
  <c r="A68956" i="1" s="1"/>
  <c r="A68957" i="1" s="1"/>
  <c r="A68958" i="1" s="1"/>
  <c r="A68959" i="1" s="1"/>
  <c r="A68960" i="1" s="1"/>
  <c r="A68961" i="1" s="1"/>
  <c r="A68962" i="1" s="1"/>
  <c r="A68963" i="1" s="1"/>
  <c r="A68964" i="1" s="1"/>
  <c r="A68965" i="1" s="1"/>
  <c r="A68966" i="1" s="1"/>
  <c r="A68967" i="1" s="1"/>
  <c r="A68968" i="1" s="1"/>
  <c r="A68969" i="1" s="1"/>
  <c r="A68970" i="1" s="1"/>
  <c r="A68971" i="1" s="1"/>
  <c r="A68972" i="1" s="1"/>
  <c r="A68973" i="1" s="1"/>
  <c r="A68974" i="1" s="1"/>
  <c r="A68975" i="1" s="1"/>
  <c r="A68976" i="1" s="1"/>
  <c r="A68977" i="1" s="1"/>
  <c r="A68978" i="1" s="1"/>
  <c r="A68979" i="1" s="1"/>
  <c r="A68980" i="1" s="1"/>
  <c r="A68981" i="1" s="1"/>
  <c r="A68982" i="1" s="1"/>
  <c r="A68983" i="1" s="1"/>
  <c r="A68984" i="1" s="1"/>
  <c r="A68985" i="1" s="1"/>
  <c r="A68986" i="1" s="1"/>
  <c r="A68987" i="1" s="1"/>
  <c r="A68988" i="1" s="1"/>
  <c r="A68989" i="1" s="1"/>
  <c r="A68990" i="1" s="1"/>
  <c r="A68991" i="1" s="1"/>
  <c r="A68992" i="1" s="1"/>
  <c r="A68993" i="1" s="1"/>
  <c r="A68994" i="1" s="1"/>
  <c r="A68995" i="1" s="1"/>
  <c r="A68996" i="1" s="1"/>
  <c r="A68997" i="1" s="1"/>
  <c r="A68998" i="1" s="1"/>
  <c r="A68999" i="1" s="1"/>
  <c r="A69000" i="1" s="1"/>
  <c r="A69001" i="1" s="1"/>
  <c r="A69002" i="1" s="1"/>
  <c r="A69003" i="1" s="1"/>
  <c r="A69004" i="1" s="1"/>
  <c r="A69005" i="1" s="1"/>
  <c r="A69006" i="1" s="1"/>
  <c r="A69007" i="1" s="1"/>
  <c r="A69008" i="1" s="1"/>
  <c r="A69009" i="1" s="1"/>
  <c r="A69010" i="1" s="1"/>
  <c r="A69011" i="1" s="1"/>
  <c r="A69012" i="1" s="1"/>
  <c r="A69013" i="1" s="1"/>
  <c r="A69014" i="1" s="1"/>
  <c r="A69015" i="1" s="1"/>
  <c r="A69016" i="1" s="1"/>
  <c r="A69017" i="1" s="1"/>
  <c r="A69018" i="1" s="1"/>
  <c r="A69019" i="1" s="1"/>
  <c r="A69020" i="1" s="1"/>
  <c r="A69021" i="1" s="1"/>
  <c r="A69022" i="1" s="1"/>
  <c r="A69023" i="1" s="1"/>
  <c r="A69024" i="1" s="1"/>
  <c r="A69025" i="1" s="1"/>
  <c r="A69026" i="1" s="1"/>
  <c r="A69027" i="1" s="1"/>
  <c r="A69028" i="1" s="1"/>
  <c r="A69029" i="1" s="1"/>
  <c r="A69030" i="1" s="1"/>
  <c r="A69031" i="1" s="1"/>
  <c r="A69032" i="1" s="1"/>
  <c r="A69033" i="1" s="1"/>
  <c r="A69034" i="1" s="1"/>
  <c r="A69035" i="1" s="1"/>
  <c r="A69036" i="1" s="1"/>
  <c r="A69037" i="1" s="1"/>
  <c r="A69038" i="1" s="1"/>
  <c r="A69039" i="1" s="1"/>
  <c r="A69040" i="1" s="1"/>
  <c r="A69041" i="1" s="1"/>
  <c r="A69042" i="1" s="1"/>
  <c r="A69043" i="1" s="1"/>
  <c r="A69044" i="1" s="1"/>
  <c r="A69045" i="1" s="1"/>
  <c r="A69046" i="1" s="1"/>
  <c r="A69047" i="1" s="1"/>
  <c r="A69048" i="1" s="1"/>
  <c r="A69049" i="1" s="1"/>
  <c r="A69050" i="1" s="1"/>
  <c r="A69051" i="1" s="1"/>
  <c r="A69052" i="1" s="1"/>
  <c r="A69053" i="1" s="1"/>
  <c r="A69054" i="1" s="1"/>
  <c r="A69055" i="1" s="1"/>
  <c r="A69056" i="1" s="1"/>
  <c r="A69057" i="1" s="1"/>
  <c r="A69058" i="1" s="1"/>
  <c r="A69059" i="1" s="1"/>
  <c r="A69060" i="1" s="1"/>
  <c r="A69061" i="1" s="1"/>
  <c r="A69062" i="1" s="1"/>
  <c r="A69063" i="1" s="1"/>
  <c r="A69064" i="1" s="1"/>
  <c r="A69065" i="1" s="1"/>
  <c r="A69066" i="1" s="1"/>
  <c r="A69067" i="1" s="1"/>
  <c r="A69068" i="1" s="1"/>
  <c r="A69069" i="1" s="1"/>
  <c r="A69070" i="1" s="1"/>
  <c r="A69071" i="1" s="1"/>
  <c r="A69072" i="1" s="1"/>
  <c r="A69073" i="1" s="1"/>
  <c r="A69074" i="1" s="1"/>
  <c r="A69075" i="1" s="1"/>
  <c r="A69076" i="1" s="1"/>
  <c r="A69077" i="1" s="1"/>
  <c r="A69078" i="1" s="1"/>
  <c r="A69079" i="1" s="1"/>
  <c r="A69080" i="1" s="1"/>
  <c r="A69081" i="1" s="1"/>
  <c r="A69082" i="1" s="1"/>
  <c r="A69083" i="1" s="1"/>
  <c r="A69084" i="1" s="1"/>
  <c r="A69085" i="1" s="1"/>
  <c r="A69086" i="1" s="1"/>
  <c r="A69087" i="1" s="1"/>
  <c r="A69088" i="1" s="1"/>
  <c r="A69089" i="1" s="1"/>
  <c r="A69090" i="1" s="1"/>
  <c r="A69091" i="1" s="1"/>
  <c r="A69092" i="1" s="1"/>
  <c r="A69093" i="1" s="1"/>
  <c r="A69094" i="1" s="1"/>
  <c r="A69095" i="1" s="1"/>
  <c r="A69096" i="1" s="1"/>
  <c r="A69097" i="1" s="1"/>
  <c r="A69098" i="1" s="1"/>
  <c r="A69099" i="1" s="1"/>
  <c r="A69100" i="1" s="1"/>
  <c r="A69101" i="1" s="1"/>
  <c r="A69102" i="1" s="1"/>
  <c r="A69103" i="1" s="1"/>
  <c r="A69104" i="1" s="1"/>
  <c r="A69105" i="1" s="1"/>
  <c r="A69106" i="1" s="1"/>
  <c r="A69107" i="1" s="1"/>
  <c r="A69108" i="1" s="1"/>
  <c r="A69109" i="1" s="1"/>
  <c r="A69110" i="1" s="1"/>
  <c r="A69111" i="1" s="1"/>
  <c r="A69112" i="1" s="1"/>
  <c r="A69113" i="1" s="1"/>
  <c r="A69114" i="1" s="1"/>
  <c r="A69115" i="1" s="1"/>
  <c r="A69116" i="1" s="1"/>
  <c r="A69117" i="1" s="1"/>
  <c r="A69118" i="1" s="1"/>
  <c r="A69119" i="1" s="1"/>
  <c r="A69120" i="1" s="1"/>
  <c r="A69121" i="1" s="1"/>
  <c r="A69122" i="1" s="1"/>
  <c r="A69123" i="1" s="1"/>
  <c r="A69124" i="1" s="1"/>
  <c r="A69125" i="1" s="1"/>
  <c r="A69126" i="1" s="1"/>
  <c r="A69127" i="1" s="1"/>
  <c r="A69128" i="1" s="1"/>
  <c r="A69129" i="1" s="1"/>
  <c r="A69130" i="1" s="1"/>
  <c r="A69131" i="1" s="1"/>
  <c r="A69132" i="1" s="1"/>
  <c r="A69133" i="1" s="1"/>
  <c r="A69134" i="1" s="1"/>
  <c r="A69135" i="1" s="1"/>
  <c r="A69136" i="1" s="1"/>
  <c r="A69137" i="1" s="1"/>
  <c r="A69138" i="1" s="1"/>
  <c r="A69139" i="1" s="1"/>
  <c r="A69140" i="1" s="1"/>
  <c r="A69141" i="1" s="1"/>
  <c r="A69142" i="1" s="1"/>
  <c r="A69143" i="1" s="1"/>
  <c r="A69144" i="1" s="1"/>
  <c r="A69145" i="1" s="1"/>
  <c r="A69146" i="1" s="1"/>
  <c r="A69147" i="1" s="1"/>
  <c r="A69148" i="1" s="1"/>
  <c r="A69149" i="1" s="1"/>
  <c r="A69150" i="1" s="1"/>
  <c r="A69151" i="1" s="1"/>
  <c r="A69152" i="1" s="1"/>
  <c r="A69153" i="1" s="1"/>
  <c r="A69154" i="1" s="1"/>
  <c r="A69155" i="1" s="1"/>
  <c r="A69156" i="1" s="1"/>
  <c r="A69157" i="1" s="1"/>
  <c r="A69158" i="1" s="1"/>
  <c r="A69159" i="1" s="1"/>
  <c r="A69160" i="1" s="1"/>
  <c r="A69161" i="1" s="1"/>
  <c r="A69162" i="1" s="1"/>
  <c r="A69163" i="1" s="1"/>
  <c r="A69164" i="1" s="1"/>
  <c r="A69165" i="1" s="1"/>
  <c r="A69166" i="1" s="1"/>
  <c r="A69167" i="1" s="1"/>
  <c r="A69168" i="1" s="1"/>
  <c r="A69169" i="1" s="1"/>
  <c r="A69170" i="1" s="1"/>
  <c r="A69171" i="1" s="1"/>
  <c r="A69172" i="1" s="1"/>
  <c r="A69173" i="1" s="1"/>
  <c r="A69174" i="1" s="1"/>
  <c r="A69175" i="1" s="1"/>
  <c r="A69176" i="1" s="1"/>
  <c r="A69177" i="1" s="1"/>
  <c r="A69178" i="1" s="1"/>
  <c r="A69179" i="1" s="1"/>
  <c r="A69180" i="1" s="1"/>
  <c r="A69181" i="1" s="1"/>
  <c r="A69182" i="1" s="1"/>
  <c r="A69183" i="1" s="1"/>
  <c r="A69184" i="1" s="1"/>
  <c r="A69185" i="1" s="1"/>
  <c r="A69186" i="1" s="1"/>
  <c r="A69187" i="1" s="1"/>
  <c r="A69188" i="1" s="1"/>
  <c r="A69189" i="1" s="1"/>
  <c r="A69190" i="1" s="1"/>
  <c r="A69191" i="1" s="1"/>
  <c r="A69192" i="1" s="1"/>
  <c r="A69193" i="1" s="1"/>
  <c r="A69194" i="1" s="1"/>
  <c r="A69195" i="1" s="1"/>
  <c r="A69196" i="1" s="1"/>
  <c r="A69197" i="1" s="1"/>
  <c r="A69198" i="1" s="1"/>
  <c r="A69199" i="1" s="1"/>
  <c r="A69200" i="1" s="1"/>
  <c r="A69201" i="1" s="1"/>
  <c r="A69202" i="1" s="1"/>
  <c r="A69203" i="1" s="1"/>
  <c r="A69204" i="1" s="1"/>
  <c r="A69205" i="1" s="1"/>
  <c r="A69206" i="1" s="1"/>
  <c r="A69207" i="1" s="1"/>
  <c r="A69208" i="1" s="1"/>
  <c r="A69209" i="1" s="1"/>
  <c r="A69210" i="1" s="1"/>
  <c r="A69211" i="1" s="1"/>
  <c r="A69212" i="1" s="1"/>
  <c r="A69213" i="1" s="1"/>
  <c r="A69214" i="1" s="1"/>
  <c r="A69215" i="1" s="1"/>
  <c r="A69216" i="1" s="1"/>
  <c r="A69217" i="1" s="1"/>
  <c r="A69218" i="1" s="1"/>
  <c r="A69219" i="1" s="1"/>
  <c r="A69220" i="1" s="1"/>
  <c r="A69221" i="1" s="1"/>
  <c r="A69222" i="1" s="1"/>
  <c r="A69223" i="1" s="1"/>
  <c r="A69224" i="1" s="1"/>
  <c r="A69225" i="1" s="1"/>
  <c r="A69226" i="1" s="1"/>
  <c r="A69227" i="1" s="1"/>
  <c r="A69228" i="1" s="1"/>
  <c r="A69229" i="1" s="1"/>
  <c r="A69230" i="1" s="1"/>
  <c r="A69231" i="1" s="1"/>
  <c r="A69232" i="1" s="1"/>
  <c r="A69233" i="1" s="1"/>
  <c r="A69234" i="1" s="1"/>
  <c r="A69235" i="1" s="1"/>
  <c r="A69236" i="1" s="1"/>
  <c r="A69237" i="1" s="1"/>
  <c r="A69238" i="1" s="1"/>
  <c r="A69239" i="1" s="1"/>
  <c r="A69240" i="1" s="1"/>
  <c r="A69241" i="1" s="1"/>
  <c r="A69242" i="1" s="1"/>
  <c r="A69243" i="1" s="1"/>
  <c r="A69244" i="1" s="1"/>
  <c r="A69245" i="1" s="1"/>
  <c r="A69246" i="1" s="1"/>
  <c r="A69247" i="1" s="1"/>
  <c r="A69248" i="1" s="1"/>
  <c r="A69249" i="1" s="1"/>
  <c r="A69250" i="1" s="1"/>
  <c r="A69251" i="1" s="1"/>
  <c r="A69252" i="1" s="1"/>
  <c r="A69253" i="1" s="1"/>
  <c r="A69254" i="1" s="1"/>
  <c r="A69255" i="1" s="1"/>
  <c r="A69256" i="1" s="1"/>
  <c r="A69257" i="1" s="1"/>
  <c r="A69258" i="1" s="1"/>
  <c r="A69259" i="1" s="1"/>
  <c r="A69260" i="1" s="1"/>
  <c r="A69261" i="1" s="1"/>
  <c r="A69262" i="1" s="1"/>
  <c r="A69263" i="1" s="1"/>
  <c r="A69264" i="1" s="1"/>
  <c r="A69265" i="1" s="1"/>
  <c r="A69266" i="1" s="1"/>
  <c r="A69267" i="1" s="1"/>
  <c r="A69268" i="1" s="1"/>
  <c r="A69269" i="1" s="1"/>
  <c r="A69270" i="1" s="1"/>
  <c r="A69271" i="1" s="1"/>
  <c r="A69272" i="1" s="1"/>
  <c r="A69273" i="1" s="1"/>
  <c r="A69274" i="1" s="1"/>
  <c r="A69275" i="1" s="1"/>
  <c r="A69276" i="1" s="1"/>
  <c r="A69277" i="1" s="1"/>
  <c r="A69278" i="1" s="1"/>
  <c r="A69279" i="1" s="1"/>
  <c r="A69280" i="1" s="1"/>
  <c r="A69281" i="1" s="1"/>
  <c r="A69282" i="1" s="1"/>
  <c r="A69283" i="1" s="1"/>
  <c r="A69284" i="1" s="1"/>
  <c r="A69285" i="1" s="1"/>
  <c r="A69286" i="1" s="1"/>
  <c r="A69287" i="1" s="1"/>
  <c r="A69288" i="1" s="1"/>
  <c r="A69289" i="1" s="1"/>
  <c r="A69290" i="1" s="1"/>
  <c r="A69291" i="1" s="1"/>
  <c r="A69292" i="1" s="1"/>
  <c r="A69293" i="1" s="1"/>
  <c r="A69294" i="1" s="1"/>
  <c r="A69295" i="1" s="1"/>
  <c r="A69296" i="1" s="1"/>
  <c r="A69297" i="1" s="1"/>
  <c r="A69298" i="1" s="1"/>
  <c r="A69299" i="1" s="1"/>
  <c r="A69300" i="1" s="1"/>
  <c r="A69301" i="1" s="1"/>
  <c r="A69302" i="1" s="1"/>
  <c r="A69303" i="1" s="1"/>
  <c r="A69304" i="1" s="1"/>
  <c r="A69305" i="1" s="1"/>
  <c r="A69306" i="1" s="1"/>
  <c r="A69307" i="1" s="1"/>
  <c r="A69308" i="1" s="1"/>
  <c r="A69309" i="1" s="1"/>
  <c r="A69310" i="1" s="1"/>
  <c r="A69311" i="1" s="1"/>
  <c r="A69312" i="1" s="1"/>
  <c r="A69313" i="1" s="1"/>
  <c r="A69314" i="1" s="1"/>
  <c r="A69315" i="1" s="1"/>
  <c r="A69316" i="1" s="1"/>
  <c r="A69317" i="1" s="1"/>
  <c r="A69318" i="1" s="1"/>
  <c r="A69319" i="1" s="1"/>
  <c r="A69320" i="1" s="1"/>
  <c r="A69321" i="1" s="1"/>
  <c r="A69322" i="1" s="1"/>
  <c r="A69323" i="1" s="1"/>
  <c r="A69324" i="1" s="1"/>
  <c r="A69325" i="1" s="1"/>
  <c r="A69326" i="1" s="1"/>
  <c r="A69327" i="1" s="1"/>
  <c r="A69328" i="1" s="1"/>
  <c r="A69329" i="1" s="1"/>
  <c r="A69330" i="1" s="1"/>
  <c r="A69331" i="1" s="1"/>
  <c r="A69332" i="1" s="1"/>
  <c r="A69333" i="1" s="1"/>
  <c r="A69334" i="1" s="1"/>
  <c r="A69335" i="1" s="1"/>
  <c r="A69336" i="1" s="1"/>
  <c r="A69337" i="1" s="1"/>
  <c r="A69338" i="1" s="1"/>
  <c r="A69339" i="1" s="1"/>
  <c r="A69340" i="1" s="1"/>
  <c r="A69341" i="1" s="1"/>
  <c r="A69342" i="1" s="1"/>
  <c r="A69343" i="1" s="1"/>
  <c r="A69344" i="1" s="1"/>
  <c r="A69345" i="1" s="1"/>
  <c r="A69346" i="1" s="1"/>
  <c r="A69347" i="1" s="1"/>
  <c r="A69348" i="1" s="1"/>
  <c r="A69349" i="1" s="1"/>
  <c r="A69350" i="1" s="1"/>
  <c r="A69351" i="1" s="1"/>
  <c r="A69352" i="1" s="1"/>
  <c r="A69353" i="1" s="1"/>
  <c r="A69354" i="1" s="1"/>
  <c r="A69355" i="1" s="1"/>
  <c r="A69356" i="1" s="1"/>
  <c r="A69357" i="1" s="1"/>
  <c r="A69358" i="1" s="1"/>
  <c r="A69359" i="1" s="1"/>
  <c r="A69360" i="1" s="1"/>
  <c r="A69361" i="1" s="1"/>
  <c r="A69362" i="1" s="1"/>
  <c r="A69363" i="1" s="1"/>
  <c r="A69364" i="1" s="1"/>
  <c r="A69365" i="1" s="1"/>
  <c r="A69366" i="1" s="1"/>
  <c r="A69367" i="1" s="1"/>
  <c r="A69368" i="1" s="1"/>
  <c r="A69369" i="1" s="1"/>
  <c r="A69370" i="1" s="1"/>
  <c r="A69371" i="1" s="1"/>
  <c r="A69372" i="1" s="1"/>
  <c r="A69373" i="1" s="1"/>
  <c r="A69374" i="1" s="1"/>
  <c r="A69375" i="1" s="1"/>
  <c r="A69376" i="1" s="1"/>
  <c r="A69377" i="1" s="1"/>
  <c r="A69378" i="1" s="1"/>
  <c r="A69379" i="1" s="1"/>
  <c r="A69380" i="1" s="1"/>
  <c r="A69381" i="1" s="1"/>
  <c r="A69382" i="1" s="1"/>
  <c r="A69383" i="1" s="1"/>
  <c r="A69384" i="1" s="1"/>
  <c r="A69385" i="1" s="1"/>
  <c r="A69386" i="1" s="1"/>
  <c r="A69387" i="1" s="1"/>
  <c r="A69388" i="1" s="1"/>
  <c r="A69389" i="1" s="1"/>
  <c r="A69390" i="1" s="1"/>
  <c r="A69391" i="1" s="1"/>
  <c r="A69392" i="1" s="1"/>
  <c r="A69393" i="1" s="1"/>
  <c r="A69394" i="1" s="1"/>
  <c r="A69395" i="1" s="1"/>
  <c r="A69396" i="1" s="1"/>
  <c r="A69397" i="1" s="1"/>
  <c r="A69398" i="1" s="1"/>
  <c r="A69399" i="1" s="1"/>
  <c r="A69400" i="1" s="1"/>
  <c r="A69401" i="1" s="1"/>
  <c r="A69402" i="1" s="1"/>
  <c r="A69403" i="1" s="1"/>
  <c r="A69404" i="1" s="1"/>
  <c r="A69405" i="1" s="1"/>
  <c r="A69406" i="1" s="1"/>
  <c r="A69407" i="1" s="1"/>
  <c r="A69408" i="1" s="1"/>
  <c r="A69409" i="1" s="1"/>
  <c r="A69410" i="1" s="1"/>
  <c r="A69411" i="1" s="1"/>
  <c r="A69412" i="1" s="1"/>
  <c r="A69413" i="1" s="1"/>
  <c r="A69414" i="1" s="1"/>
  <c r="A69415" i="1" s="1"/>
  <c r="A69416" i="1" s="1"/>
  <c r="A69417" i="1" s="1"/>
  <c r="A69418" i="1" s="1"/>
  <c r="A69419" i="1" s="1"/>
  <c r="A69420" i="1" s="1"/>
  <c r="A69421" i="1" s="1"/>
  <c r="A69422" i="1" s="1"/>
  <c r="A69423" i="1" s="1"/>
  <c r="A69424" i="1" s="1"/>
  <c r="A69425" i="1" s="1"/>
  <c r="A69426" i="1" s="1"/>
  <c r="A69427" i="1" s="1"/>
  <c r="A69428" i="1" s="1"/>
  <c r="A69429" i="1" s="1"/>
  <c r="A69430" i="1" s="1"/>
  <c r="A69431" i="1" s="1"/>
  <c r="A69432" i="1" s="1"/>
  <c r="A69433" i="1" s="1"/>
  <c r="A69434" i="1" s="1"/>
  <c r="A69435" i="1" s="1"/>
  <c r="A69436" i="1" s="1"/>
  <c r="A69437" i="1" s="1"/>
  <c r="A69438" i="1" s="1"/>
  <c r="A69439" i="1" s="1"/>
  <c r="A69440" i="1" s="1"/>
  <c r="A69441" i="1" s="1"/>
  <c r="A69442" i="1" s="1"/>
  <c r="A69443" i="1" s="1"/>
  <c r="A69444" i="1" s="1"/>
  <c r="A69445" i="1" s="1"/>
  <c r="A69446" i="1" s="1"/>
  <c r="A69447" i="1" s="1"/>
  <c r="A69448" i="1" s="1"/>
  <c r="A69449" i="1" s="1"/>
  <c r="A69450" i="1" s="1"/>
  <c r="A69451" i="1" s="1"/>
  <c r="A69452" i="1" s="1"/>
  <c r="A69453" i="1" s="1"/>
  <c r="A69454" i="1" s="1"/>
  <c r="A69455" i="1" s="1"/>
  <c r="A69456" i="1" s="1"/>
  <c r="A69457" i="1" s="1"/>
  <c r="A69458" i="1" s="1"/>
  <c r="A69459" i="1" s="1"/>
  <c r="A69460" i="1" s="1"/>
  <c r="A69461" i="1" s="1"/>
  <c r="A69462" i="1" s="1"/>
  <c r="A69463" i="1" s="1"/>
  <c r="A69464" i="1" s="1"/>
  <c r="A69465" i="1" s="1"/>
  <c r="A69466" i="1" s="1"/>
  <c r="A69467" i="1" s="1"/>
  <c r="A69468" i="1" s="1"/>
  <c r="A69469" i="1" s="1"/>
  <c r="A69470" i="1" s="1"/>
  <c r="A69471" i="1" s="1"/>
  <c r="A69472" i="1" s="1"/>
  <c r="A69473" i="1" s="1"/>
  <c r="A69474" i="1" s="1"/>
  <c r="A69475" i="1" s="1"/>
  <c r="A69476" i="1" s="1"/>
  <c r="A69477" i="1" s="1"/>
  <c r="A69478" i="1" s="1"/>
  <c r="A69479" i="1" s="1"/>
  <c r="A69480" i="1" s="1"/>
  <c r="A69481" i="1" s="1"/>
  <c r="A69482" i="1" s="1"/>
  <c r="A69483" i="1" s="1"/>
  <c r="A69484" i="1" s="1"/>
  <c r="A69485" i="1" s="1"/>
  <c r="A69486" i="1" s="1"/>
  <c r="A69487" i="1" s="1"/>
  <c r="A69488" i="1" s="1"/>
  <c r="A69489" i="1" s="1"/>
  <c r="A69490" i="1" s="1"/>
  <c r="A69491" i="1" s="1"/>
  <c r="A69492" i="1" s="1"/>
  <c r="A69493" i="1" s="1"/>
  <c r="A69494" i="1" s="1"/>
  <c r="A69495" i="1" s="1"/>
  <c r="A69496" i="1" s="1"/>
  <c r="A69497" i="1" s="1"/>
  <c r="A69498" i="1" s="1"/>
  <c r="A69499" i="1" s="1"/>
  <c r="A69500" i="1" s="1"/>
  <c r="A69501" i="1" s="1"/>
  <c r="A69502" i="1" s="1"/>
  <c r="A69503" i="1" s="1"/>
  <c r="A69504" i="1" s="1"/>
  <c r="A69505" i="1" s="1"/>
  <c r="A69506" i="1" s="1"/>
  <c r="A69507" i="1" s="1"/>
  <c r="A69508" i="1" s="1"/>
  <c r="A69509" i="1" s="1"/>
  <c r="A69510" i="1" s="1"/>
  <c r="A69511" i="1" s="1"/>
  <c r="A69512" i="1" s="1"/>
  <c r="A69513" i="1" s="1"/>
  <c r="A69514" i="1" s="1"/>
  <c r="A69515" i="1" s="1"/>
  <c r="A69516" i="1" s="1"/>
  <c r="A69517" i="1" s="1"/>
  <c r="A69518" i="1" s="1"/>
  <c r="A69519" i="1" s="1"/>
  <c r="A69520" i="1" s="1"/>
  <c r="A69521" i="1" s="1"/>
  <c r="A69522" i="1" s="1"/>
  <c r="A69523" i="1" s="1"/>
  <c r="A69524" i="1" s="1"/>
  <c r="A69525" i="1" s="1"/>
  <c r="A69526" i="1" s="1"/>
  <c r="A69527" i="1" s="1"/>
  <c r="A69528" i="1" s="1"/>
  <c r="A69529" i="1" s="1"/>
  <c r="A69530" i="1" s="1"/>
  <c r="A69531" i="1" s="1"/>
  <c r="A69532" i="1" s="1"/>
  <c r="A69533" i="1" s="1"/>
  <c r="A69534" i="1" s="1"/>
  <c r="A69535" i="1" s="1"/>
  <c r="A69536" i="1" s="1"/>
  <c r="A69537" i="1" s="1"/>
  <c r="A69538" i="1" s="1"/>
  <c r="A69539" i="1" s="1"/>
  <c r="A69540" i="1" s="1"/>
  <c r="A69541" i="1" s="1"/>
  <c r="A69542" i="1" s="1"/>
  <c r="A69543" i="1" s="1"/>
  <c r="A69544" i="1" s="1"/>
  <c r="A69545" i="1" s="1"/>
  <c r="A69546" i="1" s="1"/>
  <c r="A69547" i="1" s="1"/>
  <c r="A69548" i="1" s="1"/>
  <c r="A69549" i="1" s="1"/>
  <c r="A69550" i="1" s="1"/>
  <c r="A69551" i="1" s="1"/>
  <c r="A69552" i="1" s="1"/>
  <c r="A69553" i="1" s="1"/>
  <c r="A69554" i="1" s="1"/>
  <c r="A69555" i="1" s="1"/>
  <c r="A69556" i="1" s="1"/>
  <c r="A69557" i="1" s="1"/>
  <c r="A69558" i="1" s="1"/>
  <c r="A69559" i="1" s="1"/>
  <c r="A69560" i="1" s="1"/>
  <c r="A69561" i="1" s="1"/>
  <c r="A69562" i="1" s="1"/>
  <c r="A69563" i="1" s="1"/>
  <c r="A69564" i="1" s="1"/>
  <c r="A69565" i="1" s="1"/>
  <c r="A69566" i="1" s="1"/>
  <c r="A69567" i="1" s="1"/>
  <c r="A69568" i="1" s="1"/>
  <c r="A69569" i="1" s="1"/>
  <c r="A69570" i="1" s="1"/>
  <c r="A69571" i="1" s="1"/>
  <c r="A69572" i="1" s="1"/>
  <c r="A69573" i="1" s="1"/>
  <c r="A69574" i="1" s="1"/>
  <c r="A69575" i="1" s="1"/>
  <c r="A69576" i="1" s="1"/>
  <c r="A69577" i="1" s="1"/>
  <c r="A69578" i="1" s="1"/>
  <c r="A69579" i="1" s="1"/>
  <c r="A69580" i="1" s="1"/>
  <c r="A69581" i="1" s="1"/>
  <c r="A69582" i="1" s="1"/>
  <c r="A69583" i="1" s="1"/>
  <c r="A69584" i="1" s="1"/>
  <c r="A69585" i="1" s="1"/>
  <c r="A69586" i="1" s="1"/>
  <c r="A69587" i="1" s="1"/>
  <c r="A69588" i="1" s="1"/>
  <c r="A69589" i="1" s="1"/>
  <c r="A69590" i="1" s="1"/>
  <c r="A69591" i="1" s="1"/>
  <c r="A69592" i="1" s="1"/>
  <c r="A69593" i="1" s="1"/>
  <c r="A69594" i="1" s="1"/>
  <c r="A69595" i="1" s="1"/>
  <c r="A69596" i="1" s="1"/>
  <c r="A69597" i="1" s="1"/>
  <c r="A69598" i="1" s="1"/>
  <c r="A69599" i="1" s="1"/>
  <c r="A69600" i="1" s="1"/>
  <c r="A69601" i="1" s="1"/>
  <c r="A69602" i="1" s="1"/>
  <c r="A69603" i="1" s="1"/>
  <c r="A69604" i="1" s="1"/>
  <c r="A69605" i="1" s="1"/>
  <c r="A69606" i="1" s="1"/>
  <c r="A69607" i="1" s="1"/>
  <c r="A69608" i="1" s="1"/>
  <c r="A69609" i="1" s="1"/>
  <c r="A69610" i="1" s="1"/>
  <c r="A69611" i="1" s="1"/>
  <c r="A69612" i="1" s="1"/>
  <c r="A69613" i="1" s="1"/>
  <c r="A69614" i="1" s="1"/>
  <c r="A69615" i="1" s="1"/>
  <c r="A69616" i="1" s="1"/>
  <c r="A69617" i="1" s="1"/>
  <c r="A69618" i="1" s="1"/>
  <c r="A69619" i="1" s="1"/>
  <c r="A69620" i="1" s="1"/>
  <c r="A69621" i="1" s="1"/>
  <c r="A69622" i="1" s="1"/>
  <c r="A69623" i="1" s="1"/>
  <c r="A69624" i="1" s="1"/>
  <c r="A69625" i="1" s="1"/>
  <c r="A69626" i="1" s="1"/>
  <c r="A69627" i="1" s="1"/>
  <c r="A69628" i="1" s="1"/>
  <c r="A69629" i="1" s="1"/>
  <c r="A69630" i="1" s="1"/>
  <c r="A69631" i="1" s="1"/>
  <c r="A69632" i="1" s="1"/>
  <c r="A69633" i="1" s="1"/>
  <c r="A69634" i="1" s="1"/>
  <c r="A69635" i="1" s="1"/>
  <c r="A69636" i="1" s="1"/>
  <c r="A69637" i="1" s="1"/>
  <c r="A69638" i="1" s="1"/>
  <c r="A69639" i="1" s="1"/>
  <c r="A69640" i="1" s="1"/>
  <c r="A69641" i="1" s="1"/>
  <c r="A69642" i="1" s="1"/>
  <c r="A69643" i="1" s="1"/>
  <c r="A69644" i="1" s="1"/>
  <c r="A69645" i="1" s="1"/>
  <c r="A69646" i="1" s="1"/>
  <c r="A69647" i="1" s="1"/>
  <c r="A69648" i="1" s="1"/>
  <c r="A69649" i="1" s="1"/>
  <c r="A69650" i="1" s="1"/>
  <c r="A69651" i="1" s="1"/>
  <c r="A69652" i="1" s="1"/>
  <c r="A69653" i="1" s="1"/>
  <c r="A69654" i="1" s="1"/>
  <c r="A69655" i="1" s="1"/>
  <c r="A69656" i="1" s="1"/>
  <c r="A69657" i="1" s="1"/>
  <c r="A69658" i="1" s="1"/>
  <c r="A69659" i="1" s="1"/>
  <c r="A69660" i="1" s="1"/>
  <c r="A69661" i="1" s="1"/>
  <c r="A69662" i="1" s="1"/>
  <c r="A69663" i="1" s="1"/>
  <c r="A69664" i="1" s="1"/>
  <c r="A69665" i="1" s="1"/>
  <c r="A69666" i="1" s="1"/>
  <c r="A69667" i="1" s="1"/>
  <c r="A69668" i="1" s="1"/>
  <c r="A69669" i="1" s="1"/>
  <c r="A69670" i="1" s="1"/>
  <c r="A69671" i="1" s="1"/>
  <c r="A69672" i="1" s="1"/>
  <c r="A69673" i="1" s="1"/>
  <c r="A69674" i="1" s="1"/>
  <c r="A69675" i="1" s="1"/>
  <c r="A69676" i="1" s="1"/>
  <c r="A69677" i="1" s="1"/>
  <c r="A69678" i="1" s="1"/>
  <c r="A69679" i="1" s="1"/>
  <c r="A69680" i="1" s="1"/>
  <c r="A69681" i="1" s="1"/>
  <c r="A69682" i="1" s="1"/>
  <c r="A69683" i="1" s="1"/>
  <c r="A69684" i="1" s="1"/>
  <c r="A69685" i="1" s="1"/>
  <c r="A69686" i="1" s="1"/>
  <c r="A69687" i="1" s="1"/>
  <c r="A69688" i="1" s="1"/>
  <c r="A69689" i="1" s="1"/>
  <c r="A69690" i="1" s="1"/>
  <c r="A69691" i="1" s="1"/>
  <c r="A69692" i="1" s="1"/>
  <c r="A69693" i="1" s="1"/>
  <c r="A69694" i="1" s="1"/>
  <c r="A69695" i="1" s="1"/>
  <c r="A69696" i="1" s="1"/>
  <c r="A69697" i="1" s="1"/>
  <c r="A69698" i="1" s="1"/>
  <c r="A69699" i="1" s="1"/>
  <c r="A69700" i="1" s="1"/>
  <c r="A69701" i="1" s="1"/>
  <c r="A69702" i="1" s="1"/>
  <c r="A69703" i="1" s="1"/>
  <c r="A69704" i="1" s="1"/>
  <c r="A69705" i="1" s="1"/>
  <c r="A69706" i="1" s="1"/>
  <c r="A69707" i="1" s="1"/>
  <c r="A69708" i="1" s="1"/>
  <c r="A69709" i="1" s="1"/>
  <c r="A69710" i="1" s="1"/>
  <c r="A69711" i="1" s="1"/>
  <c r="A69712" i="1" s="1"/>
  <c r="A69713" i="1" s="1"/>
  <c r="A69714" i="1" s="1"/>
  <c r="A69715" i="1" s="1"/>
  <c r="A69716" i="1" s="1"/>
  <c r="A69717" i="1" s="1"/>
  <c r="A69718" i="1" s="1"/>
  <c r="A69719" i="1" s="1"/>
  <c r="A69720" i="1" s="1"/>
  <c r="A69721" i="1" s="1"/>
  <c r="A69722" i="1" s="1"/>
  <c r="A69723" i="1" s="1"/>
  <c r="A69724" i="1" s="1"/>
  <c r="A69725" i="1" s="1"/>
  <c r="A69726" i="1" s="1"/>
  <c r="A69727" i="1" s="1"/>
  <c r="A69728" i="1" s="1"/>
  <c r="A69729" i="1" s="1"/>
  <c r="A69730" i="1" s="1"/>
  <c r="A69731" i="1" s="1"/>
  <c r="A69732" i="1" s="1"/>
  <c r="A69733" i="1" s="1"/>
  <c r="A69734" i="1" s="1"/>
  <c r="A69735" i="1" s="1"/>
  <c r="A69736" i="1" s="1"/>
  <c r="A69737" i="1" s="1"/>
  <c r="A69738" i="1" s="1"/>
  <c r="A69739" i="1" s="1"/>
  <c r="A69740" i="1" s="1"/>
  <c r="A69741" i="1" s="1"/>
  <c r="A69742" i="1" s="1"/>
  <c r="A69743" i="1" s="1"/>
  <c r="A69744" i="1" s="1"/>
  <c r="A69745" i="1" s="1"/>
  <c r="A69746" i="1" s="1"/>
  <c r="A69747" i="1" s="1"/>
  <c r="A69748" i="1" s="1"/>
  <c r="A69749" i="1" s="1"/>
  <c r="A69750" i="1" s="1"/>
  <c r="A69751" i="1" s="1"/>
  <c r="A69752" i="1" s="1"/>
  <c r="A69753" i="1" s="1"/>
  <c r="A69754" i="1" s="1"/>
  <c r="A69755" i="1" s="1"/>
  <c r="A69756" i="1" s="1"/>
  <c r="A69757" i="1" s="1"/>
  <c r="A69758" i="1" s="1"/>
  <c r="A69759" i="1" s="1"/>
  <c r="A69760" i="1" s="1"/>
  <c r="A69761" i="1" s="1"/>
  <c r="A69762" i="1" s="1"/>
  <c r="A69763" i="1" s="1"/>
  <c r="A69764" i="1" s="1"/>
  <c r="A69765" i="1" s="1"/>
  <c r="A69766" i="1" s="1"/>
  <c r="A69767" i="1" s="1"/>
  <c r="A69768" i="1" s="1"/>
  <c r="A69769" i="1" s="1"/>
  <c r="A69770" i="1" s="1"/>
  <c r="A69771" i="1" s="1"/>
  <c r="A69772" i="1" s="1"/>
  <c r="A69773" i="1" s="1"/>
  <c r="A69774" i="1" s="1"/>
  <c r="A69775" i="1" s="1"/>
  <c r="A69776" i="1" s="1"/>
  <c r="A69777" i="1" s="1"/>
  <c r="A69778" i="1" s="1"/>
  <c r="A69779" i="1" s="1"/>
  <c r="A69780" i="1" s="1"/>
  <c r="A69781" i="1" s="1"/>
  <c r="A69782" i="1" s="1"/>
  <c r="A69783" i="1" s="1"/>
  <c r="A69784" i="1" s="1"/>
  <c r="A69785" i="1" s="1"/>
  <c r="A69786" i="1" s="1"/>
  <c r="A69787" i="1" s="1"/>
  <c r="A69788" i="1" s="1"/>
  <c r="A69789" i="1" s="1"/>
  <c r="A69790" i="1" s="1"/>
  <c r="A69791" i="1" s="1"/>
  <c r="A69792" i="1" s="1"/>
  <c r="A69793" i="1" s="1"/>
  <c r="A69794" i="1" s="1"/>
  <c r="A69795" i="1" s="1"/>
  <c r="A69796" i="1" s="1"/>
  <c r="A69797" i="1" s="1"/>
  <c r="A69798" i="1" s="1"/>
  <c r="A69799" i="1" s="1"/>
  <c r="A69800" i="1" s="1"/>
  <c r="A69801" i="1" s="1"/>
  <c r="A69802" i="1" s="1"/>
  <c r="A69803" i="1" s="1"/>
  <c r="A69804" i="1" s="1"/>
  <c r="A69805" i="1" s="1"/>
  <c r="A69806" i="1" s="1"/>
  <c r="A69807" i="1" s="1"/>
  <c r="A69808" i="1" s="1"/>
  <c r="A69809" i="1" s="1"/>
  <c r="A69810" i="1" s="1"/>
  <c r="A69811" i="1" s="1"/>
  <c r="A69812" i="1" s="1"/>
  <c r="A69813" i="1" s="1"/>
  <c r="A69814" i="1" s="1"/>
  <c r="A69815" i="1" s="1"/>
  <c r="A69816" i="1" s="1"/>
  <c r="A69817" i="1" s="1"/>
  <c r="A69818" i="1" s="1"/>
  <c r="A69819" i="1" s="1"/>
  <c r="A69820" i="1" s="1"/>
  <c r="A69821" i="1" s="1"/>
  <c r="A69822" i="1" s="1"/>
  <c r="A69823" i="1" s="1"/>
  <c r="A69824" i="1" s="1"/>
  <c r="A69825" i="1" s="1"/>
  <c r="A69826" i="1" s="1"/>
  <c r="A69827" i="1" s="1"/>
  <c r="A69828" i="1" s="1"/>
  <c r="A69829" i="1" s="1"/>
  <c r="A69830" i="1" s="1"/>
  <c r="A69831" i="1" s="1"/>
  <c r="A69832" i="1" s="1"/>
  <c r="A69833" i="1" s="1"/>
  <c r="A69834" i="1" s="1"/>
  <c r="A69835" i="1" s="1"/>
  <c r="A69836" i="1" s="1"/>
  <c r="A69837" i="1" s="1"/>
  <c r="A69838" i="1" s="1"/>
  <c r="A69839" i="1" s="1"/>
  <c r="A69840" i="1" s="1"/>
  <c r="A69841" i="1" s="1"/>
  <c r="A69842" i="1" s="1"/>
  <c r="A69843" i="1" s="1"/>
  <c r="A69844" i="1" s="1"/>
  <c r="A69845" i="1" s="1"/>
  <c r="A69846" i="1" s="1"/>
  <c r="A69847" i="1" s="1"/>
  <c r="A69848" i="1" s="1"/>
  <c r="A69849" i="1" s="1"/>
  <c r="A69850" i="1" s="1"/>
  <c r="A69851" i="1" s="1"/>
  <c r="A69852" i="1" s="1"/>
  <c r="A69853" i="1" s="1"/>
  <c r="A69854" i="1" s="1"/>
  <c r="A69855" i="1" s="1"/>
  <c r="A69856" i="1" s="1"/>
  <c r="A69857" i="1" s="1"/>
  <c r="A69858" i="1" s="1"/>
  <c r="A69859" i="1" s="1"/>
  <c r="A69860" i="1" s="1"/>
  <c r="A69861" i="1" s="1"/>
  <c r="A69862" i="1" s="1"/>
  <c r="A69863" i="1" s="1"/>
  <c r="A69864" i="1" s="1"/>
  <c r="A69865" i="1" s="1"/>
  <c r="A69866" i="1" s="1"/>
  <c r="A69867" i="1" s="1"/>
  <c r="A69868" i="1" s="1"/>
  <c r="A69869" i="1" s="1"/>
  <c r="A69870" i="1" s="1"/>
  <c r="A69871" i="1" s="1"/>
  <c r="A69872" i="1" s="1"/>
  <c r="A69873" i="1" s="1"/>
  <c r="A69874" i="1" s="1"/>
  <c r="A69875" i="1" s="1"/>
  <c r="A69876" i="1" s="1"/>
  <c r="A69877" i="1" s="1"/>
  <c r="A69878" i="1" s="1"/>
  <c r="A69879" i="1" s="1"/>
  <c r="A69880" i="1" s="1"/>
  <c r="A69881" i="1" s="1"/>
  <c r="A69882" i="1" s="1"/>
  <c r="A69883" i="1" s="1"/>
  <c r="A69884" i="1" s="1"/>
  <c r="A69885" i="1" s="1"/>
  <c r="A69886" i="1" s="1"/>
  <c r="A69887" i="1" s="1"/>
  <c r="A69888" i="1" s="1"/>
  <c r="A69889" i="1" s="1"/>
  <c r="A69890" i="1" s="1"/>
  <c r="A69891" i="1" s="1"/>
  <c r="A69892" i="1" s="1"/>
  <c r="A69893" i="1" s="1"/>
  <c r="A69894" i="1" s="1"/>
  <c r="A69895" i="1" s="1"/>
  <c r="A69896" i="1" s="1"/>
  <c r="A69897" i="1" s="1"/>
  <c r="A69898" i="1" s="1"/>
  <c r="A69899" i="1" s="1"/>
  <c r="A69900" i="1" s="1"/>
  <c r="A69901" i="1" s="1"/>
  <c r="A69902" i="1" s="1"/>
  <c r="A69903" i="1" s="1"/>
  <c r="A69904" i="1" s="1"/>
  <c r="A69905" i="1" s="1"/>
  <c r="A69906" i="1" s="1"/>
  <c r="A69907" i="1" s="1"/>
  <c r="A69908" i="1" s="1"/>
  <c r="A69909" i="1" s="1"/>
  <c r="A69910" i="1" s="1"/>
  <c r="A69911" i="1" s="1"/>
  <c r="A69912" i="1" s="1"/>
  <c r="A69913" i="1" s="1"/>
  <c r="A69914" i="1" s="1"/>
  <c r="A69915" i="1" s="1"/>
  <c r="A69916" i="1" s="1"/>
  <c r="A69917" i="1" s="1"/>
  <c r="A69918" i="1" s="1"/>
  <c r="A69919" i="1" s="1"/>
  <c r="A69920" i="1" s="1"/>
  <c r="A69921" i="1" s="1"/>
  <c r="A69922" i="1" s="1"/>
  <c r="A69923" i="1" s="1"/>
  <c r="A69924" i="1" s="1"/>
  <c r="A69925" i="1" s="1"/>
  <c r="A69926" i="1" s="1"/>
  <c r="A69927" i="1" s="1"/>
  <c r="A69928" i="1" s="1"/>
  <c r="A69929" i="1" s="1"/>
  <c r="A69930" i="1" s="1"/>
  <c r="A69931" i="1" s="1"/>
  <c r="A69932" i="1" s="1"/>
  <c r="A69933" i="1" s="1"/>
  <c r="A69934" i="1" s="1"/>
  <c r="A69935" i="1" s="1"/>
  <c r="A69936" i="1" s="1"/>
  <c r="A69937" i="1" s="1"/>
  <c r="A69938" i="1" s="1"/>
  <c r="A69939" i="1" s="1"/>
  <c r="A69940" i="1" s="1"/>
  <c r="A69941" i="1" s="1"/>
  <c r="A69942" i="1" s="1"/>
  <c r="A69943" i="1" s="1"/>
  <c r="A69944" i="1" s="1"/>
  <c r="A69945" i="1" s="1"/>
  <c r="A69946" i="1" s="1"/>
  <c r="A69947" i="1" s="1"/>
  <c r="A69948" i="1" s="1"/>
  <c r="A69949" i="1" s="1"/>
  <c r="A69950" i="1" s="1"/>
  <c r="A69951" i="1" s="1"/>
  <c r="A69952" i="1" s="1"/>
  <c r="A69953" i="1" s="1"/>
  <c r="A69954" i="1" s="1"/>
  <c r="A69955" i="1" s="1"/>
  <c r="A69956" i="1" s="1"/>
  <c r="A69957" i="1" s="1"/>
  <c r="A69958" i="1" s="1"/>
  <c r="A69959" i="1" s="1"/>
  <c r="A69960" i="1" s="1"/>
  <c r="A69961" i="1" s="1"/>
  <c r="A69962" i="1" s="1"/>
  <c r="A69963" i="1" s="1"/>
  <c r="A69964" i="1" s="1"/>
  <c r="A69965" i="1" s="1"/>
  <c r="A69966" i="1" s="1"/>
  <c r="A69967" i="1" s="1"/>
  <c r="A69968" i="1" s="1"/>
  <c r="A69969" i="1" s="1"/>
  <c r="A69970" i="1" s="1"/>
  <c r="A69971" i="1" s="1"/>
  <c r="A69972" i="1" s="1"/>
  <c r="A69973" i="1" s="1"/>
  <c r="A69974" i="1" s="1"/>
  <c r="A69975" i="1" s="1"/>
  <c r="A69976" i="1" s="1"/>
  <c r="A69977" i="1" s="1"/>
  <c r="A69978" i="1" s="1"/>
  <c r="A69979" i="1" s="1"/>
  <c r="A69980" i="1" s="1"/>
  <c r="A69981" i="1" s="1"/>
  <c r="A69982" i="1" s="1"/>
  <c r="A69983" i="1" s="1"/>
  <c r="A69984" i="1" s="1"/>
  <c r="A69985" i="1" s="1"/>
  <c r="A69986" i="1" s="1"/>
  <c r="A69987" i="1" s="1"/>
  <c r="A69988" i="1" s="1"/>
  <c r="A69989" i="1" s="1"/>
  <c r="A69990" i="1" s="1"/>
  <c r="A69991" i="1" s="1"/>
  <c r="A69992" i="1" s="1"/>
  <c r="A69993" i="1" s="1"/>
  <c r="A69994" i="1" s="1"/>
  <c r="A69995" i="1" s="1"/>
  <c r="A69996" i="1" s="1"/>
  <c r="A69997" i="1" s="1"/>
  <c r="A69998" i="1" s="1"/>
  <c r="A69999" i="1" s="1"/>
  <c r="A70000" i="1" s="1"/>
  <c r="A70001" i="1" s="1"/>
  <c r="A70002" i="1" s="1"/>
  <c r="A70003" i="1" s="1"/>
  <c r="A70004" i="1" s="1"/>
  <c r="A70005" i="1" s="1"/>
  <c r="A70006" i="1" s="1"/>
  <c r="A70007" i="1" s="1"/>
  <c r="A70008" i="1" s="1"/>
  <c r="A70009" i="1" s="1"/>
  <c r="A70010" i="1" s="1"/>
  <c r="A70011" i="1" s="1"/>
  <c r="A70012" i="1" s="1"/>
  <c r="A70013" i="1" s="1"/>
  <c r="A70014" i="1" s="1"/>
  <c r="A70015" i="1" s="1"/>
  <c r="A70016" i="1" s="1"/>
  <c r="A70017" i="1" s="1"/>
  <c r="A70018" i="1" s="1"/>
  <c r="A70019" i="1" s="1"/>
  <c r="A70020" i="1" s="1"/>
  <c r="A70021" i="1" s="1"/>
  <c r="A70022" i="1" s="1"/>
  <c r="A70023" i="1" s="1"/>
  <c r="A70024" i="1" s="1"/>
  <c r="A70025" i="1" s="1"/>
  <c r="A70026" i="1" s="1"/>
  <c r="A70027" i="1" s="1"/>
  <c r="A70028" i="1" s="1"/>
  <c r="A70029" i="1" s="1"/>
  <c r="A70030" i="1" s="1"/>
  <c r="A70031" i="1" s="1"/>
  <c r="A70032" i="1" s="1"/>
  <c r="A70033" i="1" s="1"/>
  <c r="A70034" i="1" s="1"/>
  <c r="A70035" i="1" s="1"/>
  <c r="A70036" i="1" s="1"/>
  <c r="A70037" i="1" s="1"/>
  <c r="A70038" i="1" s="1"/>
  <c r="A70039" i="1" s="1"/>
  <c r="A70040" i="1" s="1"/>
  <c r="A70041" i="1" s="1"/>
  <c r="A70042" i="1" s="1"/>
  <c r="A70043" i="1" s="1"/>
  <c r="A70044" i="1" s="1"/>
  <c r="A70045" i="1" s="1"/>
  <c r="A70046" i="1" s="1"/>
  <c r="A70047" i="1" s="1"/>
  <c r="A70048" i="1" s="1"/>
  <c r="A70049" i="1" s="1"/>
  <c r="A70050" i="1" s="1"/>
  <c r="A70051" i="1" s="1"/>
  <c r="A70052" i="1" s="1"/>
  <c r="A70053" i="1" s="1"/>
  <c r="A70054" i="1" s="1"/>
  <c r="A70055" i="1" s="1"/>
  <c r="A70056" i="1" s="1"/>
  <c r="A70057" i="1" s="1"/>
  <c r="A70058" i="1" s="1"/>
  <c r="A70059" i="1" s="1"/>
  <c r="A70060" i="1" s="1"/>
  <c r="A70061" i="1" s="1"/>
  <c r="A70062" i="1" s="1"/>
  <c r="A70063" i="1" s="1"/>
  <c r="A70064" i="1" s="1"/>
  <c r="A70065" i="1" s="1"/>
  <c r="A70066" i="1" s="1"/>
  <c r="A70067" i="1" s="1"/>
  <c r="A70068" i="1" s="1"/>
  <c r="A70069" i="1" s="1"/>
  <c r="A70070" i="1" s="1"/>
  <c r="A70071" i="1" s="1"/>
  <c r="A70072" i="1" s="1"/>
  <c r="A70073" i="1" s="1"/>
  <c r="A70074" i="1" s="1"/>
  <c r="A70075" i="1" s="1"/>
  <c r="A70076" i="1" s="1"/>
  <c r="A70077" i="1" s="1"/>
  <c r="A70078" i="1" s="1"/>
  <c r="A70079" i="1" s="1"/>
  <c r="A70080" i="1" s="1"/>
  <c r="A70081" i="1" s="1"/>
  <c r="A70082" i="1" s="1"/>
  <c r="A70083" i="1" s="1"/>
  <c r="A70084" i="1" s="1"/>
  <c r="A70085" i="1" s="1"/>
  <c r="A70086" i="1" s="1"/>
  <c r="A70087" i="1" s="1"/>
  <c r="A70088" i="1" s="1"/>
  <c r="A70089" i="1" s="1"/>
  <c r="A70090" i="1" s="1"/>
  <c r="A70091" i="1" s="1"/>
  <c r="A70092" i="1" s="1"/>
  <c r="A70093" i="1" s="1"/>
  <c r="A70094" i="1" s="1"/>
  <c r="A70095" i="1" s="1"/>
  <c r="A70096" i="1" s="1"/>
  <c r="A70097" i="1" s="1"/>
  <c r="A70098" i="1" s="1"/>
  <c r="A70099" i="1" s="1"/>
  <c r="A70100" i="1" s="1"/>
  <c r="A70101" i="1" s="1"/>
  <c r="A70102" i="1" s="1"/>
  <c r="A70103" i="1" s="1"/>
  <c r="A70104" i="1" s="1"/>
  <c r="A70105" i="1" s="1"/>
  <c r="A70106" i="1" s="1"/>
  <c r="A70107" i="1" s="1"/>
  <c r="A70108" i="1" s="1"/>
  <c r="A70109" i="1" s="1"/>
  <c r="A70110" i="1" s="1"/>
  <c r="A70111" i="1" s="1"/>
  <c r="A70112" i="1" s="1"/>
  <c r="A70113" i="1" s="1"/>
  <c r="A70114" i="1" s="1"/>
  <c r="A70115" i="1" s="1"/>
  <c r="A70116" i="1" s="1"/>
  <c r="A70117" i="1" s="1"/>
  <c r="A70118" i="1" s="1"/>
  <c r="A70119" i="1" s="1"/>
  <c r="A70120" i="1" s="1"/>
  <c r="A70121" i="1" s="1"/>
  <c r="A70122" i="1" s="1"/>
  <c r="A70123" i="1" s="1"/>
  <c r="A70124" i="1" s="1"/>
  <c r="A70125" i="1" s="1"/>
  <c r="A70126" i="1" s="1"/>
  <c r="A70127" i="1" s="1"/>
  <c r="A70128" i="1" s="1"/>
  <c r="A70129" i="1" s="1"/>
  <c r="A70130" i="1" s="1"/>
  <c r="A70131" i="1" s="1"/>
  <c r="A70132" i="1" s="1"/>
  <c r="A70133" i="1" s="1"/>
  <c r="A70134" i="1" s="1"/>
  <c r="A70135" i="1" s="1"/>
  <c r="A70136" i="1" s="1"/>
  <c r="A70137" i="1" s="1"/>
  <c r="A70138" i="1" s="1"/>
  <c r="A70139" i="1" s="1"/>
  <c r="A70140" i="1" s="1"/>
  <c r="A70141" i="1" s="1"/>
  <c r="A70142" i="1" s="1"/>
  <c r="A70143" i="1" s="1"/>
  <c r="A70144" i="1" s="1"/>
  <c r="A70145" i="1" s="1"/>
  <c r="A70146" i="1" s="1"/>
  <c r="A70147" i="1" s="1"/>
  <c r="A70148" i="1" s="1"/>
  <c r="A70149" i="1" s="1"/>
  <c r="A70150" i="1" s="1"/>
  <c r="A70151" i="1" s="1"/>
  <c r="A70152" i="1" s="1"/>
  <c r="A70153" i="1" s="1"/>
  <c r="A70154" i="1" s="1"/>
  <c r="A70155" i="1" s="1"/>
  <c r="A70156" i="1" s="1"/>
  <c r="A70157" i="1" s="1"/>
  <c r="A70158" i="1" s="1"/>
  <c r="A70159" i="1" s="1"/>
  <c r="A70160" i="1" s="1"/>
  <c r="A70161" i="1" s="1"/>
  <c r="A70162" i="1" s="1"/>
  <c r="A70163" i="1" s="1"/>
  <c r="A70164" i="1" s="1"/>
  <c r="A70165" i="1" s="1"/>
  <c r="A70166" i="1" s="1"/>
  <c r="A70167" i="1" s="1"/>
  <c r="A70168" i="1" s="1"/>
  <c r="A70169" i="1" s="1"/>
  <c r="A70170" i="1" s="1"/>
  <c r="A70171" i="1" s="1"/>
  <c r="A70172" i="1" s="1"/>
  <c r="A70173" i="1" s="1"/>
  <c r="A70174" i="1" s="1"/>
  <c r="A70175" i="1" s="1"/>
  <c r="A70176" i="1" s="1"/>
  <c r="A70177" i="1" s="1"/>
  <c r="A70178" i="1" s="1"/>
  <c r="A70179" i="1" s="1"/>
  <c r="A70180" i="1" s="1"/>
  <c r="A70181" i="1" s="1"/>
  <c r="A70182" i="1" s="1"/>
  <c r="A70183" i="1" s="1"/>
  <c r="A70184" i="1" s="1"/>
  <c r="A70185" i="1" s="1"/>
  <c r="A70186" i="1" s="1"/>
  <c r="A70187" i="1" s="1"/>
  <c r="A70188" i="1" s="1"/>
  <c r="A70189" i="1" s="1"/>
  <c r="A70190" i="1" s="1"/>
  <c r="A70191" i="1" s="1"/>
  <c r="A70192" i="1" s="1"/>
  <c r="A70193" i="1" s="1"/>
  <c r="A70194" i="1" s="1"/>
  <c r="A70195" i="1" s="1"/>
  <c r="A70196" i="1" s="1"/>
  <c r="A70197" i="1" s="1"/>
  <c r="A70198" i="1" s="1"/>
  <c r="A70199" i="1" s="1"/>
  <c r="A70200" i="1" s="1"/>
  <c r="A70201" i="1" s="1"/>
  <c r="A70202" i="1" s="1"/>
  <c r="A70203" i="1" s="1"/>
  <c r="A70204" i="1" s="1"/>
  <c r="A70205" i="1" s="1"/>
  <c r="A70206" i="1" s="1"/>
  <c r="A70207" i="1" s="1"/>
  <c r="A70208" i="1" s="1"/>
  <c r="A70209" i="1" s="1"/>
  <c r="A70210" i="1" s="1"/>
  <c r="A70211" i="1" s="1"/>
  <c r="A70212" i="1" s="1"/>
  <c r="A70213" i="1" s="1"/>
  <c r="A70214" i="1" s="1"/>
  <c r="A70215" i="1" s="1"/>
  <c r="A70216" i="1" s="1"/>
  <c r="A70217" i="1" s="1"/>
  <c r="A70218" i="1" s="1"/>
  <c r="A70219" i="1" s="1"/>
  <c r="A70220" i="1" s="1"/>
  <c r="A70221" i="1" s="1"/>
  <c r="A70222" i="1" s="1"/>
  <c r="A70223" i="1" s="1"/>
  <c r="A70224" i="1" s="1"/>
  <c r="A70225" i="1" s="1"/>
  <c r="A70226" i="1" s="1"/>
  <c r="A70227" i="1" s="1"/>
  <c r="A70228" i="1" s="1"/>
  <c r="A70229" i="1" s="1"/>
  <c r="A70230" i="1" s="1"/>
  <c r="A70231" i="1" s="1"/>
  <c r="A70232" i="1" s="1"/>
  <c r="A70233" i="1" s="1"/>
  <c r="A70234" i="1" s="1"/>
  <c r="A70235" i="1" s="1"/>
  <c r="A70236" i="1" s="1"/>
  <c r="A70237" i="1" s="1"/>
  <c r="A70238" i="1" s="1"/>
  <c r="A70239" i="1" s="1"/>
  <c r="A70240" i="1" s="1"/>
  <c r="A70241" i="1" s="1"/>
  <c r="A70242" i="1" s="1"/>
  <c r="A70243" i="1" s="1"/>
  <c r="A70244" i="1" s="1"/>
  <c r="A70245" i="1" s="1"/>
  <c r="A70246" i="1" s="1"/>
  <c r="A70247" i="1" s="1"/>
  <c r="A70248" i="1" s="1"/>
  <c r="A70249" i="1" s="1"/>
  <c r="A70250" i="1" s="1"/>
  <c r="A70251" i="1" s="1"/>
  <c r="A70252" i="1" s="1"/>
  <c r="A70253" i="1" s="1"/>
  <c r="A70254" i="1" s="1"/>
  <c r="A70255" i="1" s="1"/>
  <c r="A70256" i="1" s="1"/>
  <c r="A70257" i="1" s="1"/>
  <c r="A70258" i="1" s="1"/>
  <c r="A70259" i="1" s="1"/>
  <c r="A70260" i="1" s="1"/>
  <c r="A70261" i="1" s="1"/>
  <c r="A70262" i="1" s="1"/>
  <c r="A70263" i="1" s="1"/>
  <c r="A70264" i="1" s="1"/>
  <c r="A70265" i="1" s="1"/>
  <c r="A70266" i="1" s="1"/>
  <c r="A70267" i="1" s="1"/>
  <c r="A70268" i="1" s="1"/>
  <c r="A70269" i="1" s="1"/>
  <c r="A70270" i="1" s="1"/>
  <c r="A70271" i="1" s="1"/>
  <c r="A70272" i="1" s="1"/>
  <c r="A70273" i="1" s="1"/>
  <c r="A70274" i="1" s="1"/>
  <c r="A70275" i="1" s="1"/>
  <c r="A70276" i="1" s="1"/>
  <c r="A70277" i="1" s="1"/>
  <c r="A70278" i="1" s="1"/>
  <c r="A70279" i="1" s="1"/>
  <c r="A70280" i="1" s="1"/>
  <c r="A70281" i="1" s="1"/>
  <c r="A70282" i="1" s="1"/>
  <c r="A70283" i="1" s="1"/>
  <c r="A70284" i="1" s="1"/>
  <c r="A70285" i="1" s="1"/>
  <c r="A70286" i="1" s="1"/>
  <c r="A70287" i="1" s="1"/>
  <c r="A70288" i="1" s="1"/>
  <c r="A70289" i="1" s="1"/>
  <c r="A70290" i="1" s="1"/>
  <c r="A70291" i="1" s="1"/>
  <c r="A70292" i="1" s="1"/>
  <c r="A70293" i="1" s="1"/>
  <c r="A70294" i="1" s="1"/>
  <c r="A70295" i="1" s="1"/>
  <c r="A70296" i="1" s="1"/>
  <c r="A70297" i="1" s="1"/>
  <c r="A70298" i="1" s="1"/>
  <c r="A70299" i="1" s="1"/>
  <c r="A70300" i="1" s="1"/>
  <c r="A70301" i="1" s="1"/>
  <c r="A70302" i="1" s="1"/>
  <c r="A70303" i="1" s="1"/>
  <c r="A70304" i="1" s="1"/>
  <c r="A70305" i="1" s="1"/>
  <c r="A70306" i="1" s="1"/>
  <c r="A70307" i="1" s="1"/>
  <c r="A70308" i="1" s="1"/>
  <c r="A70309" i="1" s="1"/>
  <c r="A70310" i="1" s="1"/>
  <c r="A70311" i="1" s="1"/>
  <c r="A70312" i="1" s="1"/>
  <c r="A70313" i="1" s="1"/>
  <c r="A70314" i="1" s="1"/>
  <c r="A70315" i="1" s="1"/>
  <c r="A70316" i="1" s="1"/>
  <c r="A70317" i="1" s="1"/>
  <c r="A70318" i="1" s="1"/>
  <c r="A70319" i="1" s="1"/>
  <c r="A70320" i="1" s="1"/>
  <c r="A70321" i="1" s="1"/>
  <c r="A70322" i="1" s="1"/>
  <c r="A70323" i="1" s="1"/>
  <c r="A70324" i="1" s="1"/>
  <c r="A70325" i="1" s="1"/>
  <c r="A70326" i="1" s="1"/>
  <c r="A70327" i="1" s="1"/>
  <c r="A70328" i="1" s="1"/>
  <c r="A70329" i="1" s="1"/>
  <c r="A70330" i="1" s="1"/>
  <c r="A70331" i="1" s="1"/>
  <c r="A70332" i="1" s="1"/>
  <c r="A70333" i="1" s="1"/>
  <c r="A70334" i="1" s="1"/>
  <c r="A70335" i="1" s="1"/>
  <c r="A70336" i="1" s="1"/>
  <c r="A70337" i="1" s="1"/>
  <c r="A70338" i="1" s="1"/>
  <c r="A70339" i="1" s="1"/>
  <c r="A70340" i="1" s="1"/>
  <c r="A70341" i="1" s="1"/>
  <c r="A70342" i="1" s="1"/>
  <c r="A70343" i="1" s="1"/>
  <c r="A70344" i="1" s="1"/>
  <c r="A70345" i="1" s="1"/>
  <c r="A70346" i="1" s="1"/>
  <c r="A70347" i="1" s="1"/>
  <c r="A70348" i="1" s="1"/>
  <c r="A70349" i="1" s="1"/>
  <c r="A70350" i="1" s="1"/>
  <c r="A70351" i="1" s="1"/>
  <c r="A70352" i="1" s="1"/>
  <c r="A70353" i="1" s="1"/>
  <c r="A70354" i="1" s="1"/>
  <c r="A70355" i="1" s="1"/>
  <c r="A70356" i="1" s="1"/>
  <c r="A70357" i="1" s="1"/>
  <c r="A70358" i="1" s="1"/>
  <c r="A70359" i="1" s="1"/>
  <c r="A70360" i="1" s="1"/>
  <c r="A70361" i="1" s="1"/>
  <c r="A70362" i="1" s="1"/>
  <c r="A70363" i="1" s="1"/>
  <c r="A70364" i="1" s="1"/>
  <c r="A70365" i="1" s="1"/>
  <c r="A70366" i="1" s="1"/>
  <c r="A70367" i="1" s="1"/>
  <c r="A70368" i="1" s="1"/>
  <c r="A70369" i="1" s="1"/>
  <c r="A70370" i="1" s="1"/>
  <c r="A70371" i="1" s="1"/>
  <c r="A70372" i="1" s="1"/>
  <c r="A70373" i="1" s="1"/>
  <c r="A70374" i="1" s="1"/>
  <c r="A70375" i="1" s="1"/>
  <c r="A70376" i="1" s="1"/>
  <c r="A70377" i="1" s="1"/>
  <c r="A70378" i="1" s="1"/>
  <c r="A70379" i="1" s="1"/>
  <c r="A70380" i="1" s="1"/>
  <c r="A70381" i="1" s="1"/>
  <c r="A70382" i="1" s="1"/>
  <c r="A70383" i="1" s="1"/>
  <c r="A70384" i="1" s="1"/>
  <c r="A70385" i="1" s="1"/>
  <c r="A70386" i="1" s="1"/>
  <c r="A70387" i="1" s="1"/>
  <c r="A70388" i="1" s="1"/>
  <c r="A70389" i="1" s="1"/>
  <c r="A70390" i="1" s="1"/>
  <c r="A70391" i="1" s="1"/>
  <c r="A70392" i="1" s="1"/>
  <c r="A70393" i="1" s="1"/>
  <c r="A70394" i="1" s="1"/>
  <c r="A70395" i="1" s="1"/>
  <c r="A70396" i="1" s="1"/>
  <c r="A70397" i="1" s="1"/>
  <c r="A70398" i="1" s="1"/>
  <c r="A70399" i="1" s="1"/>
  <c r="A70400" i="1" s="1"/>
  <c r="A70401" i="1" s="1"/>
  <c r="A70402" i="1" s="1"/>
  <c r="A70403" i="1" s="1"/>
  <c r="A70404" i="1" s="1"/>
  <c r="A70405" i="1" s="1"/>
  <c r="A70406" i="1" s="1"/>
  <c r="A70407" i="1" s="1"/>
  <c r="A70408" i="1" s="1"/>
  <c r="A70409" i="1" s="1"/>
  <c r="A70410" i="1" s="1"/>
  <c r="A70411" i="1" s="1"/>
  <c r="A70412" i="1" s="1"/>
  <c r="A70413" i="1" s="1"/>
  <c r="A70414" i="1" s="1"/>
  <c r="A70415" i="1" s="1"/>
  <c r="A70416" i="1" s="1"/>
  <c r="A70417" i="1" s="1"/>
  <c r="A70418" i="1" s="1"/>
  <c r="A70419" i="1" s="1"/>
  <c r="A70420" i="1" s="1"/>
  <c r="A70421" i="1" s="1"/>
  <c r="A70422" i="1" s="1"/>
  <c r="A70423" i="1" s="1"/>
  <c r="A70424" i="1" s="1"/>
  <c r="A70425" i="1" s="1"/>
  <c r="A70426" i="1" s="1"/>
  <c r="A70427" i="1" s="1"/>
  <c r="A70428" i="1" s="1"/>
  <c r="A70429" i="1" s="1"/>
  <c r="A70430" i="1" s="1"/>
  <c r="A70431" i="1" s="1"/>
  <c r="A70432" i="1" s="1"/>
  <c r="A70433" i="1" s="1"/>
  <c r="A70434" i="1" s="1"/>
  <c r="A70435" i="1" s="1"/>
  <c r="A70436" i="1" s="1"/>
  <c r="A70437" i="1" s="1"/>
  <c r="A70438" i="1" s="1"/>
  <c r="A70439" i="1" s="1"/>
  <c r="A70440" i="1" s="1"/>
  <c r="A70441" i="1" s="1"/>
  <c r="A70442" i="1" s="1"/>
  <c r="A70443" i="1" s="1"/>
  <c r="A70444" i="1" s="1"/>
  <c r="A70445" i="1" s="1"/>
  <c r="A70446" i="1" s="1"/>
  <c r="A70447" i="1" s="1"/>
  <c r="A70448" i="1" s="1"/>
  <c r="A70449" i="1" s="1"/>
  <c r="A70450" i="1" s="1"/>
  <c r="A70451" i="1" s="1"/>
  <c r="A70452" i="1" s="1"/>
  <c r="A70453" i="1" s="1"/>
  <c r="A70454" i="1" s="1"/>
  <c r="A70455" i="1" s="1"/>
  <c r="A70456" i="1" s="1"/>
  <c r="A70457" i="1" s="1"/>
  <c r="A70458" i="1" s="1"/>
  <c r="A70459" i="1" s="1"/>
  <c r="A70460" i="1" s="1"/>
  <c r="A70461" i="1" s="1"/>
  <c r="A70462" i="1" s="1"/>
  <c r="A70463" i="1" s="1"/>
  <c r="A70464" i="1" s="1"/>
  <c r="A70465" i="1" s="1"/>
  <c r="A70466" i="1" s="1"/>
  <c r="A70467" i="1" s="1"/>
  <c r="A70468" i="1" s="1"/>
  <c r="A70469" i="1" s="1"/>
  <c r="A70470" i="1" s="1"/>
  <c r="A70471" i="1" s="1"/>
  <c r="A70472" i="1" s="1"/>
  <c r="A70473" i="1" s="1"/>
  <c r="A70474" i="1" s="1"/>
  <c r="A70475" i="1" s="1"/>
  <c r="A70476" i="1" s="1"/>
  <c r="A70477" i="1" s="1"/>
  <c r="A70478" i="1" s="1"/>
  <c r="A70479" i="1" s="1"/>
  <c r="A70480" i="1" s="1"/>
  <c r="A70481" i="1" s="1"/>
  <c r="A70482" i="1" s="1"/>
  <c r="A70483" i="1" s="1"/>
  <c r="A70484" i="1" s="1"/>
  <c r="A70485" i="1" s="1"/>
  <c r="A70486" i="1" s="1"/>
  <c r="A70487" i="1" s="1"/>
  <c r="A70488" i="1" s="1"/>
  <c r="A70489" i="1" s="1"/>
  <c r="A70490" i="1" s="1"/>
  <c r="A70491" i="1" s="1"/>
  <c r="A70492" i="1" s="1"/>
  <c r="A70493" i="1" s="1"/>
  <c r="A70494" i="1" s="1"/>
  <c r="A70495" i="1" s="1"/>
  <c r="A70496" i="1" s="1"/>
  <c r="A70497" i="1" s="1"/>
  <c r="A70498" i="1" s="1"/>
  <c r="A70499" i="1" s="1"/>
  <c r="A70500" i="1" s="1"/>
  <c r="A70501" i="1" s="1"/>
  <c r="A70502" i="1" s="1"/>
  <c r="A70503" i="1" s="1"/>
  <c r="A70504" i="1" s="1"/>
  <c r="A70505" i="1" s="1"/>
  <c r="A70506" i="1" s="1"/>
  <c r="A70507" i="1" s="1"/>
  <c r="A70508" i="1" s="1"/>
  <c r="A70509" i="1" s="1"/>
  <c r="A70510" i="1" s="1"/>
  <c r="A70511" i="1" s="1"/>
  <c r="A70512" i="1" s="1"/>
  <c r="A70513" i="1" s="1"/>
  <c r="A70514" i="1" s="1"/>
  <c r="A70515" i="1" s="1"/>
  <c r="A70516" i="1" s="1"/>
  <c r="A70517" i="1" s="1"/>
  <c r="A70518" i="1" s="1"/>
  <c r="A70519" i="1" s="1"/>
  <c r="A70520" i="1" s="1"/>
  <c r="A70521" i="1" s="1"/>
  <c r="A70522" i="1" s="1"/>
  <c r="A70523" i="1" s="1"/>
  <c r="A70524" i="1" s="1"/>
  <c r="A70525" i="1" s="1"/>
  <c r="A70526" i="1" s="1"/>
  <c r="A70527" i="1" s="1"/>
  <c r="A70528" i="1" s="1"/>
  <c r="A70529" i="1" s="1"/>
  <c r="A70530" i="1" s="1"/>
  <c r="A70531" i="1" s="1"/>
  <c r="A70532" i="1" s="1"/>
  <c r="A70533" i="1" s="1"/>
  <c r="A70534" i="1" s="1"/>
  <c r="A70535" i="1" s="1"/>
  <c r="A70536" i="1" s="1"/>
  <c r="A70537" i="1" s="1"/>
  <c r="A70538" i="1" s="1"/>
  <c r="A70539" i="1" s="1"/>
  <c r="A70540" i="1" s="1"/>
  <c r="A70541" i="1" s="1"/>
  <c r="A70542" i="1" s="1"/>
  <c r="A70543" i="1" s="1"/>
  <c r="A70544" i="1" s="1"/>
  <c r="A70545" i="1" s="1"/>
  <c r="A70546" i="1" s="1"/>
  <c r="A70547" i="1" s="1"/>
  <c r="A70548" i="1" s="1"/>
  <c r="A70549" i="1" s="1"/>
  <c r="A70550" i="1" s="1"/>
  <c r="A70551" i="1" s="1"/>
  <c r="A70552" i="1" s="1"/>
  <c r="A70553" i="1" s="1"/>
  <c r="A70554" i="1" s="1"/>
  <c r="A70555" i="1" s="1"/>
  <c r="A70556" i="1" s="1"/>
  <c r="A70557" i="1" s="1"/>
  <c r="A70558" i="1" s="1"/>
  <c r="A70559" i="1" s="1"/>
  <c r="A70560" i="1" s="1"/>
  <c r="A70561" i="1" s="1"/>
  <c r="A70562" i="1" s="1"/>
  <c r="A70563" i="1" s="1"/>
  <c r="A70564" i="1" s="1"/>
  <c r="A70565" i="1" s="1"/>
  <c r="A70566" i="1" s="1"/>
  <c r="A70567" i="1" s="1"/>
  <c r="A70568" i="1" s="1"/>
  <c r="A70569" i="1" s="1"/>
  <c r="A70570" i="1" s="1"/>
  <c r="A70571" i="1" s="1"/>
  <c r="A70572" i="1" s="1"/>
  <c r="A70573" i="1" s="1"/>
  <c r="A70574" i="1" s="1"/>
  <c r="A70575" i="1" s="1"/>
  <c r="A70576" i="1" s="1"/>
  <c r="A70577" i="1" s="1"/>
  <c r="A70578" i="1" s="1"/>
  <c r="A70579" i="1" s="1"/>
  <c r="A70580" i="1" s="1"/>
  <c r="A70581" i="1" s="1"/>
  <c r="A70582" i="1" s="1"/>
  <c r="A70583" i="1" s="1"/>
  <c r="A70584" i="1" s="1"/>
  <c r="A70585" i="1" s="1"/>
  <c r="A70586" i="1" s="1"/>
  <c r="A70587" i="1" s="1"/>
  <c r="A70588" i="1" s="1"/>
  <c r="A70589" i="1" s="1"/>
  <c r="A70590" i="1" s="1"/>
  <c r="A70591" i="1" s="1"/>
  <c r="A70592" i="1" s="1"/>
  <c r="A70593" i="1" s="1"/>
  <c r="A70594" i="1" s="1"/>
  <c r="A70595" i="1" s="1"/>
  <c r="A70596" i="1" s="1"/>
  <c r="A70597" i="1" s="1"/>
  <c r="A70598" i="1" s="1"/>
  <c r="A70599" i="1" s="1"/>
  <c r="A70600" i="1" s="1"/>
  <c r="A70601" i="1" s="1"/>
  <c r="A70602" i="1" s="1"/>
  <c r="A70603" i="1" s="1"/>
  <c r="A70604" i="1" s="1"/>
  <c r="A70605" i="1" s="1"/>
  <c r="A70606" i="1" s="1"/>
  <c r="A70607" i="1" s="1"/>
  <c r="A70608" i="1" s="1"/>
  <c r="A70609" i="1" s="1"/>
  <c r="A70610" i="1" s="1"/>
  <c r="A70611" i="1" s="1"/>
  <c r="A70612" i="1" s="1"/>
  <c r="A70613" i="1" s="1"/>
  <c r="A70614" i="1" s="1"/>
  <c r="A70615" i="1" s="1"/>
  <c r="A70616" i="1" s="1"/>
  <c r="A70617" i="1" s="1"/>
  <c r="A70618" i="1" s="1"/>
  <c r="A70619" i="1" s="1"/>
  <c r="A70620" i="1" s="1"/>
  <c r="A70621" i="1" s="1"/>
  <c r="A70622" i="1" s="1"/>
  <c r="A70623" i="1" s="1"/>
  <c r="A70624" i="1" s="1"/>
  <c r="A70625" i="1" s="1"/>
  <c r="A70626" i="1" s="1"/>
  <c r="A70627" i="1" s="1"/>
  <c r="A70628" i="1" s="1"/>
  <c r="A70629" i="1" s="1"/>
  <c r="A70630" i="1" s="1"/>
  <c r="A70631" i="1" s="1"/>
  <c r="A70632" i="1" s="1"/>
  <c r="A70633" i="1" s="1"/>
  <c r="A70634" i="1" s="1"/>
  <c r="A70635" i="1" s="1"/>
  <c r="A70636" i="1" s="1"/>
  <c r="A70637" i="1" s="1"/>
  <c r="A70638" i="1" s="1"/>
  <c r="A70639" i="1" s="1"/>
  <c r="A70640" i="1" s="1"/>
  <c r="A70641" i="1" s="1"/>
  <c r="A70642" i="1" s="1"/>
  <c r="A70643" i="1" s="1"/>
  <c r="A70644" i="1" s="1"/>
  <c r="A70645" i="1" s="1"/>
  <c r="A70646" i="1" s="1"/>
  <c r="A70647" i="1" s="1"/>
  <c r="A70648" i="1" s="1"/>
  <c r="A70649" i="1" s="1"/>
  <c r="A70650" i="1" s="1"/>
  <c r="A70651" i="1" s="1"/>
  <c r="A70652" i="1" s="1"/>
  <c r="A70653" i="1" s="1"/>
  <c r="A70654" i="1" s="1"/>
  <c r="A70655" i="1" s="1"/>
  <c r="A70656" i="1" s="1"/>
  <c r="A70657" i="1" s="1"/>
  <c r="A70658" i="1" s="1"/>
  <c r="A70659" i="1" s="1"/>
  <c r="A70660" i="1" s="1"/>
  <c r="A70661" i="1" s="1"/>
  <c r="A70662" i="1" s="1"/>
  <c r="A70663" i="1" s="1"/>
  <c r="A70664" i="1" s="1"/>
  <c r="A70665" i="1" s="1"/>
  <c r="A70666" i="1" s="1"/>
  <c r="A70667" i="1" s="1"/>
  <c r="A70668" i="1" s="1"/>
  <c r="A70669" i="1" s="1"/>
  <c r="A70670" i="1" s="1"/>
  <c r="A70671" i="1" s="1"/>
  <c r="A70672" i="1" s="1"/>
  <c r="A70673" i="1" s="1"/>
  <c r="A70674" i="1" s="1"/>
  <c r="A70675" i="1" s="1"/>
  <c r="A70676" i="1" s="1"/>
  <c r="A70677" i="1" s="1"/>
  <c r="A70678" i="1" s="1"/>
  <c r="A70679" i="1" s="1"/>
  <c r="A70680" i="1" s="1"/>
  <c r="A70681" i="1" s="1"/>
  <c r="A70682" i="1" s="1"/>
  <c r="A70683" i="1" s="1"/>
  <c r="A70684" i="1" s="1"/>
  <c r="A70685" i="1" s="1"/>
  <c r="A70686" i="1" s="1"/>
  <c r="A70687" i="1" s="1"/>
  <c r="A70688" i="1" s="1"/>
  <c r="A70689" i="1" s="1"/>
  <c r="A70690" i="1" s="1"/>
  <c r="A70691" i="1" s="1"/>
  <c r="A70692" i="1" s="1"/>
  <c r="A70693" i="1" s="1"/>
  <c r="A70694" i="1" s="1"/>
  <c r="A70695" i="1" s="1"/>
  <c r="A70696" i="1" s="1"/>
  <c r="A70697" i="1" s="1"/>
  <c r="A70698" i="1" s="1"/>
  <c r="A70699" i="1" s="1"/>
  <c r="A70700" i="1" s="1"/>
  <c r="A70701" i="1" s="1"/>
  <c r="A70702" i="1" s="1"/>
  <c r="A70703" i="1" s="1"/>
  <c r="A70704" i="1" s="1"/>
  <c r="A70705" i="1" s="1"/>
  <c r="A70706" i="1" s="1"/>
  <c r="A70707" i="1" s="1"/>
  <c r="A70708" i="1" s="1"/>
  <c r="A70709" i="1" s="1"/>
  <c r="A70710" i="1" s="1"/>
  <c r="A70711" i="1" s="1"/>
  <c r="A70712" i="1" s="1"/>
  <c r="A70713" i="1" s="1"/>
  <c r="A70714" i="1" s="1"/>
  <c r="A70715" i="1" s="1"/>
  <c r="A70716" i="1" s="1"/>
  <c r="A70717" i="1" s="1"/>
  <c r="A70718" i="1" s="1"/>
  <c r="A70719" i="1" s="1"/>
  <c r="A70720" i="1" s="1"/>
  <c r="A70721" i="1" s="1"/>
  <c r="A70722" i="1" s="1"/>
  <c r="A70723" i="1" s="1"/>
  <c r="A70724" i="1" s="1"/>
  <c r="A70725" i="1" s="1"/>
  <c r="A70726" i="1" s="1"/>
  <c r="A70727" i="1" s="1"/>
  <c r="A70728" i="1" s="1"/>
  <c r="A70729" i="1" s="1"/>
  <c r="A70730" i="1" s="1"/>
  <c r="A70731" i="1" s="1"/>
  <c r="A70732" i="1" s="1"/>
  <c r="A70733" i="1" s="1"/>
  <c r="A70734" i="1" s="1"/>
  <c r="A70735" i="1" s="1"/>
  <c r="A70736" i="1" s="1"/>
  <c r="A70737" i="1" s="1"/>
  <c r="A70738" i="1" s="1"/>
  <c r="A70739" i="1" s="1"/>
  <c r="A70740" i="1" s="1"/>
  <c r="A70741" i="1" s="1"/>
  <c r="A70742" i="1" s="1"/>
  <c r="A70743" i="1" s="1"/>
  <c r="A70744" i="1" s="1"/>
  <c r="A70745" i="1" s="1"/>
  <c r="A70746" i="1" s="1"/>
  <c r="A70747" i="1" s="1"/>
  <c r="A70748" i="1" s="1"/>
  <c r="A70749" i="1" s="1"/>
  <c r="A70750" i="1" s="1"/>
  <c r="A70751" i="1" s="1"/>
  <c r="A70752" i="1" s="1"/>
  <c r="A70753" i="1" s="1"/>
  <c r="A70754" i="1" s="1"/>
  <c r="A70755" i="1" s="1"/>
  <c r="A70756" i="1" s="1"/>
  <c r="A70757" i="1" s="1"/>
  <c r="A70758" i="1" s="1"/>
  <c r="A70759" i="1" s="1"/>
  <c r="A70760" i="1" s="1"/>
  <c r="A70761" i="1" s="1"/>
  <c r="A70762" i="1" s="1"/>
  <c r="A70763" i="1" s="1"/>
  <c r="A70764" i="1" s="1"/>
  <c r="A70765" i="1" s="1"/>
  <c r="A70766" i="1" s="1"/>
  <c r="A70767" i="1" s="1"/>
  <c r="A70768" i="1" s="1"/>
  <c r="A70769" i="1" s="1"/>
  <c r="A70770" i="1" s="1"/>
  <c r="A70771" i="1" s="1"/>
  <c r="A70772" i="1" s="1"/>
  <c r="A70773" i="1" s="1"/>
  <c r="A70774" i="1" s="1"/>
  <c r="A70775" i="1" s="1"/>
  <c r="A70776" i="1" s="1"/>
  <c r="A70777" i="1" s="1"/>
  <c r="A70778" i="1" s="1"/>
  <c r="A70779" i="1" s="1"/>
  <c r="A70780" i="1" s="1"/>
  <c r="A70781" i="1" s="1"/>
  <c r="A70782" i="1" s="1"/>
  <c r="A70783" i="1" s="1"/>
  <c r="A70784" i="1" s="1"/>
  <c r="A70785" i="1" s="1"/>
  <c r="A70786" i="1" s="1"/>
  <c r="A70787" i="1" s="1"/>
  <c r="A70788" i="1" s="1"/>
  <c r="A70789" i="1" s="1"/>
  <c r="A70790" i="1" s="1"/>
  <c r="A70791" i="1" s="1"/>
  <c r="A70792" i="1" s="1"/>
  <c r="A70793" i="1" s="1"/>
  <c r="A70794" i="1" s="1"/>
  <c r="A70795" i="1" s="1"/>
  <c r="A70796" i="1" s="1"/>
  <c r="A70797" i="1" s="1"/>
  <c r="A70798" i="1" s="1"/>
  <c r="A70799" i="1" s="1"/>
  <c r="A70800" i="1" s="1"/>
  <c r="A70801" i="1" s="1"/>
  <c r="A70802" i="1" s="1"/>
  <c r="A70803" i="1" s="1"/>
  <c r="A70804" i="1" s="1"/>
  <c r="A70805" i="1" s="1"/>
  <c r="A70806" i="1" s="1"/>
  <c r="A70807" i="1" s="1"/>
  <c r="A70808" i="1" s="1"/>
  <c r="A70809" i="1" s="1"/>
  <c r="A70810" i="1" s="1"/>
  <c r="A70811" i="1" s="1"/>
  <c r="A70812" i="1" s="1"/>
  <c r="A70813" i="1" s="1"/>
  <c r="A70814" i="1" s="1"/>
  <c r="A70815" i="1" s="1"/>
  <c r="A70816" i="1" s="1"/>
  <c r="A70817" i="1" s="1"/>
  <c r="A70818" i="1" s="1"/>
  <c r="A70819" i="1" s="1"/>
  <c r="A70820" i="1" s="1"/>
  <c r="A70821" i="1" s="1"/>
  <c r="A70822" i="1" s="1"/>
  <c r="A70823" i="1" s="1"/>
  <c r="A70824" i="1" s="1"/>
  <c r="A70825" i="1" s="1"/>
  <c r="A70826" i="1" s="1"/>
  <c r="A70827" i="1" s="1"/>
  <c r="A70828" i="1" s="1"/>
  <c r="A70829" i="1" s="1"/>
  <c r="A70830" i="1" s="1"/>
  <c r="A70831" i="1" s="1"/>
  <c r="A70832" i="1" s="1"/>
  <c r="A70833" i="1" s="1"/>
  <c r="A70834" i="1" s="1"/>
  <c r="A70835" i="1" s="1"/>
  <c r="A70836" i="1" s="1"/>
  <c r="A70837" i="1" s="1"/>
  <c r="A70838" i="1" s="1"/>
  <c r="A70839" i="1" s="1"/>
  <c r="A70840" i="1" s="1"/>
  <c r="A70841" i="1" s="1"/>
  <c r="A70842" i="1" s="1"/>
  <c r="A70843" i="1" s="1"/>
  <c r="A70844" i="1" s="1"/>
  <c r="A70845" i="1" s="1"/>
  <c r="A70846" i="1" s="1"/>
  <c r="A70847" i="1" s="1"/>
  <c r="A70848" i="1" s="1"/>
  <c r="A70849" i="1" s="1"/>
  <c r="A70850" i="1" s="1"/>
  <c r="A70851" i="1" s="1"/>
  <c r="A70852" i="1" s="1"/>
  <c r="A70853" i="1" s="1"/>
  <c r="A70854" i="1" s="1"/>
  <c r="A70855" i="1" s="1"/>
  <c r="A70856" i="1" s="1"/>
  <c r="A70857" i="1" s="1"/>
  <c r="A70858" i="1" s="1"/>
  <c r="A70859" i="1" s="1"/>
  <c r="A70860" i="1" s="1"/>
  <c r="A70861" i="1" s="1"/>
  <c r="A70862" i="1" s="1"/>
  <c r="A70863" i="1" s="1"/>
  <c r="A70864" i="1" s="1"/>
  <c r="A70865" i="1" s="1"/>
  <c r="A70866" i="1" s="1"/>
  <c r="A70867" i="1" s="1"/>
  <c r="A70868" i="1" s="1"/>
  <c r="A70869" i="1" s="1"/>
  <c r="A70870" i="1" s="1"/>
  <c r="A70871" i="1" s="1"/>
  <c r="A70872" i="1" s="1"/>
  <c r="A70873" i="1" s="1"/>
  <c r="A70874" i="1" s="1"/>
  <c r="A70875" i="1" s="1"/>
  <c r="A70876" i="1" s="1"/>
  <c r="A70877" i="1" s="1"/>
  <c r="A70878" i="1" s="1"/>
  <c r="A70879" i="1" s="1"/>
  <c r="A70880" i="1" s="1"/>
  <c r="A70881" i="1" s="1"/>
  <c r="A70882" i="1" s="1"/>
  <c r="A70883" i="1" s="1"/>
  <c r="A70884" i="1" s="1"/>
  <c r="A70885" i="1" s="1"/>
  <c r="A70886" i="1" s="1"/>
  <c r="A70887" i="1" s="1"/>
  <c r="A70888" i="1" s="1"/>
  <c r="A70889" i="1" s="1"/>
  <c r="A70890" i="1" s="1"/>
  <c r="A70891" i="1" s="1"/>
  <c r="A70892" i="1" s="1"/>
  <c r="A70893" i="1" s="1"/>
  <c r="A70894" i="1" s="1"/>
  <c r="A70895" i="1" s="1"/>
  <c r="A70896" i="1" s="1"/>
  <c r="A70897" i="1" s="1"/>
  <c r="A70898" i="1" s="1"/>
  <c r="A70899" i="1" s="1"/>
  <c r="A70900" i="1" s="1"/>
  <c r="A70901" i="1" s="1"/>
  <c r="A70902" i="1" s="1"/>
  <c r="A70903" i="1" s="1"/>
  <c r="A70904" i="1" s="1"/>
  <c r="A70905" i="1" s="1"/>
  <c r="A70906" i="1" s="1"/>
  <c r="A70907" i="1" s="1"/>
  <c r="A70908" i="1" s="1"/>
  <c r="A70909" i="1" s="1"/>
  <c r="A70910" i="1" s="1"/>
  <c r="A70911" i="1" s="1"/>
  <c r="A70912" i="1" s="1"/>
  <c r="A70913" i="1" s="1"/>
  <c r="A70914" i="1" s="1"/>
  <c r="A70915" i="1" s="1"/>
  <c r="A70916" i="1" s="1"/>
  <c r="A70917" i="1" s="1"/>
  <c r="A70918" i="1" s="1"/>
  <c r="A70919" i="1" s="1"/>
  <c r="A70920" i="1" s="1"/>
  <c r="A70921" i="1" s="1"/>
  <c r="A70922" i="1" s="1"/>
  <c r="A70923" i="1" s="1"/>
  <c r="A70924" i="1" s="1"/>
  <c r="A70925" i="1" s="1"/>
  <c r="A70926" i="1" s="1"/>
  <c r="A70927" i="1" s="1"/>
  <c r="A70928" i="1" s="1"/>
  <c r="A70929" i="1" s="1"/>
  <c r="A70930" i="1" s="1"/>
  <c r="A70931" i="1" s="1"/>
  <c r="A70932" i="1" s="1"/>
  <c r="A70933" i="1" s="1"/>
  <c r="A70934" i="1" s="1"/>
  <c r="A70935" i="1" s="1"/>
  <c r="A70936" i="1" s="1"/>
  <c r="A70937" i="1" s="1"/>
  <c r="A70938" i="1" s="1"/>
  <c r="A70939" i="1" s="1"/>
  <c r="A70940" i="1" s="1"/>
  <c r="A70941" i="1" s="1"/>
  <c r="A70942" i="1" s="1"/>
  <c r="A70943" i="1" s="1"/>
  <c r="A70944" i="1" s="1"/>
  <c r="A70945" i="1" s="1"/>
  <c r="A70946" i="1" s="1"/>
  <c r="A70947" i="1" s="1"/>
  <c r="A70948" i="1" s="1"/>
  <c r="A70949" i="1" s="1"/>
  <c r="A70950" i="1" s="1"/>
  <c r="A70951" i="1" s="1"/>
  <c r="A70952" i="1" s="1"/>
  <c r="A70953" i="1" s="1"/>
  <c r="A70954" i="1" s="1"/>
  <c r="A70955" i="1" s="1"/>
  <c r="A70956" i="1" s="1"/>
  <c r="A70957" i="1" s="1"/>
  <c r="A70958" i="1" s="1"/>
  <c r="A70959" i="1" s="1"/>
  <c r="A70960" i="1" s="1"/>
  <c r="A70961" i="1" s="1"/>
  <c r="A70962" i="1" s="1"/>
  <c r="A70963" i="1" s="1"/>
  <c r="A70964" i="1" s="1"/>
  <c r="A70965" i="1" s="1"/>
  <c r="A70966" i="1" s="1"/>
  <c r="A70967" i="1" s="1"/>
  <c r="A70968" i="1" s="1"/>
  <c r="A70969" i="1" s="1"/>
  <c r="A70970" i="1" s="1"/>
  <c r="A70971" i="1" s="1"/>
  <c r="A70972" i="1" s="1"/>
  <c r="A70973" i="1" s="1"/>
  <c r="A70974" i="1" s="1"/>
  <c r="A70975" i="1" s="1"/>
  <c r="A70976" i="1" s="1"/>
  <c r="A70977" i="1" s="1"/>
  <c r="A70978" i="1" s="1"/>
  <c r="A70979" i="1" s="1"/>
  <c r="A70980" i="1" s="1"/>
  <c r="A70981" i="1" s="1"/>
  <c r="A70982" i="1" s="1"/>
  <c r="A70983" i="1" s="1"/>
  <c r="A70984" i="1" s="1"/>
  <c r="A70985" i="1" s="1"/>
  <c r="A70986" i="1" s="1"/>
  <c r="A70987" i="1" s="1"/>
  <c r="A70988" i="1" s="1"/>
  <c r="A70989" i="1" s="1"/>
  <c r="A70990" i="1" s="1"/>
  <c r="A70991" i="1" s="1"/>
  <c r="A70992" i="1" s="1"/>
  <c r="A70993" i="1" s="1"/>
  <c r="A70994" i="1" s="1"/>
  <c r="A70995" i="1" s="1"/>
  <c r="A70996" i="1" s="1"/>
  <c r="A70997" i="1" s="1"/>
  <c r="A70998" i="1" s="1"/>
  <c r="A70999" i="1" s="1"/>
  <c r="A71000" i="1" s="1"/>
  <c r="A71001" i="1" s="1"/>
  <c r="A71002" i="1" s="1"/>
  <c r="A71003" i="1" s="1"/>
  <c r="A71004" i="1" s="1"/>
  <c r="A71005" i="1" s="1"/>
  <c r="A71006" i="1" s="1"/>
  <c r="A71007" i="1" s="1"/>
  <c r="A71008" i="1" s="1"/>
  <c r="A71009" i="1" s="1"/>
  <c r="A71010" i="1" s="1"/>
  <c r="A71011" i="1" s="1"/>
  <c r="A71012" i="1" s="1"/>
  <c r="A71013" i="1" s="1"/>
  <c r="A71014" i="1" s="1"/>
  <c r="A71015" i="1" s="1"/>
  <c r="A71016" i="1" s="1"/>
  <c r="A71017" i="1" s="1"/>
  <c r="A71018" i="1" s="1"/>
  <c r="A71019" i="1" s="1"/>
  <c r="A71020" i="1" s="1"/>
  <c r="A71021" i="1" s="1"/>
  <c r="A71022" i="1" s="1"/>
  <c r="A71023" i="1" s="1"/>
  <c r="A71024" i="1" s="1"/>
  <c r="A71025" i="1" s="1"/>
  <c r="A71026" i="1" s="1"/>
  <c r="A71027" i="1" s="1"/>
  <c r="A71028" i="1" s="1"/>
  <c r="A71029" i="1" s="1"/>
  <c r="A71030" i="1" s="1"/>
  <c r="A71031" i="1" s="1"/>
  <c r="A71032" i="1" s="1"/>
  <c r="A71033" i="1" s="1"/>
  <c r="A71034" i="1" s="1"/>
  <c r="A71035" i="1" s="1"/>
  <c r="A71036" i="1" s="1"/>
  <c r="A71037" i="1" s="1"/>
  <c r="A71038" i="1" s="1"/>
  <c r="A71039" i="1" s="1"/>
  <c r="A71040" i="1" s="1"/>
  <c r="A71041" i="1" s="1"/>
  <c r="A71042" i="1" s="1"/>
  <c r="A71043" i="1" s="1"/>
  <c r="A71044" i="1" s="1"/>
  <c r="A71045" i="1" s="1"/>
  <c r="A71046" i="1" s="1"/>
  <c r="A71047" i="1" s="1"/>
  <c r="A71048" i="1" s="1"/>
  <c r="A71049" i="1" s="1"/>
  <c r="A71050" i="1" s="1"/>
  <c r="A71051" i="1" s="1"/>
  <c r="A71052" i="1" s="1"/>
  <c r="A71053" i="1" s="1"/>
  <c r="A71054" i="1" s="1"/>
  <c r="A71055" i="1" s="1"/>
  <c r="A71056" i="1" s="1"/>
  <c r="A71057" i="1" s="1"/>
  <c r="A71058" i="1" s="1"/>
  <c r="A71059" i="1" s="1"/>
  <c r="A71060" i="1" s="1"/>
  <c r="A71061" i="1" s="1"/>
  <c r="A71062" i="1" s="1"/>
  <c r="A71063" i="1" s="1"/>
  <c r="A71064" i="1" s="1"/>
  <c r="A71065" i="1" s="1"/>
  <c r="A71066" i="1" s="1"/>
  <c r="A71067" i="1" s="1"/>
  <c r="A71068" i="1" s="1"/>
  <c r="A71069" i="1" s="1"/>
  <c r="A71070" i="1" s="1"/>
  <c r="A71071" i="1" s="1"/>
  <c r="A71072" i="1" s="1"/>
  <c r="A71073" i="1" s="1"/>
  <c r="A71074" i="1" s="1"/>
  <c r="A71075" i="1" s="1"/>
  <c r="A71076" i="1" s="1"/>
  <c r="A71077" i="1" s="1"/>
  <c r="A71078" i="1" s="1"/>
  <c r="A71079" i="1" s="1"/>
  <c r="A71080" i="1" s="1"/>
  <c r="A71081" i="1" s="1"/>
  <c r="A71082" i="1" s="1"/>
  <c r="A71083" i="1" s="1"/>
  <c r="A71084" i="1" s="1"/>
  <c r="A71085" i="1" s="1"/>
  <c r="A71086" i="1" s="1"/>
  <c r="A71087" i="1" s="1"/>
  <c r="A71088" i="1" s="1"/>
  <c r="A71089" i="1" s="1"/>
  <c r="A71090" i="1" s="1"/>
  <c r="A71091" i="1" s="1"/>
  <c r="A71092" i="1" s="1"/>
  <c r="A71093" i="1" s="1"/>
  <c r="A71094" i="1" s="1"/>
  <c r="A71095" i="1" s="1"/>
  <c r="A71096" i="1" s="1"/>
  <c r="A71097" i="1" s="1"/>
  <c r="A71098" i="1" s="1"/>
  <c r="A71099" i="1" s="1"/>
  <c r="A71100" i="1" s="1"/>
  <c r="A71101" i="1" s="1"/>
  <c r="A71102" i="1" s="1"/>
  <c r="A71103" i="1" s="1"/>
  <c r="A71104" i="1" s="1"/>
  <c r="A71105" i="1" s="1"/>
  <c r="A71106" i="1" s="1"/>
  <c r="A71107" i="1" s="1"/>
  <c r="A71108" i="1" s="1"/>
  <c r="A71109" i="1" s="1"/>
  <c r="A71110" i="1" s="1"/>
  <c r="A71111" i="1" s="1"/>
  <c r="A71112" i="1" s="1"/>
  <c r="A71113" i="1" s="1"/>
  <c r="A71114" i="1" s="1"/>
  <c r="A71115" i="1" s="1"/>
  <c r="A71116" i="1" s="1"/>
  <c r="A71117" i="1" s="1"/>
  <c r="A71118" i="1" s="1"/>
  <c r="A71119" i="1" s="1"/>
  <c r="A71120" i="1" s="1"/>
  <c r="A71121" i="1" s="1"/>
  <c r="A71122" i="1" s="1"/>
  <c r="A71123" i="1" s="1"/>
  <c r="A71124" i="1" s="1"/>
  <c r="A71125" i="1" s="1"/>
  <c r="A71126" i="1" s="1"/>
  <c r="A71127" i="1" s="1"/>
  <c r="A71128" i="1" s="1"/>
  <c r="A71129" i="1" s="1"/>
  <c r="A71130" i="1" s="1"/>
  <c r="A71131" i="1" s="1"/>
  <c r="A71132" i="1" s="1"/>
  <c r="A71133" i="1" s="1"/>
  <c r="A71134" i="1" s="1"/>
  <c r="A71135" i="1" s="1"/>
  <c r="A71136" i="1" s="1"/>
  <c r="A71137" i="1" s="1"/>
  <c r="A71138" i="1" s="1"/>
  <c r="A71139" i="1" s="1"/>
  <c r="A71140" i="1" s="1"/>
  <c r="A71141" i="1" s="1"/>
  <c r="A71142" i="1" s="1"/>
  <c r="A71143" i="1" s="1"/>
  <c r="A71144" i="1" s="1"/>
  <c r="A71145" i="1" s="1"/>
  <c r="A71146" i="1" s="1"/>
  <c r="A71147" i="1" s="1"/>
  <c r="A71148" i="1" s="1"/>
  <c r="A71149" i="1" s="1"/>
  <c r="A71150" i="1" s="1"/>
  <c r="A71151" i="1" s="1"/>
  <c r="A71152" i="1" s="1"/>
  <c r="A71153" i="1" s="1"/>
  <c r="A71154" i="1" s="1"/>
  <c r="A71155" i="1" s="1"/>
  <c r="A71156" i="1" s="1"/>
  <c r="A71157" i="1" s="1"/>
  <c r="A71158" i="1" s="1"/>
  <c r="A71159" i="1" s="1"/>
  <c r="A71160" i="1" s="1"/>
  <c r="A71161" i="1" s="1"/>
  <c r="A71162" i="1" s="1"/>
  <c r="A71163" i="1" s="1"/>
  <c r="A71164" i="1" s="1"/>
  <c r="A71165" i="1" s="1"/>
  <c r="A71166" i="1" s="1"/>
  <c r="A71167" i="1" s="1"/>
  <c r="A71168" i="1" s="1"/>
  <c r="A71169" i="1" s="1"/>
  <c r="A71170" i="1" s="1"/>
  <c r="A71171" i="1" s="1"/>
  <c r="A71172" i="1" s="1"/>
  <c r="A71173" i="1" s="1"/>
  <c r="A71174" i="1" s="1"/>
  <c r="A71175" i="1" s="1"/>
  <c r="A71176" i="1" s="1"/>
  <c r="A71177" i="1" s="1"/>
  <c r="A71178" i="1" s="1"/>
  <c r="A71179" i="1" s="1"/>
  <c r="A71180" i="1" s="1"/>
  <c r="A71181" i="1" s="1"/>
  <c r="A71182" i="1" s="1"/>
  <c r="A71183" i="1" s="1"/>
  <c r="A71184" i="1" s="1"/>
  <c r="A71185" i="1" s="1"/>
  <c r="A71186" i="1" s="1"/>
  <c r="A71187" i="1" s="1"/>
  <c r="A71188" i="1" s="1"/>
  <c r="A71189" i="1" s="1"/>
  <c r="A71190" i="1" s="1"/>
  <c r="A71191" i="1" s="1"/>
  <c r="A71192" i="1" s="1"/>
  <c r="A71193" i="1" s="1"/>
  <c r="A71194" i="1" s="1"/>
  <c r="A71195" i="1" s="1"/>
  <c r="A71196" i="1" s="1"/>
  <c r="A71197" i="1" s="1"/>
  <c r="A71198" i="1" s="1"/>
  <c r="A71199" i="1" s="1"/>
  <c r="A71200" i="1" s="1"/>
  <c r="A71201" i="1" s="1"/>
  <c r="A71202" i="1" s="1"/>
  <c r="A71203" i="1" s="1"/>
  <c r="A71204" i="1" s="1"/>
  <c r="A71205" i="1" s="1"/>
  <c r="A71206" i="1" s="1"/>
  <c r="A71207" i="1" s="1"/>
  <c r="A71208" i="1" s="1"/>
  <c r="A71209" i="1" s="1"/>
  <c r="A71210" i="1" s="1"/>
  <c r="A71211" i="1" s="1"/>
  <c r="A71212" i="1" s="1"/>
  <c r="A71213" i="1" s="1"/>
  <c r="A71214" i="1" s="1"/>
  <c r="A71215" i="1" s="1"/>
  <c r="A71216" i="1" s="1"/>
  <c r="A71217" i="1" s="1"/>
  <c r="A71218" i="1" s="1"/>
  <c r="A71219" i="1" s="1"/>
  <c r="A71220" i="1" s="1"/>
  <c r="A71221" i="1" s="1"/>
  <c r="A71222" i="1" s="1"/>
  <c r="A71223" i="1" s="1"/>
  <c r="A71224" i="1" s="1"/>
  <c r="A71225" i="1" s="1"/>
  <c r="A71226" i="1" s="1"/>
  <c r="A71227" i="1" s="1"/>
  <c r="A71228" i="1" s="1"/>
  <c r="A71229" i="1" s="1"/>
  <c r="A71230" i="1" s="1"/>
  <c r="A71231" i="1" s="1"/>
  <c r="A71232" i="1" s="1"/>
  <c r="A71233" i="1" s="1"/>
  <c r="A71234" i="1" s="1"/>
  <c r="A71235" i="1" s="1"/>
  <c r="A71236" i="1" s="1"/>
  <c r="A71237" i="1" s="1"/>
  <c r="A71238" i="1" s="1"/>
  <c r="A71239" i="1" s="1"/>
  <c r="A71240" i="1" s="1"/>
  <c r="A71241" i="1" s="1"/>
  <c r="A71242" i="1" s="1"/>
  <c r="A71243" i="1" s="1"/>
  <c r="A71244" i="1" s="1"/>
  <c r="A71245" i="1" s="1"/>
  <c r="A71246" i="1" s="1"/>
  <c r="A71247" i="1" s="1"/>
  <c r="A71248" i="1" s="1"/>
  <c r="A71249" i="1" s="1"/>
  <c r="A71250" i="1" s="1"/>
  <c r="A71251" i="1" s="1"/>
  <c r="A71252" i="1" s="1"/>
  <c r="A71253" i="1" s="1"/>
  <c r="A71254" i="1" s="1"/>
  <c r="A71255" i="1" s="1"/>
  <c r="A71256" i="1" s="1"/>
  <c r="A71257" i="1" s="1"/>
  <c r="A71258" i="1" s="1"/>
  <c r="A71259" i="1" s="1"/>
  <c r="A71260" i="1" s="1"/>
  <c r="A71261" i="1" s="1"/>
  <c r="A71262" i="1" s="1"/>
  <c r="A71263" i="1" s="1"/>
  <c r="A71264" i="1" s="1"/>
  <c r="A71265" i="1" s="1"/>
  <c r="A71266" i="1" s="1"/>
  <c r="A71267" i="1" s="1"/>
  <c r="A71268" i="1" s="1"/>
  <c r="A71269" i="1" s="1"/>
  <c r="A71270" i="1" s="1"/>
  <c r="A71271" i="1" s="1"/>
  <c r="A71272" i="1" s="1"/>
  <c r="A71273" i="1" s="1"/>
  <c r="A71274" i="1" s="1"/>
  <c r="A71275" i="1" s="1"/>
  <c r="A71276" i="1" s="1"/>
  <c r="A71277" i="1" s="1"/>
  <c r="A71278" i="1" s="1"/>
  <c r="A71279" i="1" s="1"/>
  <c r="A71280" i="1" s="1"/>
  <c r="A71281" i="1" s="1"/>
  <c r="A71282" i="1" s="1"/>
  <c r="A71283" i="1" s="1"/>
  <c r="A71284" i="1" s="1"/>
  <c r="A71285" i="1" s="1"/>
  <c r="A71286" i="1" s="1"/>
  <c r="A71287" i="1" s="1"/>
  <c r="A71288" i="1" s="1"/>
  <c r="A71289" i="1" s="1"/>
  <c r="A71290" i="1" s="1"/>
  <c r="A71291" i="1" s="1"/>
  <c r="A71292" i="1" s="1"/>
  <c r="A71293" i="1" s="1"/>
  <c r="A71294" i="1" s="1"/>
  <c r="A71295" i="1" s="1"/>
  <c r="A71296" i="1" s="1"/>
  <c r="A71297" i="1" s="1"/>
  <c r="A71298" i="1" s="1"/>
  <c r="A71299" i="1" s="1"/>
  <c r="A71300" i="1" s="1"/>
  <c r="A71301" i="1" s="1"/>
  <c r="A71302" i="1" s="1"/>
  <c r="A71303" i="1" s="1"/>
  <c r="A71304" i="1" s="1"/>
  <c r="A71305" i="1" s="1"/>
  <c r="A71306" i="1" s="1"/>
  <c r="A71307" i="1" s="1"/>
  <c r="A71308" i="1" s="1"/>
  <c r="A71309" i="1" s="1"/>
  <c r="A71310" i="1" s="1"/>
  <c r="A71311" i="1" s="1"/>
  <c r="A71312" i="1" s="1"/>
  <c r="A71313" i="1" s="1"/>
  <c r="A71314" i="1" s="1"/>
  <c r="A71315" i="1" s="1"/>
  <c r="A71316" i="1" s="1"/>
  <c r="A71317" i="1" s="1"/>
  <c r="A71318" i="1" s="1"/>
  <c r="A71319" i="1" s="1"/>
  <c r="A71320" i="1" s="1"/>
  <c r="A71321" i="1" s="1"/>
  <c r="A71322" i="1" s="1"/>
  <c r="A71323" i="1" s="1"/>
  <c r="A71324" i="1" s="1"/>
  <c r="A71325" i="1" s="1"/>
  <c r="A71326" i="1" s="1"/>
  <c r="A71327" i="1" s="1"/>
  <c r="A71328" i="1" s="1"/>
  <c r="A71329" i="1" s="1"/>
  <c r="A71330" i="1" s="1"/>
  <c r="A71331" i="1" s="1"/>
  <c r="A71332" i="1" s="1"/>
  <c r="A71333" i="1" s="1"/>
  <c r="A71334" i="1" s="1"/>
  <c r="A71335" i="1" s="1"/>
  <c r="A71336" i="1" s="1"/>
  <c r="A71337" i="1" s="1"/>
  <c r="A71338" i="1" s="1"/>
  <c r="A71339" i="1" s="1"/>
  <c r="A71340" i="1" s="1"/>
  <c r="A71341" i="1" s="1"/>
  <c r="A71342" i="1" s="1"/>
  <c r="A71343" i="1" s="1"/>
  <c r="A71344" i="1" s="1"/>
  <c r="A71345" i="1" s="1"/>
  <c r="A71346" i="1" s="1"/>
  <c r="A71347" i="1" s="1"/>
  <c r="A71348" i="1" s="1"/>
  <c r="A71349" i="1" s="1"/>
  <c r="A71350" i="1" s="1"/>
  <c r="A71351" i="1" s="1"/>
  <c r="A71352" i="1" s="1"/>
  <c r="A71353" i="1" s="1"/>
  <c r="A71354" i="1" s="1"/>
  <c r="A71355" i="1" s="1"/>
  <c r="A71356" i="1" s="1"/>
  <c r="A71357" i="1" s="1"/>
  <c r="A71358" i="1" s="1"/>
  <c r="A71359" i="1" s="1"/>
  <c r="A71360" i="1" s="1"/>
  <c r="A71361" i="1" s="1"/>
  <c r="A71362" i="1" s="1"/>
  <c r="A71363" i="1" s="1"/>
  <c r="A71364" i="1" s="1"/>
  <c r="A71365" i="1" s="1"/>
  <c r="A71366" i="1" s="1"/>
  <c r="A71367" i="1" s="1"/>
  <c r="A71368" i="1" s="1"/>
  <c r="A71369" i="1" s="1"/>
  <c r="A71370" i="1" s="1"/>
  <c r="A71371" i="1" s="1"/>
  <c r="A71372" i="1" s="1"/>
  <c r="A71373" i="1" s="1"/>
  <c r="A71374" i="1" s="1"/>
  <c r="A71375" i="1" s="1"/>
  <c r="A71376" i="1" s="1"/>
  <c r="A71377" i="1" s="1"/>
  <c r="A71378" i="1" s="1"/>
  <c r="A71379" i="1" s="1"/>
  <c r="A71380" i="1" s="1"/>
  <c r="A71381" i="1" s="1"/>
  <c r="A71382" i="1" s="1"/>
  <c r="A71383" i="1" s="1"/>
  <c r="A71384" i="1" s="1"/>
  <c r="A71385" i="1" s="1"/>
  <c r="A71386" i="1" s="1"/>
  <c r="A71387" i="1" s="1"/>
  <c r="A71388" i="1" s="1"/>
  <c r="A71389" i="1" s="1"/>
  <c r="A71390" i="1" s="1"/>
  <c r="A71391" i="1" s="1"/>
  <c r="A71392" i="1" s="1"/>
  <c r="A71393" i="1" s="1"/>
  <c r="A71394" i="1" s="1"/>
  <c r="A71395" i="1" s="1"/>
  <c r="A71396" i="1" s="1"/>
  <c r="A71397" i="1" s="1"/>
  <c r="A71398" i="1" s="1"/>
  <c r="A71399" i="1" s="1"/>
  <c r="A71400" i="1" s="1"/>
  <c r="A71401" i="1" s="1"/>
  <c r="A71402" i="1" s="1"/>
  <c r="A71403" i="1" s="1"/>
  <c r="A71404" i="1" s="1"/>
  <c r="A71405" i="1" s="1"/>
  <c r="A71406" i="1" s="1"/>
  <c r="A71407" i="1" s="1"/>
  <c r="A71408" i="1" s="1"/>
  <c r="A71409" i="1" s="1"/>
  <c r="A71410" i="1" s="1"/>
  <c r="A71411" i="1" s="1"/>
  <c r="A71412" i="1" s="1"/>
  <c r="A71413" i="1" s="1"/>
  <c r="A71414" i="1" s="1"/>
  <c r="A71415" i="1" s="1"/>
  <c r="A71416" i="1" s="1"/>
  <c r="A71417" i="1" s="1"/>
  <c r="A71418" i="1" s="1"/>
  <c r="A71419" i="1" s="1"/>
  <c r="A71420" i="1" s="1"/>
  <c r="A71421" i="1" s="1"/>
  <c r="A71422" i="1" s="1"/>
  <c r="A71423" i="1" s="1"/>
  <c r="A71424" i="1" s="1"/>
  <c r="A71425" i="1" s="1"/>
  <c r="A71426" i="1" s="1"/>
  <c r="A71427" i="1" s="1"/>
  <c r="A71428" i="1" s="1"/>
  <c r="A71429" i="1" s="1"/>
  <c r="A71430" i="1" s="1"/>
  <c r="A71431" i="1" s="1"/>
  <c r="A71432" i="1" s="1"/>
  <c r="A71433" i="1" s="1"/>
  <c r="A71434" i="1" s="1"/>
  <c r="A71435" i="1" s="1"/>
  <c r="A71436" i="1" s="1"/>
  <c r="A71437" i="1" s="1"/>
  <c r="A71438" i="1" s="1"/>
  <c r="A71439" i="1" s="1"/>
  <c r="A71440" i="1" s="1"/>
  <c r="A71441" i="1" s="1"/>
  <c r="A71442" i="1" s="1"/>
  <c r="A71443" i="1" s="1"/>
  <c r="A71444" i="1" s="1"/>
  <c r="A71445" i="1" s="1"/>
  <c r="A71446" i="1" s="1"/>
  <c r="A71447" i="1" s="1"/>
  <c r="A71448" i="1" s="1"/>
  <c r="A71449" i="1" s="1"/>
  <c r="A71450" i="1" s="1"/>
  <c r="A71451" i="1" s="1"/>
  <c r="A71452" i="1" s="1"/>
  <c r="A71453" i="1" s="1"/>
  <c r="A71454" i="1" s="1"/>
  <c r="A71455" i="1" s="1"/>
  <c r="A71456" i="1" s="1"/>
  <c r="A71457" i="1" s="1"/>
  <c r="A71458" i="1" s="1"/>
  <c r="A71459" i="1" s="1"/>
  <c r="A71460" i="1" s="1"/>
  <c r="A71461" i="1" s="1"/>
  <c r="A71462" i="1" s="1"/>
  <c r="A71463" i="1" s="1"/>
  <c r="A71464" i="1" s="1"/>
  <c r="A71465" i="1" s="1"/>
  <c r="A71466" i="1" s="1"/>
  <c r="A71467" i="1" s="1"/>
  <c r="A71468" i="1" s="1"/>
  <c r="A71469" i="1" s="1"/>
  <c r="A71470" i="1" s="1"/>
  <c r="A71471" i="1" s="1"/>
  <c r="A71472" i="1" s="1"/>
  <c r="A71473" i="1" s="1"/>
  <c r="A71474" i="1" s="1"/>
  <c r="A71475" i="1" s="1"/>
  <c r="A71476" i="1" s="1"/>
  <c r="A71477" i="1" s="1"/>
  <c r="A71478" i="1" s="1"/>
  <c r="A71479" i="1" s="1"/>
  <c r="A71480" i="1" s="1"/>
  <c r="A71481" i="1" s="1"/>
  <c r="A71482" i="1" s="1"/>
  <c r="A71483" i="1" s="1"/>
  <c r="A71484" i="1" s="1"/>
  <c r="A71485" i="1" s="1"/>
  <c r="A71486" i="1" s="1"/>
  <c r="A71487" i="1" s="1"/>
  <c r="A71488" i="1" s="1"/>
  <c r="A71489" i="1" s="1"/>
  <c r="A71490" i="1" s="1"/>
  <c r="A71491" i="1" s="1"/>
  <c r="A71492" i="1" s="1"/>
  <c r="A71493" i="1" s="1"/>
  <c r="A71494" i="1" s="1"/>
  <c r="A71495" i="1" s="1"/>
  <c r="A71496" i="1" s="1"/>
  <c r="A71497" i="1" s="1"/>
  <c r="A71498" i="1" s="1"/>
  <c r="A71499" i="1" s="1"/>
  <c r="A71500" i="1" s="1"/>
  <c r="A71501" i="1" s="1"/>
  <c r="A71502" i="1" s="1"/>
  <c r="A71503" i="1" s="1"/>
  <c r="A71504" i="1" s="1"/>
  <c r="A71505" i="1" s="1"/>
  <c r="A71506" i="1" s="1"/>
  <c r="A71507" i="1" s="1"/>
  <c r="A71508" i="1" s="1"/>
  <c r="A71509" i="1" s="1"/>
  <c r="A71510" i="1" s="1"/>
  <c r="A71511" i="1" s="1"/>
  <c r="A71512" i="1" s="1"/>
  <c r="A71513" i="1" s="1"/>
  <c r="A71514" i="1" s="1"/>
  <c r="A71515" i="1" s="1"/>
  <c r="A71516" i="1" s="1"/>
  <c r="A71517" i="1" s="1"/>
  <c r="A71518" i="1" s="1"/>
  <c r="A71519" i="1" s="1"/>
  <c r="A71520" i="1" s="1"/>
  <c r="A71521" i="1" s="1"/>
  <c r="A71522" i="1" s="1"/>
  <c r="A71523" i="1" s="1"/>
  <c r="A71524" i="1" s="1"/>
  <c r="A71525" i="1" s="1"/>
  <c r="A71526" i="1" s="1"/>
  <c r="A71527" i="1" s="1"/>
  <c r="A71528" i="1" s="1"/>
  <c r="A71529" i="1" s="1"/>
  <c r="A71530" i="1" s="1"/>
  <c r="A71531" i="1" s="1"/>
  <c r="A71532" i="1" s="1"/>
  <c r="A71533" i="1" s="1"/>
  <c r="A71534" i="1" s="1"/>
  <c r="A71535" i="1" s="1"/>
  <c r="A71536" i="1" s="1"/>
  <c r="A71537" i="1" s="1"/>
  <c r="A71538" i="1" s="1"/>
  <c r="A71539" i="1" s="1"/>
  <c r="A71540" i="1" s="1"/>
  <c r="A71541" i="1" s="1"/>
  <c r="A71542" i="1" s="1"/>
  <c r="A71543" i="1" s="1"/>
  <c r="A71544" i="1" s="1"/>
  <c r="A71545" i="1" s="1"/>
  <c r="A71546" i="1" s="1"/>
  <c r="A71547" i="1" s="1"/>
  <c r="A71548" i="1" s="1"/>
  <c r="A71549" i="1" s="1"/>
  <c r="A71550" i="1" s="1"/>
  <c r="A71551" i="1" s="1"/>
  <c r="A71552" i="1" s="1"/>
  <c r="A71553" i="1" s="1"/>
  <c r="A71554" i="1" s="1"/>
  <c r="A71555" i="1" s="1"/>
  <c r="A71556" i="1" s="1"/>
  <c r="A71557" i="1" s="1"/>
  <c r="A71558" i="1" s="1"/>
  <c r="A71559" i="1" s="1"/>
  <c r="A71560" i="1" s="1"/>
  <c r="A71561" i="1" s="1"/>
  <c r="A71562" i="1" s="1"/>
  <c r="A71563" i="1" s="1"/>
  <c r="A71564" i="1" s="1"/>
  <c r="A71565" i="1" s="1"/>
  <c r="A71566" i="1" s="1"/>
  <c r="A71567" i="1" s="1"/>
  <c r="A71568" i="1" s="1"/>
  <c r="A71569" i="1" s="1"/>
  <c r="A71570" i="1" s="1"/>
  <c r="A71571" i="1" s="1"/>
  <c r="A71572" i="1" s="1"/>
  <c r="A71573" i="1" s="1"/>
  <c r="A71574" i="1" s="1"/>
  <c r="A71575" i="1" s="1"/>
  <c r="A71576" i="1" s="1"/>
  <c r="A71577" i="1" s="1"/>
  <c r="A71578" i="1" s="1"/>
  <c r="A71579" i="1" s="1"/>
  <c r="A71580" i="1" s="1"/>
  <c r="A71581" i="1" s="1"/>
  <c r="A71582" i="1" s="1"/>
  <c r="A71583" i="1" s="1"/>
  <c r="A71584" i="1" s="1"/>
  <c r="A71585" i="1" s="1"/>
  <c r="A71586" i="1" s="1"/>
  <c r="A71587" i="1" s="1"/>
  <c r="A71588" i="1" s="1"/>
  <c r="A71589" i="1" s="1"/>
  <c r="A71590" i="1" s="1"/>
  <c r="A71591" i="1" s="1"/>
  <c r="A71592" i="1" s="1"/>
  <c r="A71593" i="1" s="1"/>
  <c r="A71594" i="1" s="1"/>
  <c r="A71595" i="1" s="1"/>
  <c r="A71596" i="1" s="1"/>
  <c r="A71597" i="1" s="1"/>
  <c r="A71598" i="1" s="1"/>
  <c r="A71599" i="1" s="1"/>
  <c r="A71600" i="1" s="1"/>
  <c r="A71601" i="1" s="1"/>
  <c r="A71602" i="1" s="1"/>
  <c r="A71603" i="1" s="1"/>
  <c r="A71604" i="1" s="1"/>
  <c r="A71605" i="1" s="1"/>
  <c r="A71606" i="1" s="1"/>
  <c r="A71607" i="1" s="1"/>
  <c r="A71608" i="1" s="1"/>
  <c r="A71609" i="1" s="1"/>
  <c r="A71610" i="1" s="1"/>
  <c r="A71611" i="1" s="1"/>
  <c r="A71612" i="1" s="1"/>
  <c r="A71613" i="1" s="1"/>
  <c r="A71614" i="1" s="1"/>
  <c r="A71615" i="1" s="1"/>
  <c r="A71616" i="1" s="1"/>
  <c r="A71617" i="1" s="1"/>
  <c r="A71618" i="1" s="1"/>
  <c r="A71619" i="1" s="1"/>
  <c r="A71620" i="1" s="1"/>
  <c r="A71621" i="1" s="1"/>
  <c r="A71622" i="1" s="1"/>
  <c r="A71623" i="1" s="1"/>
  <c r="A71624" i="1" s="1"/>
  <c r="A71625" i="1" s="1"/>
  <c r="A71626" i="1" s="1"/>
  <c r="A71627" i="1" s="1"/>
  <c r="A71628" i="1" s="1"/>
  <c r="A71629" i="1" s="1"/>
  <c r="A71630" i="1" s="1"/>
  <c r="A71631" i="1" s="1"/>
  <c r="A71632" i="1" s="1"/>
  <c r="A71633" i="1" s="1"/>
  <c r="A71634" i="1" s="1"/>
  <c r="A71635" i="1" s="1"/>
  <c r="A71636" i="1" s="1"/>
  <c r="A71637" i="1" s="1"/>
  <c r="A71638" i="1" s="1"/>
  <c r="A71639" i="1" s="1"/>
  <c r="A71640" i="1" s="1"/>
  <c r="A71641" i="1" s="1"/>
  <c r="A71642" i="1" s="1"/>
  <c r="A71643" i="1" s="1"/>
  <c r="A71644" i="1" s="1"/>
  <c r="A71645" i="1" s="1"/>
  <c r="A71646" i="1" s="1"/>
  <c r="A71647" i="1" s="1"/>
  <c r="A71648" i="1" s="1"/>
  <c r="A71649" i="1" s="1"/>
  <c r="A71650" i="1" s="1"/>
  <c r="A71651" i="1" s="1"/>
  <c r="A71652" i="1" s="1"/>
  <c r="A71653" i="1" s="1"/>
  <c r="A71654" i="1" s="1"/>
  <c r="A71655" i="1" s="1"/>
  <c r="A71656" i="1" s="1"/>
  <c r="A71657" i="1" s="1"/>
  <c r="A71658" i="1" s="1"/>
  <c r="A71659" i="1" s="1"/>
  <c r="A71660" i="1" s="1"/>
  <c r="A71661" i="1" s="1"/>
  <c r="A71662" i="1" s="1"/>
  <c r="A71663" i="1" s="1"/>
  <c r="A71664" i="1" s="1"/>
  <c r="A71665" i="1" s="1"/>
  <c r="A71666" i="1" s="1"/>
  <c r="A71667" i="1" s="1"/>
  <c r="A71668" i="1" s="1"/>
  <c r="A71669" i="1" s="1"/>
  <c r="A71670" i="1" s="1"/>
  <c r="A71671" i="1" s="1"/>
  <c r="A71672" i="1" s="1"/>
  <c r="A71673" i="1" s="1"/>
  <c r="A71674" i="1" s="1"/>
  <c r="A71675" i="1" s="1"/>
  <c r="A71676" i="1" s="1"/>
  <c r="A71677" i="1" s="1"/>
  <c r="A71678" i="1" s="1"/>
  <c r="A71679" i="1" s="1"/>
  <c r="A71680" i="1" s="1"/>
  <c r="A71681" i="1" s="1"/>
  <c r="A71682" i="1" s="1"/>
  <c r="A71683" i="1" s="1"/>
  <c r="A71684" i="1" s="1"/>
  <c r="A71685" i="1" s="1"/>
  <c r="A71686" i="1" s="1"/>
  <c r="A71687" i="1" s="1"/>
  <c r="A71688" i="1" s="1"/>
  <c r="A71689" i="1" s="1"/>
  <c r="A71690" i="1" s="1"/>
  <c r="A71691" i="1" s="1"/>
  <c r="A71692" i="1" s="1"/>
  <c r="A71693" i="1" s="1"/>
  <c r="A71694" i="1" s="1"/>
  <c r="A71695" i="1" s="1"/>
  <c r="A71696" i="1" s="1"/>
  <c r="A71697" i="1" s="1"/>
  <c r="A71698" i="1" s="1"/>
  <c r="A71699" i="1" s="1"/>
  <c r="A71700" i="1" s="1"/>
  <c r="A71701" i="1" s="1"/>
  <c r="A71702" i="1" s="1"/>
  <c r="A71703" i="1" s="1"/>
  <c r="A71704" i="1" s="1"/>
  <c r="A71705" i="1" s="1"/>
  <c r="A71706" i="1" s="1"/>
  <c r="A71707" i="1" s="1"/>
  <c r="A71708" i="1" s="1"/>
  <c r="A71709" i="1" s="1"/>
  <c r="A71710" i="1" s="1"/>
  <c r="A71711" i="1" s="1"/>
  <c r="A71712" i="1" s="1"/>
  <c r="A71713" i="1" s="1"/>
  <c r="A71714" i="1" s="1"/>
  <c r="A71715" i="1" s="1"/>
  <c r="A71716" i="1" s="1"/>
  <c r="A71717" i="1" s="1"/>
  <c r="A71718" i="1" s="1"/>
  <c r="A71719" i="1" s="1"/>
  <c r="A71720" i="1" s="1"/>
  <c r="A71721" i="1" s="1"/>
  <c r="A71722" i="1" s="1"/>
  <c r="A71723" i="1" s="1"/>
  <c r="A71724" i="1" s="1"/>
  <c r="A71725" i="1" s="1"/>
  <c r="A71726" i="1" s="1"/>
  <c r="A71727" i="1" s="1"/>
  <c r="A71728" i="1" s="1"/>
  <c r="A71729" i="1" s="1"/>
  <c r="A71730" i="1" s="1"/>
  <c r="A71731" i="1" s="1"/>
  <c r="A71732" i="1" s="1"/>
  <c r="A71733" i="1" s="1"/>
  <c r="A71734" i="1" s="1"/>
  <c r="A71735" i="1" s="1"/>
  <c r="A71736" i="1" s="1"/>
  <c r="A71737" i="1" s="1"/>
  <c r="A71738" i="1" s="1"/>
  <c r="A71739" i="1" s="1"/>
  <c r="A71740" i="1" s="1"/>
  <c r="A71741" i="1" s="1"/>
  <c r="A71742" i="1" s="1"/>
  <c r="A71743" i="1" s="1"/>
  <c r="A71744" i="1" s="1"/>
  <c r="A71745" i="1" s="1"/>
  <c r="A71746" i="1" s="1"/>
  <c r="A71747" i="1" s="1"/>
  <c r="A71748" i="1" s="1"/>
  <c r="A71749" i="1" s="1"/>
  <c r="A71750" i="1" s="1"/>
  <c r="A71751" i="1" s="1"/>
  <c r="A71752" i="1" s="1"/>
  <c r="A71753" i="1" s="1"/>
  <c r="A71754" i="1" s="1"/>
  <c r="A71755" i="1" s="1"/>
  <c r="A71756" i="1" s="1"/>
  <c r="A71757" i="1" s="1"/>
  <c r="A71758" i="1" s="1"/>
  <c r="A71759" i="1" s="1"/>
  <c r="A71760" i="1" s="1"/>
  <c r="A71761" i="1" s="1"/>
  <c r="A71762" i="1" s="1"/>
  <c r="A71763" i="1" s="1"/>
  <c r="A71764" i="1" s="1"/>
  <c r="A71765" i="1" s="1"/>
  <c r="A71766" i="1" s="1"/>
  <c r="A71767" i="1" s="1"/>
  <c r="A71768" i="1" s="1"/>
  <c r="A71769" i="1" s="1"/>
  <c r="A71770" i="1" s="1"/>
  <c r="A71771" i="1" s="1"/>
  <c r="A71772" i="1" s="1"/>
  <c r="A71773" i="1" s="1"/>
  <c r="A71774" i="1" s="1"/>
  <c r="A71775" i="1" s="1"/>
  <c r="A71776" i="1" s="1"/>
  <c r="A71777" i="1" s="1"/>
  <c r="A71778" i="1" s="1"/>
  <c r="A71779" i="1" s="1"/>
  <c r="A71780" i="1" s="1"/>
  <c r="A71781" i="1" s="1"/>
  <c r="A71782" i="1" s="1"/>
  <c r="A71783" i="1" s="1"/>
  <c r="A71784" i="1" s="1"/>
  <c r="A71785" i="1" s="1"/>
  <c r="A71786" i="1" s="1"/>
  <c r="A71787" i="1" s="1"/>
  <c r="A71788" i="1" s="1"/>
  <c r="A71789" i="1" s="1"/>
  <c r="A71790" i="1" s="1"/>
  <c r="A71791" i="1" s="1"/>
  <c r="A71792" i="1" s="1"/>
  <c r="A71793" i="1" s="1"/>
  <c r="A71794" i="1" s="1"/>
  <c r="A71795" i="1" s="1"/>
  <c r="A71796" i="1" s="1"/>
  <c r="A71797" i="1" s="1"/>
  <c r="A71798" i="1" s="1"/>
  <c r="A71799" i="1" s="1"/>
  <c r="A71800" i="1" s="1"/>
  <c r="A71801" i="1" s="1"/>
  <c r="A71802" i="1" s="1"/>
  <c r="A71803" i="1" s="1"/>
  <c r="A71804" i="1" s="1"/>
  <c r="A71805" i="1" s="1"/>
  <c r="A71806" i="1" s="1"/>
  <c r="A71807" i="1" s="1"/>
  <c r="A71808" i="1" s="1"/>
  <c r="A71809" i="1" s="1"/>
  <c r="A71810" i="1" s="1"/>
  <c r="A71811" i="1" s="1"/>
  <c r="A71812" i="1" s="1"/>
  <c r="A71813" i="1" s="1"/>
  <c r="A71814" i="1" s="1"/>
  <c r="A71815" i="1" s="1"/>
  <c r="A71816" i="1" s="1"/>
  <c r="A71817" i="1" s="1"/>
  <c r="A71818" i="1" s="1"/>
  <c r="A71819" i="1" s="1"/>
  <c r="A71820" i="1" s="1"/>
  <c r="A71821" i="1" s="1"/>
  <c r="A71822" i="1" s="1"/>
  <c r="A71823" i="1" s="1"/>
  <c r="A71824" i="1" s="1"/>
  <c r="A71825" i="1" s="1"/>
  <c r="A71826" i="1" s="1"/>
  <c r="A71827" i="1" s="1"/>
  <c r="A71828" i="1" s="1"/>
  <c r="A71829" i="1" s="1"/>
  <c r="A71830" i="1" s="1"/>
  <c r="A71831" i="1" s="1"/>
  <c r="A71832" i="1" s="1"/>
  <c r="A71833" i="1" s="1"/>
  <c r="A71834" i="1" s="1"/>
  <c r="A71835" i="1" s="1"/>
  <c r="A71836" i="1" s="1"/>
  <c r="A71837" i="1" s="1"/>
  <c r="A71838" i="1" s="1"/>
  <c r="A71839" i="1" s="1"/>
  <c r="A71840" i="1" s="1"/>
  <c r="A71841" i="1" s="1"/>
  <c r="A71842" i="1" s="1"/>
  <c r="A71843" i="1" s="1"/>
  <c r="A71844" i="1" s="1"/>
  <c r="A71845" i="1" s="1"/>
  <c r="A71846" i="1" s="1"/>
  <c r="A71847" i="1" s="1"/>
  <c r="A71848" i="1" s="1"/>
  <c r="A71849" i="1" s="1"/>
  <c r="A71850" i="1" s="1"/>
  <c r="A71851" i="1" s="1"/>
  <c r="A71852" i="1" s="1"/>
  <c r="A71853" i="1" s="1"/>
  <c r="A71854" i="1" s="1"/>
  <c r="A71855" i="1" s="1"/>
  <c r="A71856" i="1" s="1"/>
  <c r="A71857" i="1" s="1"/>
  <c r="A71858" i="1" s="1"/>
  <c r="A71859" i="1" s="1"/>
  <c r="A71860" i="1" s="1"/>
  <c r="A71861" i="1" s="1"/>
  <c r="A71862" i="1" s="1"/>
  <c r="A71863" i="1" s="1"/>
  <c r="A71864" i="1" s="1"/>
  <c r="A71865" i="1" s="1"/>
  <c r="A71866" i="1" s="1"/>
  <c r="A71867" i="1" s="1"/>
  <c r="A71868" i="1" s="1"/>
  <c r="A71869" i="1" s="1"/>
  <c r="A71870" i="1" s="1"/>
  <c r="A71871" i="1" s="1"/>
  <c r="A71872" i="1" s="1"/>
  <c r="A71873" i="1" s="1"/>
  <c r="A71874" i="1" s="1"/>
  <c r="A71875" i="1" s="1"/>
  <c r="A71876" i="1" s="1"/>
  <c r="A71877" i="1" s="1"/>
  <c r="A71878" i="1" s="1"/>
  <c r="A71879" i="1" s="1"/>
  <c r="A71880" i="1" s="1"/>
  <c r="A71881" i="1" s="1"/>
  <c r="A71882" i="1" s="1"/>
  <c r="A71883" i="1" s="1"/>
  <c r="A71884" i="1" s="1"/>
  <c r="A71885" i="1" s="1"/>
  <c r="A71886" i="1" s="1"/>
  <c r="A71887" i="1" s="1"/>
  <c r="A71888" i="1" s="1"/>
  <c r="A71889" i="1" s="1"/>
  <c r="A71890" i="1" s="1"/>
  <c r="A71891" i="1" s="1"/>
  <c r="A71892" i="1" s="1"/>
  <c r="A71893" i="1" s="1"/>
  <c r="A71894" i="1" s="1"/>
  <c r="A71895" i="1" s="1"/>
  <c r="A71896" i="1" s="1"/>
  <c r="A71897" i="1" s="1"/>
  <c r="A71898" i="1" s="1"/>
  <c r="A71899" i="1" s="1"/>
  <c r="A71900" i="1" s="1"/>
  <c r="A71901" i="1" s="1"/>
  <c r="A71902" i="1" s="1"/>
  <c r="A71903" i="1" s="1"/>
  <c r="A71904" i="1" s="1"/>
  <c r="A71905" i="1" s="1"/>
  <c r="A71906" i="1" s="1"/>
  <c r="A71907" i="1" s="1"/>
  <c r="A71908" i="1" s="1"/>
  <c r="A71909" i="1" s="1"/>
  <c r="A71910" i="1" s="1"/>
  <c r="A71911" i="1" s="1"/>
  <c r="A71912" i="1" s="1"/>
  <c r="A71913" i="1" s="1"/>
  <c r="A71914" i="1" s="1"/>
  <c r="A71915" i="1" s="1"/>
  <c r="A71916" i="1" s="1"/>
  <c r="A71917" i="1" s="1"/>
  <c r="A71918" i="1" s="1"/>
  <c r="A71919" i="1" s="1"/>
  <c r="A71920" i="1" s="1"/>
  <c r="A71921" i="1" s="1"/>
  <c r="A71922" i="1" s="1"/>
  <c r="A71923" i="1" s="1"/>
  <c r="A71924" i="1" s="1"/>
  <c r="A71925" i="1" s="1"/>
  <c r="A71926" i="1" s="1"/>
  <c r="A71927" i="1" s="1"/>
  <c r="A71928" i="1" s="1"/>
  <c r="A71929" i="1" s="1"/>
  <c r="A71930" i="1" s="1"/>
  <c r="A71931" i="1" s="1"/>
  <c r="A71932" i="1" s="1"/>
  <c r="A71933" i="1" s="1"/>
  <c r="A71934" i="1" s="1"/>
  <c r="A71935" i="1" s="1"/>
  <c r="A71936" i="1" s="1"/>
  <c r="A71937" i="1" s="1"/>
  <c r="A71938" i="1" s="1"/>
  <c r="A71939" i="1" s="1"/>
  <c r="A71940" i="1" s="1"/>
  <c r="A71941" i="1" s="1"/>
  <c r="A71942" i="1" s="1"/>
  <c r="A71943" i="1" s="1"/>
  <c r="A71944" i="1" s="1"/>
  <c r="A71945" i="1" s="1"/>
  <c r="A71946" i="1" s="1"/>
  <c r="A71947" i="1" s="1"/>
  <c r="A71948" i="1" s="1"/>
  <c r="A71949" i="1" s="1"/>
  <c r="A71950" i="1" s="1"/>
  <c r="A71951" i="1" s="1"/>
  <c r="A71952" i="1" s="1"/>
  <c r="A71953" i="1" s="1"/>
  <c r="A71954" i="1" s="1"/>
  <c r="A71955" i="1" s="1"/>
  <c r="A71956" i="1" s="1"/>
  <c r="A71957" i="1" s="1"/>
  <c r="A71958" i="1" s="1"/>
  <c r="A71959" i="1" s="1"/>
  <c r="A71960" i="1" s="1"/>
  <c r="A71961" i="1" s="1"/>
  <c r="A71962" i="1" s="1"/>
  <c r="A71963" i="1" s="1"/>
  <c r="A71964" i="1" s="1"/>
  <c r="A71965" i="1" s="1"/>
  <c r="A71966" i="1" s="1"/>
  <c r="A71967" i="1" s="1"/>
  <c r="A71968" i="1" s="1"/>
  <c r="A71969" i="1" s="1"/>
  <c r="A71970" i="1" s="1"/>
  <c r="A71971" i="1" s="1"/>
  <c r="A71972" i="1" s="1"/>
  <c r="A71973" i="1" s="1"/>
  <c r="A71974" i="1" s="1"/>
  <c r="A71975" i="1" s="1"/>
  <c r="A71976" i="1" s="1"/>
  <c r="A71977" i="1" s="1"/>
  <c r="A71978" i="1" s="1"/>
  <c r="A71979" i="1" s="1"/>
  <c r="A71980" i="1" s="1"/>
  <c r="A71981" i="1" s="1"/>
  <c r="A71982" i="1" s="1"/>
  <c r="A71983" i="1" s="1"/>
  <c r="A71984" i="1" s="1"/>
  <c r="A71985" i="1" s="1"/>
  <c r="A71986" i="1" s="1"/>
  <c r="A71987" i="1" s="1"/>
  <c r="A71988" i="1" s="1"/>
  <c r="A71989" i="1" s="1"/>
  <c r="A71990" i="1" s="1"/>
  <c r="A71991" i="1" s="1"/>
  <c r="A71992" i="1" s="1"/>
  <c r="A71993" i="1" s="1"/>
  <c r="A71994" i="1" s="1"/>
  <c r="A71995" i="1" s="1"/>
  <c r="A71996" i="1" s="1"/>
  <c r="A71997" i="1" s="1"/>
  <c r="A71998" i="1" s="1"/>
  <c r="A71999" i="1" s="1"/>
  <c r="A72000" i="1" s="1"/>
  <c r="A72001" i="1" s="1"/>
  <c r="A72002" i="1" s="1"/>
  <c r="A72003" i="1" s="1"/>
  <c r="A72004" i="1" s="1"/>
  <c r="A72005" i="1" s="1"/>
  <c r="A72006" i="1" s="1"/>
  <c r="A72007" i="1" s="1"/>
  <c r="A72008" i="1" s="1"/>
  <c r="A72009" i="1" s="1"/>
  <c r="A72010" i="1" s="1"/>
  <c r="A72011" i="1" s="1"/>
  <c r="A72012" i="1" s="1"/>
  <c r="A72013" i="1" s="1"/>
  <c r="A72014" i="1" s="1"/>
  <c r="A72015" i="1" s="1"/>
  <c r="A72016" i="1" s="1"/>
  <c r="A72017" i="1" s="1"/>
  <c r="A72018" i="1" s="1"/>
  <c r="A72019" i="1" s="1"/>
  <c r="A72020" i="1" s="1"/>
  <c r="A72021" i="1" s="1"/>
  <c r="A72022" i="1" s="1"/>
  <c r="A72023" i="1" s="1"/>
  <c r="A72024" i="1" s="1"/>
  <c r="A72025" i="1" s="1"/>
  <c r="A72026" i="1" s="1"/>
  <c r="A72027" i="1" s="1"/>
  <c r="A72028" i="1" s="1"/>
  <c r="A72029" i="1" s="1"/>
  <c r="A72030" i="1" s="1"/>
  <c r="A72031" i="1" s="1"/>
  <c r="A72032" i="1" s="1"/>
  <c r="A72033" i="1" s="1"/>
  <c r="A72034" i="1" s="1"/>
  <c r="A72035" i="1" s="1"/>
  <c r="A72036" i="1" s="1"/>
  <c r="A72037" i="1" s="1"/>
  <c r="A72038" i="1" s="1"/>
  <c r="A72039" i="1" s="1"/>
  <c r="A72040" i="1" s="1"/>
  <c r="A72041" i="1" s="1"/>
  <c r="A72042" i="1" s="1"/>
  <c r="A72043" i="1" s="1"/>
  <c r="A72044" i="1" s="1"/>
  <c r="A72045" i="1" s="1"/>
  <c r="A72046" i="1" s="1"/>
  <c r="A72047" i="1" s="1"/>
  <c r="A72048" i="1" s="1"/>
  <c r="A72049" i="1" s="1"/>
  <c r="A72050" i="1" s="1"/>
  <c r="A72051" i="1" s="1"/>
  <c r="A72052" i="1" s="1"/>
  <c r="A72053" i="1" s="1"/>
  <c r="A72054" i="1" s="1"/>
  <c r="A72055" i="1" s="1"/>
  <c r="A72056" i="1" s="1"/>
  <c r="A72057" i="1" s="1"/>
  <c r="A72058" i="1" s="1"/>
  <c r="A72059" i="1" s="1"/>
  <c r="A72060" i="1" s="1"/>
  <c r="A72061" i="1" s="1"/>
  <c r="A72062" i="1" s="1"/>
  <c r="A72063" i="1" s="1"/>
  <c r="A72064" i="1" s="1"/>
  <c r="A72065" i="1" s="1"/>
  <c r="A72066" i="1" s="1"/>
  <c r="A72067" i="1" s="1"/>
  <c r="A72068" i="1" s="1"/>
  <c r="A72069" i="1" s="1"/>
  <c r="A72070" i="1" s="1"/>
  <c r="A72071" i="1" s="1"/>
  <c r="A72072" i="1" s="1"/>
  <c r="A72073" i="1" s="1"/>
  <c r="A72074" i="1" s="1"/>
  <c r="A72075" i="1" s="1"/>
  <c r="A72076" i="1" s="1"/>
  <c r="A72077" i="1" s="1"/>
  <c r="A72078" i="1" s="1"/>
  <c r="A72079" i="1" s="1"/>
  <c r="A72080" i="1" s="1"/>
  <c r="A72081" i="1" s="1"/>
  <c r="A72082" i="1" s="1"/>
  <c r="A72083" i="1" s="1"/>
  <c r="A72084" i="1" s="1"/>
  <c r="A72085" i="1" s="1"/>
  <c r="A72086" i="1" s="1"/>
  <c r="A72087" i="1" s="1"/>
  <c r="A72088" i="1" s="1"/>
  <c r="A72089" i="1" s="1"/>
  <c r="A72090" i="1" s="1"/>
  <c r="A72091" i="1" s="1"/>
  <c r="A72092" i="1" s="1"/>
  <c r="A72093" i="1" s="1"/>
  <c r="A72094" i="1" s="1"/>
  <c r="A72095" i="1" s="1"/>
  <c r="A72096" i="1" s="1"/>
  <c r="A72097" i="1" s="1"/>
  <c r="A72098" i="1" s="1"/>
  <c r="A72099" i="1" s="1"/>
  <c r="A72100" i="1" s="1"/>
  <c r="A72101" i="1" s="1"/>
  <c r="A72102" i="1" s="1"/>
  <c r="A72103" i="1" s="1"/>
  <c r="A72104" i="1" s="1"/>
  <c r="A72105" i="1" s="1"/>
  <c r="A72106" i="1" s="1"/>
  <c r="A72107" i="1" s="1"/>
  <c r="A72108" i="1" s="1"/>
  <c r="A72109" i="1" s="1"/>
  <c r="A72110" i="1" s="1"/>
  <c r="A72111" i="1" s="1"/>
  <c r="A72112" i="1" s="1"/>
  <c r="A72113" i="1" s="1"/>
  <c r="A72114" i="1" s="1"/>
  <c r="A72115" i="1" s="1"/>
  <c r="A72116" i="1" s="1"/>
  <c r="A72117" i="1" s="1"/>
  <c r="A72118" i="1" s="1"/>
  <c r="A72119" i="1" s="1"/>
  <c r="A72120" i="1" s="1"/>
  <c r="A72121" i="1" s="1"/>
  <c r="A72122" i="1" s="1"/>
  <c r="A72123" i="1" s="1"/>
  <c r="A72124" i="1" s="1"/>
  <c r="A72125" i="1" s="1"/>
  <c r="A72126" i="1" s="1"/>
  <c r="A72127" i="1" s="1"/>
  <c r="A72128" i="1" s="1"/>
  <c r="A72129" i="1" s="1"/>
  <c r="A72130" i="1" s="1"/>
  <c r="A72131" i="1" s="1"/>
  <c r="A72132" i="1" s="1"/>
  <c r="A72133" i="1" s="1"/>
  <c r="A72134" i="1" s="1"/>
  <c r="A72135" i="1" s="1"/>
  <c r="A72136" i="1" s="1"/>
  <c r="A72137" i="1" s="1"/>
  <c r="A72138" i="1" s="1"/>
  <c r="A72139" i="1" s="1"/>
  <c r="A72140" i="1" s="1"/>
  <c r="A72141" i="1" s="1"/>
  <c r="A72142" i="1" s="1"/>
  <c r="A72143" i="1" s="1"/>
  <c r="A72144" i="1" s="1"/>
  <c r="A72145" i="1" s="1"/>
  <c r="A72146" i="1" s="1"/>
  <c r="A72147" i="1" s="1"/>
  <c r="A72148" i="1" s="1"/>
  <c r="A72149" i="1" s="1"/>
  <c r="A72150" i="1" s="1"/>
  <c r="A72151" i="1" s="1"/>
  <c r="A72152" i="1" s="1"/>
  <c r="A72153" i="1" s="1"/>
  <c r="A72154" i="1" s="1"/>
  <c r="A72155" i="1" s="1"/>
  <c r="A72156" i="1" s="1"/>
  <c r="A72157" i="1" s="1"/>
  <c r="A72158" i="1" s="1"/>
  <c r="A72159" i="1" s="1"/>
  <c r="A72160" i="1" s="1"/>
  <c r="A72161" i="1" s="1"/>
  <c r="A72162" i="1" s="1"/>
  <c r="A72163" i="1" s="1"/>
  <c r="A72164" i="1" s="1"/>
  <c r="A72165" i="1" s="1"/>
  <c r="A72166" i="1" s="1"/>
  <c r="A72167" i="1" s="1"/>
  <c r="A72168" i="1" s="1"/>
  <c r="A72169" i="1" s="1"/>
  <c r="A72170" i="1" s="1"/>
  <c r="A72171" i="1" s="1"/>
  <c r="A72172" i="1" s="1"/>
  <c r="A72173" i="1" s="1"/>
  <c r="A72174" i="1" s="1"/>
  <c r="A72175" i="1" s="1"/>
  <c r="A72176" i="1" s="1"/>
  <c r="A72177" i="1" s="1"/>
  <c r="A72178" i="1" s="1"/>
  <c r="A72179" i="1" s="1"/>
  <c r="A72180" i="1" s="1"/>
  <c r="A72181" i="1" s="1"/>
  <c r="A72182" i="1" s="1"/>
  <c r="A72183" i="1" s="1"/>
  <c r="A72184" i="1" s="1"/>
  <c r="A72185" i="1" s="1"/>
  <c r="A72186" i="1" s="1"/>
  <c r="A72187" i="1" s="1"/>
  <c r="A72188" i="1" s="1"/>
  <c r="A72189" i="1" s="1"/>
  <c r="A72190" i="1" s="1"/>
  <c r="A72191" i="1" s="1"/>
  <c r="A72192" i="1" s="1"/>
  <c r="A72193" i="1" s="1"/>
  <c r="A72194" i="1" s="1"/>
  <c r="A72195" i="1" s="1"/>
  <c r="A72196" i="1" s="1"/>
  <c r="A72197" i="1" s="1"/>
  <c r="A72198" i="1" s="1"/>
  <c r="A72199" i="1" s="1"/>
  <c r="A72200" i="1" s="1"/>
  <c r="A72201" i="1" s="1"/>
  <c r="A72202" i="1" s="1"/>
  <c r="A72203" i="1" s="1"/>
  <c r="A72204" i="1" s="1"/>
  <c r="A72205" i="1" s="1"/>
  <c r="A72206" i="1" s="1"/>
  <c r="A72207" i="1" s="1"/>
  <c r="A72208" i="1" s="1"/>
  <c r="A72209" i="1" s="1"/>
  <c r="A72210" i="1" s="1"/>
  <c r="A72211" i="1" s="1"/>
  <c r="A72212" i="1" s="1"/>
  <c r="A72213" i="1" s="1"/>
  <c r="A72214" i="1" s="1"/>
  <c r="A72215" i="1" s="1"/>
  <c r="A72216" i="1" s="1"/>
  <c r="A72217" i="1" s="1"/>
  <c r="A72218" i="1" s="1"/>
  <c r="A72219" i="1" s="1"/>
  <c r="A72220" i="1" s="1"/>
  <c r="A72221" i="1" s="1"/>
  <c r="A72222" i="1" s="1"/>
  <c r="A72223" i="1" s="1"/>
  <c r="A72224" i="1" s="1"/>
  <c r="A72225" i="1" s="1"/>
  <c r="A72226" i="1" s="1"/>
  <c r="A72227" i="1" s="1"/>
  <c r="A72228" i="1" s="1"/>
  <c r="A72229" i="1" s="1"/>
  <c r="A72230" i="1" s="1"/>
  <c r="A72231" i="1" s="1"/>
  <c r="A72232" i="1" s="1"/>
  <c r="A72233" i="1" s="1"/>
  <c r="A72234" i="1" s="1"/>
  <c r="A72235" i="1" s="1"/>
  <c r="A72236" i="1" s="1"/>
  <c r="A72237" i="1" s="1"/>
  <c r="A72238" i="1" s="1"/>
  <c r="A72239" i="1" s="1"/>
  <c r="A72240" i="1" s="1"/>
  <c r="A72241" i="1" s="1"/>
  <c r="A72242" i="1" s="1"/>
  <c r="A72243" i="1" s="1"/>
  <c r="A72244" i="1" s="1"/>
  <c r="A72245" i="1" s="1"/>
  <c r="A72246" i="1" s="1"/>
  <c r="A72247" i="1" s="1"/>
  <c r="A72248" i="1" s="1"/>
  <c r="A72249" i="1" s="1"/>
  <c r="A72250" i="1" s="1"/>
  <c r="A72251" i="1" s="1"/>
  <c r="A72252" i="1" s="1"/>
  <c r="A72253" i="1" s="1"/>
  <c r="A72254" i="1" s="1"/>
  <c r="A72255" i="1" s="1"/>
  <c r="A72256" i="1" s="1"/>
  <c r="A72257" i="1" s="1"/>
  <c r="A72258" i="1" s="1"/>
  <c r="A72259" i="1" s="1"/>
  <c r="A72260" i="1" s="1"/>
  <c r="A72261" i="1" s="1"/>
  <c r="A72262" i="1" s="1"/>
  <c r="A72263" i="1" s="1"/>
  <c r="A72264" i="1" s="1"/>
  <c r="A72265" i="1" s="1"/>
  <c r="A72266" i="1" s="1"/>
  <c r="A72267" i="1" s="1"/>
  <c r="A72268" i="1" s="1"/>
  <c r="A72269" i="1" s="1"/>
  <c r="A72270" i="1" s="1"/>
  <c r="A72271" i="1" s="1"/>
  <c r="A72272" i="1" s="1"/>
  <c r="A72273" i="1" s="1"/>
  <c r="A72274" i="1" s="1"/>
  <c r="A72275" i="1" s="1"/>
  <c r="A72276" i="1" s="1"/>
  <c r="A72277" i="1" s="1"/>
  <c r="A72278" i="1" s="1"/>
  <c r="A72279" i="1" s="1"/>
  <c r="A72280" i="1" s="1"/>
  <c r="A72281" i="1" s="1"/>
  <c r="A72282" i="1" s="1"/>
  <c r="A72283" i="1" s="1"/>
  <c r="A72284" i="1" s="1"/>
  <c r="A72285" i="1" s="1"/>
  <c r="A72286" i="1" s="1"/>
  <c r="A72287" i="1" s="1"/>
  <c r="A72288" i="1" s="1"/>
  <c r="A72289" i="1" s="1"/>
  <c r="A72290" i="1" s="1"/>
  <c r="A72291" i="1" s="1"/>
  <c r="A72292" i="1" s="1"/>
  <c r="A72293" i="1" s="1"/>
  <c r="A72294" i="1" s="1"/>
  <c r="A72295" i="1" s="1"/>
  <c r="A72296" i="1" s="1"/>
  <c r="A72297" i="1" s="1"/>
  <c r="A72298" i="1" s="1"/>
  <c r="A72299" i="1" s="1"/>
  <c r="A72300" i="1" s="1"/>
  <c r="A72301" i="1" s="1"/>
  <c r="A72302" i="1" s="1"/>
  <c r="A72303" i="1" s="1"/>
  <c r="A72304" i="1" s="1"/>
  <c r="A72305" i="1" s="1"/>
  <c r="A72306" i="1" s="1"/>
  <c r="A72307" i="1" s="1"/>
  <c r="A72308" i="1" s="1"/>
  <c r="A72309" i="1" s="1"/>
  <c r="A72310" i="1" s="1"/>
  <c r="A72311" i="1" s="1"/>
  <c r="A72312" i="1" s="1"/>
  <c r="A72313" i="1" s="1"/>
  <c r="A72314" i="1" s="1"/>
  <c r="A72315" i="1" s="1"/>
  <c r="A72316" i="1" s="1"/>
  <c r="A72317" i="1" s="1"/>
  <c r="A72318" i="1" s="1"/>
  <c r="A72319" i="1" s="1"/>
  <c r="A72320" i="1" s="1"/>
  <c r="A72321" i="1" s="1"/>
  <c r="A72322" i="1" s="1"/>
  <c r="A72323" i="1" s="1"/>
  <c r="A72324" i="1" s="1"/>
  <c r="A72325" i="1" s="1"/>
  <c r="A72326" i="1" s="1"/>
  <c r="A72327" i="1" s="1"/>
  <c r="A72328" i="1" s="1"/>
  <c r="A72329" i="1" s="1"/>
  <c r="A72330" i="1" s="1"/>
  <c r="A72331" i="1" s="1"/>
  <c r="A72332" i="1" s="1"/>
  <c r="A72333" i="1" s="1"/>
  <c r="A72334" i="1" s="1"/>
  <c r="A72335" i="1" s="1"/>
  <c r="A72336" i="1" s="1"/>
  <c r="A72337" i="1" s="1"/>
  <c r="A72338" i="1" s="1"/>
  <c r="A72339" i="1" s="1"/>
  <c r="A72340" i="1" s="1"/>
  <c r="A72341" i="1" s="1"/>
  <c r="A72342" i="1" s="1"/>
  <c r="A72343" i="1" s="1"/>
  <c r="A72344" i="1" s="1"/>
  <c r="A72345" i="1" s="1"/>
  <c r="A72346" i="1" s="1"/>
  <c r="A72347" i="1" s="1"/>
  <c r="A72348" i="1" s="1"/>
  <c r="A72349" i="1" s="1"/>
  <c r="A72350" i="1" s="1"/>
  <c r="A72351" i="1" s="1"/>
  <c r="A72352" i="1" s="1"/>
  <c r="A72353" i="1" s="1"/>
  <c r="A72354" i="1" s="1"/>
  <c r="A72355" i="1" s="1"/>
  <c r="A72356" i="1" s="1"/>
  <c r="A72357" i="1" s="1"/>
  <c r="A72358" i="1" s="1"/>
  <c r="A72359" i="1" s="1"/>
  <c r="A72360" i="1" s="1"/>
  <c r="A72361" i="1" s="1"/>
  <c r="A72362" i="1" s="1"/>
  <c r="A72363" i="1" s="1"/>
  <c r="A72364" i="1" s="1"/>
  <c r="A72365" i="1" s="1"/>
  <c r="A72366" i="1" s="1"/>
  <c r="A72367" i="1" s="1"/>
  <c r="A72368" i="1" s="1"/>
  <c r="A72369" i="1" s="1"/>
  <c r="A72370" i="1" s="1"/>
  <c r="A72371" i="1" s="1"/>
  <c r="A72372" i="1" s="1"/>
  <c r="A72373" i="1" s="1"/>
  <c r="A72374" i="1" s="1"/>
  <c r="A72375" i="1" s="1"/>
  <c r="A72376" i="1" s="1"/>
  <c r="A72377" i="1" s="1"/>
  <c r="A72378" i="1" s="1"/>
  <c r="A72379" i="1" s="1"/>
  <c r="A72380" i="1" s="1"/>
  <c r="A72381" i="1" s="1"/>
  <c r="A72382" i="1" s="1"/>
  <c r="A72383" i="1" s="1"/>
  <c r="A72384" i="1" s="1"/>
  <c r="A72385" i="1" s="1"/>
  <c r="A72386" i="1" s="1"/>
  <c r="A72387" i="1" s="1"/>
  <c r="A72388" i="1" s="1"/>
  <c r="A72389" i="1" s="1"/>
  <c r="A72390" i="1" s="1"/>
  <c r="A72391" i="1" s="1"/>
  <c r="A72392" i="1" s="1"/>
  <c r="A72393" i="1" s="1"/>
  <c r="A72394" i="1" s="1"/>
  <c r="A72395" i="1" s="1"/>
  <c r="A72396" i="1" s="1"/>
  <c r="A72397" i="1" s="1"/>
  <c r="A72398" i="1" s="1"/>
  <c r="A72399" i="1" s="1"/>
  <c r="A72400" i="1" s="1"/>
  <c r="A72401" i="1" s="1"/>
  <c r="A72402" i="1" s="1"/>
  <c r="A72403" i="1" s="1"/>
  <c r="A72404" i="1" s="1"/>
  <c r="A72405" i="1" s="1"/>
  <c r="A72406" i="1" s="1"/>
  <c r="A72407" i="1" s="1"/>
  <c r="A72408" i="1" s="1"/>
  <c r="A72409" i="1" s="1"/>
  <c r="A72410" i="1" s="1"/>
  <c r="A72411" i="1" s="1"/>
  <c r="A72412" i="1" s="1"/>
  <c r="A72413" i="1" s="1"/>
  <c r="A72414" i="1" s="1"/>
  <c r="A72415" i="1" s="1"/>
  <c r="A72416" i="1" s="1"/>
  <c r="A72417" i="1" s="1"/>
  <c r="A72418" i="1" s="1"/>
  <c r="A72419" i="1" s="1"/>
  <c r="A72420" i="1" s="1"/>
  <c r="A72421" i="1" s="1"/>
  <c r="A72422" i="1" s="1"/>
  <c r="A72423" i="1" s="1"/>
  <c r="A72424" i="1" s="1"/>
  <c r="A72425" i="1" s="1"/>
  <c r="A72426" i="1" s="1"/>
  <c r="A72427" i="1" s="1"/>
  <c r="A72428" i="1" s="1"/>
  <c r="A72429" i="1" s="1"/>
  <c r="A72430" i="1" s="1"/>
  <c r="A72431" i="1" s="1"/>
  <c r="A72432" i="1" s="1"/>
  <c r="A72433" i="1" s="1"/>
  <c r="A72434" i="1" s="1"/>
  <c r="A72435" i="1" s="1"/>
  <c r="A72436" i="1" s="1"/>
  <c r="A72437" i="1" s="1"/>
  <c r="A72438" i="1" s="1"/>
  <c r="A72439" i="1" s="1"/>
  <c r="A72440" i="1" s="1"/>
  <c r="A72441" i="1" s="1"/>
  <c r="A72442" i="1" s="1"/>
  <c r="A72443" i="1" s="1"/>
  <c r="A72444" i="1" s="1"/>
  <c r="A72445" i="1" s="1"/>
  <c r="A72446" i="1" s="1"/>
  <c r="A72447" i="1" s="1"/>
  <c r="A72448" i="1" s="1"/>
  <c r="A72449" i="1" s="1"/>
  <c r="A72450" i="1" s="1"/>
  <c r="A72451" i="1" s="1"/>
  <c r="A72452" i="1" s="1"/>
  <c r="A72453" i="1" s="1"/>
  <c r="A72454" i="1" s="1"/>
  <c r="A72455" i="1" s="1"/>
  <c r="A72456" i="1" s="1"/>
  <c r="A72457" i="1" s="1"/>
  <c r="A72458" i="1" s="1"/>
  <c r="A72459" i="1" s="1"/>
  <c r="A72460" i="1" s="1"/>
  <c r="A72461" i="1" s="1"/>
  <c r="A72462" i="1" s="1"/>
  <c r="A72463" i="1" s="1"/>
  <c r="A72464" i="1" s="1"/>
  <c r="A72465" i="1" s="1"/>
  <c r="A72466" i="1" s="1"/>
  <c r="A72467" i="1" s="1"/>
  <c r="A72468" i="1" s="1"/>
  <c r="A72469" i="1" s="1"/>
  <c r="A72470" i="1" s="1"/>
  <c r="A72471" i="1" s="1"/>
  <c r="A72472" i="1" s="1"/>
  <c r="A72473" i="1" s="1"/>
  <c r="A72474" i="1" s="1"/>
  <c r="A72475" i="1" s="1"/>
  <c r="A72476" i="1" s="1"/>
  <c r="A72477" i="1" s="1"/>
  <c r="A72478" i="1" s="1"/>
  <c r="A72479" i="1" s="1"/>
  <c r="A72480" i="1" s="1"/>
  <c r="A72481" i="1" s="1"/>
  <c r="A72482" i="1" s="1"/>
  <c r="A72483" i="1" s="1"/>
  <c r="A72484" i="1" s="1"/>
  <c r="A72485" i="1" s="1"/>
  <c r="A72486" i="1" s="1"/>
  <c r="A72487" i="1" s="1"/>
  <c r="A72488" i="1" s="1"/>
  <c r="A72489" i="1" s="1"/>
  <c r="A72490" i="1" s="1"/>
  <c r="A72491" i="1" s="1"/>
  <c r="A72492" i="1" s="1"/>
  <c r="A72493" i="1" s="1"/>
  <c r="A72494" i="1" s="1"/>
  <c r="A72495" i="1" s="1"/>
  <c r="A72496" i="1" s="1"/>
  <c r="A72497" i="1" s="1"/>
  <c r="A72498" i="1" s="1"/>
  <c r="A72499" i="1" s="1"/>
  <c r="A72500" i="1" s="1"/>
  <c r="A72501" i="1" s="1"/>
  <c r="A72502" i="1" s="1"/>
  <c r="A72503" i="1" s="1"/>
  <c r="A72504" i="1" s="1"/>
  <c r="A72505" i="1" s="1"/>
  <c r="A72506" i="1" s="1"/>
  <c r="A72507" i="1" s="1"/>
  <c r="A72508" i="1" s="1"/>
  <c r="A72509" i="1" s="1"/>
  <c r="A72510" i="1" s="1"/>
  <c r="A72511" i="1" s="1"/>
  <c r="A72512" i="1" s="1"/>
  <c r="A72513" i="1" s="1"/>
  <c r="A72514" i="1" s="1"/>
  <c r="A72515" i="1" s="1"/>
  <c r="A72516" i="1" s="1"/>
  <c r="A72517" i="1" s="1"/>
  <c r="A72518" i="1" s="1"/>
  <c r="A72519" i="1" s="1"/>
  <c r="A72520" i="1" s="1"/>
  <c r="A72521" i="1" s="1"/>
  <c r="A72522" i="1" s="1"/>
  <c r="A72523" i="1" s="1"/>
  <c r="A72524" i="1" s="1"/>
  <c r="A72525" i="1" s="1"/>
  <c r="A72526" i="1" s="1"/>
  <c r="A72527" i="1" s="1"/>
  <c r="A72528" i="1" s="1"/>
  <c r="A72529" i="1" s="1"/>
  <c r="A72530" i="1" s="1"/>
  <c r="A72531" i="1" s="1"/>
  <c r="A72532" i="1" s="1"/>
  <c r="A72533" i="1" s="1"/>
  <c r="A72534" i="1" s="1"/>
  <c r="A72535" i="1" s="1"/>
  <c r="A72536" i="1" s="1"/>
  <c r="A72537" i="1" s="1"/>
  <c r="A72538" i="1" s="1"/>
  <c r="A72539" i="1" s="1"/>
  <c r="A72540" i="1" s="1"/>
  <c r="A72541" i="1" s="1"/>
  <c r="A72542" i="1" s="1"/>
  <c r="A72543" i="1" s="1"/>
  <c r="A72544" i="1" s="1"/>
  <c r="A72545" i="1" s="1"/>
  <c r="A72546" i="1" s="1"/>
  <c r="A72547" i="1" s="1"/>
  <c r="A72548" i="1" s="1"/>
  <c r="A72549" i="1" s="1"/>
  <c r="A72550" i="1" s="1"/>
  <c r="A72551" i="1" s="1"/>
  <c r="A72552" i="1" s="1"/>
  <c r="A72553" i="1" s="1"/>
  <c r="A72554" i="1" s="1"/>
  <c r="A72555" i="1" s="1"/>
  <c r="A72556" i="1" s="1"/>
  <c r="A72557" i="1" s="1"/>
  <c r="A72558" i="1" s="1"/>
  <c r="A72559" i="1" s="1"/>
  <c r="A72560" i="1" s="1"/>
  <c r="A72561" i="1" s="1"/>
  <c r="A72562" i="1" s="1"/>
  <c r="A72563" i="1" s="1"/>
  <c r="A72564" i="1" s="1"/>
  <c r="A72565" i="1" s="1"/>
  <c r="A72566" i="1" s="1"/>
  <c r="A72567" i="1" s="1"/>
  <c r="A72568" i="1" s="1"/>
  <c r="A72569" i="1" s="1"/>
  <c r="A72570" i="1" s="1"/>
  <c r="A72571" i="1" s="1"/>
  <c r="A72572" i="1" s="1"/>
  <c r="A72573" i="1" s="1"/>
  <c r="A72574" i="1" s="1"/>
  <c r="A72575" i="1" s="1"/>
  <c r="A72576" i="1" s="1"/>
  <c r="A72577" i="1" s="1"/>
  <c r="A72578" i="1" s="1"/>
  <c r="A72579" i="1" s="1"/>
  <c r="A72580" i="1" s="1"/>
  <c r="A72581" i="1" s="1"/>
  <c r="A72582" i="1" s="1"/>
  <c r="A72583" i="1" s="1"/>
  <c r="A72584" i="1" s="1"/>
  <c r="A72585" i="1" s="1"/>
  <c r="A72586" i="1" s="1"/>
  <c r="A72587" i="1" s="1"/>
  <c r="A72588" i="1" s="1"/>
  <c r="A72589" i="1" s="1"/>
  <c r="A72590" i="1" s="1"/>
  <c r="A72591" i="1" s="1"/>
  <c r="A72592" i="1" s="1"/>
  <c r="A72593" i="1" s="1"/>
  <c r="A72594" i="1" s="1"/>
  <c r="A72595" i="1" s="1"/>
  <c r="A72596" i="1" s="1"/>
  <c r="A72597" i="1" s="1"/>
  <c r="A72598" i="1" s="1"/>
  <c r="A72599" i="1" s="1"/>
  <c r="A72600" i="1" s="1"/>
  <c r="A72601" i="1" s="1"/>
  <c r="A72602" i="1" s="1"/>
  <c r="A72603" i="1" s="1"/>
  <c r="A72604" i="1" s="1"/>
  <c r="A72605" i="1" s="1"/>
  <c r="A72606" i="1" s="1"/>
  <c r="A72607" i="1" s="1"/>
  <c r="A72608" i="1" s="1"/>
  <c r="A72609" i="1" s="1"/>
  <c r="A72610" i="1" s="1"/>
  <c r="A72611" i="1" s="1"/>
  <c r="A72612" i="1" s="1"/>
  <c r="A72613" i="1" s="1"/>
  <c r="A72614" i="1" s="1"/>
  <c r="A72615" i="1" s="1"/>
  <c r="A72616" i="1" s="1"/>
  <c r="A72617" i="1" s="1"/>
  <c r="A72618" i="1" s="1"/>
  <c r="A72619" i="1" s="1"/>
  <c r="A72620" i="1" s="1"/>
  <c r="A72621" i="1" s="1"/>
  <c r="A72622" i="1" s="1"/>
  <c r="A72623" i="1" s="1"/>
  <c r="A72624" i="1" s="1"/>
  <c r="A72625" i="1" s="1"/>
  <c r="A72626" i="1" s="1"/>
  <c r="A72627" i="1" s="1"/>
  <c r="A72628" i="1" s="1"/>
  <c r="A72629" i="1" s="1"/>
  <c r="A72630" i="1" s="1"/>
  <c r="A72631" i="1" s="1"/>
  <c r="A72632" i="1" s="1"/>
  <c r="A72633" i="1" s="1"/>
  <c r="A72634" i="1" s="1"/>
  <c r="A72635" i="1" s="1"/>
  <c r="A72636" i="1" s="1"/>
  <c r="A72637" i="1" s="1"/>
  <c r="A72638" i="1" s="1"/>
  <c r="A72639" i="1" s="1"/>
  <c r="A72640" i="1" s="1"/>
  <c r="A72641" i="1" s="1"/>
  <c r="A72642" i="1" s="1"/>
  <c r="A72643" i="1" s="1"/>
  <c r="A72644" i="1" s="1"/>
  <c r="A72645" i="1" s="1"/>
  <c r="A72646" i="1" s="1"/>
  <c r="A72647" i="1" s="1"/>
  <c r="A72648" i="1" s="1"/>
  <c r="A72649" i="1" s="1"/>
  <c r="A72650" i="1" s="1"/>
  <c r="A72651" i="1" s="1"/>
  <c r="A72652" i="1" s="1"/>
  <c r="A72653" i="1" s="1"/>
  <c r="A72654" i="1" s="1"/>
  <c r="A72655" i="1" s="1"/>
  <c r="A72656" i="1" s="1"/>
  <c r="A72657" i="1" s="1"/>
  <c r="A72658" i="1" s="1"/>
  <c r="A72659" i="1" s="1"/>
  <c r="A72660" i="1" s="1"/>
  <c r="A72661" i="1" s="1"/>
  <c r="A72662" i="1" s="1"/>
  <c r="A72663" i="1" s="1"/>
  <c r="A72664" i="1" s="1"/>
  <c r="A72665" i="1" s="1"/>
  <c r="A72666" i="1" s="1"/>
  <c r="A72667" i="1" s="1"/>
  <c r="A72668" i="1" s="1"/>
  <c r="A72669" i="1" s="1"/>
  <c r="A72670" i="1" s="1"/>
  <c r="A72671" i="1" s="1"/>
  <c r="A72672" i="1" s="1"/>
  <c r="A72673" i="1" s="1"/>
  <c r="A72674" i="1" s="1"/>
  <c r="A72675" i="1" s="1"/>
  <c r="A72676" i="1" s="1"/>
  <c r="A72677" i="1" s="1"/>
  <c r="A72678" i="1" s="1"/>
  <c r="A72679" i="1" s="1"/>
  <c r="A72680" i="1" s="1"/>
  <c r="A72681" i="1" s="1"/>
  <c r="A72682" i="1" s="1"/>
  <c r="A72683" i="1" s="1"/>
  <c r="A72684" i="1" s="1"/>
  <c r="A72685" i="1" s="1"/>
  <c r="A72686" i="1" s="1"/>
  <c r="A72687" i="1" s="1"/>
  <c r="A72688" i="1" s="1"/>
  <c r="A72689" i="1" s="1"/>
  <c r="A72690" i="1" s="1"/>
  <c r="A72691" i="1" s="1"/>
  <c r="A72692" i="1" s="1"/>
  <c r="A72693" i="1" s="1"/>
  <c r="A72694" i="1" s="1"/>
  <c r="A72695" i="1" s="1"/>
  <c r="A72696" i="1" s="1"/>
  <c r="A72697" i="1" s="1"/>
  <c r="A72698" i="1" s="1"/>
  <c r="A72699" i="1" s="1"/>
  <c r="A72700" i="1" s="1"/>
  <c r="A72701" i="1" s="1"/>
  <c r="A72702" i="1" s="1"/>
  <c r="A72703" i="1" s="1"/>
  <c r="A72704" i="1" s="1"/>
  <c r="A72705" i="1" s="1"/>
  <c r="A72706" i="1" s="1"/>
  <c r="A72707" i="1" s="1"/>
  <c r="A72708" i="1" s="1"/>
  <c r="A72709" i="1" s="1"/>
  <c r="A72710" i="1" s="1"/>
  <c r="A72711" i="1" s="1"/>
  <c r="A72712" i="1" s="1"/>
  <c r="A72713" i="1" s="1"/>
  <c r="A72714" i="1" s="1"/>
  <c r="A72715" i="1" s="1"/>
  <c r="A72716" i="1" s="1"/>
  <c r="A72717" i="1" s="1"/>
  <c r="A72718" i="1" s="1"/>
  <c r="A72719" i="1" s="1"/>
  <c r="A72720" i="1" s="1"/>
  <c r="A72721" i="1" s="1"/>
  <c r="A72722" i="1" s="1"/>
  <c r="A72723" i="1" s="1"/>
  <c r="A72724" i="1" s="1"/>
  <c r="A72725" i="1" s="1"/>
  <c r="A72726" i="1" s="1"/>
  <c r="A72727" i="1" s="1"/>
  <c r="A72728" i="1" s="1"/>
  <c r="A72729" i="1" s="1"/>
  <c r="A72730" i="1" s="1"/>
  <c r="A72731" i="1" s="1"/>
  <c r="A72732" i="1" s="1"/>
  <c r="A72733" i="1" s="1"/>
  <c r="A72734" i="1" s="1"/>
  <c r="A72735" i="1" s="1"/>
  <c r="A72736" i="1" s="1"/>
  <c r="A72737" i="1" s="1"/>
  <c r="A72738" i="1" s="1"/>
  <c r="A72739" i="1" s="1"/>
  <c r="A72740" i="1" s="1"/>
  <c r="A72741" i="1" s="1"/>
  <c r="A72742" i="1" s="1"/>
  <c r="A72743" i="1" s="1"/>
  <c r="A72744" i="1" s="1"/>
  <c r="A72745" i="1" s="1"/>
  <c r="A72746" i="1" s="1"/>
  <c r="A72747" i="1" s="1"/>
  <c r="A72748" i="1" s="1"/>
  <c r="A72749" i="1" s="1"/>
  <c r="A72750" i="1" s="1"/>
  <c r="A72751" i="1" s="1"/>
  <c r="A72752" i="1" s="1"/>
  <c r="A72753" i="1" s="1"/>
  <c r="A72754" i="1" s="1"/>
  <c r="A72755" i="1" s="1"/>
  <c r="A72756" i="1" s="1"/>
  <c r="A72757" i="1" s="1"/>
  <c r="A72758" i="1" s="1"/>
  <c r="A72759" i="1" s="1"/>
  <c r="A72760" i="1" s="1"/>
  <c r="A72761" i="1" s="1"/>
  <c r="A72762" i="1" s="1"/>
  <c r="A72763" i="1" s="1"/>
  <c r="A72764" i="1" s="1"/>
  <c r="A72765" i="1" s="1"/>
  <c r="A72766" i="1" s="1"/>
  <c r="A72767" i="1" s="1"/>
  <c r="A72768" i="1" s="1"/>
  <c r="A72769" i="1" s="1"/>
  <c r="A72770" i="1" s="1"/>
  <c r="A72771" i="1" s="1"/>
  <c r="A72772" i="1" s="1"/>
  <c r="A72773" i="1" s="1"/>
  <c r="A72774" i="1" s="1"/>
  <c r="A72775" i="1" s="1"/>
  <c r="A72776" i="1" s="1"/>
  <c r="A72777" i="1" s="1"/>
  <c r="A72778" i="1" s="1"/>
  <c r="A72779" i="1" s="1"/>
  <c r="A72780" i="1" s="1"/>
  <c r="A72781" i="1" s="1"/>
  <c r="A72782" i="1" s="1"/>
  <c r="A72783" i="1" s="1"/>
  <c r="A72784" i="1" s="1"/>
  <c r="A72785" i="1" s="1"/>
  <c r="A72786" i="1" s="1"/>
  <c r="A72787" i="1" s="1"/>
  <c r="A72788" i="1" s="1"/>
  <c r="A72789" i="1" s="1"/>
  <c r="A72790" i="1" s="1"/>
  <c r="A72791" i="1" s="1"/>
  <c r="A72792" i="1" s="1"/>
  <c r="A72793" i="1" s="1"/>
  <c r="A72794" i="1" s="1"/>
  <c r="A72795" i="1" s="1"/>
  <c r="A72796" i="1" s="1"/>
  <c r="A72797" i="1" s="1"/>
  <c r="A72798" i="1" s="1"/>
  <c r="A72799" i="1" s="1"/>
  <c r="A72800" i="1" s="1"/>
  <c r="A72801" i="1" s="1"/>
  <c r="A72802" i="1" s="1"/>
  <c r="A72803" i="1" s="1"/>
  <c r="A72804" i="1" s="1"/>
  <c r="A72805" i="1" s="1"/>
  <c r="A72806" i="1" s="1"/>
  <c r="A72807" i="1" s="1"/>
  <c r="A72808" i="1" s="1"/>
  <c r="A72809" i="1" s="1"/>
  <c r="A72810" i="1" s="1"/>
  <c r="A72811" i="1" s="1"/>
  <c r="A72812" i="1" s="1"/>
  <c r="A72813" i="1" s="1"/>
  <c r="A72814" i="1" s="1"/>
  <c r="A72815" i="1" s="1"/>
  <c r="A72816" i="1" s="1"/>
  <c r="A72817" i="1" s="1"/>
  <c r="A72818" i="1" s="1"/>
  <c r="A72819" i="1" s="1"/>
  <c r="A72820" i="1" s="1"/>
  <c r="A72821" i="1" s="1"/>
  <c r="A72822" i="1" s="1"/>
  <c r="A72823" i="1" s="1"/>
  <c r="A72824" i="1" s="1"/>
  <c r="A72825" i="1" s="1"/>
  <c r="A72826" i="1" s="1"/>
  <c r="A72827" i="1" s="1"/>
  <c r="A72828" i="1" s="1"/>
  <c r="A72829" i="1" s="1"/>
  <c r="A72830" i="1" s="1"/>
  <c r="A72831" i="1" s="1"/>
  <c r="A72832" i="1" s="1"/>
  <c r="A72833" i="1" s="1"/>
  <c r="A72834" i="1" s="1"/>
  <c r="A72835" i="1" s="1"/>
  <c r="A72836" i="1" s="1"/>
  <c r="A72837" i="1" s="1"/>
  <c r="A72838" i="1" s="1"/>
  <c r="A72839" i="1" s="1"/>
  <c r="A72840" i="1" s="1"/>
  <c r="A72841" i="1" s="1"/>
  <c r="A72842" i="1" s="1"/>
  <c r="A72843" i="1" s="1"/>
  <c r="A72844" i="1" s="1"/>
  <c r="A72845" i="1" s="1"/>
  <c r="A72846" i="1" s="1"/>
  <c r="A72847" i="1" s="1"/>
  <c r="A72848" i="1" s="1"/>
  <c r="A72849" i="1" s="1"/>
  <c r="A72850" i="1" s="1"/>
  <c r="A72851" i="1" s="1"/>
  <c r="A72852" i="1" s="1"/>
  <c r="A72853" i="1" s="1"/>
  <c r="A72854" i="1" s="1"/>
  <c r="A72855" i="1" s="1"/>
  <c r="A72856" i="1" s="1"/>
  <c r="A72857" i="1" s="1"/>
  <c r="A72858" i="1" s="1"/>
  <c r="A72859" i="1" s="1"/>
  <c r="A72860" i="1" s="1"/>
  <c r="A72861" i="1" s="1"/>
  <c r="A72862" i="1" s="1"/>
  <c r="A72863" i="1" s="1"/>
  <c r="A72864" i="1" s="1"/>
  <c r="A72865" i="1" s="1"/>
  <c r="A72866" i="1" s="1"/>
  <c r="A72867" i="1" s="1"/>
  <c r="A72868" i="1" s="1"/>
  <c r="A72869" i="1" s="1"/>
  <c r="A72870" i="1" s="1"/>
  <c r="A72871" i="1" s="1"/>
  <c r="A72872" i="1" s="1"/>
  <c r="A72873" i="1" s="1"/>
  <c r="A72874" i="1" s="1"/>
  <c r="A72875" i="1" s="1"/>
  <c r="A72876" i="1" s="1"/>
  <c r="A72877" i="1" s="1"/>
  <c r="A72878" i="1" s="1"/>
  <c r="A72879" i="1" s="1"/>
  <c r="A72880" i="1" s="1"/>
  <c r="A72881" i="1" s="1"/>
  <c r="A72882" i="1" s="1"/>
  <c r="A72883" i="1" s="1"/>
  <c r="A72884" i="1" s="1"/>
  <c r="A72885" i="1" s="1"/>
  <c r="A72886" i="1" s="1"/>
  <c r="A72887" i="1" s="1"/>
  <c r="A72888" i="1" s="1"/>
  <c r="A72889" i="1" s="1"/>
  <c r="A72890" i="1" s="1"/>
  <c r="A72891" i="1" s="1"/>
  <c r="A72892" i="1" s="1"/>
  <c r="A72893" i="1" s="1"/>
  <c r="A72894" i="1" s="1"/>
  <c r="A72895" i="1" s="1"/>
  <c r="A72896" i="1" s="1"/>
  <c r="A72897" i="1" s="1"/>
  <c r="A72898" i="1" s="1"/>
  <c r="A72899" i="1" s="1"/>
  <c r="A72900" i="1" s="1"/>
  <c r="A72901" i="1" s="1"/>
  <c r="A72902" i="1" s="1"/>
  <c r="A72903" i="1" s="1"/>
  <c r="A72904" i="1" s="1"/>
  <c r="A72905" i="1" s="1"/>
  <c r="A72906" i="1" s="1"/>
  <c r="A72907" i="1" s="1"/>
  <c r="A72908" i="1" s="1"/>
  <c r="A72909" i="1" s="1"/>
  <c r="A72910" i="1" s="1"/>
  <c r="A72911" i="1" s="1"/>
  <c r="A72912" i="1" s="1"/>
  <c r="A72913" i="1" s="1"/>
  <c r="A72914" i="1" s="1"/>
  <c r="A72915" i="1" s="1"/>
  <c r="A72916" i="1" s="1"/>
  <c r="A72917" i="1" s="1"/>
  <c r="A72918" i="1" s="1"/>
  <c r="A72919" i="1" s="1"/>
  <c r="A72920" i="1" s="1"/>
  <c r="A72921" i="1" s="1"/>
  <c r="A72922" i="1" s="1"/>
  <c r="A72923" i="1" s="1"/>
  <c r="A72924" i="1" s="1"/>
  <c r="A72925" i="1" s="1"/>
  <c r="A72926" i="1" s="1"/>
  <c r="A72927" i="1" s="1"/>
  <c r="A72928" i="1" s="1"/>
  <c r="A72929" i="1" s="1"/>
  <c r="A72930" i="1" s="1"/>
  <c r="A72931" i="1" s="1"/>
  <c r="A72932" i="1" s="1"/>
  <c r="A72933" i="1" s="1"/>
  <c r="A72934" i="1" s="1"/>
  <c r="A72935" i="1" s="1"/>
  <c r="A72936" i="1" s="1"/>
  <c r="A72937" i="1" s="1"/>
  <c r="A72938" i="1" s="1"/>
  <c r="A72939" i="1" s="1"/>
  <c r="A72940" i="1" s="1"/>
  <c r="A72941" i="1" s="1"/>
  <c r="A72942" i="1" s="1"/>
  <c r="A72943" i="1" s="1"/>
  <c r="A72944" i="1" s="1"/>
  <c r="A72945" i="1" s="1"/>
  <c r="A72946" i="1" s="1"/>
  <c r="A72947" i="1" s="1"/>
  <c r="A72948" i="1" s="1"/>
  <c r="A72949" i="1" s="1"/>
  <c r="A72950" i="1" s="1"/>
  <c r="A72951" i="1" s="1"/>
  <c r="A72952" i="1" s="1"/>
  <c r="A72953" i="1" s="1"/>
  <c r="A72954" i="1" s="1"/>
  <c r="A72955" i="1" s="1"/>
  <c r="A72956" i="1" s="1"/>
  <c r="A72957" i="1" s="1"/>
  <c r="A72958" i="1" s="1"/>
  <c r="A72959" i="1" s="1"/>
  <c r="A72960" i="1" s="1"/>
  <c r="A72961" i="1" s="1"/>
  <c r="A72962" i="1" s="1"/>
  <c r="A72963" i="1" s="1"/>
  <c r="A72964" i="1" s="1"/>
  <c r="A72965" i="1" s="1"/>
  <c r="A72966" i="1" s="1"/>
  <c r="A72967" i="1" s="1"/>
  <c r="A72968" i="1" s="1"/>
  <c r="A72969" i="1" s="1"/>
  <c r="A72970" i="1" s="1"/>
  <c r="A72971" i="1" s="1"/>
  <c r="A72972" i="1" s="1"/>
  <c r="A72973" i="1" s="1"/>
  <c r="A72974" i="1" s="1"/>
  <c r="A72975" i="1" s="1"/>
  <c r="A72976" i="1" s="1"/>
  <c r="A72977" i="1" s="1"/>
  <c r="A72978" i="1" s="1"/>
  <c r="A72979" i="1" s="1"/>
  <c r="A72980" i="1" s="1"/>
  <c r="A72981" i="1" s="1"/>
  <c r="A72982" i="1" s="1"/>
  <c r="A72983" i="1" s="1"/>
  <c r="A72984" i="1" s="1"/>
  <c r="A72985" i="1" s="1"/>
  <c r="A72986" i="1" s="1"/>
  <c r="A72987" i="1" s="1"/>
  <c r="A72988" i="1" s="1"/>
  <c r="A72989" i="1" s="1"/>
  <c r="A72990" i="1" s="1"/>
  <c r="A72991" i="1" s="1"/>
  <c r="A72992" i="1" s="1"/>
  <c r="A72993" i="1" s="1"/>
  <c r="A72994" i="1" s="1"/>
  <c r="A72995" i="1" s="1"/>
  <c r="A72996" i="1" s="1"/>
  <c r="A72997" i="1" s="1"/>
  <c r="A72998" i="1" s="1"/>
  <c r="A72999" i="1" s="1"/>
  <c r="A73000" i="1" s="1"/>
  <c r="A73001" i="1" s="1"/>
  <c r="A73002" i="1" s="1"/>
  <c r="A73003" i="1" s="1"/>
  <c r="A73004" i="1" s="1"/>
  <c r="A73005" i="1" s="1"/>
  <c r="A73006" i="1" s="1"/>
  <c r="A73007" i="1" s="1"/>
  <c r="A73008" i="1" s="1"/>
  <c r="A73009" i="1" s="1"/>
  <c r="A73010" i="1" s="1"/>
  <c r="A73011" i="1" s="1"/>
  <c r="A73012" i="1" s="1"/>
  <c r="A73013" i="1" s="1"/>
  <c r="A73014" i="1" s="1"/>
  <c r="A73015" i="1" s="1"/>
  <c r="A73016" i="1" s="1"/>
  <c r="A73017" i="1" s="1"/>
  <c r="A73018" i="1" s="1"/>
  <c r="A73019" i="1" s="1"/>
  <c r="A73020" i="1" s="1"/>
  <c r="A73021" i="1" s="1"/>
  <c r="A73022" i="1" s="1"/>
  <c r="A73023" i="1" s="1"/>
  <c r="A73024" i="1" s="1"/>
  <c r="A73025" i="1" s="1"/>
  <c r="A73026" i="1" s="1"/>
  <c r="A73027" i="1" s="1"/>
  <c r="A73028" i="1" s="1"/>
  <c r="A73029" i="1" s="1"/>
  <c r="A73030" i="1" s="1"/>
  <c r="A73031" i="1" s="1"/>
  <c r="A73032" i="1" s="1"/>
  <c r="A73033" i="1" s="1"/>
  <c r="A73034" i="1" s="1"/>
  <c r="A73035" i="1" s="1"/>
  <c r="A73036" i="1" s="1"/>
  <c r="A73037" i="1" s="1"/>
  <c r="A73038" i="1" s="1"/>
  <c r="A73039" i="1" s="1"/>
  <c r="A73040" i="1" s="1"/>
  <c r="A73041" i="1" s="1"/>
  <c r="A73042" i="1" s="1"/>
  <c r="A73043" i="1" s="1"/>
  <c r="A73044" i="1" s="1"/>
  <c r="A73045" i="1" s="1"/>
  <c r="A73046" i="1" s="1"/>
  <c r="A73047" i="1" s="1"/>
  <c r="A73048" i="1" s="1"/>
  <c r="A73049" i="1" s="1"/>
  <c r="A73050" i="1" s="1"/>
  <c r="A73051" i="1" s="1"/>
  <c r="A73052" i="1" s="1"/>
  <c r="A73053" i="1" s="1"/>
  <c r="A73054" i="1" s="1"/>
  <c r="A73055" i="1" s="1"/>
  <c r="A73056" i="1" s="1"/>
  <c r="A73057" i="1" s="1"/>
  <c r="A73058" i="1" s="1"/>
  <c r="A73059" i="1" s="1"/>
  <c r="A73060" i="1" s="1"/>
  <c r="A73061" i="1" s="1"/>
  <c r="A73062" i="1" s="1"/>
  <c r="A73063" i="1" s="1"/>
  <c r="A73064" i="1" s="1"/>
  <c r="A73065" i="1" s="1"/>
  <c r="A73066" i="1" s="1"/>
  <c r="A73067" i="1" s="1"/>
  <c r="A73068" i="1" s="1"/>
  <c r="A73069" i="1" s="1"/>
  <c r="A73070" i="1" s="1"/>
  <c r="A73071" i="1" s="1"/>
  <c r="A73072" i="1" s="1"/>
  <c r="A73073" i="1" s="1"/>
  <c r="A73074" i="1" s="1"/>
  <c r="A73075" i="1" s="1"/>
  <c r="A73076" i="1" s="1"/>
  <c r="A73077" i="1" s="1"/>
  <c r="A73078" i="1" s="1"/>
  <c r="A73079" i="1" s="1"/>
  <c r="A73080" i="1" s="1"/>
  <c r="A73081" i="1" s="1"/>
  <c r="A73082" i="1" s="1"/>
  <c r="A73083" i="1" s="1"/>
  <c r="A73084" i="1" s="1"/>
  <c r="A73085" i="1" s="1"/>
  <c r="A73086" i="1" s="1"/>
  <c r="A73087" i="1" s="1"/>
  <c r="A73088" i="1" s="1"/>
  <c r="A73089" i="1" s="1"/>
  <c r="A73090" i="1" s="1"/>
  <c r="A73091" i="1" s="1"/>
  <c r="A73092" i="1" s="1"/>
  <c r="A73093" i="1" s="1"/>
  <c r="A73094" i="1" s="1"/>
  <c r="A73095" i="1" s="1"/>
  <c r="A73096" i="1" s="1"/>
  <c r="A73097" i="1" s="1"/>
  <c r="A73098" i="1" s="1"/>
  <c r="A73099" i="1" s="1"/>
  <c r="A73100" i="1" s="1"/>
  <c r="A73101" i="1" s="1"/>
  <c r="A73102" i="1" s="1"/>
  <c r="A73103" i="1" s="1"/>
  <c r="A73104" i="1" s="1"/>
  <c r="A73105" i="1" s="1"/>
  <c r="A73106" i="1" s="1"/>
  <c r="A73107" i="1" s="1"/>
  <c r="A73108" i="1" s="1"/>
  <c r="A73109" i="1" s="1"/>
  <c r="A73110" i="1" s="1"/>
  <c r="A73111" i="1" s="1"/>
  <c r="A73112" i="1" s="1"/>
  <c r="A73113" i="1" s="1"/>
  <c r="A73114" i="1" s="1"/>
  <c r="A73115" i="1" s="1"/>
  <c r="A73116" i="1" s="1"/>
  <c r="A73117" i="1" s="1"/>
  <c r="A73118" i="1" s="1"/>
  <c r="A73119" i="1" s="1"/>
  <c r="A73120" i="1" s="1"/>
  <c r="A73121" i="1" s="1"/>
  <c r="A73122" i="1" s="1"/>
  <c r="A73123" i="1" s="1"/>
  <c r="A73124" i="1" s="1"/>
  <c r="A73125" i="1" s="1"/>
  <c r="A73126" i="1" s="1"/>
  <c r="A73127" i="1" s="1"/>
  <c r="A73128" i="1" s="1"/>
  <c r="A73129" i="1" s="1"/>
  <c r="A73130" i="1" s="1"/>
  <c r="A73131" i="1" s="1"/>
  <c r="A73132" i="1" s="1"/>
  <c r="A73133" i="1" s="1"/>
  <c r="A73134" i="1" s="1"/>
  <c r="A73135" i="1" s="1"/>
  <c r="A73136" i="1" s="1"/>
  <c r="A73137" i="1" s="1"/>
  <c r="A73138" i="1" s="1"/>
  <c r="A73139" i="1" s="1"/>
  <c r="A73140" i="1" s="1"/>
  <c r="A73141" i="1" s="1"/>
  <c r="A73142" i="1" s="1"/>
  <c r="A73143" i="1" s="1"/>
  <c r="A73144" i="1" s="1"/>
  <c r="A73145" i="1" s="1"/>
  <c r="A73146" i="1" s="1"/>
  <c r="A73147" i="1" s="1"/>
  <c r="A73148" i="1" s="1"/>
  <c r="A73149" i="1" s="1"/>
  <c r="A73150" i="1" s="1"/>
  <c r="A73151" i="1" s="1"/>
  <c r="A73152" i="1" s="1"/>
  <c r="A73153" i="1" s="1"/>
  <c r="A73154" i="1" s="1"/>
  <c r="A73155" i="1" s="1"/>
  <c r="A73156" i="1" s="1"/>
  <c r="A73157" i="1" s="1"/>
  <c r="A73158" i="1" s="1"/>
  <c r="A73159" i="1" s="1"/>
  <c r="A73160" i="1" s="1"/>
  <c r="A73161" i="1" s="1"/>
  <c r="A73162" i="1" s="1"/>
  <c r="A73163" i="1" s="1"/>
  <c r="A73164" i="1" s="1"/>
  <c r="A73165" i="1" s="1"/>
  <c r="A73166" i="1" s="1"/>
  <c r="A73167" i="1" s="1"/>
  <c r="A73168" i="1" s="1"/>
  <c r="A73169" i="1" s="1"/>
  <c r="A73170" i="1" s="1"/>
  <c r="A73171" i="1" s="1"/>
  <c r="A73172" i="1" s="1"/>
  <c r="A73173" i="1" s="1"/>
  <c r="A73174" i="1" s="1"/>
  <c r="A73175" i="1" s="1"/>
  <c r="A73176" i="1" s="1"/>
  <c r="A73177" i="1" s="1"/>
  <c r="A73178" i="1" s="1"/>
  <c r="A73179" i="1" s="1"/>
  <c r="A73180" i="1" s="1"/>
  <c r="A73181" i="1" s="1"/>
  <c r="A73182" i="1" s="1"/>
  <c r="A73183" i="1" s="1"/>
  <c r="A73184" i="1" s="1"/>
  <c r="A73185" i="1" s="1"/>
  <c r="A73186" i="1" s="1"/>
  <c r="A73187" i="1" s="1"/>
  <c r="A73188" i="1" s="1"/>
  <c r="A73189" i="1" s="1"/>
  <c r="A73190" i="1" s="1"/>
  <c r="A73191" i="1" s="1"/>
  <c r="A73192" i="1" s="1"/>
  <c r="A73193" i="1" s="1"/>
  <c r="A73194" i="1" s="1"/>
  <c r="A73195" i="1" s="1"/>
  <c r="A73196" i="1" s="1"/>
  <c r="A73197" i="1" s="1"/>
  <c r="A73198" i="1" s="1"/>
  <c r="A73199" i="1" s="1"/>
  <c r="A73200" i="1" s="1"/>
  <c r="A73201" i="1" s="1"/>
  <c r="A73202" i="1" s="1"/>
  <c r="A73203" i="1" s="1"/>
  <c r="A73204" i="1" s="1"/>
  <c r="A73205" i="1" s="1"/>
  <c r="A73206" i="1" s="1"/>
  <c r="A73207" i="1" s="1"/>
  <c r="A73208" i="1" s="1"/>
  <c r="A73209" i="1" s="1"/>
  <c r="A73210" i="1" s="1"/>
  <c r="A73211" i="1" s="1"/>
  <c r="A73212" i="1" s="1"/>
  <c r="A73213" i="1" s="1"/>
  <c r="A73214" i="1" s="1"/>
  <c r="A73215" i="1" s="1"/>
  <c r="A73216" i="1" s="1"/>
  <c r="A73217" i="1" s="1"/>
  <c r="A73218" i="1" s="1"/>
  <c r="A73219" i="1" s="1"/>
  <c r="A73220" i="1" s="1"/>
  <c r="A73221" i="1" s="1"/>
  <c r="A73222" i="1" s="1"/>
  <c r="A73223" i="1" s="1"/>
  <c r="A73224" i="1" s="1"/>
  <c r="A73225" i="1" s="1"/>
  <c r="A73226" i="1" s="1"/>
  <c r="A73227" i="1" s="1"/>
  <c r="A73228" i="1" s="1"/>
  <c r="A73229" i="1" s="1"/>
  <c r="A73230" i="1" s="1"/>
  <c r="A73231" i="1" s="1"/>
  <c r="A73232" i="1" s="1"/>
  <c r="A73233" i="1" s="1"/>
  <c r="A73234" i="1" s="1"/>
  <c r="A73235" i="1" s="1"/>
  <c r="A73236" i="1" s="1"/>
  <c r="A73237" i="1" s="1"/>
  <c r="A73238" i="1" s="1"/>
  <c r="A73239" i="1" s="1"/>
  <c r="A73240" i="1" s="1"/>
  <c r="A73241" i="1" s="1"/>
  <c r="A73242" i="1" s="1"/>
  <c r="A73243" i="1" s="1"/>
  <c r="A73244" i="1" s="1"/>
  <c r="A73245" i="1" s="1"/>
  <c r="A73246" i="1" s="1"/>
  <c r="A73247" i="1" s="1"/>
  <c r="A73248" i="1" s="1"/>
  <c r="A73249" i="1" s="1"/>
  <c r="A73250" i="1" s="1"/>
  <c r="A73251" i="1" s="1"/>
  <c r="A73252" i="1" s="1"/>
  <c r="A73253" i="1" s="1"/>
  <c r="A73254" i="1" s="1"/>
  <c r="A73255" i="1" s="1"/>
  <c r="A73256" i="1" s="1"/>
  <c r="A73257" i="1" s="1"/>
  <c r="A73258" i="1" s="1"/>
  <c r="A73259" i="1" s="1"/>
  <c r="A73260" i="1" s="1"/>
  <c r="A73261" i="1" s="1"/>
  <c r="A73262" i="1" s="1"/>
  <c r="A73263" i="1" s="1"/>
  <c r="A73264" i="1" s="1"/>
  <c r="A73265" i="1" s="1"/>
  <c r="A73266" i="1" s="1"/>
  <c r="A73267" i="1" s="1"/>
  <c r="A73268" i="1" s="1"/>
  <c r="A73269" i="1" s="1"/>
  <c r="A73270" i="1" s="1"/>
  <c r="A73271" i="1" s="1"/>
  <c r="A73272" i="1" s="1"/>
  <c r="A73273" i="1" s="1"/>
  <c r="A73274" i="1" s="1"/>
  <c r="A73275" i="1" s="1"/>
  <c r="A73276" i="1" s="1"/>
  <c r="A73277" i="1" s="1"/>
  <c r="A73278" i="1" s="1"/>
  <c r="A73279" i="1" s="1"/>
  <c r="A73280" i="1" s="1"/>
  <c r="A73281" i="1" s="1"/>
  <c r="A73282" i="1" s="1"/>
  <c r="A73283" i="1" s="1"/>
  <c r="A73284" i="1" s="1"/>
  <c r="A73285" i="1" s="1"/>
  <c r="A73286" i="1" s="1"/>
  <c r="A73287" i="1" s="1"/>
  <c r="A73288" i="1" s="1"/>
  <c r="A73289" i="1" s="1"/>
  <c r="A73290" i="1" s="1"/>
  <c r="A73291" i="1" s="1"/>
  <c r="A73292" i="1" s="1"/>
  <c r="A73293" i="1" s="1"/>
  <c r="A73294" i="1" s="1"/>
  <c r="A73295" i="1" s="1"/>
  <c r="A73296" i="1" s="1"/>
  <c r="A73297" i="1" s="1"/>
  <c r="A73298" i="1" s="1"/>
  <c r="A73299" i="1" s="1"/>
  <c r="A73300" i="1" s="1"/>
  <c r="A73301" i="1" s="1"/>
  <c r="A73302" i="1" s="1"/>
  <c r="A73303" i="1" s="1"/>
  <c r="A73304" i="1" s="1"/>
  <c r="A73305" i="1" s="1"/>
  <c r="A73306" i="1" s="1"/>
  <c r="A73307" i="1" s="1"/>
  <c r="A73308" i="1" s="1"/>
  <c r="A73309" i="1" s="1"/>
  <c r="A73310" i="1" s="1"/>
  <c r="A73311" i="1" s="1"/>
  <c r="A73312" i="1" s="1"/>
  <c r="A73313" i="1" s="1"/>
  <c r="A73314" i="1" s="1"/>
  <c r="A73315" i="1" s="1"/>
  <c r="A73316" i="1" s="1"/>
  <c r="A73317" i="1" s="1"/>
  <c r="A73318" i="1" s="1"/>
  <c r="A73319" i="1" s="1"/>
  <c r="A73320" i="1" s="1"/>
  <c r="A73321" i="1" s="1"/>
  <c r="A73322" i="1" s="1"/>
  <c r="A73323" i="1" s="1"/>
  <c r="A73324" i="1" s="1"/>
  <c r="A73325" i="1" s="1"/>
  <c r="A73326" i="1" s="1"/>
  <c r="A73327" i="1" s="1"/>
  <c r="A73328" i="1" s="1"/>
  <c r="A73329" i="1" s="1"/>
  <c r="A73330" i="1" s="1"/>
  <c r="A73331" i="1" s="1"/>
  <c r="A73332" i="1" s="1"/>
  <c r="A73333" i="1" s="1"/>
  <c r="A73334" i="1" s="1"/>
  <c r="A73335" i="1" s="1"/>
  <c r="A73336" i="1" s="1"/>
  <c r="A73337" i="1" s="1"/>
  <c r="A73338" i="1" s="1"/>
  <c r="A73339" i="1" s="1"/>
  <c r="A73340" i="1" s="1"/>
  <c r="A73341" i="1" s="1"/>
  <c r="A73342" i="1" s="1"/>
  <c r="A73343" i="1" s="1"/>
  <c r="A73344" i="1" s="1"/>
  <c r="A73345" i="1" s="1"/>
  <c r="A73346" i="1" s="1"/>
  <c r="A73347" i="1" s="1"/>
  <c r="A73348" i="1" s="1"/>
  <c r="A73349" i="1" s="1"/>
  <c r="A73350" i="1" s="1"/>
  <c r="A73351" i="1" s="1"/>
  <c r="A73352" i="1" s="1"/>
  <c r="A73353" i="1" s="1"/>
  <c r="A73354" i="1" s="1"/>
  <c r="A73355" i="1" s="1"/>
  <c r="A73356" i="1" s="1"/>
  <c r="A73357" i="1" s="1"/>
  <c r="A73358" i="1" s="1"/>
  <c r="A73359" i="1" s="1"/>
  <c r="A73360" i="1" s="1"/>
  <c r="A73361" i="1" s="1"/>
  <c r="A73362" i="1" s="1"/>
  <c r="A73363" i="1" s="1"/>
  <c r="A73364" i="1" s="1"/>
  <c r="A73365" i="1" s="1"/>
  <c r="A73366" i="1" s="1"/>
  <c r="A73367" i="1" s="1"/>
  <c r="A73368" i="1" s="1"/>
  <c r="A73369" i="1" s="1"/>
  <c r="A73370" i="1" s="1"/>
  <c r="A73371" i="1" s="1"/>
  <c r="A73372" i="1" s="1"/>
  <c r="A73373" i="1" s="1"/>
  <c r="A73374" i="1" s="1"/>
  <c r="A73375" i="1" s="1"/>
  <c r="A73376" i="1" s="1"/>
  <c r="A73377" i="1" s="1"/>
  <c r="A73378" i="1" s="1"/>
  <c r="A73379" i="1" s="1"/>
  <c r="A73380" i="1" s="1"/>
  <c r="A73381" i="1" s="1"/>
  <c r="A73382" i="1" s="1"/>
  <c r="A73383" i="1" s="1"/>
  <c r="A73384" i="1" s="1"/>
  <c r="A73385" i="1" s="1"/>
  <c r="A73386" i="1" s="1"/>
  <c r="A73387" i="1" s="1"/>
  <c r="A73388" i="1" s="1"/>
  <c r="A73389" i="1" s="1"/>
  <c r="A73390" i="1" s="1"/>
  <c r="A73391" i="1" s="1"/>
  <c r="A73392" i="1" s="1"/>
  <c r="A73393" i="1" s="1"/>
  <c r="A73394" i="1" s="1"/>
  <c r="A73395" i="1" s="1"/>
  <c r="A73396" i="1" s="1"/>
  <c r="A73397" i="1" s="1"/>
  <c r="A73398" i="1" s="1"/>
  <c r="A73399" i="1" s="1"/>
  <c r="A73400" i="1" s="1"/>
  <c r="A73401" i="1" s="1"/>
  <c r="A73402" i="1" s="1"/>
  <c r="A73403" i="1" s="1"/>
  <c r="A73404" i="1" s="1"/>
  <c r="A73405" i="1" s="1"/>
  <c r="A73406" i="1" s="1"/>
  <c r="A73407" i="1" s="1"/>
  <c r="A73408" i="1" s="1"/>
  <c r="A73409" i="1" s="1"/>
  <c r="A73410" i="1" s="1"/>
  <c r="A73411" i="1" s="1"/>
  <c r="A73412" i="1" s="1"/>
  <c r="A73413" i="1" s="1"/>
  <c r="A73414" i="1" s="1"/>
  <c r="A73415" i="1" s="1"/>
  <c r="A73416" i="1" s="1"/>
  <c r="A73417" i="1" s="1"/>
  <c r="A73418" i="1" s="1"/>
  <c r="A73419" i="1" s="1"/>
  <c r="A73420" i="1" s="1"/>
  <c r="A73421" i="1" s="1"/>
  <c r="A73422" i="1" s="1"/>
  <c r="A73423" i="1" s="1"/>
  <c r="A73424" i="1" s="1"/>
  <c r="A73425" i="1" s="1"/>
  <c r="A73426" i="1" s="1"/>
  <c r="A73427" i="1" s="1"/>
  <c r="A73428" i="1" s="1"/>
  <c r="A73429" i="1" s="1"/>
  <c r="A73430" i="1" s="1"/>
  <c r="A73431" i="1" s="1"/>
  <c r="A73432" i="1" s="1"/>
  <c r="A73433" i="1" s="1"/>
  <c r="A73434" i="1" s="1"/>
  <c r="A73435" i="1" s="1"/>
  <c r="A73436" i="1" s="1"/>
  <c r="A73437" i="1" s="1"/>
  <c r="A73438" i="1" s="1"/>
  <c r="A73439" i="1" s="1"/>
  <c r="A73440" i="1" s="1"/>
  <c r="A73441" i="1" s="1"/>
  <c r="A73442" i="1" s="1"/>
  <c r="A73443" i="1" s="1"/>
  <c r="A73444" i="1" s="1"/>
  <c r="A73445" i="1" s="1"/>
  <c r="A73446" i="1" s="1"/>
  <c r="A73447" i="1" s="1"/>
  <c r="A73448" i="1" s="1"/>
  <c r="A73449" i="1" s="1"/>
  <c r="A73450" i="1" s="1"/>
  <c r="A73451" i="1" s="1"/>
  <c r="A73452" i="1" s="1"/>
  <c r="A73453" i="1" s="1"/>
  <c r="A73454" i="1" s="1"/>
  <c r="A73455" i="1" s="1"/>
  <c r="A73456" i="1" s="1"/>
  <c r="A73457" i="1" s="1"/>
  <c r="A73458" i="1" s="1"/>
  <c r="A73459" i="1" s="1"/>
  <c r="A73460" i="1" s="1"/>
  <c r="A73461" i="1" s="1"/>
  <c r="A73462" i="1" s="1"/>
  <c r="A73463" i="1" s="1"/>
  <c r="A73464" i="1" s="1"/>
  <c r="A73465" i="1" s="1"/>
  <c r="A73466" i="1" s="1"/>
  <c r="A73467" i="1" s="1"/>
  <c r="A73468" i="1" s="1"/>
  <c r="A73469" i="1" s="1"/>
  <c r="A73470" i="1" s="1"/>
  <c r="A73471" i="1" s="1"/>
  <c r="A73472" i="1" s="1"/>
  <c r="A73473" i="1" s="1"/>
  <c r="A73474" i="1" s="1"/>
  <c r="A73475" i="1" s="1"/>
  <c r="A73476" i="1" s="1"/>
  <c r="A73477" i="1" s="1"/>
  <c r="A73478" i="1" s="1"/>
  <c r="A73479" i="1" s="1"/>
  <c r="A73480" i="1" s="1"/>
  <c r="A73481" i="1" s="1"/>
  <c r="A73482" i="1" s="1"/>
  <c r="A73483" i="1" s="1"/>
  <c r="A73484" i="1" s="1"/>
  <c r="A73485" i="1" s="1"/>
  <c r="A73486" i="1" s="1"/>
  <c r="A73487" i="1" s="1"/>
  <c r="A73488" i="1" s="1"/>
  <c r="A73489" i="1" s="1"/>
  <c r="A73490" i="1" s="1"/>
  <c r="A73491" i="1" s="1"/>
  <c r="A73492" i="1" s="1"/>
  <c r="A73493" i="1" s="1"/>
  <c r="A73494" i="1" s="1"/>
  <c r="A73495" i="1" s="1"/>
  <c r="A73496" i="1" s="1"/>
  <c r="A73497" i="1" s="1"/>
  <c r="A73498" i="1" s="1"/>
  <c r="A73499" i="1" s="1"/>
  <c r="A73500" i="1" s="1"/>
  <c r="A73501" i="1" s="1"/>
  <c r="A73502" i="1" s="1"/>
  <c r="A73503" i="1" s="1"/>
  <c r="A73504" i="1" s="1"/>
  <c r="A73505" i="1" s="1"/>
  <c r="A73506" i="1" s="1"/>
  <c r="A73507" i="1" s="1"/>
  <c r="A73508" i="1" s="1"/>
  <c r="A73509" i="1" s="1"/>
  <c r="A73510" i="1" s="1"/>
  <c r="A73511" i="1" s="1"/>
  <c r="A73512" i="1" s="1"/>
  <c r="A73513" i="1" s="1"/>
  <c r="A73514" i="1" s="1"/>
  <c r="A73515" i="1" s="1"/>
  <c r="A73516" i="1" s="1"/>
  <c r="A73517" i="1" s="1"/>
  <c r="A73518" i="1" s="1"/>
  <c r="A73519" i="1" s="1"/>
  <c r="A73520" i="1" s="1"/>
  <c r="A73521" i="1" s="1"/>
  <c r="A73522" i="1" s="1"/>
  <c r="A73523" i="1" s="1"/>
  <c r="A73524" i="1" s="1"/>
  <c r="A73525" i="1" s="1"/>
  <c r="A73526" i="1" s="1"/>
  <c r="A73527" i="1" s="1"/>
  <c r="A73528" i="1" s="1"/>
  <c r="A73529" i="1" s="1"/>
  <c r="A73530" i="1" s="1"/>
  <c r="A73531" i="1" s="1"/>
  <c r="A73532" i="1" s="1"/>
  <c r="A73533" i="1" s="1"/>
  <c r="A73534" i="1" s="1"/>
  <c r="A73535" i="1" s="1"/>
  <c r="A73536" i="1" s="1"/>
  <c r="A73537" i="1" s="1"/>
  <c r="A73538" i="1" s="1"/>
  <c r="A73539" i="1" s="1"/>
  <c r="A73540" i="1" s="1"/>
  <c r="A73541" i="1" s="1"/>
  <c r="A73542" i="1" s="1"/>
  <c r="A73543" i="1" s="1"/>
  <c r="A73544" i="1" s="1"/>
  <c r="A73545" i="1" s="1"/>
  <c r="A73546" i="1" s="1"/>
  <c r="A73547" i="1" s="1"/>
  <c r="A73548" i="1" s="1"/>
  <c r="A73549" i="1" s="1"/>
  <c r="A73550" i="1" s="1"/>
  <c r="A73551" i="1" s="1"/>
  <c r="A73552" i="1" s="1"/>
  <c r="A73553" i="1" s="1"/>
  <c r="A73554" i="1" s="1"/>
  <c r="A73555" i="1" s="1"/>
  <c r="A73556" i="1" s="1"/>
  <c r="A73557" i="1" s="1"/>
  <c r="A73558" i="1" s="1"/>
  <c r="A73559" i="1" s="1"/>
  <c r="A73560" i="1" s="1"/>
  <c r="A73561" i="1" s="1"/>
  <c r="A73562" i="1" s="1"/>
  <c r="A73563" i="1" s="1"/>
  <c r="A73564" i="1" s="1"/>
  <c r="A73565" i="1" s="1"/>
  <c r="A73566" i="1" s="1"/>
  <c r="A73567" i="1" s="1"/>
  <c r="A73568" i="1" s="1"/>
  <c r="A73569" i="1" s="1"/>
  <c r="A73570" i="1" s="1"/>
  <c r="A73571" i="1" s="1"/>
  <c r="A73572" i="1" s="1"/>
  <c r="A73573" i="1" s="1"/>
  <c r="A73574" i="1" s="1"/>
  <c r="A73575" i="1" s="1"/>
  <c r="A73576" i="1" s="1"/>
  <c r="A73577" i="1" s="1"/>
  <c r="A73578" i="1" s="1"/>
  <c r="A73579" i="1" s="1"/>
  <c r="A73580" i="1" s="1"/>
  <c r="A73581" i="1" s="1"/>
  <c r="A73582" i="1" s="1"/>
  <c r="A73583" i="1" s="1"/>
  <c r="A73584" i="1" s="1"/>
  <c r="A73585" i="1" s="1"/>
  <c r="A73586" i="1" s="1"/>
  <c r="A73587" i="1" s="1"/>
  <c r="A73588" i="1" s="1"/>
  <c r="A73589" i="1" s="1"/>
  <c r="A73590" i="1" s="1"/>
  <c r="A73591" i="1" s="1"/>
  <c r="A73592" i="1" s="1"/>
  <c r="A73593" i="1" s="1"/>
  <c r="A73594" i="1" s="1"/>
  <c r="A73595" i="1" s="1"/>
  <c r="A73596" i="1" s="1"/>
  <c r="A73597" i="1" s="1"/>
  <c r="A73598" i="1" s="1"/>
  <c r="A73599" i="1" s="1"/>
  <c r="A73600" i="1" s="1"/>
  <c r="A73601" i="1" s="1"/>
  <c r="A73602" i="1" s="1"/>
  <c r="A73603" i="1" s="1"/>
  <c r="A73604" i="1" s="1"/>
  <c r="A73605" i="1" s="1"/>
  <c r="A73606" i="1" s="1"/>
  <c r="A73607" i="1" s="1"/>
  <c r="A73608" i="1" s="1"/>
  <c r="A73609" i="1" s="1"/>
  <c r="A73610" i="1" s="1"/>
  <c r="A73611" i="1" s="1"/>
  <c r="A73612" i="1" s="1"/>
  <c r="A73613" i="1" s="1"/>
  <c r="A73614" i="1" s="1"/>
  <c r="A73615" i="1" s="1"/>
  <c r="A73616" i="1" s="1"/>
  <c r="A73617" i="1" s="1"/>
  <c r="A73618" i="1" s="1"/>
  <c r="A73619" i="1" s="1"/>
  <c r="A73620" i="1" s="1"/>
  <c r="A73621" i="1" s="1"/>
  <c r="A73622" i="1" s="1"/>
  <c r="A73623" i="1" s="1"/>
  <c r="A73624" i="1" s="1"/>
  <c r="A73625" i="1" s="1"/>
  <c r="A73626" i="1" s="1"/>
  <c r="A73627" i="1" s="1"/>
  <c r="A73628" i="1" s="1"/>
  <c r="A73629" i="1" s="1"/>
  <c r="A73630" i="1" s="1"/>
  <c r="A73631" i="1" s="1"/>
  <c r="A73632" i="1" s="1"/>
  <c r="A73633" i="1" s="1"/>
  <c r="A73634" i="1" s="1"/>
  <c r="A73635" i="1" s="1"/>
  <c r="A73636" i="1" s="1"/>
  <c r="A73637" i="1" s="1"/>
  <c r="A73638" i="1" s="1"/>
  <c r="A73639" i="1" s="1"/>
  <c r="A73640" i="1" s="1"/>
  <c r="A73641" i="1" s="1"/>
  <c r="A73642" i="1" s="1"/>
  <c r="A73643" i="1" s="1"/>
  <c r="A73644" i="1" s="1"/>
  <c r="A73645" i="1" s="1"/>
  <c r="A73646" i="1" s="1"/>
  <c r="A73647" i="1" s="1"/>
  <c r="A73648" i="1" s="1"/>
  <c r="A73649" i="1" s="1"/>
  <c r="A73650" i="1" s="1"/>
  <c r="A73651" i="1" s="1"/>
  <c r="A73652" i="1" s="1"/>
  <c r="A73653" i="1" s="1"/>
  <c r="A73654" i="1" s="1"/>
  <c r="A73655" i="1" s="1"/>
  <c r="A73656" i="1" s="1"/>
  <c r="A73657" i="1" s="1"/>
  <c r="A73658" i="1" s="1"/>
  <c r="A73659" i="1" s="1"/>
  <c r="A73660" i="1" s="1"/>
  <c r="A73661" i="1" s="1"/>
  <c r="A73662" i="1" s="1"/>
  <c r="A73663" i="1" s="1"/>
  <c r="A73664" i="1" s="1"/>
  <c r="A73665" i="1" s="1"/>
  <c r="A73666" i="1" s="1"/>
  <c r="A73667" i="1" s="1"/>
  <c r="A73668" i="1" s="1"/>
  <c r="A73669" i="1" s="1"/>
  <c r="A73670" i="1" s="1"/>
  <c r="A73671" i="1" s="1"/>
  <c r="A73672" i="1" s="1"/>
  <c r="A73673" i="1" s="1"/>
  <c r="A73674" i="1" s="1"/>
  <c r="A73675" i="1" s="1"/>
  <c r="A73676" i="1" s="1"/>
  <c r="A73677" i="1" s="1"/>
  <c r="A73678" i="1" s="1"/>
  <c r="A73679" i="1" s="1"/>
  <c r="A73680" i="1" s="1"/>
  <c r="A73681" i="1" s="1"/>
  <c r="A73682" i="1" s="1"/>
  <c r="A73683" i="1" s="1"/>
  <c r="A73684" i="1" s="1"/>
  <c r="A73685" i="1" s="1"/>
  <c r="A73686" i="1" s="1"/>
  <c r="A73687" i="1" s="1"/>
  <c r="A73688" i="1" s="1"/>
  <c r="A73689" i="1" s="1"/>
  <c r="A73690" i="1" s="1"/>
  <c r="A73691" i="1" s="1"/>
  <c r="A73692" i="1" s="1"/>
  <c r="A73693" i="1" s="1"/>
  <c r="A73694" i="1" s="1"/>
  <c r="A73695" i="1" s="1"/>
  <c r="A73696" i="1" s="1"/>
  <c r="A73697" i="1" s="1"/>
  <c r="A73698" i="1" s="1"/>
  <c r="A73699" i="1" s="1"/>
  <c r="A73700" i="1" s="1"/>
  <c r="A73701" i="1" s="1"/>
  <c r="A73702" i="1" s="1"/>
  <c r="A73703" i="1" s="1"/>
  <c r="A73704" i="1" s="1"/>
  <c r="A73705" i="1" s="1"/>
  <c r="A73706" i="1" s="1"/>
  <c r="A73707" i="1" s="1"/>
  <c r="A73708" i="1" s="1"/>
  <c r="A73709" i="1" s="1"/>
  <c r="A73710" i="1" s="1"/>
  <c r="A73711" i="1" s="1"/>
  <c r="A73712" i="1" s="1"/>
  <c r="A73713" i="1" s="1"/>
  <c r="A73714" i="1" s="1"/>
  <c r="A73715" i="1" s="1"/>
  <c r="A73716" i="1" s="1"/>
  <c r="A73717" i="1" s="1"/>
  <c r="A73718" i="1" s="1"/>
  <c r="A73719" i="1" s="1"/>
  <c r="A73720" i="1" s="1"/>
  <c r="A73721" i="1" s="1"/>
  <c r="A73722" i="1" s="1"/>
  <c r="A73723" i="1" s="1"/>
  <c r="A73724" i="1" s="1"/>
  <c r="A73725" i="1" s="1"/>
  <c r="A73726" i="1" s="1"/>
  <c r="A73727" i="1" s="1"/>
  <c r="A73728" i="1" s="1"/>
  <c r="A73729" i="1" s="1"/>
  <c r="A73730" i="1" s="1"/>
  <c r="A73731" i="1" s="1"/>
  <c r="A73732" i="1" s="1"/>
  <c r="A73733" i="1" s="1"/>
  <c r="A73734" i="1" s="1"/>
  <c r="A73735" i="1" s="1"/>
  <c r="A73736" i="1" s="1"/>
  <c r="A73737" i="1" s="1"/>
  <c r="A73738" i="1" s="1"/>
  <c r="A73739" i="1" s="1"/>
  <c r="A73740" i="1" s="1"/>
  <c r="A73741" i="1" s="1"/>
  <c r="A73742" i="1" s="1"/>
  <c r="A73743" i="1" s="1"/>
  <c r="A73744" i="1" s="1"/>
  <c r="A73745" i="1" s="1"/>
  <c r="A73746" i="1" s="1"/>
  <c r="A73747" i="1" s="1"/>
  <c r="A73748" i="1" s="1"/>
  <c r="A73749" i="1" s="1"/>
  <c r="A73750" i="1" s="1"/>
  <c r="A73751" i="1" s="1"/>
  <c r="A73752" i="1" s="1"/>
  <c r="A73753" i="1" s="1"/>
  <c r="A73754" i="1" s="1"/>
  <c r="A73755" i="1" s="1"/>
  <c r="A73756" i="1" s="1"/>
  <c r="A73757" i="1" s="1"/>
  <c r="A73758" i="1" s="1"/>
  <c r="A73759" i="1" s="1"/>
  <c r="A73760" i="1" s="1"/>
  <c r="A73761" i="1" s="1"/>
  <c r="A73762" i="1" s="1"/>
  <c r="A73763" i="1" s="1"/>
  <c r="A73764" i="1" s="1"/>
  <c r="A73765" i="1" s="1"/>
  <c r="A73766" i="1" s="1"/>
  <c r="A73767" i="1" s="1"/>
  <c r="A73768" i="1" s="1"/>
  <c r="A73769" i="1" s="1"/>
  <c r="A73770" i="1" s="1"/>
  <c r="A73771" i="1" s="1"/>
  <c r="A73772" i="1" s="1"/>
  <c r="A73773" i="1" s="1"/>
  <c r="A73774" i="1" s="1"/>
  <c r="A73775" i="1" s="1"/>
  <c r="A73776" i="1" s="1"/>
  <c r="A73777" i="1" s="1"/>
  <c r="A73778" i="1" s="1"/>
  <c r="A73779" i="1" s="1"/>
  <c r="A73780" i="1" s="1"/>
  <c r="A73781" i="1" s="1"/>
  <c r="A73782" i="1" s="1"/>
  <c r="A73783" i="1" s="1"/>
  <c r="A73784" i="1" s="1"/>
  <c r="A73785" i="1" s="1"/>
  <c r="A73786" i="1" s="1"/>
  <c r="A73787" i="1" s="1"/>
  <c r="A73788" i="1" s="1"/>
  <c r="A73789" i="1" s="1"/>
  <c r="A73790" i="1" s="1"/>
  <c r="A73791" i="1" s="1"/>
  <c r="A73792" i="1" s="1"/>
  <c r="A73793" i="1" s="1"/>
  <c r="A73794" i="1" s="1"/>
  <c r="A73795" i="1" s="1"/>
  <c r="A73796" i="1" s="1"/>
  <c r="A73797" i="1" s="1"/>
  <c r="A73798" i="1" s="1"/>
  <c r="A73799" i="1" s="1"/>
  <c r="A73800" i="1" s="1"/>
  <c r="A73801" i="1" s="1"/>
  <c r="A73802" i="1" s="1"/>
  <c r="A73803" i="1" s="1"/>
  <c r="A73804" i="1" s="1"/>
  <c r="A73805" i="1" s="1"/>
  <c r="A73806" i="1" s="1"/>
  <c r="A73807" i="1" s="1"/>
  <c r="A73808" i="1" s="1"/>
  <c r="A73809" i="1" s="1"/>
  <c r="A73810" i="1" s="1"/>
  <c r="A73811" i="1" s="1"/>
  <c r="A73812" i="1" s="1"/>
  <c r="A73813" i="1" s="1"/>
  <c r="A73814" i="1" s="1"/>
  <c r="A73815" i="1" s="1"/>
  <c r="A73816" i="1" s="1"/>
  <c r="A73817" i="1" s="1"/>
  <c r="A73818" i="1" s="1"/>
  <c r="A73819" i="1" s="1"/>
  <c r="A73820" i="1" s="1"/>
  <c r="A73821" i="1" s="1"/>
  <c r="A73822" i="1" s="1"/>
  <c r="A73823" i="1" s="1"/>
  <c r="A73824" i="1" s="1"/>
  <c r="A73825" i="1" s="1"/>
  <c r="A73826" i="1" s="1"/>
  <c r="A73827" i="1" s="1"/>
  <c r="A73828" i="1" s="1"/>
  <c r="A73829" i="1" s="1"/>
  <c r="A73830" i="1" s="1"/>
  <c r="A73831" i="1" s="1"/>
  <c r="A73832" i="1" s="1"/>
  <c r="A73833" i="1" s="1"/>
  <c r="A73834" i="1" s="1"/>
  <c r="A73835" i="1" s="1"/>
  <c r="A73836" i="1" s="1"/>
  <c r="A73837" i="1" s="1"/>
  <c r="A73838" i="1" s="1"/>
  <c r="A73839" i="1" s="1"/>
  <c r="A73840" i="1" s="1"/>
  <c r="A73841" i="1" s="1"/>
  <c r="A73842" i="1" s="1"/>
  <c r="A73843" i="1" s="1"/>
  <c r="A73844" i="1" s="1"/>
  <c r="A73845" i="1" s="1"/>
  <c r="A73846" i="1" s="1"/>
  <c r="A73847" i="1" s="1"/>
  <c r="A73848" i="1" s="1"/>
  <c r="A73849" i="1" s="1"/>
  <c r="A73850" i="1" s="1"/>
  <c r="A73851" i="1" s="1"/>
  <c r="A73852" i="1" s="1"/>
  <c r="A73853" i="1" s="1"/>
  <c r="A73854" i="1" s="1"/>
  <c r="A73855" i="1" s="1"/>
  <c r="A73856" i="1" s="1"/>
  <c r="A73857" i="1" s="1"/>
  <c r="A73858" i="1" s="1"/>
  <c r="A73859" i="1" s="1"/>
  <c r="A73860" i="1" s="1"/>
  <c r="A73861" i="1" s="1"/>
  <c r="A73862" i="1" s="1"/>
  <c r="A73863" i="1" s="1"/>
  <c r="A73864" i="1" s="1"/>
  <c r="A73865" i="1" s="1"/>
  <c r="A73866" i="1" s="1"/>
  <c r="A73867" i="1" s="1"/>
  <c r="A73868" i="1" s="1"/>
  <c r="A73869" i="1" s="1"/>
  <c r="A73870" i="1" s="1"/>
  <c r="A73871" i="1" s="1"/>
  <c r="A73872" i="1" s="1"/>
  <c r="A73873" i="1" s="1"/>
  <c r="A73874" i="1" s="1"/>
  <c r="A73875" i="1" s="1"/>
  <c r="A73876" i="1" s="1"/>
  <c r="A73877" i="1" s="1"/>
  <c r="A73878" i="1" s="1"/>
  <c r="A73879" i="1" s="1"/>
  <c r="A73880" i="1" s="1"/>
  <c r="A73881" i="1" s="1"/>
  <c r="A73882" i="1" s="1"/>
  <c r="A73883" i="1" s="1"/>
  <c r="A73884" i="1" s="1"/>
  <c r="A73885" i="1" s="1"/>
  <c r="A73886" i="1" s="1"/>
  <c r="A73887" i="1" s="1"/>
  <c r="A73888" i="1" s="1"/>
  <c r="A73889" i="1" s="1"/>
  <c r="A73890" i="1" s="1"/>
  <c r="A73891" i="1" s="1"/>
  <c r="A73892" i="1" s="1"/>
  <c r="A73893" i="1" s="1"/>
  <c r="A73894" i="1" s="1"/>
  <c r="A73895" i="1" s="1"/>
  <c r="A73896" i="1" s="1"/>
  <c r="A73897" i="1" s="1"/>
  <c r="A73898" i="1" s="1"/>
  <c r="A73899" i="1" s="1"/>
  <c r="A73900" i="1" s="1"/>
  <c r="A73901" i="1" s="1"/>
  <c r="A73902" i="1" s="1"/>
  <c r="A73903" i="1" s="1"/>
  <c r="A73904" i="1" s="1"/>
  <c r="A73905" i="1" s="1"/>
  <c r="A73906" i="1" s="1"/>
  <c r="A73907" i="1" s="1"/>
  <c r="A73908" i="1" s="1"/>
  <c r="A73909" i="1" s="1"/>
  <c r="A73910" i="1" s="1"/>
  <c r="A73911" i="1" s="1"/>
  <c r="A73912" i="1" s="1"/>
  <c r="A73913" i="1" s="1"/>
  <c r="A73914" i="1" s="1"/>
  <c r="A73915" i="1" s="1"/>
  <c r="A73916" i="1" s="1"/>
  <c r="A73917" i="1" s="1"/>
  <c r="A73918" i="1" s="1"/>
  <c r="A73919" i="1" s="1"/>
  <c r="A73920" i="1" s="1"/>
  <c r="A73921" i="1" s="1"/>
  <c r="A73922" i="1" s="1"/>
  <c r="A73923" i="1" s="1"/>
  <c r="A73924" i="1" s="1"/>
  <c r="A73925" i="1" s="1"/>
  <c r="A73926" i="1" s="1"/>
  <c r="A73927" i="1" s="1"/>
  <c r="A73928" i="1" s="1"/>
  <c r="A73929" i="1" s="1"/>
  <c r="A73930" i="1" s="1"/>
  <c r="A73931" i="1" s="1"/>
  <c r="A73932" i="1" s="1"/>
  <c r="A73933" i="1" s="1"/>
  <c r="A73934" i="1" s="1"/>
  <c r="A73935" i="1" s="1"/>
  <c r="A73936" i="1" s="1"/>
  <c r="A73937" i="1" s="1"/>
  <c r="A73938" i="1" s="1"/>
  <c r="A73939" i="1" s="1"/>
  <c r="A73940" i="1" s="1"/>
  <c r="A73941" i="1" s="1"/>
  <c r="A73942" i="1" s="1"/>
  <c r="A73943" i="1" s="1"/>
  <c r="A73944" i="1" s="1"/>
  <c r="A73945" i="1" s="1"/>
  <c r="A73946" i="1" s="1"/>
  <c r="A73947" i="1" s="1"/>
  <c r="A73948" i="1" s="1"/>
  <c r="A73949" i="1" s="1"/>
  <c r="A73950" i="1" s="1"/>
  <c r="A73951" i="1" s="1"/>
  <c r="A73952" i="1" s="1"/>
  <c r="A73953" i="1" s="1"/>
  <c r="A73954" i="1" s="1"/>
  <c r="A73955" i="1" s="1"/>
  <c r="A73956" i="1" s="1"/>
  <c r="A73957" i="1" s="1"/>
  <c r="A73958" i="1" s="1"/>
  <c r="A73959" i="1" s="1"/>
  <c r="A73960" i="1" s="1"/>
  <c r="A73961" i="1" s="1"/>
  <c r="A73962" i="1" s="1"/>
  <c r="A73963" i="1" s="1"/>
  <c r="A73964" i="1" s="1"/>
  <c r="A73965" i="1" s="1"/>
  <c r="A73966" i="1" s="1"/>
  <c r="A73967" i="1" s="1"/>
  <c r="A73968" i="1" s="1"/>
  <c r="A73969" i="1" s="1"/>
  <c r="A73970" i="1" s="1"/>
  <c r="A73971" i="1" s="1"/>
  <c r="A73972" i="1" s="1"/>
  <c r="A73973" i="1" s="1"/>
  <c r="A73974" i="1" s="1"/>
  <c r="A73975" i="1" s="1"/>
  <c r="A73976" i="1" s="1"/>
  <c r="A73977" i="1" s="1"/>
  <c r="A73978" i="1" s="1"/>
  <c r="A73979" i="1" s="1"/>
  <c r="A73980" i="1" s="1"/>
  <c r="A73981" i="1" s="1"/>
  <c r="A73982" i="1" s="1"/>
  <c r="A73983" i="1" s="1"/>
  <c r="A73984" i="1" s="1"/>
  <c r="A73985" i="1" s="1"/>
  <c r="A73986" i="1" s="1"/>
  <c r="A73987" i="1" s="1"/>
  <c r="A73988" i="1" s="1"/>
  <c r="A73989" i="1" s="1"/>
  <c r="A73990" i="1" s="1"/>
  <c r="A73991" i="1" s="1"/>
  <c r="A73992" i="1" s="1"/>
  <c r="A73993" i="1" s="1"/>
  <c r="A73994" i="1" s="1"/>
  <c r="A73995" i="1" s="1"/>
  <c r="A73996" i="1" s="1"/>
  <c r="A73997" i="1" s="1"/>
  <c r="A73998" i="1" s="1"/>
  <c r="A73999" i="1" s="1"/>
  <c r="A74000" i="1" s="1"/>
  <c r="A74001" i="1" s="1"/>
  <c r="A74002" i="1" s="1"/>
  <c r="A74003" i="1" s="1"/>
  <c r="A74004" i="1" s="1"/>
  <c r="A74005" i="1" s="1"/>
  <c r="A74006" i="1" s="1"/>
  <c r="A74007" i="1" s="1"/>
  <c r="A74008" i="1" s="1"/>
  <c r="A74009" i="1" s="1"/>
  <c r="A74010" i="1" s="1"/>
  <c r="A74011" i="1" s="1"/>
  <c r="A74012" i="1" s="1"/>
  <c r="A74013" i="1" s="1"/>
  <c r="A74014" i="1" s="1"/>
  <c r="A74015" i="1" s="1"/>
  <c r="A74016" i="1" s="1"/>
  <c r="A74017" i="1" s="1"/>
  <c r="A74018" i="1" s="1"/>
  <c r="A74019" i="1" s="1"/>
  <c r="A74020" i="1" s="1"/>
  <c r="A74021" i="1" s="1"/>
  <c r="A74022" i="1" s="1"/>
  <c r="A74023" i="1" s="1"/>
  <c r="A74024" i="1" s="1"/>
  <c r="A74025" i="1" s="1"/>
  <c r="A74026" i="1" s="1"/>
  <c r="A74027" i="1" s="1"/>
  <c r="A74028" i="1" s="1"/>
  <c r="A74029" i="1" s="1"/>
  <c r="A74030" i="1" s="1"/>
  <c r="A74031" i="1" s="1"/>
  <c r="A74032" i="1" s="1"/>
  <c r="A74033" i="1" s="1"/>
  <c r="A74034" i="1" s="1"/>
  <c r="A74035" i="1" s="1"/>
  <c r="A74036" i="1" s="1"/>
  <c r="A74037" i="1" s="1"/>
  <c r="A74038" i="1" s="1"/>
  <c r="A74039" i="1" s="1"/>
  <c r="A74040" i="1" s="1"/>
  <c r="A74041" i="1" s="1"/>
  <c r="A74042" i="1" s="1"/>
  <c r="A74043" i="1" s="1"/>
  <c r="A74044" i="1" s="1"/>
  <c r="A74045" i="1" s="1"/>
  <c r="A74046" i="1" s="1"/>
  <c r="A74047" i="1" s="1"/>
  <c r="A74048" i="1" s="1"/>
  <c r="A74049" i="1" s="1"/>
  <c r="A74050" i="1" s="1"/>
  <c r="A74051" i="1" s="1"/>
  <c r="A74052" i="1" s="1"/>
  <c r="A74053" i="1" s="1"/>
  <c r="A74054" i="1" s="1"/>
  <c r="A74055" i="1" s="1"/>
  <c r="A74056" i="1" s="1"/>
  <c r="A74057" i="1" s="1"/>
  <c r="A74058" i="1" s="1"/>
  <c r="A74059" i="1" s="1"/>
  <c r="A74060" i="1" s="1"/>
  <c r="A74061" i="1" s="1"/>
  <c r="A74062" i="1" s="1"/>
  <c r="A74063" i="1" s="1"/>
  <c r="A74064" i="1" s="1"/>
  <c r="A74065" i="1" s="1"/>
  <c r="A74066" i="1" s="1"/>
  <c r="A74067" i="1" s="1"/>
  <c r="A74068" i="1" s="1"/>
  <c r="A74069" i="1" s="1"/>
  <c r="A74070" i="1" s="1"/>
  <c r="A74071" i="1" s="1"/>
  <c r="A74072" i="1" s="1"/>
  <c r="A74073" i="1" s="1"/>
  <c r="A74074" i="1" s="1"/>
  <c r="A74075" i="1" s="1"/>
  <c r="A74076" i="1" s="1"/>
  <c r="A74077" i="1" s="1"/>
  <c r="A74078" i="1" s="1"/>
  <c r="A74079" i="1" s="1"/>
  <c r="A74080" i="1" s="1"/>
  <c r="A74081" i="1" s="1"/>
  <c r="A74082" i="1" s="1"/>
  <c r="A74083" i="1" s="1"/>
  <c r="A74084" i="1" s="1"/>
  <c r="A74085" i="1" s="1"/>
  <c r="A74086" i="1" s="1"/>
  <c r="A74087" i="1" s="1"/>
  <c r="A74088" i="1" s="1"/>
  <c r="A74089" i="1" s="1"/>
  <c r="A74090" i="1" s="1"/>
  <c r="A74091" i="1" s="1"/>
  <c r="A74092" i="1" s="1"/>
  <c r="A74093" i="1" s="1"/>
  <c r="A74094" i="1" s="1"/>
  <c r="A74095" i="1" s="1"/>
  <c r="A74096" i="1" s="1"/>
  <c r="A74097" i="1" s="1"/>
  <c r="A74098" i="1" s="1"/>
  <c r="A74099" i="1" s="1"/>
  <c r="A74100" i="1" s="1"/>
  <c r="A74101" i="1" s="1"/>
  <c r="A74102" i="1" s="1"/>
  <c r="A74103" i="1" s="1"/>
  <c r="A74104" i="1" s="1"/>
  <c r="A74105" i="1" s="1"/>
  <c r="A74106" i="1" s="1"/>
  <c r="A74107" i="1" s="1"/>
  <c r="A74108" i="1" s="1"/>
  <c r="A74109" i="1" s="1"/>
  <c r="A74110" i="1" s="1"/>
  <c r="A74111" i="1" s="1"/>
  <c r="A74112" i="1" s="1"/>
  <c r="A74113" i="1" s="1"/>
  <c r="A74114" i="1" s="1"/>
  <c r="A74115" i="1" s="1"/>
  <c r="A74116" i="1" s="1"/>
  <c r="A74117" i="1" s="1"/>
  <c r="A74118" i="1" s="1"/>
  <c r="A74119" i="1" s="1"/>
  <c r="A74120" i="1" s="1"/>
  <c r="A74121" i="1" s="1"/>
  <c r="A74122" i="1" s="1"/>
  <c r="A74123" i="1" s="1"/>
  <c r="A74124" i="1" s="1"/>
  <c r="A74125" i="1" s="1"/>
  <c r="A74126" i="1" s="1"/>
  <c r="A74127" i="1" s="1"/>
  <c r="A74128" i="1" s="1"/>
  <c r="A74129" i="1" s="1"/>
  <c r="A74130" i="1" s="1"/>
  <c r="A74131" i="1" s="1"/>
  <c r="A74132" i="1" s="1"/>
  <c r="A74133" i="1" s="1"/>
  <c r="A74134" i="1" s="1"/>
  <c r="A74135" i="1" s="1"/>
  <c r="A74136" i="1" s="1"/>
  <c r="A74137" i="1" s="1"/>
  <c r="A74138" i="1" s="1"/>
  <c r="A74139" i="1" s="1"/>
  <c r="A74140" i="1" s="1"/>
  <c r="A74141" i="1" s="1"/>
  <c r="A74142" i="1" s="1"/>
  <c r="A74143" i="1" s="1"/>
  <c r="A74144" i="1" s="1"/>
  <c r="A74145" i="1" s="1"/>
  <c r="A74146" i="1" s="1"/>
  <c r="A74147" i="1" s="1"/>
  <c r="A74148" i="1" s="1"/>
  <c r="A74149" i="1" s="1"/>
  <c r="A74150" i="1" s="1"/>
  <c r="A74151" i="1" s="1"/>
  <c r="A74152" i="1" s="1"/>
  <c r="A74153" i="1" s="1"/>
  <c r="A74154" i="1" s="1"/>
  <c r="A74155" i="1" s="1"/>
  <c r="A74156" i="1" s="1"/>
  <c r="A74157" i="1" s="1"/>
  <c r="A74158" i="1" s="1"/>
  <c r="A74159" i="1" s="1"/>
  <c r="A74160" i="1" s="1"/>
  <c r="A74161" i="1" s="1"/>
  <c r="A74162" i="1" s="1"/>
  <c r="A74163" i="1" s="1"/>
  <c r="A74164" i="1" s="1"/>
  <c r="A74165" i="1" s="1"/>
  <c r="A74166" i="1" s="1"/>
  <c r="A74167" i="1" s="1"/>
  <c r="A74168" i="1" s="1"/>
  <c r="A74169" i="1" s="1"/>
  <c r="A74170" i="1" s="1"/>
  <c r="A74171" i="1" s="1"/>
  <c r="A74172" i="1" s="1"/>
  <c r="A74173" i="1" s="1"/>
  <c r="A74174" i="1" s="1"/>
  <c r="A74175" i="1" s="1"/>
  <c r="A74176" i="1" s="1"/>
  <c r="A74177" i="1" s="1"/>
  <c r="A74178" i="1" s="1"/>
  <c r="A74179" i="1" s="1"/>
  <c r="A74180" i="1" s="1"/>
  <c r="A74181" i="1" s="1"/>
  <c r="A74182" i="1" s="1"/>
  <c r="A74183" i="1" s="1"/>
  <c r="A74184" i="1" s="1"/>
  <c r="A74185" i="1" s="1"/>
  <c r="A74186" i="1" s="1"/>
  <c r="A74187" i="1" s="1"/>
  <c r="A74188" i="1" s="1"/>
  <c r="A74189" i="1" s="1"/>
  <c r="A74190" i="1" s="1"/>
  <c r="A74191" i="1" s="1"/>
  <c r="A74192" i="1" s="1"/>
  <c r="A74193" i="1" s="1"/>
  <c r="A74194" i="1" s="1"/>
  <c r="A74195" i="1" s="1"/>
  <c r="A74196" i="1" s="1"/>
  <c r="A74197" i="1" s="1"/>
  <c r="A74198" i="1" s="1"/>
  <c r="A74199" i="1" s="1"/>
  <c r="A74200" i="1" s="1"/>
  <c r="A74201" i="1" s="1"/>
  <c r="A74202" i="1" s="1"/>
  <c r="A74203" i="1" s="1"/>
  <c r="A74204" i="1" s="1"/>
  <c r="A74205" i="1" s="1"/>
  <c r="A74206" i="1" s="1"/>
  <c r="A74207" i="1" s="1"/>
  <c r="A74208" i="1" s="1"/>
  <c r="A74209" i="1" s="1"/>
  <c r="A74210" i="1" s="1"/>
  <c r="A74211" i="1" s="1"/>
  <c r="A74212" i="1" s="1"/>
  <c r="A74213" i="1" s="1"/>
  <c r="A74214" i="1" s="1"/>
  <c r="A74215" i="1" s="1"/>
  <c r="A74216" i="1" s="1"/>
  <c r="A74217" i="1" s="1"/>
  <c r="A74218" i="1" s="1"/>
  <c r="A74219" i="1" s="1"/>
  <c r="A74220" i="1" s="1"/>
  <c r="A74221" i="1" s="1"/>
  <c r="A74222" i="1" s="1"/>
  <c r="A74223" i="1" s="1"/>
  <c r="A74224" i="1" s="1"/>
  <c r="A74225" i="1" s="1"/>
  <c r="A74226" i="1" s="1"/>
  <c r="A74227" i="1" s="1"/>
  <c r="A74228" i="1" s="1"/>
  <c r="A74229" i="1" s="1"/>
  <c r="A74230" i="1" s="1"/>
  <c r="A74231" i="1" s="1"/>
  <c r="A74232" i="1" s="1"/>
  <c r="A74233" i="1" s="1"/>
  <c r="A74234" i="1" s="1"/>
  <c r="A74235" i="1" s="1"/>
  <c r="A74236" i="1" s="1"/>
  <c r="A74237" i="1" s="1"/>
  <c r="A74238" i="1" s="1"/>
  <c r="A74239" i="1" s="1"/>
  <c r="A74240" i="1" s="1"/>
  <c r="A74241" i="1" s="1"/>
  <c r="A74242" i="1" s="1"/>
  <c r="A74243" i="1" s="1"/>
  <c r="A74244" i="1" s="1"/>
  <c r="A74245" i="1" s="1"/>
  <c r="A74246" i="1" s="1"/>
  <c r="A74247" i="1" s="1"/>
  <c r="A74248" i="1" s="1"/>
  <c r="A74249" i="1" s="1"/>
  <c r="A74250" i="1" s="1"/>
  <c r="A74251" i="1" s="1"/>
  <c r="A74252" i="1" s="1"/>
  <c r="A74253" i="1" s="1"/>
  <c r="A74254" i="1" s="1"/>
  <c r="A74255" i="1" s="1"/>
  <c r="A74256" i="1" s="1"/>
  <c r="A74257" i="1" s="1"/>
  <c r="A74258" i="1" s="1"/>
  <c r="A74259" i="1" s="1"/>
  <c r="A74260" i="1" s="1"/>
  <c r="A74261" i="1" s="1"/>
  <c r="A74262" i="1" s="1"/>
  <c r="A74263" i="1" s="1"/>
  <c r="A74264" i="1" s="1"/>
  <c r="A74265" i="1" s="1"/>
  <c r="A74266" i="1" s="1"/>
  <c r="A74267" i="1" s="1"/>
  <c r="A74268" i="1" s="1"/>
  <c r="A74269" i="1" s="1"/>
  <c r="A74270" i="1" s="1"/>
  <c r="A74271" i="1" s="1"/>
  <c r="A74272" i="1" s="1"/>
  <c r="A74273" i="1" s="1"/>
  <c r="A74274" i="1" s="1"/>
  <c r="A74275" i="1" s="1"/>
  <c r="A74276" i="1" s="1"/>
  <c r="A74277" i="1" s="1"/>
  <c r="A74278" i="1" s="1"/>
  <c r="A74279" i="1" s="1"/>
  <c r="A74280" i="1" s="1"/>
  <c r="A74281" i="1" s="1"/>
  <c r="A74282" i="1" s="1"/>
  <c r="A74283" i="1" s="1"/>
  <c r="A74284" i="1" s="1"/>
  <c r="A74285" i="1" s="1"/>
  <c r="A74286" i="1" s="1"/>
  <c r="A74287" i="1" s="1"/>
  <c r="A74288" i="1" s="1"/>
  <c r="A74289" i="1" s="1"/>
  <c r="A74290" i="1" s="1"/>
  <c r="A74291" i="1" s="1"/>
  <c r="A74292" i="1" s="1"/>
  <c r="A74293" i="1" s="1"/>
  <c r="A74294" i="1" s="1"/>
  <c r="A74295" i="1" s="1"/>
  <c r="A74296" i="1" s="1"/>
  <c r="A74297" i="1" s="1"/>
  <c r="A74298" i="1" s="1"/>
  <c r="A74299" i="1" s="1"/>
  <c r="A74300" i="1" s="1"/>
  <c r="A74301" i="1" s="1"/>
  <c r="A74302" i="1" s="1"/>
  <c r="A74303" i="1" s="1"/>
  <c r="A74304" i="1" s="1"/>
  <c r="A74305" i="1" s="1"/>
  <c r="A74306" i="1" s="1"/>
  <c r="A74307" i="1" s="1"/>
  <c r="A74308" i="1" s="1"/>
  <c r="A74309" i="1" s="1"/>
  <c r="A74310" i="1" s="1"/>
  <c r="A74311" i="1" s="1"/>
  <c r="A74312" i="1" s="1"/>
  <c r="A74313" i="1" s="1"/>
  <c r="A74314" i="1" s="1"/>
  <c r="A74315" i="1" s="1"/>
  <c r="A74316" i="1" s="1"/>
  <c r="A74317" i="1" s="1"/>
  <c r="A74318" i="1" s="1"/>
  <c r="A74319" i="1" s="1"/>
  <c r="A74320" i="1" s="1"/>
  <c r="A74321" i="1" s="1"/>
  <c r="A74322" i="1" s="1"/>
  <c r="A74323" i="1" s="1"/>
  <c r="A74324" i="1" s="1"/>
  <c r="A74325" i="1" s="1"/>
  <c r="A74326" i="1" s="1"/>
  <c r="A74327" i="1" s="1"/>
  <c r="A74328" i="1" s="1"/>
  <c r="A74329" i="1" s="1"/>
  <c r="A74330" i="1" s="1"/>
  <c r="A74331" i="1" s="1"/>
  <c r="A74332" i="1" s="1"/>
  <c r="A74333" i="1" s="1"/>
  <c r="A74334" i="1" s="1"/>
  <c r="A74335" i="1" s="1"/>
  <c r="A74336" i="1" s="1"/>
  <c r="A74337" i="1" s="1"/>
  <c r="A74338" i="1" s="1"/>
  <c r="A74339" i="1" s="1"/>
  <c r="A74340" i="1" s="1"/>
  <c r="A74341" i="1" s="1"/>
  <c r="A74342" i="1" s="1"/>
  <c r="A74343" i="1" s="1"/>
  <c r="A74344" i="1" s="1"/>
  <c r="A74345" i="1" s="1"/>
  <c r="A74346" i="1" s="1"/>
  <c r="A74347" i="1" s="1"/>
  <c r="A74348" i="1" s="1"/>
  <c r="A74349" i="1" s="1"/>
  <c r="A74350" i="1" s="1"/>
  <c r="A74351" i="1" s="1"/>
  <c r="A74352" i="1" s="1"/>
  <c r="A74353" i="1" s="1"/>
  <c r="A74354" i="1" s="1"/>
  <c r="A74355" i="1" s="1"/>
  <c r="A74356" i="1" s="1"/>
  <c r="A74357" i="1" s="1"/>
  <c r="A74358" i="1" s="1"/>
  <c r="A74359" i="1" s="1"/>
  <c r="A74360" i="1" s="1"/>
  <c r="A74361" i="1" s="1"/>
  <c r="A74362" i="1" s="1"/>
  <c r="A74363" i="1" s="1"/>
  <c r="A74364" i="1" s="1"/>
  <c r="A74365" i="1" s="1"/>
  <c r="A74366" i="1" s="1"/>
  <c r="A74367" i="1" s="1"/>
  <c r="A74368" i="1" s="1"/>
  <c r="A74369" i="1" s="1"/>
  <c r="A74370" i="1" s="1"/>
  <c r="A74371" i="1" s="1"/>
  <c r="A74372" i="1" s="1"/>
  <c r="A74373" i="1" s="1"/>
  <c r="A74374" i="1" s="1"/>
  <c r="A74375" i="1" s="1"/>
  <c r="A74376" i="1" s="1"/>
  <c r="A74377" i="1" s="1"/>
  <c r="A74378" i="1" s="1"/>
  <c r="A74379" i="1" s="1"/>
  <c r="A74380" i="1" s="1"/>
  <c r="A74381" i="1" s="1"/>
  <c r="A74382" i="1" s="1"/>
  <c r="A74383" i="1" s="1"/>
  <c r="A74384" i="1" s="1"/>
  <c r="A74385" i="1" s="1"/>
  <c r="A74386" i="1" s="1"/>
  <c r="A74387" i="1" s="1"/>
  <c r="A74388" i="1" s="1"/>
  <c r="A74389" i="1" s="1"/>
  <c r="A74390" i="1" s="1"/>
  <c r="A74391" i="1" s="1"/>
  <c r="A74392" i="1" s="1"/>
  <c r="A74393" i="1" s="1"/>
  <c r="A74394" i="1" s="1"/>
  <c r="A74395" i="1" s="1"/>
  <c r="A74396" i="1" s="1"/>
  <c r="A74397" i="1" s="1"/>
  <c r="A74398" i="1" s="1"/>
  <c r="A74399" i="1" s="1"/>
  <c r="A74400" i="1" s="1"/>
  <c r="A74401" i="1" s="1"/>
  <c r="A74402" i="1" s="1"/>
  <c r="A74403" i="1" s="1"/>
  <c r="A74404" i="1" s="1"/>
  <c r="A74405" i="1" s="1"/>
  <c r="A74406" i="1" s="1"/>
  <c r="A74407" i="1" s="1"/>
  <c r="A74408" i="1" s="1"/>
  <c r="A74409" i="1" s="1"/>
  <c r="A74410" i="1" s="1"/>
  <c r="A74411" i="1" s="1"/>
  <c r="A74412" i="1" s="1"/>
  <c r="A74413" i="1" s="1"/>
  <c r="A74414" i="1" s="1"/>
  <c r="A74415" i="1" s="1"/>
  <c r="A74416" i="1" s="1"/>
  <c r="A74417" i="1" s="1"/>
  <c r="A74418" i="1" s="1"/>
  <c r="A74419" i="1" s="1"/>
  <c r="A74420" i="1" s="1"/>
  <c r="A74421" i="1" s="1"/>
  <c r="A74422" i="1" s="1"/>
  <c r="A74423" i="1" s="1"/>
  <c r="A74424" i="1" s="1"/>
  <c r="A74425" i="1" s="1"/>
  <c r="A74426" i="1" s="1"/>
  <c r="A74427" i="1" s="1"/>
  <c r="A74428" i="1" s="1"/>
  <c r="A74429" i="1" s="1"/>
  <c r="A74430" i="1" s="1"/>
  <c r="A74431" i="1" s="1"/>
  <c r="A74432" i="1" s="1"/>
  <c r="A74433" i="1" s="1"/>
  <c r="A74434" i="1" s="1"/>
  <c r="A74435" i="1" s="1"/>
  <c r="A74436" i="1" s="1"/>
  <c r="A74437" i="1" s="1"/>
  <c r="A74438" i="1" s="1"/>
  <c r="A74439" i="1" s="1"/>
  <c r="A74440" i="1" s="1"/>
  <c r="A74441" i="1" s="1"/>
  <c r="A74442" i="1" s="1"/>
  <c r="A74443" i="1" s="1"/>
  <c r="A74444" i="1" s="1"/>
  <c r="A74445" i="1" s="1"/>
  <c r="A74446" i="1" s="1"/>
  <c r="A74447" i="1" s="1"/>
  <c r="A74448" i="1" s="1"/>
  <c r="A74449" i="1" s="1"/>
  <c r="A74450" i="1" s="1"/>
  <c r="A74451" i="1" s="1"/>
  <c r="A74452" i="1" s="1"/>
  <c r="A74453" i="1" s="1"/>
  <c r="A74454" i="1" s="1"/>
  <c r="A74455" i="1" s="1"/>
  <c r="A74456" i="1" s="1"/>
  <c r="A74457" i="1" s="1"/>
  <c r="A74458" i="1" s="1"/>
  <c r="A74459" i="1" s="1"/>
  <c r="A74460" i="1" s="1"/>
  <c r="A74461" i="1" s="1"/>
  <c r="A74462" i="1" s="1"/>
  <c r="A74463" i="1" s="1"/>
  <c r="A74464" i="1" s="1"/>
  <c r="A74465" i="1" s="1"/>
  <c r="A74466" i="1" s="1"/>
  <c r="A74467" i="1" s="1"/>
  <c r="A74468" i="1" s="1"/>
  <c r="A74469" i="1" s="1"/>
  <c r="A74470" i="1" s="1"/>
  <c r="A74471" i="1" s="1"/>
  <c r="A74472" i="1" s="1"/>
  <c r="A74473" i="1" s="1"/>
  <c r="A74474" i="1" s="1"/>
  <c r="A74475" i="1" s="1"/>
  <c r="A74476" i="1" s="1"/>
  <c r="A74477" i="1" s="1"/>
  <c r="A74478" i="1" s="1"/>
  <c r="A74479" i="1" s="1"/>
  <c r="A74480" i="1" s="1"/>
  <c r="A74481" i="1" s="1"/>
  <c r="A74482" i="1" s="1"/>
  <c r="A74483" i="1" s="1"/>
  <c r="A74484" i="1" s="1"/>
  <c r="A74485" i="1" s="1"/>
  <c r="A74486" i="1" s="1"/>
  <c r="A74487" i="1" s="1"/>
  <c r="A74488" i="1" s="1"/>
  <c r="A74489" i="1" s="1"/>
  <c r="A74490" i="1" s="1"/>
  <c r="A74491" i="1" s="1"/>
  <c r="A74492" i="1" s="1"/>
  <c r="A74493" i="1" s="1"/>
  <c r="A74494" i="1" s="1"/>
  <c r="A74495" i="1" s="1"/>
  <c r="A74496" i="1" s="1"/>
  <c r="A74497" i="1" s="1"/>
  <c r="A74498" i="1" s="1"/>
  <c r="A74499" i="1" s="1"/>
  <c r="A74500" i="1" s="1"/>
  <c r="A74501" i="1" s="1"/>
  <c r="A74502" i="1" s="1"/>
  <c r="A74503" i="1" s="1"/>
  <c r="A74504" i="1" s="1"/>
  <c r="A74505" i="1" s="1"/>
  <c r="A74506" i="1" s="1"/>
  <c r="A74507" i="1" s="1"/>
  <c r="A74508" i="1" s="1"/>
  <c r="A74509" i="1" s="1"/>
  <c r="A74510" i="1" s="1"/>
  <c r="A74511" i="1" s="1"/>
  <c r="A74512" i="1" s="1"/>
  <c r="A74513" i="1" s="1"/>
  <c r="A74514" i="1" s="1"/>
  <c r="A74515" i="1" s="1"/>
  <c r="A74516" i="1" s="1"/>
  <c r="A74517" i="1" s="1"/>
  <c r="A74518" i="1" s="1"/>
  <c r="A74519" i="1" s="1"/>
  <c r="A74520" i="1" s="1"/>
  <c r="A74521" i="1" s="1"/>
  <c r="A74522" i="1" s="1"/>
  <c r="A74523" i="1" s="1"/>
  <c r="A74524" i="1" s="1"/>
  <c r="A74525" i="1" s="1"/>
  <c r="A74526" i="1" s="1"/>
  <c r="A74527" i="1" s="1"/>
  <c r="A74528" i="1" s="1"/>
  <c r="A74529" i="1" s="1"/>
  <c r="A74530" i="1" s="1"/>
  <c r="A74531" i="1" s="1"/>
  <c r="A74532" i="1" s="1"/>
  <c r="A74533" i="1" s="1"/>
  <c r="A74534" i="1" s="1"/>
  <c r="A74535" i="1" s="1"/>
  <c r="A74536" i="1" s="1"/>
  <c r="A74537" i="1" s="1"/>
  <c r="A74538" i="1" s="1"/>
  <c r="A74539" i="1" s="1"/>
  <c r="A74540" i="1" s="1"/>
  <c r="A74541" i="1" s="1"/>
  <c r="A74542" i="1" s="1"/>
  <c r="A74543" i="1" s="1"/>
  <c r="A74544" i="1" s="1"/>
  <c r="A74545" i="1" s="1"/>
  <c r="A74546" i="1" s="1"/>
  <c r="A74547" i="1" s="1"/>
  <c r="A74548" i="1" s="1"/>
  <c r="A74549" i="1" s="1"/>
  <c r="A74550" i="1" s="1"/>
  <c r="A74551" i="1" s="1"/>
  <c r="A74552" i="1" s="1"/>
  <c r="A74553" i="1" s="1"/>
  <c r="A74554" i="1" s="1"/>
  <c r="A74555" i="1" s="1"/>
  <c r="A74556" i="1" s="1"/>
  <c r="A74557" i="1" s="1"/>
  <c r="A74558" i="1" s="1"/>
  <c r="A74559" i="1" s="1"/>
  <c r="A74560" i="1" s="1"/>
  <c r="A74561" i="1" s="1"/>
  <c r="A74562" i="1" s="1"/>
  <c r="A74563" i="1" s="1"/>
  <c r="A74564" i="1" s="1"/>
  <c r="A74565" i="1" s="1"/>
  <c r="A74566" i="1" s="1"/>
  <c r="A74567" i="1" s="1"/>
  <c r="A74568" i="1" s="1"/>
  <c r="A74569" i="1" s="1"/>
  <c r="A74570" i="1" s="1"/>
  <c r="A74571" i="1" s="1"/>
  <c r="A74572" i="1" s="1"/>
  <c r="A74573" i="1" s="1"/>
  <c r="A74574" i="1" s="1"/>
  <c r="A74575" i="1" s="1"/>
  <c r="A74576" i="1" s="1"/>
  <c r="A74577" i="1" s="1"/>
  <c r="A74578" i="1" s="1"/>
  <c r="A74579" i="1" s="1"/>
  <c r="A74580" i="1" s="1"/>
  <c r="A74581" i="1" s="1"/>
  <c r="A74582" i="1" s="1"/>
  <c r="A74583" i="1" s="1"/>
  <c r="A74584" i="1" s="1"/>
  <c r="A74585" i="1" s="1"/>
  <c r="A74586" i="1" s="1"/>
  <c r="A74587" i="1" s="1"/>
  <c r="A74588" i="1" s="1"/>
  <c r="A74589" i="1" s="1"/>
  <c r="A74590" i="1" s="1"/>
  <c r="A74591" i="1" s="1"/>
  <c r="A74592" i="1" s="1"/>
  <c r="A74593" i="1" s="1"/>
  <c r="A74594" i="1" s="1"/>
  <c r="A74595" i="1" s="1"/>
  <c r="A74596" i="1" s="1"/>
  <c r="A74597" i="1" s="1"/>
  <c r="A74598" i="1" s="1"/>
  <c r="A74599" i="1" s="1"/>
  <c r="A74600" i="1" s="1"/>
  <c r="A74601" i="1" s="1"/>
  <c r="A74602" i="1" s="1"/>
  <c r="A74603" i="1" s="1"/>
  <c r="A74604" i="1" s="1"/>
  <c r="A74605" i="1" s="1"/>
  <c r="A74606" i="1" s="1"/>
  <c r="A74607" i="1" s="1"/>
  <c r="A74608" i="1" s="1"/>
  <c r="A74609" i="1" s="1"/>
  <c r="A74610" i="1" s="1"/>
  <c r="A74611" i="1" s="1"/>
  <c r="A74612" i="1" s="1"/>
  <c r="A74613" i="1" s="1"/>
  <c r="A74614" i="1" s="1"/>
  <c r="A74615" i="1" s="1"/>
  <c r="A74616" i="1" s="1"/>
  <c r="A74617" i="1" s="1"/>
  <c r="A74618" i="1" s="1"/>
  <c r="A74619" i="1" s="1"/>
  <c r="A74620" i="1" s="1"/>
  <c r="A74621" i="1" s="1"/>
  <c r="A74622" i="1" s="1"/>
  <c r="A74623" i="1" s="1"/>
  <c r="A74624" i="1" s="1"/>
  <c r="A74625" i="1" s="1"/>
  <c r="A74626" i="1" s="1"/>
  <c r="A74627" i="1" s="1"/>
  <c r="A74628" i="1" s="1"/>
  <c r="A74629" i="1" s="1"/>
  <c r="A74630" i="1" s="1"/>
  <c r="A74631" i="1" s="1"/>
  <c r="A74632" i="1" s="1"/>
  <c r="A74633" i="1" s="1"/>
  <c r="A74634" i="1" s="1"/>
  <c r="A74635" i="1" s="1"/>
  <c r="A74636" i="1" s="1"/>
  <c r="A74637" i="1" s="1"/>
  <c r="A74638" i="1" s="1"/>
  <c r="A74639" i="1" s="1"/>
  <c r="A74640" i="1" s="1"/>
  <c r="A74641" i="1" s="1"/>
  <c r="A74642" i="1" s="1"/>
  <c r="A74643" i="1" s="1"/>
  <c r="A74644" i="1" s="1"/>
  <c r="A74645" i="1" s="1"/>
  <c r="A74646" i="1" s="1"/>
  <c r="A74647" i="1" s="1"/>
  <c r="A74648" i="1" s="1"/>
  <c r="A74649" i="1" s="1"/>
  <c r="A74650" i="1" s="1"/>
  <c r="A74651" i="1" s="1"/>
  <c r="A74652" i="1" s="1"/>
  <c r="A74653" i="1" s="1"/>
  <c r="A74654" i="1" s="1"/>
  <c r="A74655" i="1" s="1"/>
  <c r="A74656" i="1" s="1"/>
  <c r="A74657" i="1" s="1"/>
  <c r="A74658" i="1" s="1"/>
  <c r="A74659" i="1" s="1"/>
  <c r="A74660" i="1" s="1"/>
  <c r="A74661" i="1" s="1"/>
  <c r="A74662" i="1" s="1"/>
  <c r="A74663" i="1" s="1"/>
  <c r="A74664" i="1" s="1"/>
  <c r="A74665" i="1" s="1"/>
  <c r="A74666" i="1" s="1"/>
  <c r="A74667" i="1" s="1"/>
  <c r="A74668" i="1" s="1"/>
  <c r="A74669" i="1" s="1"/>
  <c r="A74670" i="1" s="1"/>
  <c r="A74671" i="1" s="1"/>
  <c r="A74672" i="1" s="1"/>
  <c r="A74673" i="1" s="1"/>
  <c r="A74674" i="1" s="1"/>
  <c r="A74675" i="1" s="1"/>
  <c r="A74676" i="1" s="1"/>
  <c r="A74677" i="1" s="1"/>
  <c r="A74678" i="1" s="1"/>
  <c r="A74679" i="1" s="1"/>
  <c r="A74680" i="1" s="1"/>
  <c r="A74681" i="1" s="1"/>
  <c r="A74682" i="1" s="1"/>
  <c r="A74683" i="1" s="1"/>
  <c r="A74684" i="1" s="1"/>
  <c r="A74685" i="1" s="1"/>
  <c r="A74686" i="1" s="1"/>
  <c r="A74687" i="1" s="1"/>
  <c r="A74688" i="1" s="1"/>
  <c r="A74689" i="1" s="1"/>
  <c r="A74690" i="1" s="1"/>
  <c r="A74691" i="1" s="1"/>
  <c r="A74692" i="1" s="1"/>
  <c r="A74693" i="1" s="1"/>
  <c r="A74694" i="1" s="1"/>
  <c r="A74695" i="1" s="1"/>
  <c r="A74696" i="1" s="1"/>
  <c r="A74697" i="1" s="1"/>
  <c r="A74698" i="1" s="1"/>
  <c r="A74699" i="1" s="1"/>
  <c r="A74700" i="1" s="1"/>
  <c r="A74701" i="1" s="1"/>
  <c r="A74702" i="1" s="1"/>
  <c r="A74703" i="1" s="1"/>
  <c r="A74704" i="1" s="1"/>
  <c r="A74705" i="1" s="1"/>
  <c r="A74706" i="1" s="1"/>
  <c r="A74707" i="1" s="1"/>
  <c r="A74708" i="1" s="1"/>
  <c r="A74709" i="1" s="1"/>
  <c r="A74710" i="1" s="1"/>
  <c r="A74711" i="1" s="1"/>
  <c r="A74712" i="1" s="1"/>
  <c r="A74713" i="1" s="1"/>
  <c r="A74714" i="1" s="1"/>
  <c r="A74715" i="1" s="1"/>
  <c r="A74716" i="1" s="1"/>
  <c r="A74717" i="1" s="1"/>
  <c r="A74718" i="1" s="1"/>
  <c r="A74719" i="1" s="1"/>
  <c r="A74720" i="1" s="1"/>
  <c r="A74721" i="1" s="1"/>
  <c r="A74722" i="1" s="1"/>
  <c r="A74723" i="1" s="1"/>
  <c r="A74724" i="1" s="1"/>
  <c r="A74725" i="1" s="1"/>
  <c r="A74726" i="1" s="1"/>
  <c r="A74727" i="1" s="1"/>
  <c r="A74728" i="1" s="1"/>
  <c r="A74729" i="1" s="1"/>
  <c r="A74730" i="1" s="1"/>
  <c r="A74731" i="1" s="1"/>
  <c r="A74732" i="1" s="1"/>
  <c r="A74733" i="1" s="1"/>
  <c r="A74734" i="1" s="1"/>
  <c r="A74735" i="1" s="1"/>
  <c r="A74736" i="1" s="1"/>
  <c r="A74737" i="1" s="1"/>
  <c r="A74738" i="1" s="1"/>
  <c r="A74739" i="1" s="1"/>
  <c r="A74740" i="1" s="1"/>
  <c r="A74741" i="1" s="1"/>
  <c r="A74742" i="1" s="1"/>
  <c r="A74743" i="1" s="1"/>
  <c r="A74744" i="1" s="1"/>
  <c r="A74745" i="1" s="1"/>
  <c r="A74746" i="1" s="1"/>
  <c r="A74747" i="1" s="1"/>
  <c r="A74748" i="1" s="1"/>
  <c r="A74749" i="1" s="1"/>
  <c r="A74750" i="1" s="1"/>
  <c r="A74751" i="1" s="1"/>
  <c r="A74752" i="1" s="1"/>
  <c r="A74753" i="1" s="1"/>
  <c r="A74754" i="1" s="1"/>
  <c r="A74755" i="1" s="1"/>
  <c r="A74756" i="1" s="1"/>
  <c r="A74757" i="1" s="1"/>
  <c r="A74758" i="1" s="1"/>
  <c r="A74759" i="1" s="1"/>
  <c r="A74760" i="1" s="1"/>
  <c r="A74761" i="1" s="1"/>
  <c r="A74762" i="1" s="1"/>
  <c r="A74763" i="1" s="1"/>
  <c r="A74764" i="1" s="1"/>
  <c r="A74765" i="1" s="1"/>
  <c r="A74766" i="1" s="1"/>
  <c r="A74767" i="1" s="1"/>
  <c r="A74768" i="1" s="1"/>
  <c r="A74769" i="1" s="1"/>
  <c r="A74770" i="1" s="1"/>
  <c r="A74771" i="1" s="1"/>
  <c r="A74772" i="1" s="1"/>
  <c r="A74773" i="1" s="1"/>
  <c r="A74774" i="1" s="1"/>
  <c r="A74775" i="1" s="1"/>
  <c r="A74776" i="1" s="1"/>
  <c r="A74777" i="1" s="1"/>
  <c r="A74778" i="1" s="1"/>
  <c r="A74779" i="1" s="1"/>
  <c r="A74780" i="1" s="1"/>
  <c r="A74781" i="1" s="1"/>
  <c r="A74782" i="1" s="1"/>
  <c r="A74783" i="1" s="1"/>
  <c r="A74784" i="1" s="1"/>
  <c r="A74785" i="1" s="1"/>
  <c r="A74786" i="1" s="1"/>
  <c r="A74787" i="1" s="1"/>
  <c r="A74788" i="1" s="1"/>
  <c r="A74789" i="1" s="1"/>
  <c r="A74790" i="1" s="1"/>
  <c r="A74791" i="1" s="1"/>
  <c r="A74792" i="1" s="1"/>
  <c r="A74793" i="1" s="1"/>
  <c r="A74794" i="1" s="1"/>
  <c r="A74795" i="1" s="1"/>
  <c r="A74796" i="1" s="1"/>
  <c r="A74797" i="1" s="1"/>
  <c r="A74798" i="1" s="1"/>
  <c r="A74799" i="1" s="1"/>
  <c r="A74800" i="1" s="1"/>
  <c r="A74801" i="1" s="1"/>
  <c r="A74802" i="1" s="1"/>
  <c r="A74803" i="1" s="1"/>
  <c r="A74804" i="1" s="1"/>
  <c r="A74805" i="1" s="1"/>
  <c r="A74806" i="1" s="1"/>
  <c r="A74807" i="1" s="1"/>
  <c r="A74808" i="1" s="1"/>
  <c r="A74809" i="1" s="1"/>
  <c r="A74810" i="1" s="1"/>
  <c r="A74811" i="1" s="1"/>
  <c r="A74812" i="1" s="1"/>
  <c r="A74813" i="1" s="1"/>
  <c r="A74814" i="1" s="1"/>
  <c r="A74815" i="1" s="1"/>
  <c r="A74816" i="1" s="1"/>
  <c r="A74817" i="1" s="1"/>
  <c r="A74818" i="1" s="1"/>
  <c r="A74819" i="1" s="1"/>
  <c r="A74820" i="1" s="1"/>
  <c r="A74821" i="1" s="1"/>
  <c r="A74822" i="1" s="1"/>
  <c r="A74823" i="1" s="1"/>
  <c r="A74824" i="1" s="1"/>
  <c r="A74825" i="1" s="1"/>
  <c r="A74826" i="1" s="1"/>
  <c r="A74827" i="1" s="1"/>
  <c r="A74828" i="1" s="1"/>
  <c r="A74829" i="1" s="1"/>
  <c r="A74830" i="1" s="1"/>
  <c r="A74831" i="1" s="1"/>
  <c r="A74832" i="1" s="1"/>
  <c r="A74833" i="1" s="1"/>
  <c r="A74834" i="1" s="1"/>
  <c r="A74835" i="1" s="1"/>
  <c r="A74836" i="1" s="1"/>
  <c r="A74837" i="1" s="1"/>
  <c r="A74838" i="1" s="1"/>
  <c r="A74839" i="1" s="1"/>
  <c r="A74840" i="1" s="1"/>
  <c r="A74841" i="1" s="1"/>
  <c r="A74842" i="1" s="1"/>
  <c r="A74843" i="1" s="1"/>
  <c r="A74844" i="1" s="1"/>
  <c r="A74845" i="1" s="1"/>
  <c r="A74846" i="1" s="1"/>
  <c r="A74847" i="1" s="1"/>
  <c r="A74848" i="1" s="1"/>
  <c r="A74849" i="1" s="1"/>
  <c r="A74850" i="1" s="1"/>
  <c r="A74851" i="1" s="1"/>
  <c r="A74852" i="1" s="1"/>
  <c r="A74853" i="1" s="1"/>
  <c r="A74854" i="1" s="1"/>
  <c r="A74855" i="1" s="1"/>
  <c r="A74856" i="1" s="1"/>
  <c r="A74857" i="1" s="1"/>
  <c r="A74858" i="1" s="1"/>
  <c r="A74859" i="1" s="1"/>
  <c r="A74860" i="1" s="1"/>
  <c r="A74861" i="1" s="1"/>
  <c r="A74862" i="1" s="1"/>
  <c r="A74863" i="1" s="1"/>
  <c r="A74864" i="1" s="1"/>
  <c r="A74865" i="1" s="1"/>
  <c r="A74866" i="1" s="1"/>
  <c r="A74867" i="1" s="1"/>
  <c r="A74868" i="1" s="1"/>
  <c r="A74869" i="1" s="1"/>
  <c r="A74870" i="1" s="1"/>
  <c r="A74871" i="1" s="1"/>
  <c r="A74872" i="1" s="1"/>
  <c r="A74873" i="1" s="1"/>
  <c r="A74874" i="1" s="1"/>
  <c r="A74875" i="1" s="1"/>
  <c r="A74876" i="1" s="1"/>
  <c r="A74877" i="1" s="1"/>
  <c r="A74878" i="1" s="1"/>
  <c r="A74879" i="1" s="1"/>
  <c r="A74880" i="1" s="1"/>
  <c r="A74881" i="1" s="1"/>
  <c r="A74882" i="1" s="1"/>
  <c r="A74883" i="1" s="1"/>
  <c r="A74884" i="1" s="1"/>
  <c r="A74885" i="1" s="1"/>
  <c r="A74886" i="1" s="1"/>
  <c r="A74887" i="1" s="1"/>
  <c r="A74888" i="1" s="1"/>
  <c r="A74889" i="1" s="1"/>
  <c r="A74890" i="1" s="1"/>
  <c r="A74891" i="1" s="1"/>
  <c r="A74892" i="1" s="1"/>
  <c r="A74893" i="1" s="1"/>
  <c r="A74894" i="1" s="1"/>
  <c r="A74895" i="1" s="1"/>
  <c r="A74896" i="1" s="1"/>
  <c r="A74897" i="1" s="1"/>
  <c r="A74898" i="1" s="1"/>
  <c r="A74899" i="1" s="1"/>
  <c r="A74900" i="1" s="1"/>
  <c r="A74901" i="1" s="1"/>
  <c r="A74902" i="1" s="1"/>
  <c r="A74903" i="1" s="1"/>
  <c r="A74904" i="1" s="1"/>
  <c r="A74905" i="1" s="1"/>
  <c r="A74906" i="1" s="1"/>
  <c r="A74907" i="1" s="1"/>
  <c r="A74908" i="1" s="1"/>
  <c r="A74909" i="1" s="1"/>
  <c r="A74910" i="1" s="1"/>
  <c r="A74911" i="1" s="1"/>
  <c r="A74912" i="1" s="1"/>
  <c r="A74913" i="1" s="1"/>
  <c r="A74914" i="1" s="1"/>
  <c r="A74915" i="1" s="1"/>
  <c r="A74916" i="1" s="1"/>
  <c r="A74917" i="1" s="1"/>
  <c r="A74918" i="1" s="1"/>
  <c r="A74919" i="1" s="1"/>
  <c r="A74920" i="1" s="1"/>
  <c r="A74921" i="1" s="1"/>
  <c r="A74922" i="1" s="1"/>
  <c r="A74923" i="1" s="1"/>
  <c r="A74924" i="1" s="1"/>
  <c r="A74925" i="1" s="1"/>
  <c r="A74926" i="1" s="1"/>
  <c r="A74927" i="1" s="1"/>
  <c r="A74928" i="1" s="1"/>
  <c r="A74929" i="1" s="1"/>
  <c r="A74930" i="1" s="1"/>
  <c r="A74931" i="1" s="1"/>
  <c r="A74932" i="1" s="1"/>
  <c r="A74933" i="1" s="1"/>
  <c r="A74934" i="1" s="1"/>
  <c r="A74935" i="1" s="1"/>
  <c r="A74936" i="1" s="1"/>
  <c r="A74937" i="1" s="1"/>
  <c r="A74938" i="1" s="1"/>
  <c r="A74939" i="1" s="1"/>
  <c r="A74940" i="1" s="1"/>
  <c r="A74941" i="1" s="1"/>
  <c r="A74942" i="1" s="1"/>
  <c r="A74943" i="1" s="1"/>
  <c r="A74944" i="1" s="1"/>
  <c r="A74945" i="1" s="1"/>
  <c r="A74946" i="1" s="1"/>
  <c r="A74947" i="1" s="1"/>
  <c r="A74948" i="1" s="1"/>
  <c r="A74949" i="1" s="1"/>
  <c r="A74950" i="1" s="1"/>
  <c r="A74951" i="1" s="1"/>
  <c r="A74952" i="1" s="1"/>
  <c r="A74953" i="1" s="1"/>
  <c r="A74954" i="1" s="1"/>
  <c r="A74955" i="1" s="1"/>
  <c r="A74956" i="1" s="1"/>
  <c r="A74957" i="1" s="1"/>
  <c r="A74958" i="1" s="1"/>
  <c r="A74959" i="1" s="1"/>
  <c r="A74960" i="1" s="1"/>
  <c r="A74961" i="1" s="1"/>
  <c r="A74962" i="1" s="1"/>
  <c r="A74963" i="1" s="1"/>
  <c r="A74964" i="1" s="1"/>
  <c r="A74965" i="1" s="1"/>
  <c r="A74966" i="1" s="1"/>
  <c r="A74967" i="1" s="1"/>
  <c r="A74968" i="1" s="1"/>
  <c r="A74969" i="1" s="1"/>
  <c r="A74970" i="1" s="1"/>
  <c r="A74971" i="1" s="1"/>
  <c r="A74972" i="1" s="1"/>
  <c r="A74973" i="1" s="1"/>
  <c r="A74974" i="1" s="1"/>
  <c r="A74975" i="1" s="1"/>
  <c r="A74976" i="1" s="1"/>
  <c r="A74977" i="1" s="1"/>
  <c r="A74978" i="1" s="1"/>
  <c r="A74979" i="1" s="1"/>
  <c r="A74980" i="1" s="1"/>
  <c r="A74981" i="1" s="1"/>
  <c r="A74982" i="1" s="1"/>
  <c r="A74983" i="1" s="1"/>
  <c r="A74984" i="1" s="1"/>
  <c r="A74985" i="1" s="1"/>
  <c r="A74986" i="1" s="1"/>
  <c r="A74987" i="1" s="1"/>
  <c r="A74988" i="1" s="1"/>
  <c r="A74989" i="1" s="1"/>
  <c r="A74990" i="1" s="1"/>
  <c r="A74991" i="1" s="1"/>
  <c r="A74992" i="1" s="1"/>
  <c r="A74993" i="1" s="1"/>
  <c r="A74994" i="1" s="1"/>
  <c r="A74995" i="1" s="1"/>
  <c r="A74996" i="1" s="1"/>
  <c r="A74997" i="1" s="1"/>
  <c r="A74998" i="1" s="1"/>
  <c r="A74999" i="1" s="1"/>
  <c r="A75000" i="1" s="1"/>
  <c r="A75001" i="1" s="1"/>
  <c r="A75002" i="1" s="1"/>
  <c r="A75003" i="1" s="1"/>
  <c r="A75004" i="1" s="1"/>
  <c r="A75005" i="1" s="1"/>
  <c r="A75006" i="1" s="1"/>
  <c r="A75007" i="1" s="1"/>
  <c r="A75008" i="1" s="1"/>
  <c r="A75009" i="1" s="1"/>
  <c r="A75010" i="1" s="1"/>
  <c r="A75011" i="1" s="1"/>
  <c r="A75012" i="1" s="1"/>
  <c r="A75013" i="1" s="1"/>
  <c r="A75014" i="1" s="1"/>
  <c r="A75015" i="1" s="1"/>
  <c r="A75016" i="1" s="1"/>
  <c r="A75017" i="1" s="1"/>
  <c r="A75018" i="1" s="1"/>
  <c r="A75019" i="1" s="1"/>
  <c r="A75020" i="1" s="1"/>
  <c r="A75021" i="1" s="1"/>
  <c r="A75022" i="1" s="1"/>
  <c r="A75023" i="1" s="1"/>
  <c r="A75024" i="1" s="1"/>
  <c r="A75025" i="1" s="1"/>
  <c r="A75026" i="1" s="1"/>
  <c r="A75027" i="1" s="1"/>
  <c r="A75028" i="1" s="1"/>
  <c r="A75029" i="1" s="1"/>
  <c r="A75030" i="1" s="1"/>
  <c r="A75031" i="1" s="1"/>
  <c r="A75032" i="1" s="1"/>
  <c r="A75033" i="1" s="1"/>
  <c r="A75034" i="1" s="1"/>
  <c r="A75035" i="1" s="1"/>
  <c r="A75036" i="1" s="1"/>
  <c r="A75037" i="1" s="1"/>
  <c r="A75038" i="1" s="1"/>
  <c r="A75039" i="1" s="1"/>
  <c r="A75040" i="1" s="1"/>
  <c r="A75041" i="1" s="1"/>
  <c r="A75042" i="1" s="1"/>
  <c r="A75043" i="1" s="1"/>
  <c r="A75044" i="1" s="1"/>
  <c r="A75045" i="1" s="1"/>
  <c r="A75046" i="1" s="1"/>
  <c r="A75047" i="1" s="1"/>
  <c r="A75048" i="1" s="1"/>
  <c r="A75049" i="1" s="1"/>
  <c r="A75050" i="1" s="1"/>
  <c r="A75051" i="1" s="1"/>
  <c r="A75052" i="1" s="1"/>
  <c r="A75053" i="1" s="1"/>
  <c r="A75054" i="1" s="1"/>
  <c r="A75055" i="1" s="1"/>
  <c r="A75056" i="1" s="1"/>
  <c r="A75057" i="1" s="1"/>
  <c r="A75058" i="1" s="1"/>
  <c r="A75059" i="1" s="1"/>
  <c r="A75060" i="1" s="1"/>
  <c r="A75061" i="1" s="1"/>
  <c r="A75062" i="1" s="1"/>
  <c r="A75063" i="1" s="1"/>
  <c r="A75064" i="1" s="1"/>
  <c r="A75065" i="1" s="1"/>
  <c r="A75066" i="1" s="1"/>
  <c r="A75067" i="1" s="1"/>
  <c r="A75068" i="1" s="1"/>
  <c r="A75069" i="1" s="1"/>
  <c r="A75070" i="1" s="1"/>
  <c r="A75071" i="1" s="1"/>
  <c r="A75072" i="1" s="1"/>
  <c r="A75073" i="1" s="1"/>
  <c r="A75074" i="1" s="1"/>
  <c r="A75075" i="1" s="1"/>
  <c r="A75076" i="1" s="1"/>
  <c r="A75077" i="1" s="1"/>
  <c r="A75078" i="1" s="1"/>
  <c r="A75079" i="1" s="1"/>
  <c r="A75080" i="1" s="1"/>
  <c r="A75081" i="1" s="1"/>
  <c r="A75082" i="1" s="1"/>
  <c r="A75083" i="1" s="1"/>
  <c r="A75084" i="1" s="1"/>
  <c r="A75085" i="1" s="1"/>
  <c r="A75086" i="1" s="1"/>
  <c r="A75087" i="1" s="1"/>
  <c r="A75088" i="1" s="1"/>
  <c r="A75089" i="1" s="1"/>
  <c r="A75090" i="1" s="1"/>
  <c r="A75091" i="1" s="1"/>
  <c r="A75092" i="1" s="1"/>
  <c r="A75093" i="1" s="1"/>
  <c r="A75094" i="1" s="1"/>
  <c r="A75095" i="1" s="1"/>
  <c r="A75096" i="1" s="1"/>
  <c r="A75097" i="1" s="1"/>
  <c r="A75098" i="1" s="1"/>
  <c r="A75099" i="1" s="1"/>
  <c r="A75100" i="1" s="1"/>
  <c r="A75101" i="1" s="1"/>
  <c r="A75102" i="1" s="1"/>
  <c r="A75103" i="1" s="1"/>
  <c r="A75104" i="1" s="1"/>
  <c r="A75105" i="1" s="1"/>
  <c r="A75106" i="1" s="1"/>
  <c r="A75107" i="1" s="1"/>
  <c r="A75108" i="1" s="1"/>
  <c r="A75109" i="1" s="1"/>
  <c r="A75110" i="1" s="1"/>
  <c r="A75111" i="1" s="1"/>
  <c r="A75112" i="1" s="1"/>
  <c r="A75113" i="1" s="1"/>
  <c r="A75114" i="1" s="1"/>
  <c r="A75115" i="1" s="1"/>
  <c r="A75116" i="1" s="1"/>
  <c r="A75117" i="1" s="1"/>
  <c r="A75118" i="1" s="1"/>
  <c r="A75119" i="1" s="1"/>
  <c r="A75120" i="1" s="1"/>
  <c r="A75121" i="1" s="1"/>
  <c r="A75122" i="1" s="1"/>
  <c r="A75123" i="1" s="1"/>
  <c r="A75124" i="1" s="1"/>
  <c r="A75125" i="1" s="1"/>
  <c r="A75126" i="1" s="1"/>
  <c r="A75127" i="1" s="1"/>
  <c r="A75128" i="1" s="1"/>
  <c r="A75129" i="1" s="1"/>
  <c r="A75130" i="1" s="1"/>
  <c r="A75131" i="1" s="1"/>
  <c r="A75132" i="1" s="1"/>
  <c r="A75133" i="1" s="1"/>
  <c r="A75134" i="1" s="1"/>
  <c r="A75135" i="1" s="1"/>
  <c r="A75136" i="1" s="1"/>
  <c r="A75137" i="1" s="1"/>
  <c r="A75138" i="1" s="1"/>
  <c r="A75139" i="1" s="1"/>
  <c r="A75140" i="1" s="1"/>
  <c r="A75141" i="1" s="1"/>
  <c r="A75142" i="1" s="1"/>
  <c r="A75143" i="1" s="1"/>
  <c r="A75144" i="1" s="1"/>
  <c r="A75145" i="1" s="1"/>
  <c r="A75146" i="1" s="1"/>
  <c r="A75147" i="1" s="1"/>
  <c r="A75148" i="1" s="1"/>
  <c r="A75149" i="1" s="1"/>
  <c r="A75150" i="1" s="1"/>
  <c r="A75151" i="1" s="1"/>
  <c r="A75152" i="1" s="1"/>
  <c r="A75153" i="1" s="1"/>
  <c r="A75154" i="1" s="1"/>
  <c r="A75155" i="1" s="1"/>
  <c r="A75156" i="1" s="1"/>
  <c r="A75157" i="1" s="1"/>
  <c r="A75158" i="1" s="1"/>
  <c r="A75159" i="1" s="1"/>
  <c r="A75160" i="1" s="1"/>
  <c r="A75161" i="1" s="1"/>
  <c r="A75162" i="1" s="1"/>
  <c r="A75163" i="1" s="1"/>
  <c r="A75164" i="1" s="1"/>
  <c r="A75165" i="1" s="1"/>
  <c r="A75166" i="1" s="1"/>
  <c r="A75167" i="1" s="1"/>
  <c r="A75168" i="1" s="1"/>
  <c r="A75169" i="1" s="1"/>
  <c r="A75170" i="1" s="1"/>
  <c r="A75171" i="1" s="1"/>
  <c r="A75172" i="1" s="1"/>
  <c r="A75173" i="1" s="1"/>
  <c r="A75174" i="1" s="1"/>
  <c r="A75175" i="1" s="1"/>
  <c r="A75176" i="1" s="1"/>
  <c r="A75177" i="1" s="1"/>
  <c r="A75178" i="1" s="1"/>
  <c r="A75179" i="1" s="1"/>
  <c r="A75180" i="1" s="1"/>
  <c r="A75181" i="1" s="1"/>
  <c r="A75182" i="1" s="1"/>
  <c r="A75183" i="1" s="1"/>
  <c r="A75184" i="1" s="1"/>
  <c r="A75185" i="1" s="1"/>
  <c r="A75186" i="1" s="1"/>
  <c r="A75187" i="1" s="1"/>
  <c r="A75188" i="1" s="1"/>
  <c r="A75189" i="1" s="1"/>
  <c r="A75190" i="1" s="1"/>
  <c r="A75191" i="1" s="1"/>
  <c r="A75192" i="1" s="1"/>
  <c r="A75193" i="1" s="1"/>
  <c r="A75194" i="1" s="1"/>
  <c r="A75195" i="1" s="1"/>
  <c r="A75196" i="1" s="1"/>
  <c r="A75197" i="1" s="1"/>
  <c r="A75198" i="1" s="1"/>
  <c r="A75199" i="1" s="1"/>
  <c r="A75200" i="1" s="1"/>
  <c r="A75201" i="1" s="1"/>
  <c r="A75202" i="1" s="1"/>
  <c r="A75203" i="1" s="1"/>
  <c r="A75204" i="1" s="1"/>
  <c r="A75205" i="1" s="1"/>
  <c r="A75206" i="1" s="1"/>
  <c r="A75207" i="1" s="1"/>
  <c r="A75208" i="1" s="1"/>
  <c r="A75209" i="1" s="1"/>
  <c r="A75210" i="1" s="1"/>
  <c r="A75211" i="1" s="1"/>
  <c r="A75212" i="1" s="1"/>
  <c r="A75213" i="1" s="1"/>
  <c r="A75214" i="1" s="1"/>
  <c r="A75215" i="1" s="1"/>
  <c r="A75216" i="1" s="1"/>
  <c r="A75217" i="1" s="1"/>
  <c r="A75218" i="1" s="1"/>
  <c r="A75219" i="1" s="1"/>
  <c r="A75220" i="1" s="1"/>
  <c r="A75221" i="1" s="1"/>
  <c r="A75222" i="1" s="1"/>
  <c r="A75223" i="1" s="1"/>
  <c r="A75224" i="1" s="1"/>
  <c r="A75225" i="1" s="1"/>
  <c r="A75226" i="1" s="1"/>
  <c r="A75227" i="1" s="1"/>
  <c r="A75228" i="1" s="1"/>
  <c r="A75229" i="1" s="1"/>
  <c r="A75230" i="1" s="1"/>
  <c r="A75231" i="1" s="1"/>
  <c r="A75232" i="1" s="1"/>
  <c r="A75233" i="1" s="1"/>
  <c r="A75234" i="1" s="1"/>
  <c r="A75235" i="1" s="1"/>
  <c r="A75236" i="1" s="1"/>
  <c r="A75237" i="1" s="1"/>
  <c r="A75238" i="1" s="1"/>
  <c r="A75239" i="1" s="1"/>
  <c r="A75240" i="1" s="1"/>
  <c r="A75241" i="1" s="1"/>
  <c r="A75242" i="1" s="1"/>
  <c r="A75243" i="1" s="1"/>
  <c r="A75244" i="1" s="1"/>
  <c r="A75245" i="1" s="1"/>
  <c r="A75246" i="1" s="1"/>
  <c r="A75247" i="1" s="1"/>
  <c r="A75248" i="1" s="1"/>
  <c r="A75249" i="1" s="1"/>
  <c r="A75250" i="1" s="1"/>
  <c r="A75251" i="1" s="1"/>
  <c r="A75252" i="1" s="1"/>
  <c r="A75253" i="1" s="1"/>
  <c r="A75254" i="1" s="1"/>
  <c r="A75255" i="1" s="1"/>
  <c r="A75256" i="1" s="1"/>
  <c r="A75257" i="1" s="1"/>
  <c r="A75258" i="1" s="1"/>
  <c r="A75259" i="1" s="1"/>
  <c r="A75260" i="1" s="1"/>
  <c r="A75261" i="1" s="1"/>
  <c r="A75262" i="1" s="1"/>
  <c r="A75263" i="1" s="1"/>
  <c r="A75264" i="1" s="1"/>
  <c r="A75265" i="1" s="1"/>
  <c r="A75266" i="1" s="1"/>
  <c r="A75267" i="1" s="1"/>
  <c r="A75268" i="1" s="1"/>
  <c r="A75269" i="1" s="1"/>
  <c r="A75270" i="1" s="1"/>
  <c r="A75271" i="1" s="1"/>
  <c r="A75272" i="1" s="1"/>
  <c r="A75273" i="1" s="1"/>
  <c r="A75274" i="1" s="1"/>
  <c r="A75275" i="1" s="1"/>
  <c r="A75276" i="1" s="1"/>
  <c r="A75277" i="1" s="1"/>
  <c r="A75278" i="1" s="1"/>
  <c r="A75279" i="1" s="1"/>
  <c r="A75280" i="1" s="1"/>
  <c r="A75281" i="1" s="1"/>
  <c r="A75282" i="1" s="1"/>
  <c r="A75283" i="1" s="1"/>
  <c r="A75284" i="1" s="1"/>
  <c r="A75285" i="1" s="1"/>
  <c r="A75286" i="1" s="1"/>
  <c r="A75287" i="1" s="1"/>
  <c r="A75288" i="1" s="1"/>
  <c r="A75289" i="1" s="1"/>
  <c r="A75290" i="1" s="1"/>
  <c r="A75291" i="1" s="1"/>
  <c r="A75292" i="1" s="1"/>
  <c r="A75293" i="1" s="1"/>
  <c r="A75294" i="1" s="1"/>
  <c r="A75295" i="1" s="1"/>
  <c r="A75296" i="1" s="1"/>
  <c r="A75297" i="1" s="1"/>
  <c r="A75298" i="1" s="1"/>
  <c r="A75299" i="1" s="1"/>
  <c r="A75300" i="1" s="1"/>
  <c r="A75301" i="1" s="1"/>
  <c r="A75302" i="1" s="1"/>
  <c r="A75303" i="1" s="1"/>
  <c r="A75304" i="1" s="1"/>
  <c r="A75305" i="1" s="1"/>
  <c r="A75306" i="1" s="1"/>
  <c r="A75307" i="1" s="1"/>
  <c r="A75308" i="1" s="1"/>
  <c r="A75309" i="1" s="1"/>
  <c r="A75310" i="1" s="1"/>
  <c r="A75311" i="1" s="1"/>
  <c r="A75312" i="1" s="1"/>
  <c r="A75313" i="1" s="1"/>
  <c r="A75314" i="1" s="1"/>
  <c r="A75315" i="1" s="1"/>
  <c r="A75316" i="1" s="1"/>
  <c r="A75317" i="1" s="1"/>
  <c r="A75318" i="1" s="1"/>
  <c r="A75319" i="1" s="1"/>
  <c r="A75320" i="1" s="1"/>
  <c r="A75321" i="1" s="1"/>
  <c r="A75322" i="1" s="1"/>
  <c r="A75323" i="1" s="1"/>
  <c r="A75324" i="1" s="1"/>
  <c r="A75325" i="1" s="1"/>
  <c r="A75326" i="1" s="1"/>
  <c r="A75327" i="1" s="1"/>
  <c r="A75328" i="1" s="1"/>
  <c r="A75329" i="1" s="1"/>
  <c r="A75330" i="1" s="1"/>
  <c r="A75331" i="1" s="1"/>
  <c r="A75332" i="1" s="1"/>
  <c r="A75333" i="1" s="1"/>
  <c r="A75334" i="1" s="1"/>
  <c r="A75335" i="1" s="1"/>
  <c r="A75336" i="1" s="1"/>
  <c r="A75337" i="1" s="1"/>
  <c r="A75338" i="1" s="1"/>
  <c r="A75339" i="1" s="1"/>
  <c r="A75340" i="1" s="1"/>
  <c r="A75341" i="1" s="1"/>
  <c r="A75342" i="1" s="1"/>
  <c r="A75343" i="1" s="1"/>
  <c r="A75344" i="1" s="1"/>
  <c r="A75345" i="1" s="1"/>
  <c r="A75346" i="1" s="1"/>
  <c r="A75347" i="1" s="1"/>
  <c r="A75348" i="1" s="1"/>
  <c r="A75349" i="1" s="1"/>
  <c r="A75350" i="1" s="1"/>
  <c r="A75351" i="1" s="1"/>
  <c r="A75352" i="1" s="1"/>
  <c r="A75353" i="1" s="1"/>
  <c r="A75354" i="1" s="1"/>
  <c r="A75355" i="1" s="1"/>
  <c r="A75356" i="1" s="1"/>
  <c r="A75357" i="1" s="1"/>
  <c r="A75358" i="1" s="1"/>
  <c r="A75359" i="1" s="1"/>
  <c r="A75360" i="1" s="1"/>
  <c r="A75361" i="1" s="1"/>
  <c r="A75362" i="1" s="1"/>
  <c r="A75363" i="1" s="1"/>
  <c r="A75364" i="1" s="1"/>
  <c r="A75365" i="1" s="1"/>
  <c r="A75366" i="1" s="1"/>
  <c r="A75367" i="1" s="1"/>
  <c r="A75368" i="1" s="1"/>
  <c r="A75369" i="1" s="1"/>
  <c r="A75370" i="1" s="1"/>
  <c r="A75371" i="1" s="1"/>
  <c r="A75372" i="1" s="1"/>
  <c r="A75373" i="1" s="1"/>
  <c r="A75374" i="1" s="1"/>
  <c r="A75375" i="1" s="1"/>
  <c r="A75376" i="1" s="1"/>
  <c r="A75377" i="1" s="1"/>
  <c r="A75378" i="1" s="1"/>
  <c r="A75379" i="1" s="1"/>
  <c r="A75380" i="1" s="1"/>
  <c r="A75381" i="1" s="1"/>
  <c r="A75382" i="1" s="1"/>
  <c r="A75383" i="1" s="1"/>
  <c r="A75384" i="1" s="1"/>
  <c r="A75385" i="1" s="1"/>
  <c r="A75386" i="1" s="1"/>
  <c r="A75387" i="1" s="1"/>
  <c r="A75388" i="1" s="1"/>
  <c r="A75389" i="1" s="1"/>
  <c r="A75390" i="1" s="1"/>
  <c r="A75391" i="1" s="1"/>
  <c r="A75392" i="1" s="1"/>
  <c r="A75393" i="1" s="1"/>
  <c r="A75394" i="1" s="1"/>
  <c r="A75395" i="1" s="1"/>
  <c r="A75396" i="1" s="1"/>
  <c r="A75397" i="1" s="1"/>
  <c r="A75398" i="1" s="1"/>
  <c r="A75399" i="1" s="1"/>
  <c r="A75400" i="1" s="1"/>
  <c r="A75401" i="1" s="1"/>
  <c r="A75402" i="1" s="1"/>
  <c r="A75403" i="1" s="1"/>
  <c r="A75404" i="1" s="1"/>
  <c r="A75405" i="1" s="1"/>
  <c r="A75406" i="1" s="1"/>
  <c r="A75407" i="1" s="1"/>
  <c r="A75408" i="1" s="1"/>
  <c r="A75409" i="1" s="1"/>
  <c r="A75410" i="1" s="1"/>
  <c r="A75411" i="1" s="1"/>
  <c r="A75412" i="1" s="1"/>
  <c r="A75413" i="1" s="1"/>
  <c r="A75414" i="1" s="1"/>
  <c r="A75415" i="1" s="1"/>
  <c r="A75416" i="1" s="1"/>
  <c r="A75417" i="1" s="1"/>
  <c r="A75418" i="1" s="1"/>
  <c r="A75419" i="1" s="1"/>
  <c r="A75420" i="1" s="1"/>
  <c r="A75421" i="1" s="1"/>
  <c r="A75422" i="1" s="1"/>
  <c r="A75423" i="1" s="1"/>
  <c r="A75424" i="1" s="1"/>
  <c r="A75425" i="1" s="1"/>
  <c r="A75426" i="1" s="1"/>
  <c r="A75427" i="1" s="1"/>
  <c r="A75428" i="1" s="1"/>
  <c r="A75429" i="1" s="1"/>
  <c r="A75430" i="1" s="1"/>
  <c r="A75431" i="1" s="1"/>
  <c r="A75432" i="1" s="1"/>
  <c r="A75433" i="1" s="1"/>
  <c r="A75434" i="1" s="1"/>
  <c r="A75435" i="1" s="1"/>
  <c r="A75436" i="1" s="1"/>
  <c r="A75437" i="1" s="1"/>
  <c r="A75438" i="1" s="1"/>
  <c r="A75439" i="1" s="1"/>
  <c r="A75440" i="1" s="1"/>
  <c r="A75441" i="1" s="1"/>
  <c r="A75442" i="1" s="1"/>
  <c r="A75443" i="1" s="1"/>
  <c r="A75444" i="1" s="1"/>
  <c r="A75445" i="1" s="1"/>
  <c r="A75446" i="1" s="1"/>
  <c r="A75447" i="1" s="1"/>
  <c r="A75448" i="1" s="1"/>
  <c r="A75449" i="1" s="1"/>
  <c r="A75450" i="1" s="1"/>
  <c r="A75451" i="1" s="1"/>
  <c r="A75452" i="1" s="1"/>
  <c r="A75453" i="1" s="1"/>
  <c r="A75454" i="1" s="1"/>
  <c r="A75455" i="1" s="1"/>
  <c r="A75456" i="1" s="1"/>
  <c r="A75457" i="1" s="1"/>
  <c r="A75458" i="1" s="1"/>
  <c r="A75459" i="1" s="1"/>
  <c r="A75460" i="1" s="1"/>
  <c r="A75461" i="1" s="1"/>
  <c r="A75462" i="1" s="1"/>
  <c r="A75463" i="1" s="1"/>
  <c r="A75464" i="1" s="1"/>
  <c r="A75465" i="1" s="1"/>
  <c r="A75466" i="1" s="1"/>
  <c r="A75467" i="1" s="1"/>
  <c r="A75468" i="1" s="1"/>
  <c r="A75469" i="1" s="1"/>
  <c r="A75470" i="1" s="1"/>
  <c r="A75471" i="1" s="1"/>
  <c r="A75472" i="1" s="1"/>
  <c r="A75473" i="1" s="1"/>
  <c r="A75474" i="1" s="1"/>
  <c r="A75475" i="1" s="1"/>
  <c r="A75476" i="1" s="1"/>
  <c r="A75477" i="1" s="1"/>
  <c r="A75478" i="1" s="1"/>
  <c r="A75479" i="1" s="1"/>
  <c r="A75480" i="1" s="1"/>
  <c r="A75481" i="1" s="1"/>
  <c r="A75482" i="1" s="1"/>
  <c r="A75483" i="1" s="1"/>
  <c r="A75484" i="1" s="1"/>
  <c r="A75485" i="1" s="1"/>
  <c r="A75486" i="1" s="1"/>
  <c r="A75487" i="1" s="1"/>
  <c r="A75488" i="1" s="1"/>
  <c r="A75489" i="1" s="1"/>
  <c r="A75490" i="1" s="1"/>
  <c r="A75491" i="1" s="1"/>
  <c r="A75492" i="1" s="1"/>
  <c r="A75493" i="1" s="1"/>
  <c r="A75494" i="1" s="1"/>
  <c r="A75495" i="1" s="1"/>
  <c r="A75496" i="1" s="1"/>
  <c r="A75497" i="1" s="1"/>
  <c r="A75498" i="1" s="1"/>
  <c r="A75499" i="1" s="1"/>
  <c r="A75500" i="1" s="1"/>
  <c r="A75501" i="1" s="1"/>
  <c r="A75502" i="1" s="1"/>
  <c r="A75503" i="1" s="1"/>
  <c r="A75504" i="1" s="1"/>
  <c r="A75505" i="1" s="1"/>
  <c r="A75506" i="1" s="1"/>
  <c r="A75507" i="1" s="1"/>
  <c r="A75508" i="1" s="1"/>
  <c r="A75509" i="1" s="1"/>
  <c r="A75510" i="1" s="1"/>
  <c r="A75511" i="1" s="1"/>
  <c r="A75512" i="1" s="1"/>
  <c r="A75513" i="1" s="1"/>
  <c r="A75514" i="1" s="1"/>
  <c r="A75515" i="1" s="1"/>
  <c r="A75516" i="1" s="1"/>
  <c r="A75517" i="1" s="1"/>
  <c r="A75518" i="1" s="1"/>
  <c r="A75519" i="1" s="1"/>
  <c r="A75520" i="1" s="1"/>
  <c r="A75521" i="1" s="1"/>
  <c r="A75522" i="1" s="1"/>
  <c r="A75523" i="1" s="1"/>
  <c r="A75524" i="1" s="1"/>
  <c r="A75525" i="1" s="1"/>
  <c r="A75526" i="1" s="1"/>
  <c r="A75527" i="1" s="1"/>
  <c r="A75528" i="1" s="1"/>
  <c r="A75529" i="1" s="1"/>
  <c r="A75530" i="1" s="1"/>
  <c r="A75531" i="1" s="1"/>
  <c r="A75532" i="1" s="1"/>
  <c r="A75533" i="1" s="1"/>
  <c r="A75534" i="1" s="1"/>
  <c r="A75535" i="1" s="1"/>
  <c r="A75536" i="1" s="1"/>
  <c r="A75537" i="1" s="1"/>
  <c r="A75538" i="1" s="1"/>
  <c r="A75539" i="1" s="1"/>
  <c r="A75540" i="1" s="1"/>
  <c r="A75541" i="1" s="1"/>
  <c r="A75542" i="1" s="1"/>
  <c r="A75543" i="1" s="1"/>
  <c r="A75544" i="1" s="1"/>
  <c r="A75545" i="1" s="1"/>
  <c r="A75546" i="1" s="1"/>
  <c r="A75547" i="1" s="1"/>
  <c r="A75548" i="1" s="1"/>
  <c r="A75549" i="1" s="1"/>
  <c r="A75550" i="1" s="1"/>
  <c r="A75551" i="1" s="1"/>
  <c r="A75552" i="1" s="1"/>
  <c r="A75553" i="1" s="1"/>
  <c r="A75554" i="1" s="1"/>
  <c r="A75555" i="1" s="1"/>
  <c r="A75556" i="1" s="1"/>
  <c r="A75557" i="1" s="1"/>
  <c r="A75558" i="1" s="1"/>
  <c r="A75559" i="1" s="1"/>
  <c r="A75560" i="1" s="1"/>
  <c r="A75561" i="1" s="1"/>
  <c r="A75562" i="1" s="1"/>
  <c r="A75563" i="1" s="1"/>
  <c r="A75564" i="1" s="1"/>
  <c r="A75565" i="1" s="1"/>
  <c r="A75566" i="1" s="1"/>
  <c r="A75567" i="1" s="1"/>
  <c r="A75568" i="1" s="1"/>
  <c r="A75569" i="1" s="1"/>
  <c r="A75570" i="1" s="1"/>
  <c r="A75571" i="1" s="1"/>
  <c r="A75572" i="1" s="1"/>
  <c r="A75573" i="1" s="1"/>
  <c r="A75574" i="1" s="1"/>
  <c r="A75575" i="1" s="1"/>
  <c r="A75576" i="1" s="1"/>
  <c r="A75577" i="1" s="1"/>
  <c r="A75578" i="1" s="1"/>
  <c r="A75579" i="1" s="1"/>
  <c r="A75580" i="1" s="1"/>
  <c r="A75581" i="1" s="1"/>
  <c r="A75582" i="1" s="1"/>
  <c r="A75583" i="1" s="1"/>
  <c r="A75584" i="1" s="1"/>
  <c r="A75585" i="1" s="1"/>
  <c r="A75586" i="1" s="1"/>
  <c r="A75587" i="1" s="1"/>
  <c r="A75588" i="1" s="1"/>
  <c r="A75589" i="1" s="1"/>
  <c r="A75590" i="1" s="1"/>
  <c r="A75591" i="1" s="1"/>
  <c r="A75592" i="1" s="1"/>
  <c r="A75593" i="1" s="1"/>
  <c r="A75594" i="1" s="1"/>
  <c r="A75595" i="1" s="1"/>
  <c r="A75596" i="1" s="1"/>
  <c r="A75597" i="1" s="1"/>
  <c r="A75598" i="1" s="1"/>
  <c r="A75599" i="1" s="1"/>
  <c r="A75600" i="1" s="1"/>
  <c r="A75601" i="1" s="1"/>
  <c r="A75602" i="1" s="1"/>
  <c r="A75603" i="1" s="1"/>
  <c r="A75604" i="1" s="1"/>
  <c r="A75605" i="1" s="1"/>
  <c r="A75606" i="1" s="1"/>
  <c r="A75607" i="1" s="1"/>
  <c r="A75608" i="1" s="1"/>
  <c r="A75609" i="1" s="1"/>
  <c r="A75610" i="1" s="1"/>
  <c r="A75611" i="1" s="1"/>
  <c r="A75612" i="1" s="1"/>
  <c r="A75613" i="1" s="1"/>
  <c r="A75614" i="1" s="1"/>
  <c r="A75615" i="1" s="1"/>
  <c r="A75616" i="1" s="1"/>
  <c r="A75617" i="1" s="1"/>
  <c r="A75618" i="1" s="1"/>
  <c r="A75619" i="1" s="1"/>
  <c r="A75620" i="1" s="1"/>
  <c r="A75621" i="1" s="1"/>
  <c r="A75622" i="1" s="1"/>
  <c r="A75623" i="1" s="1"/>
  <c r="A75624" i="1" s="1"/>
  <c r="A75625" i="1" s="1"/>
  <c r="A75626" i="1" s="1"/>
  <c r="A75627" i="1" s="1"/>
  <c r="A75628" i="1" s="1"/>
  <c r="A75629" i="1" s="1"/>
  <c r="A75630" i="1" s="1"/>
  <c r="A75631" i="1" s="1"/>
  <c r="A75632" i="1" s="1"/>
  <c r="A75633" i="1" s="1"/>
  <c r="A75634" i="1" s="1"/>
  <c r="A75635" i="1" s="1"/>
  <c r="A75636" i="1" s="1"/>
  <c r="A75637" i="1" s="1"/>
  <c r="A75638" i="1" s="1"/>
  <c r="A75639" i="1" s="1"/>
  <c r="A75640" i="1" s="1"/>
  <c r="A75641" i="1" s="1"/>
  <c r="A75642" i="1" s="1"/>
  <c r="A75643" i="1" s="1"/>
  <c r="A75644" i="1" s="1"/>
  <c r="A75645" i="1" s="1"/>
  <c r="A75646" i="1" s="1"/>
  <c r="A75647" i="1" s="1"/>
  <c r="A75648" i="1" s="1"/>
  <c r="A75649" i="1" s="1"/>
  <c r="A75650" i="1" s="1"/>
  <c r="A75651" i="1" s="1"/>
  <c r="A75652" i="1" s="1"/>
  <c r="A75653" i="1" s="1"/>
  <c r="A75654" i="1" s="1"/>
  <c r="A75655" i="1" s="1"/>
  <c r="A75656" i="1" s="1"/>
  <c r="A75657" i="1" s="1"/>
  <c r="A75658" i="1" s="1"/>
  <c r="A75659" i="1" s="1"/>
  <c r="A75660" i="1" s="1"/>
  <c r="A75661" i="1" s="1"/>
  <c r="A75662" i="1" s="1"/>
  <c r="A75663" i="1" s="1"/>
  <c r="A75664" i="1" s="1"/>
  <c r="A75665" i="1" s="1"/>
  <c r="A75666" i="1" s="1"/>
  <c r="A75667" i="1" s="1"/>
  <c r="A75668" i="1" s="1"/>
  <c r="A75669" i="1" s="1"/>
  <c r="A75670" i="1" s="1"/>
  <c r="A75671" i="1" s="1"/>
  <c r="A75672" i="1" s="1"/>
  <c r="A75673" i="1" s="1"/>
  <c r="A75674" i="1" s="1"/>
  <c r="A75675" i="1" s="1"/>
  <c r="A75676" i="1" s="1"/>
  <c r="A75677" i="1" s="1"/>
  <c r="A75678" i="1" s="1"/>
  <c r="A75679" i="1" s="1"/>
  <c r="A75680" i="1" s="1"/>
  <c r="A75681" i="1" s="1"/>
  <c r="A75682" i="1" s="1"/>
  <c r="A75683" i="1" s="1"/>
  <c r="A75684" i="1" s="1"/>
  <c r="A75685" i="1" s="1"/>
  <c r="A75686" i="1" s="1"/>
  <c r="A75687" i="1" s="1"/>
  <c r="A75688" i="1" s="1"/>
  <c r="A75689" i="1" s="1"/>
  <c r="A75690" i="1" s="1"/>
  <c r="A75691" i="1" s="1"/>
  <c r="A75692" i="1" s="1"/>
  <c r="A75693" i="1" s="1"/>
  <c r="A75694" i="1" s="1"/>
  <c r="A75695" i="1" s="1"/>
  <c r="A75696" i="1" s="1"/>
  <c r="A75697" i="1" s="1"/>
  <c r="A75698" i="1" s="1"/>
  <c r="A75699" i="1" s="1"/>
  <c r="A75700" i="1" s="1"/>
  <c r="A75701" i="1" s="1"/>
  <c r="A75702" i="1" s="1"/>
  <c r="A75703" i="1" s="1"/>
  <c r="A75704" i="1" s="1"/>
  <c r="A75705" i="1" s="1"/>
  <c r="A75706" i="1" s="1"/>
  <c r="A75707" i="1" s="1"/>
  <c r="A75708" i="1" s="1"/>
  <c r="A75709" i="1" s="1"/>
  <c r="A75710" i="1" s="1"/>
  <c r="A75711" i="1" s="1"/>
  <c r="A75712" i="1" s="1"/>
  <c r="A75713" i="1" s="1"/>
  <c r="A75714" i="1" s="1"/>
  <c r="A75715" i="1" s="1"/>
  <c r="A75716" i="1" s="1"/>
  <c r="A75717" i="1" s="1"/>
  <c r="A75718" i="1" s="1"/>
  <c r="A75719" i="1" s="1"/>
  <c r="A75720" i="1" s="1"/>
  <c r="A75721" i="1" s="1"/>
  <c r="A75722" i="1" s="1"/>
  <c r="A75723" i="1" s="1"/>
  <c r="A75724" i="1" s="1"/>
  <c r="A75725" i="1" s="1"/>
  <c r="A75726" i="1" s="1"/>
  <c r="A75727" i="1" s="1"/>
  <c r="A75728" i="1" s="1"/>
  <c r="A75729" i="1" s="1"/>
  <c r="A75730" i="1" s="1"/>
  <c r="A75731" i="1" s="1"/>
  <c r="A75732" i="1" s="1"/>
  <c r="A75733" i="1" s="1"/>
  <c r="A75734" i="1" s="1"/>
  <c r="A75735" i="1" s="1"/>
  <c r="A75736" i="1" s="1"/>
  <c r="A75737" i="1" s="1"/>
  <c r="A75738" i="1" s="1"/>
  <c r="A75739" i="1" s="1"/>
  <c r="A75740" i="1" s="1"/>
  <c r="A75741" i="1" s="1"/>
  <c r="A75742" i="1" s="1"/>
  <c r="A75743" i="1" s="1"/>
  <c r="A75744" i="1" s="1"/>
  <c r="A75745" i="1" s="1"/>
  <c r="A75746" i="1" s="1"/>
  <c r="A75747" i="1" s="1"/>
  <c r="A75748" i="1" s="1"/>
  <c r="A75749" i="1" s="1"/>
  <c r="A75750" i="1" s="1"/>
  <c r="A75751" i="1" s="1"/>
  <c r="A75752" i="1" s="1"/>
  <c r="A75753" i="1" s="1"/>
  <c r="A75754" i="1" s="1"/>
  <c r="A75755" i="1" s="1"/>
  <c r="A75756" i="1" s="1"/>
  <c r="A75757" i="1" s="1"/>
  <c r="A75758" i="1" s="1"/>
  <c r="A75759" i="1" s="1"/>
  <c r="A75760" i="1" s="1"/>
  <c r="A75761" i="1" s="1"/>
  <c r="A75762" i="1" s="1"/>
  <c r="A75763" i="1" s="1"/>
  <c r="A75764" i="1" s="1"/>
  <c r="A75765" i="1" s="1"/>
  <c r="A75766" i="1" s="1"/>
  <c r="A75767" i="1" s="1"/>
  <c r="A75768" i="1" s="1"/>
  <c r="A75769" i="1" s="1"/>
  <c r="A75770" i="1" s="1"/>
  <c r="A75771" i="1" s="1"/>
  <c r="A75772" i="1" s="1"/>
  <c r="A75773" i="1" s="1"/>
  <c r="A75774" i="1" s="1"/>
  <c r="A75775" i="1" s="1"/>
  <c r="A75776" i="1" s="1"/>
  <c r="A75777" i="1" s="1"/>
  <c r="A75778" i="1" s="1"/>
  <c r="A75779" i="1" s="1"/>
  <c r="A75780" i="1" s="1"/>
  <c r="A75781" i="1" s="1"/>
  <c r="A75782" i="1" s="1"/>
  <c r="A75783" i="1" s="1"/>
  <c r="A75784" i="1" s="1"/>
  <c r="A75785" i="1" s="1"/>
  <c r="A75786" i="1" s="1"/>
  <c r="A75787" i="1" s="1"/>
  <c r="A75788" i="1" s="1"/>
  <c r="A75789" i="1" s="1"/>
  <c r="A75790" i="1" s="1"/>
  <c r="A75791" i="1" s="1"/>
  <c r="A75792" i="1" s="1"/>
  <c r="A75793" i="1" s="1"/>
  <c r="A75794" i="1" s="1"/>
  <c r="A75795" i="1" s="1"/>
  <c r="A75796" i="1" s="1"/>
  <c r="A75797" i="1" s="1"/>
  <c r="A75798" i="1" s="1"/>
  <c r="A75799" i="1" s="1"/>
  <c r="A75800" i="1" s="1"/>
  <c r="A75801" i="1" s="1"/>
  <c r="A75802" i="1" s="1"/>
  <c r="A75803" i="1" s="1"/>
  <c r="A75804" i="1" s="1"/>
  <c r="A75805" i="1" s="1"/>
  <c r="A75806" i="1" s="1"/>
  <c r="A75807" i="1" s="1"/>
  <c r="A75808" i="1" s="1"/>
  <c r="A75809" i="1" s="1"/>
  <c r="A75810" i="1" s="1"/>
  <c r="A75811" i="1" s="1"/>
  <c r="A75812" i="1" s="1"/>
  <c r="A75813" i="1" s="1"/>
  <c r="A75814" i="1" s="1"/>
  <c r="A75815" i="1" s="1"/>
  <c r="A75816" i="1" s="1"/>
  <c r="A75817" i="1" s="1"/>
  <c r="A75818" i="1" s="1"/>
  <c r="A75819" i="1" s="1"/>
  <c r="A75820" i="1" s="1"/>
  <c r="A75821" i="1" s="1"/>
  <c r="A75822" i="1" s="1"/>
  <c r="A75823" i="1" s="1"/>
  <c r="A75824" i="1" s="1"/>
  <c r="A75825" i="1" s="1"/>
  <c r="A75826" i="1" s="1"/>
  <c r="A75827" i="1" s="1"/>
  <c r="A75828" i="1" s="1"/>
  <c r="A75829" i="1" s="1"/>
  <c r="A75830" i="1" s="1"/>
  <c r="A75831" i="1" s="1"/>
  <c r="A75832" i="1" s="1"/>
  <c r="A75833" i="1" s="1"/>
  <c r="A75834" i="1" s="1"/>
  <c r="A75835" i="1" s="1"/>
  <c r="A75836" i="1" s="1"/>
  <c r="A75837" i="1" s="1"/>
  <c r="A75838" i="1" s="1"/>
  <c r="A75839" i="1" s="1"/>
  <c r="A75840" i="1" s="1"/>
  <c r="A75841" i="1" s="1"/>
  <c r="A75842" i="1" s="1"/>
  <c r="A75843" i="1" s="1"/>
  <c r="A75844" i="1" s="1"/>
  <c r="A75845" i="1" s="1"/>
  <c r="A75846" i="1" s="1"/>
  <c r="A75847" i="1" s="1"/>
  <c r="A75848" i="1" s="1"/>
  <c r="A75849" i="1" s="1"/>
  <c r="A75850" i="1" s="1"/>
  <c r="A75851" i="1" s="1"/>
  <c r="A75852" i="1" s="1"/>
  <c r="A75853" i="1" s="1"/>
  <c r="A75854" i="1" s="1"/>
  <c r="A75855" i="1" s="1"/>
  <c r="A75856" i="1" s="1"/>
  <c r="A75857" i="1" s="1"/>
  <c r="A75858" i="1" s="1"/>
  <c r="A75859" i="1" s="1"/>
  <c r="A75860" i="1" s="1"/>
  <c r="A75861" i="1" s="1"/>
  <c r="A75862" i="1" s="1"/>
  <c r="A75863" i="1" s="1"/>
  <c r="A75864" i="1" s="1"/>
  <c r="A75865" i="1" s="1"/>
  <c r="A75866" i="1" s="1"/>
  <c r="A75867" i="1" s="1"/>
  <c r="A75868" i="1" s="1"/>
  <c r="A75869" i="1" s="1"/>
  <c r="A75870" i="1" s="1"/>
  <c r="A75871" i="1" s="1"/>
  <c r="A75872" i="1" s="1"/>
  <c r="A75873" i="1" s="1"/>
  <c r="A75874" i="1" s="1"/>
  <c r="A75875" i="1" s="1"/>
  <c r="A75876" i="1" s="1"/>
  <c r="A75877" i="1" s="1"/>
  <c r="A75878" i="1" s="1"/>
  <c r="A75879" i="1" s="1"/>
  <c r="A75880" i="1" s="1"/>
  <c r="A75881" i="1" s="1"/>
  <c r="A75882" i="1" s="1"/>
  <c r="A75883" i="1" s="1"/>
  <c r="A75884" i="1" s="1"/>
  <c r="A75885" i="1" s="1"/>
  <c r="A75886" i="1" s="1"/>
  <c r="A75887" i="1" s="1"/>
  <c r="A75888" i="1" s="1"/>
  <c r="A75889" i="1" s="1"/>
  <c r="A75890" i="1" s="1"/>
  <c r="A75891" i="1" s="1"/>
  <c r="A75892" i="1" s="1"/>
  <c r="A75893" i="1" s="1"/>
  <c r="A75894" i="1" s="1"/>
  <c r="A75895" i="1" s="1"/>
  <c r="A75896" i="1" s="1"/>
  <c r="A75897" i="1" s="1"/>
  <c r="A75898" i="1" s="1"/>
  <c r="A75899" i="1" s="1"/>
  <c r="A75900" i="1" s="1"/>
  <c r="A75901" i="1" s="1"/>
  <c r="A75902" i="1" s="1"/>
  <c r="A75903" i="1" s="1"/>
  <c r="A75904" i="1" s="1"/>
  <c r="A75905" i="1" s="1"/>
  <c r="A75906" i="1" s="1"/>
  <c r="A75907" i="1" s="1"/>
  <c r="A75908" i="1" s="1"/>
  <c r="A75909" i="1" s="1"/>
  <c r="A75910" i="1" s="1"/>
  <c r="A75911" i="1" s="1"/>
  <c r="A75912" i="1" s="1"/>
  <c r="A75913" i="1" s="1"/>
  <c r="A75914" i="1" s="1"/>
  <c r="A75915" i="1" s="1"/>
  <c r="A75916" i="1" s="1"/>
  <c r="A75917" i="1" s="1"/>
  <c r="A75918" i="1" s="1"/>
  <c r="A75919" i="1" s="1"/>
  <c r="A75920" i="1" s="1"/>
  <c r="A75921" i="1" s="1"/>
  <c r="A75922" i="1" s="1"/>
  <c r="A75923" i="1" s="1"/>
  <c r="A75924" i="1" s="1"/>
  <c r="A75925" i="1" s="1"/>
  <c r="A75926" i="1" s="1"/>
  <c r="A75927" i="1" s="1"/>
  <c r="A75928" i="1" s="1"/>
  <c r="A75929" i="1" s="1"/>
  <c r="A75930" i="1" s="1"/>
  <c r="A75931" i="1" s="1"/>
  <c r="A75932" i="1" s="1"/>
  <c r="A75933" i="1" s="1"/>
  <c r="A75934" i="1" s="1"/>
  <c r="A75935" i="1" s="1"/>
  <c r="A75936" i="1" s="1"/>
  <c r="A75937" i="1" s="1"/>
  <c r="A75938" i="1" s="1"/>
  <c r="A75939" i="1" s="1"/>
  <c r="A75940" i="1" s="1"/>
  <c r="A75941" i="1" s="1"/>
  <c r="A75942" i="1" s="1"/>
  <c r="A75943" i="1" s="1"/>
  <c r="A75944" i="1" s="1"/>
  <c r="A75945" i="1" s="1"/>
  <c r="A75946" i="1" s="1"/>
  <c r="A75947" i="1" s="1"/>
  <c r="A75948" i="1" s="1"/>
  <c r="A75949" i="1" s="1"/>
  <c r="A75950" i="1" s="1"/>
  <c r="A75951" i="1" s="1"/>
  <c r="A75952" i="1" s="1"/>
  <c r="A75953" i="1" s="1"/>
  <c r="A75954" i="1" s="1"/>
  <c r="A75955" i="1" s="1"/>
  <c r="A75956" i="1" s="1"/>
  <c r="A75957" i="1" s="1"/>
  <c r="A75958" i="1" s="1"/>
  <c r="A75959" i="1" s="1"/>
  <c r="A75960" i="1" s="1"/>
  <c r="A75961" i="1" s="1"/>
  <c r="A75962" i="1" s="1"/>
  <c r="A75963" i="1" s="1"/>
  <c r="A75964" i="1" s="1"/>
  <c r="A75965" i="1" s="1"/>
  <c r="A75966" i="1" s="1"/>
  <c r="A75967" i="1" s="1"/>
  <c r="A75968" i="1" s="1"/>
  <c r="A75969" i="1" s="1"/>
  <c r="A75970" i="1" s="1"/>
  <c r="A75971" i="1" s="1"/>
  <c r="A75972" i="1" s="1"/>
  <c r="A75973" i="1" s="1"/>
  <c r="A75974" i="1" s="1"/>
  <c r="A75975" i="1" s="1"/>
  <c r="A75976" i="1" s="1"/>
  <c r="A75977" i="1" s="1"/>
  <c r="A75978" i="1" s="1"/>
  <c r="A75979" i="1" s="1"/>
  <c r="A75980" i="1" s="1"/>
  <c r="A75981" i="1" s="1"/>
  <c r="A75982" i="1" s="1"/>
  <c r="A75983" i="1" s="1"/>
  <c r="A75984" i="1" s="1"/>
  <c r="A75985" i="1" s="1"/>
  <c r="A75986" i="1" s="1"/>
  <c r="A75987" i="1" s="1"/>
  <c r="A75988" i="1" s="1"/>
  <c r="A75989" i="1" s="1"/>
  <c r="A75990" i="1" s="1"/>
  <c r="A75991" i="1" s="1"/>
  <c r="A75992" i="1" s="1"/>
  <c r="A75993" i="1" s="1"/>
  <c r="A75994" i="1" s="1"/>
  <c r="A75995" i="1" s="1"/>
  <c r="A75996" i="1" s="1"/>
  <c r="A75997" i="1" s="1"/>
  <c r="A75998" i="1" s="1"/>
  <c r="A75999" i="1" s="1"/>
  <c r="A76000" i="1" s="1"/>
  <c r="A76001" i="1" s="1"/>
  <c r="A76002" i="1" s="1"/>
  <c r="A76003" i="1" s="1"/>
  <c r="A76004" i="1" s="1"/>
  <c r="A76005" i="1" s="1"/>
  <c r="A76006" i="1" s="1"/>
  <c r="A76007" i="1" s="1"/>
  <c r="A76008" i="1" s="1"/>
  <c r="A76009" i="1" s="1"/>
  <c r="A76010" i="1" s="1"/>
  <c r="A76011" i="1" s="1"/>
  <c r="A76012" i="1" s="1"/>
  <c r="A76013" i="1" s="1"/>
  <c r="A76014" i="1" s="1"/>
  <c r="A76015" i="1" s="1"/>
  <c r="A76016" i="1" s="1"/>
  <c r="A76017" i="1" s="1"/>
  <c r="A76018" i="1" s="1"/>
  <c r="A76019" i="1" s="1"/>
  <c r="A76020" i="1" s="1"/>
  <c r="A76021" i="1" s="1"/>
  <c r="A76022" i="1" s="1"/>
  <c r="A76023" i="1" s="1"/>
  <c r="A76024" i="1" s="1"/>
  <c r="A76025" i="1" s="1"/>
  <c r="A76026" i="1" s="1"/>
  <c r="A76027" i="1" s="1"/>
  <c r="A76028" i="1" s="1"/>
  <c r="A76029" i="1" s="1"/>
  <c r="A76030" i="1" s="1"/>
  <c r="A76031" i="1" s="1"/>
  <c r="A76032" i="1" s="1"/>
  <c r="A76033" i="1" s="1"/>
  <c r="A76034" i="1" s="1"/>
  <c r="A76035" i="1" s="1"/>
  <c r="A76036" i="1" s="1"/>
  <c r="A76037" i="1" s="1"/>
  <c r="A76038" i="1" s="1"/>
  <c r="A76039" i="1" s="1"/>
  <c r="A76040" i="1" s="1"/>
  <c r="A76041" i="1" s="1"/>
  <c r="A76042" i="1" s="1"/>
  <c r="A76043" i="1" s="1"/>
  <c r="A76044" i="1" s="1"/>
  <c r="A76045" i="1" s="1"/>
  <c r="A76046" i="1" s="1"/>
  <c r="A76047" i="1" s="1"/>
  <c r="A76048" i="1" s="1"/>
  <c r="A76049" i="1" s="1"/>
  <c r="A76050" i="1" s="1"/>
  <c r="A76051" i="1" s="1"/>
  <c r="A76052" i="1" s="1"/>
  <c r="A76053" i="1" s="1"/>
  <c r="A76054" i="1" s="1"/>
  <c r="A76055" i="1" s="1"/>
  <c r="A76056" i="1" s="1"/>
  <c r="A76057" i="1" s="1"/>
  <c r="A76058" i="1" s="1"/>
  <c r="A76059" i="1" s="1"/>
  <c r="A76060" i="1" s="1"/>
  <c r="A76061" i="1" s="1"/>
  <c r="A76062" i="1" s="1"/>
  <c r="A76063" i="1" s="1"/>
  <c r="A76064" i="1" s="1"/>
  <c r="A76065" i="1" s="1"/>
  <c r="A76066" i="1" s="1"/>
  <c r="A76067" i="1" s="1"/>
  <c r="A76068" i="1" s="1"/>
  <c r="A76069" i="1" s="1"/>
  <c r="A76070" i="1" s="1"/>
  <c r="A76071" i="1" s="1"/>
  <c r="A76072" i="1" s="1"/>
  <c r="A76073" i="1" s="1"/>
  <c r="A76074" i="1" s="1"/>
  <c r="A76075" i="1" s="1"/>
  <c r="A76076" i="1" s="1"/>
  <c r="A76077" i="1" s="1"/>
  <c r="A76078" i="1" s="1"/>
  <c r="A76079" i="1" s="1"/>
  <c r="A76080" i="1" s="1"/>
  <c r="A76081" i="1" s="1"/>
  <c r="A76082" i="1" s="1"/>
  <c r="A76083" i="1" s="1"/>
  <c r="A76084" i="1" s="1"/>
  <c r="A76085" i="1" s="1"/>
  <c r="A76086" i="1" s="1"/>
  <c r="A76087" i="1" s="1"/>
  <c r="A76088" i="1" s="1"/>
  <c r="A76089" i="1" s="1"/>
  <c r="A76090" i="1" s="1"/>
  <c r="A76091" i="1" s="1"/>
  <c r="A76092" i="1" s="1"/>
  <c r="A76093" i="1" s="1"/>
  <c r="A76094" i="1" s="1"/>
  <c r="A76095" i="1" s="1"/>
  <c r="A76096" i="1" s="1"/>
  <c r="A76097" i="1" s="1"/>
  <c r="A76098" i="1" s="1"/>
  <c r="A76099" i="1" s="1"/>
  <c r="A76100" i="1" s="1"/>
  <c r="A76101" i="1" s="1"/>
  <c r="A76102" i="1" s="1"/>
  <c r="A76103" i="1" s="1"/>
  <c r="A76104" i="1" s="1"/>
  <c r="A76105" i="1" s="1"/>
  <c r="A76106" i="1" s="1"/>
  <c r="A76107" i="1" s="1"/>
  <c r="A76108" i="1" s="1"/>
  <c r="A76109" i="1" s="1"/>
  <c r="A76110" i="1" s="1"/>
  <c r="A76111" i="1" s="1"/>
  <c r="A76112" i="1" s="1"/>
  <c r="A76113" i="1" s="1"/>
  <c r="A76114" i="1" s="1"/>
  <c r="A76115" i="1" s="1"/>
  <c r="A76116" i="1" s="1"/>
  <c r="A76117" i="1" s="1"/>
  <c r="A76118" i="1" s="1"/>
  <c r="A76119" i="1" s="1"/>
  <c r="A76120" i="1" s="1"/>
  <c r="A76121" i="1" s="1"/>
  <c r="A76122" i="1" s="1"/>
  <c r="A76123" i="1" s="1"/>
  <c r="A76124" i="1" s="1"/>
  <c r="A76125" i="1" s="1"/>
  <c r="A76126" i="1" s="1"/>
  <c r="A76127" i="1" s="1"/>
  <c r="A76128" i="1" s="1"/>
  <c r="A76129" i="1" s="1"/>
  <c r="A76130" i="1" s="1"/>
  <c r="A76131" i="1" s="1"/>
  <c r="A76132" i="1" s="1"/>
  <c r="A76133" i="1" s="1"/>
  <c r="A76134" i="1" s="1"/>
  <c r="A76135" i="1" s="1"/>
  <c r="A76136" i="1" s="1"/>
  <c r="A76137" i="1" s="1"/>
  <c r="A76138" i="1" s="1"/>
  <c r="A76139" i="1" s="1"/>
  <c r="A76140" i="1" s="1"/>
  <c r="A76141" i="1" s="1"/>
  <c r="A76142" i="1" s="1"/>
  <c r="A76143" i="1" s="1"/>
  <c r="A76144" i="1" s="1"/>
  <c r="A76145" i="1" s="1"/>
  <c r="A76146" i="1" s="1"/>
  <c r="A76147" i="1" s="1"/>
  <c r="A76148" i="1" s="1"/>
  <c r="A76149" i="1" s="1"/>
  <c r="A76150" i="1" s="1"/>
  <c r="A76151" i="1" s="1"/>
  <c r="A76152" i="1" s="1"/>
  <c r="A76153" i="1" s="1"/>
  <c r="A76154" i="1" s="1"/>
  <c r="A76155" i="1" s="1"/>
  <c r="A76156" i="1" s="1"/>
  <c r="A76157" i="1" s="1"/>
  <c r="A76158" i="1" s="1"/>
  <c r="A76159" i="1" s="1"/>
  <c r="A76160" i="1" s="1"/>
  <c r="A76161" i="1" s="1"/>
  <c r="A76162" i="1" s="1"/>
  <c r="A76163" i="1" s="1"/>
  <c r="A76164" i="1" s="1"/>
  <c r="A76165" i="1" s="1"/>
  <c r="A76166" i="1" s="1"/>
  <c r="A76167" i="1" s="1"/>
  <c r="A76168" i="1" s="1"/>
  <c r="A76169" i="1" s="1"/>
  <c r="A76170" i="1" s="1"/>
  <c r="A76171" i="1" s="1"/>
  <c r="A76172" i="1" s="1"/>
  <c r="A76173" i="1" s="1"/>
  <c r="A76174" i="1" s="1"/>
  <c r="A76175" i="1" s="1"/>
  <c r="A76176" i="1" s="1"/>
  <c r="A76177" i="1" s="1"/>
  <c r="A76178" i="1" s="1"/>
  <c r="A76179" i="1" s="1"/>
  <c r="A76180" i="1" s="1"/>
  <c r="A76181" i="1" s="1"/>
  <c r="A76182" i="1" s="1"/>
  <c r="A76183" i="1" s="1"/>
  <c r="A76184" i="1" s="1"/>
  <c r="A76185" i="1" s="1"/>
  <c r="A76186" i="1" s="1"/>
  <c r="A76187" i="1" s="1"/>
  <c r="A76188" i="1" s="1"/>
  <c r="A76189" i="1" s="1"/>
  <c r="A76190" i="1" s="1"/>
  <c r="A76191" i="1" s="1"/>
  <c r="A76192" i="1" s="1"/>
  <c r="A76193" i="1" s="1"/>
  <c r="A76194" i="1" s="1"/>
  <c r="A76195" i="1" s="1"/>
  <c r="A76196" i="1" s="1"/>
  <c r="A76197" i="1" s="1"/>
  <c r="A76198" i="1" s="1"/>
  <c r="A76199" i="1" s="1"/>
  <c r="A76200" i="1" s="1"/>
  <c r="A76201" i="1" s="1"/>
  <c r="A76202" i="1" s="1"/>
  <c r="A76203" i="1" s="1"/>
  <c r="A76204" i="1" s="1"/>
  <c r="A76205" i="1" s="1"/>
  <c r="A76206" i="1" s="1"/>
  <c r="A76207" i="1" s="1"/>
  <c r="A76208" i="1" s="1"/>
  <c r="A76209" i="1" s="1"/>
  <c r="A76210" i="1" s="1"/>
  <c r="A76211" i="1" s="1"/>
  <c r="A76212" i="1" s="1"/>
  <c r="A76213" i="1" s="1"/>
  <c r="A76214" i="1" s="1"/>
  <c r="A76215" i="1" s="1"/>
  <c r="A76216" i="1" s="1"/>
  <c r="A76217" i="1" s="1"/>
  <c r="A76218" i="1" s="1"/>
  <c r="A76219" i="1" s="1"/>
  <c r="A76220" i="1" s="1"/>
  <c r="A76221" i="1" s="1"/>
  <c r="A76222" i="1" s="1"/>
  <c r="A76223" i="1" s="1"/>
  <c r="A76224" i="1" s="1"/>
  <c r="A76225" i="1" s="1"/>
  <c r="A76226" i="1" s="1"/>
  <c r="A76227" i="1" s="1"/>
  <c r="A76228" i="1" s="1"/>
  <c r="A76229" i="1" s="1"/>
  <c r="A76230" i="1" s="1"/>
  <c r="A76231" i="1" s="1"/>
  <c r="A76232" i="1" s="1"/>
  <c r="A76233" i="1" s="1"/>
  <c r="A76234" i="1" s="1"/>
  <c r="A76235" i="1" s="1"/>
  <c r="A76236" i="1" s="1"/>
  <c r="A76237" i="1" s="1"/>
  <c r="A76238" i="1" s="1"/>
  <c r="A76239" i="1" s="1"/>
  <c r="A76240" i="1" s="1"/>
  <c r="A76241" i="1" s="1"/>
  <c r="A76242" i="1" s="1"/>
  <c r="A76243" i="1" s="1"/>
  <c r="A76244" i="1" s="1"/>
  <c r="A76245" i="1" s="1"/>
  <c r="A76246" i="1" s="1"/>
  <c r="A76247" i="1" s="1"/>
  <c r="A76248" i="1" s="1"/>
  <c r="A76249" i="1" s="1"/>
  <c r="A76250" i="1" s="1"/>
  <c r="A76251" i="1" s="1"/>
  <c r="A76252" i="1" s="1"/>
  <c r="A76253" i="1" s="1"/>
  <c r="A76254" i="1" s="1"/>
  <c r="A76255" i="1" s="1"/>
  <c r="A76256" i="1" s="1"/>
  <c r="A76257" i="1" s="1"/>
  <c r="A76258" i="1" s="1"/>
  <c r="A76259" i="1" s="1"/>
  <c r="A76260" i="1" s="1"/>
  <c r="A76261" i="1" s="1"/>
  <c r="A76262" i="1" s="1"/>
  <c r="A76263" i="1" s="1"/>
  <c r="A76264" i="1" s="1"/>
  <c r="A76265" i="1" s="1"/>
  <c r="A76266" i="1" s="1"/>
  <c r="A76267" i="1" s="1"/>
  <c r="A76268" i="1" s="1"/>
  <c r="A76269" i="1" s="1"/>
  <c r="A76270" i="1" s="1"/>
  <c r="A76271" i="1" s="1"/>
  <c r="A76272" i="1" s="1"/>
  <c r="A76273" i="1" s="1"/>
  <c r="A76274" i="1" s="1"/>
  <c r="A76275" i="1" s="1"/>
  <c r="A76276" i="1" s="1"/>
  <c r="A76277" i="1" s="1"/>
  <c r="A76278" i="1" s="1"/>
  <c r="A76279" i="1" s="1"/>
  <c r="A76280" i="1" s="1"/>
  <c r="A76281" i="1" s="1"/>
  <c r="A76282" i="1" s="1"/>
  <c r="A76283" i="1" s="1"/>
  <c r="A76284" i="1" s="1"/>
  <c r="A76285" i="1" s="1"/>
  <c r="A76286" i="1" s="1"/>
  <c r="A76287" i="1" s="1"/>
  <c r="A76288" i="1" s="1"/>
  <c r="A76289" i="1" s="1"/>
  <c r="A76290" i="1" s="1"/>
  <c r="A76291" i="1" s="1"/>
  <c r="A76292" i="1" s="1"/>
  <c r="A76293" i="1" s="1"/>
  <c r="A76294" i="1" s="1"/>
  <c r="A76295" i="1" s="1"/>
  <c r="A76296" i="1" s="1"/>
  <c r="A76297" i="1" s="1"/>
  <c r="A76298" i="1" s="1"/>
  <c r="A76299" i="1" s="1"/>
  <c r="A76300" i="1" s="1"/>
  <c r="A76301" i="1" s="1"/>
  <c r="A76302" i="1" s="1"/>
  <c r="A76303" i="1" s="1"/>
  <c r="A76304" i="1" s="1"/>
  <c r="A76305" i="1" s="1"/>
  <c r="A76306" i="1" s="1"/>
  <c r="A76307" i="1" s="1"/>
  <c r="A76308" i="1" s="1"/>
  <c r="A76309" i="1" s="1"/>
  <c r="A76310" i="1" s="1"/>
  <c r="A76311" i="1" s="1"/>
  <c r="A76312" i="1" s="1"/>
  <c r="A76313" i="1" s="1"/>
  <c r="A76314" i="1" s="1"/>
  <c r="A76315" i="1" s="1"/>
  <c r="A76316" i="1" s="1"/>
  <c r="A76317" i="1" s="1"/>
  <c r="A76318" i="1" s="1"/>
  <c r="A76319" i="1" s="1"/>
  <c r="A76320" i="1" s="1"/>
  <c r="A76321" i="1" s="1"/>
  <c r="A76322" i="1" s="1"/>
  <c r="A76323" i="1" s="1"/>
  <c r="A76324" i="1" s="1"/>
  <c r="A76325" i="1" s="1"/>
  <c r="A76326" i="1" s="1"/>
  <c r="A76327" i="1" s="1"/>
  <c r="A76328" i="1" s="1"/>
  <c r="A76329" i="1" s="1"/>
  <c r="A76330" i="1" s="1"/>
  <c r="A76331" i="1" s="1"/>
  <c r="A76332" i="1" s="1"/>
  <c r="A76333" i="1" s="1"/>
  <c r="A76334" i="1" s="1"/>
  <c r="A76335" i="1" s="1"/>
  <c r="A76336" i="1" s="1"/>
  <c r="A76337" i="1" s="1"/>
  <c r="A76338" i="1" s="1"/>
  <c r="A76339" i="1" s="1"/>
  <c r="A76340" i="1" s="1"/>
  <c r="A76341" i="1" s="1"/>
  <c r="A76342" i="1" s="1"/>
  <c r="A76343" i="1" s="1"/>
  <c r="A76344" i="1" s="1"/>
  <c r="A76345" i="1" s="1"/>
  <c r="A76346" i="1" s="1"/>
  <c r="A76347" i="1" s="1"/>
  <c r="A76348" i="1" s="1"/>
  <c r="A76349" i="1" s="1"/>
  <c r="A76350" i="1" s="1"/>
  <c r="A76351" i="1" s="1"/>
  <c r="A76352" i="1" s="1"/>
  <c r="A76353" i="1" s="1"/>
  <c r="A76354" i="1" s="1"/>
  <c r="A76355" i="1" s="1"/>
  <c r="A76356" i="1" s="1"/>
  <c r="A76357" i="1" s="1"/>
  <c r="A76358" i="1" s="1"/>
  <c r="A76359" i="1" s="1"/>
  <c r="A76360" i="1" s="1"/>
  <c r="A76361" i="1" s="1"/>
  <c r="A76362" i="1" s="1"/>
  <c r="A76363" i="1" s="1"/>
  <c r="A76364" i="1" s="1"/>
  <c r="A76365" i="1" s="1"/>
  <c r="A76366" i="1" s="1"/>
  <c r="A76367" i="1" s="1"/>
  <c r="A76368" i="1" s="1"/>
  <c r="A76369" i="1" s="1"/>
  <c r="A76370" i="1" s="1"/>
  <c r="A76371" i="1" s="1"/>
  <c r="A76372" i="1" s="1"/>
  <c r="A76373" i="1" s="1"/>
  <c r="A76374" i="1" s="1"/>
  <c r="A76375" i="1" s="1"/>
  <c r="A76376" i="1" s="1"/>
  <c r="A76377" i="1" s="1"/>
  <c r="A76378" i="1" s="1"/>
  <c r="A76379" i="1" s="1"/>
  <c r="A76380" i="1" s="1"/>
  <c r="A76381" i="1" s="1"/>
  <c r="A76382" i="1" s="1"/>
  <c r="A76383" i="1" s="1"/>
  <c r="A76384" i="1" s="1"/>
  <c r="A76385" i="1" s="1"/>
  <c r="A76386" i="1" s="1"/>
  <c r="A76387" i="1" s="1"/>
  <c r="A76388" i="1" s="1"/>
  <c r="A76389" i="1" s="1"/>
  <c r="A76390" i="1" s="1"/>
  <c r="A76391" i="1" s="1"/>
  <c r="A76392" i="1" s="1"/>
  <c r="A76393" i="1" s="1"/>
  <c r="A76394" i="1" s="1"/>
  <c r="A76395" i="1" s="1"/>
  <c r="A76396" i="1" s="1"/>
  <c r="A76397" i="1" s="1"/>
  <c r="A76398" i="1" s="1"/>
  <c r="A76399" i="1" s="1"/>
  <c r="A76400" i="1" s="1"/>
  <c r="A76401" i="1" s="1"/>
  <c r="A76402" i="1" s="1"/>
  <c r="A76403" i="1" s="1"/>
  <c r="A76404" i="1" s="1"/>
  <c r="A76405" i="1" s="1"/>
  <c r="A76406" i="1" s="1"/>
  <c r="A76407" i="1" s="1"/>
  <c r="A76408" i="1" s="1"/>
  <c r="A76409" i="1" s="1"/>
  <c r="A76410" i="1" s="1"/>
  <c r="A76411" i="1" s="1"/>
  <c r="A76412" i="1" s="1"/>
  <c r="A76413" i="1" s="1"/>
  <c r="A76414" i="1" s="1"/>
  <c r="A76415" i="1" s="1"/>
  <c r="A76416" i="1" s="1"/>
  <c r="A76417" i="1" s="1"/>
  <c r="A76418" i="1" s="1"/>
  <c r="A76419" i="1" s="1"/>
  <c r="A76420" i="1" s="1"/>
  <c r="A76421" i="1" s="1"/>
  <c r="A76422" i="1" s="1"/>
  <c r="A76423" i="1" s="1"/>
  <c r="A76424" i="1" s="1"/>
  <c r="A76425" i="1" s="1"/>
  <c r="A76426" i="1" s="1"/>
  <c r="A76427" i="1" s="1"/>
  <c r="A76428" i="1" s="1"/>
  <c r="A76429" i="1" s="1"/>
  <c r="A76430" i="1" s="1"/>
  <c r="A76431" i="1" s="1"/>
  <c r="A76432" i="1" s="1"/>
  <c r="A76433" i="1" s="1"/>
  <c r="A76434" i="1" s="1"/>
  <c r="A76435" i="1" s="1"/>
  <c r="A76436" i="1" s="1"/>
  <c r="A76437" i="1" s="1"/>
  <c r="A76438" i="1" s="1"/>
  <c r="A76439" i="1" s="1"/>
  <c r="A76440" i="1" s="1"/>
  <c r="A76441" i="1" s="1"/>
  <c r="A76442" i="1" s="1"/>
  <c r="A76443" i="1" s="1"/>
  <c r="A76444" i="1" s="1"/>
  <c r="A76445" i="1" s="1"/>
  <c r="A76446" i="1" s="1"/>
  <c r="A76447" i="1" s="1"/>
  <c r="A76448" i="1" s="1"/>
  <c r="A76449" i="1" s="1"/>
  <c r="A76450" i="1" s="1"/>
  <c r="A76451" i="1" s="1"/>
  <c r="A76452" i="1" s="1"/>
  <c r="A76453" i="1" s="1"/>
  <c r="A76454" i="1" s="1"/>
  <c r="A76455" i="1" s="1"/>
  <c r="A76456" i="1" s="1"/>
  <c r="A76457" i="1" s="1"/>
  <c r="A76458" i="1" s="1"/>
  <c r="A76459" i="1" s="1"/>
  <c r="A76460" i="1" s="1"/>
  <c r="A76461" i="1" s="1"/>
  <c r="A76462" i="1" s="1"/>
  <c r="A76463" i="1" s="1"/>
  <c r="A76464" i="1" s="1"/>
  <c r="A76465" i="1" s="1"/>
  <c r="A76466" i="1" s="1"/>
  <c r="A76467" i="1" s="1"/>
  <c r="A76468" i="1" s="1"/>
  <c r="A76469" i="1" s="1"/>
  <c r="A76470" i="1" s="1"/>
  <c r="A76471" i="1" s="1"/>
  <c r="A76472" i="1" s="1"/>
  <c r="A76473" i="1" s="1"/>
  <c r="A76474" i="1" s="1"/>
  <c r="A76475" i="1" s="1"/>
  <c r="A76476" i="1" s="1"/>
  <c r="A76477" i="1" s="1"/>
  <c r="A76478" i="1" s="1"/>
  <c r="A76479" i="1" s="1"/>
  <c r="A76480" i="1" s="1"/>
  <c r="A76481" i="1" s="1"/>
  <c r="A76482" i="1" s="1"/>
  <c r="A76483" i="1" s="1"/>
  <c r="A76484" i="1" s="1"/>
  <c r="A76485" i="1" s="1"/>
  <c r="A76486" i="1" s="1"/>
  <c r="A76487" i="1" s="1"/>
  <c r="A76488" i="1" s="1"/>
  <c r="A76489" i="1" s="1"/>
  <c r="A76490" i="1" s="1"/>
  <c r="A76491" i="1" s="1"/>
  <c r="A76492" i="1" s="1"/>
  <c r="A76493" i="1" s="1"/>
  <c r="A76494" i="1" s="1"/>
  <c r="A76495" i="1" s="1"/>
  <c r="A76496" i="1" s="1"/>
  <c r="A76497" i="1" s="1"/>
  <c r="A76498" i="1" s="1"/>
  <c r="A76499" i="1" s="1"/>
  <c r="A76500" i="1" s="1"/>
  <c r="A76501" i="1" s="1"/>
  <c r="A76502" i="1" s="1"/>
  <c r="A76503" i="1" s="1"/>
  <c r="A76504" i="1" s="1"/>
  <c r="A76505" i="1" s="1"/>
  <c r="A76506" i="1" s="1"/>
  <c r="A76507" i="1" s="1"/>
  <c r="A76508" i="1" s="1"/>
  <c r="A76509" i="1" s="1"/>
  <c r="A76510" i="1" s="1"/>
  <c r="A76511" i="1" s="1"/>
  <c r="A76512" i="1" s="1"/>
  <c r="A76513" i="1" s="1"/>
  <c r="A76514" i="1" s="1"/>
  <c r="A76515" i="1" s="1"/>
  <c r="A76516" i="1" s="1"/>
  <c r="A76517" i="1" s="1"/>
  <c r="A76518" i="1" s="1"/>
  <c r="A76519" i="1" s="1"/>
  <c r="A76520" i="1" s="1"/>
  <c r="A76521" i="1" s="1"/>
  <c r="A76522" i="1" s="1"/>
  <c r="A76523" i="1" s="1"/>
  <c r="A76524" i="1" s="1"/>
  <c r="A76525" i="1" s="1"/>
  <c r="A76526" i="1" s="1"/>
  <c r="A76527" i="1" s="1"/>
  <c r="A76528" i="1" s="1"/>
  <c r="A76529" i="1" s="1"/>
  <c r="A76530" i="1" s="1"/>
  <c r="A76531" i="1" s="1"/>
  <c r="A76532" i="1" s="1"/>
  <c r="A76533" i="1" s="1"/>
  <c r="A76534" i="1" s="1"/>
  <c r="A76535" i="1" s="1"/>
  <c r="A76536" i="1" s="1"/>
  <c r="A76537" i="1" s="1"/>
  <c r="A76538" i="1" s="1"/>
  <c r="A76539" i="1" s="1"/>
  <c r="A76540" i="1" s="1"/>
  <c r="A76541" i="1" s="1"/>
  <c r="A76542" i="1" s="1"/>
  <c r="A76543" i="1" s="1"/>
  <c r="A76544" i="1" s="1"/>
  <c r="A76545" i="1" s="1"/>
  <c r="A76546" i="1" s="1"/>
  <c r="A76547" i="1" s="1"/>
  <c r="A76548" i="1" s="1"/>
  <c r="A76549" i="1" s="1"/>
  <c r="A76550" i="1" s="1"/>
  <c r="A76551" i="1" s="1"/>
  <c r="A76552" i="1" s="1"/>
  <c r="A76553" i="1" s="1"/>
  <c r="A76554" i="1" s="1"/>
  <c r="A76555" i="1" s="1"/>
  <c r="A76556" i="1" s="1"/>
  <c r="A76557" i="1" s="1"/>
  <c r="A76558" i="1" s="1"/>
  <c r="A76559" i="1" s="1"/>
  <c r="A76560" i="1" s="1"/>
  <c r="A76561" i="1" s="1"/>
  <c r="A76562" i="1" s="1"/>
  <c r="A76563" i="1" s="1"/>
  <c r="A76564" i="1" s="1"/>
  <c r="A76565" i="1" s="1"/>
  <c r="A76566" i="1" s="1"/>
  <c r="A76567" i="1" s="1"/>
  <c r="A76568" i="1" s="1"/>
  <c r="A76569" i="1" s="1"/>
  <c r="A76570" i="1" s="1"/>
  <c r="A76571" i="1" s="1"/>
  <c r="A76572" i="1" s="1"/>
  <c r="A76573" i="1" s="1"/>
  <c r="A76574" i="1" s="1"/>
  <c r="A76575" i="1" s="1"/>
  <c r="A76576" i="1" s="1"/>
  <c r="A76577" i="1" s="1"/>
  <c r="A76578" i="1" s="1"/>
  <c r="A76579" i="1" s="1"/>
  <c r="A76580" i="1" s="1"/>
  <c r="A76581" i="1" s="1"/>
  <c r="A76582" i="1" s="1"/>
  <c r="A76583" i="1" s="1"/>
  <c r="A76584" i="1" s="1"/>
  <c r="A76585" i="1" s="1"/>
  <c r="A76586" i="1" s="1"/>
  <c r="A76587" i="1" s="1"/>
  <c r="A76588" i="1" s="1"/>
  <c r="A76589" i="1" s="1"/>
  <c r="A76590" i="1" s="1"/>
  <c r="A76591" i="1" s="1"/>
  <c r="A76592" i="1" s="1"/>
  <c r="A76593" i="1" s="1"/>
  <c r="A76594" i="1" s="1"/>
  <c r="A76595" i="1" s="1"/>
  <c r="A76596" i="1" s="1"/>
  <c r="A76597" i="1" s="1"/>
  <c r="A76598" i="1" s="1"/>
  <c r="A76599" i="1" s="1"/>
  <c r="A76600" i="1" s="1"/>
  <c r="A76601" i="1" s="1"/>
  <c r="A76602" i="1" s="1"/>
  <c r="A76603" i="1" s="1"/>
  <c r="A76604" i="1" s="1"/>
  <c r="A76605" i="1" s="1"/>
  <c r="A76606" i="1" s="1"/>
  <c r="A76607" i="1" s="1"/>
  <c r="A76608" i="1" s="1"/>
  <c r="A76609" i="1" s="1"/>
  <c r="A76610" i="1" s="1"/>
  <c r="A76611" i="1" s="1"/>
  <c r="A76612" i="1" s="1"/>
  <c r="A76613" i="1" s="1"/>
  <c r="A76614" i="1" s="1"/>
  <c r="A76615" i="1" s="1"/>
  <c r="A76616" i="1" s="1"/>
  <c r="A76617" i="1" s="1"/>
  <c r="A76618" i="1" s="1"/>
  <c r="A76619" i="1" s="1"/>
  <c r="A76620" i="1" s="1"/>
  <c r="A76621" i="1" s="1"/>
  <c r="A76622" i="1" s="1"/>
  <c r="A76623" i="1" s="1"/>
  <c r="A76624" i="1" s="1"/>
  <c r="A76625" i="1" s="1"/>
  <c r="A76626" i="1" s="1"/>
  <c r="A76627" i="1" s="1"/>
  <c r="A76628" i="1" s="1"/>
  <c r="A76629" i="1" s="1"/>
  <c r="A76630" i="1" s="1"/>
  <c r="A76631" i="1" s="1"/>
  <c r="A76632" i="1" s="1"/>
  <c r="A76633" i="1" s="1"/>
  <c r="A76634" i="1" s="1"/>
  <c r="A76635" i="1" s="1"/>
  <c r="A76636" i="1" s="1"/>
  <c r="A76637" i="1" s="1"/>
  <c r="A76638" i="1" s="1"/>
  <c r="A76639" i="1" s="1"/>
  <c r="A76640" i="1" s="1"/>
  <c r="A76641" i="1" s="1"/>
  <c r="A76642" i="1" s="1"/>
  <c r="A76643" i="1" s="1"/>
  <c r="A76644" i="1" s="1"/>
  <c r="A76645" i="1" s="1"/>
  <c r="A76646" i="1" s="1"/>
  <c r="A76647" i="1" s="1"/>
  <c r="A76648" i="1" s="1"/>
  <c r="A76649" i="1" s="1"/>
  <c r="A76650" i="1" s="1"/>
  <c r="A76651" i="1" s="1"/>
  <c r="A76652" i="1" s="1"/>
  <c r="A76653" i="1" s="1"/>
  <c r="A76654" i="1" s="1"/>
  <c r="A76655" i="1" s="1"/>
  <c r="A76656" i="1" s="1"/>
  <c r="A76657" i="1" s="1"/>
  <c r="A76658" i="1" s="1"/>
  <c r="A76659" i="1" s="1"/>
  <c r="A76660" i="1" s="1"/>
  <c r="A76661" i="1" s="1"/>
  <c r="A76662" i="1" s="1"/>
  <c r="A76663" i="1" s="1"/>
  <c r="A76664" i="1" s="1"/>
  <c r="A76665" i="1" s="1"/>
  <c r="A76666" i="1" s="1"/>
  <c r="A76667" i="1" s="1"/>
  <c r="A76668" i="1" s="1"/>
  <c r="A76669" i="1" s="1"/>
  <c r="A76670" i="1" s="1"/>
  <c r="A76671" i="1" s="1"/>
  <c r="A76672" i="1" s="1"/>
  <c r="A76673" i="1" s="1"/>
  <c r="A76674" i="1" s="1"/>
  <c r="A76675" i="1" s="1"/>
  <c r="A76676" i="1" s="1"/>
  <c r="A76677" i="1" s="1"/>
  <c r="A76678" i="1" s="1"/>
  <c r="A76679" i="1" s="1"/>
  <c r="A76680" i="1" s="1"/>
  <c r="A76681" i="1" s="1"/>
  <c r="A76682" i="1" s="1"/>
  <c r="A76683" i="1" s="1"/>
  <c r="A76684" i="1" s="1"/>
  <c r="A76685" i="1" s="1"/>
  <c r="A76686" i="1" s="1"/>
  <c r="A76687" i="1" s="1"/>
  <c r="A76688" i="1" s="1"/>
  <c r="A76689" i="1" s="1"/>
  <c r="A76690" i="1" s="1"/>
  <c r="A76691" i="1" s="1"/>
  <c r="A76692" i="1" s="1"/>
  <c r="A76693" i="1" s="1"/>
  <c r="A76694" i="1" s="1"/>
  <c r="A76695" i="1" s="1"/>
  <c r="A76696" i="1" s="1"/>
  <c r="A76697" i="1" s="1"/>
  <c r="A76698" i="1" s="1"/>
  <c r="A76699" i="1" s="1"/>
  <c r="A76700" i="1" s="1"/>
  <c r="A76701" i="1" s="1"/>
  <c r="A76702" i="1" s="1"/>
  <c r="A76703" i="1" s="1"/>
  <c r="A76704" i="1" s="1"/>
  <c r="A76705" i="1" s="1"/>
  <c r="A76706" i="1" s="1"/>
  <c r="A76707" i="1" s="1"/>
  <c r="A76708" i="1" s="1"/>
  <c r="A76709" i="1" s="1"/>
  <c r="A76710" i="1" s="1"/>
  <c r="A76711" i="1" s="1"/>
  <c r="A76712" i="1" s="1"/>
  <c r="A76713" i="1" s="1"/>
  <c r="A76714" i="1" s="1"/>
  <c r="A76715" i="1" s="1"/>
  <c r="A76716" i="1" s="1"/>
  <c r="A76717" i="1" s="1"/>
  <c r="A76718" i="1" s="1"/>
  <c r="A76719" i="1" s="1"/>
  <c r="A76720" i="1" s="1"/>
  <c r="A76721" i="1" s="1"/>
  <c r="A76722" i="1" s="1"/>
  <c r="A76723" i="1" s="1"/>
  <c r="A76724" i="1" s="1"/>
  <c r="A76725" i="1" s="1"/>
  <c r="A76726" i="1" s="1"/>
  <c r="A76727" i="1" s="1"/>
  <c r="A76728" i="1" s="1"/>
  <c r="A76729" i="1" s="1"/>
  <c r="A76730" i="1" s="1"/>
  <c r="A76731" i="1" s="1"/>
  <c r="A76732" i="1" s="1"/>
  <c r="A76733" i="1" s="1"/>
  <c r="A76734" i="1" s="1"/>
  <c r="A76735" i="1" s="1"/>
  <c r="A76736" i="1" s="1"/>
  <c r="A76737" i="1" s="1"/>
  <c r="A76738" i="1" s="1"/>
  <c r="A76739" i="1" s="1"/>
  <c r="A76740" i="1" s="1"/>
  <c r="A76741" i="1" s="1"/>
  <c r="A76742" i="1" s="1"/>
  <c r="A76743" i="1" s="1"/>
  <c r="A76744" i="1" s="1"/>
  <c r="A76745" i="1" s="1"/>
  <c r="A76746" i="1" s="1"/>
  <c r="A76747" i="1" s="1"/>
  <c r="A76748" i="1" s="1"/>
  <c r="A76749" i="1" s="1"/>
  <c r="A76750" i="1" s="1"/>
  <c r="A76751" i="1" s="1"/>
  <c r="A76752" i="1" s="1"/>
  <c r="A76753" i="1" s="1"/>
  <c r="A76754" i="1" s="1"/>
  <c r="A76755" i="1" s="1"/>
  <c r="A76756" i="1" s="1"/>
  <c r="A76757" i="1" s="1"/>
  <c r="A76758" i="1" s="1"/>
  <c r="A76759" i="1" s="1"/>
  <c r="A76760" i="1" s="1"/>
  <c r="A76761" i="1" s="1"/>
  <c r="A76762" i="1" s="1"/>
  <c r="A76763" i="1" s="1"/>
  <c r="A76764" i="1" s="1"/>
  <c r="A76765" i="1" s="1"/>
  <c r="A76766" i="1" s="1"/>
  <c r="A76767" i="1" s="1"/>
  <c r="A76768" i="1" s="1"/>
  <c r="A76769" i="1" s="1"/>
  <c r="A76770" i="1" s="1"/>
  <c r="A76771" i="1" s="1"/>
  <c r="A76772" i="1" s="1"/>
  <c r="A76773" i="1" s="1"/>
  <c r="A76774" i="1" s="1"/>
  <c r="A76775" i="1" s="1"/>
  <c r="A76776" i="1" s="1"/>
  <c r="A76777" i="1" s="1"/>
  <c r="A76778" i="1" s="1"/>
  <c r="A76779" i="1" s="1"/>
  <c r="A76780" i="1" s="1"/>
  <c r="A76781" i="1" s="1"/>
  <c r="A76782" i="1" s="1"/>
  <c r="A76783" i="1" s="1"/>
  <c r="A76784" i="1" s="1"/>
  <c r="A76785" i="1" s="1"/>
  <c r="A76786" i="1" s="1"/>
  <c r="A76787" i="1" s="1"/>
  <c r="A76788" i="1" s="1"/>
  <c r="A76789" i="1" s="1"/>
  <c r="A76790" i="1" s="1"/>
  <c r="A76791" i="1" s="1"/>
  <c r="A76792" i="1" s="1"/>
  <c r="A76793" i="1" s="1"/>
  <c r="A76794" i="1" s="1"/>
  <c r="A76795" i="1" s="1"/>
  <c r="A76796" i="1" s="1"/>
  <c r="A76797" i="1" s="1"/>
  <c r="A76798" i="1" s="1"/>
  <c r="A76799" i="1" s="1"/>
  <c r="A76800" i="1" s="1"/>
  <c r="A76801" i="1" s="1"/>
  <c r="A76802" i="1" s="1"/>
  <c r="A76803" i="1" s="1"/>
  <c r="A76804" i="1" s="1"/>
  <c r="A76805" i="1" s="1"/>
  <c r="A76806" i="1" s="1"/>
  <c r="A76807" i="1" s="1"/>
  <c r="A76808" i="1" s="1"/>
  <c r="A76809" i="1" s="1"/>
  <c r="A76810" i="1" s="1"/>
  <c r="A76811" i="1" s="1"/>
  <c r="A76812" i="1" s="1"/>
  <c r="A76813" i="1" s="1"/>
  <c r="A76814" i="1" s="1"/>
  <c r="A76815" i="1" s="1"/>
  <c r="A76816" i="1" s="1"/>
  <c r="A76817" i="1" s="1"/>
  <c r="A76818" i="1" s="1"/>
  <c r="A76819" i="1" s="1"/>
  <c r="A76820" i="1" s="1"/>
  <c r="A76821" i="1" s="1"/>
  <c r="A76822" i="1" s="1"/>
  <c r="A76823" i="1" s="1"/>
  <c r="A76824" i="1" s="1"/>
  <c r="A76825" i="1" s="1"/>
  <c r="A76826" i="1" s="1"/>
  <c r="A76827" i="1" s="1"/>
  <c r="A76828" i="1" s="1"/>
  <c r="A76829" i="1" s="1"/>
  <c r="A76830" i="1" s="1"/>
  <c r="A76831" i="1" s="1"/>
  <c r="A76832" i="1" s="1"/>
  <c r="A76833" i="1" s="1"/>
  <c r="A76834" i="1" s="1"/>
  <c r="A76835" i="1" s="1"/>
  <c r="A76836" i="1" s="1"/>
  <c r="A76837" i="1" s="1"/>
  <c r="A76838" i="1" s="1"/>
  <c r="A76839" i="1" s="1"/>
  <c r="A76840" i="1" s="1"/>
  <c r="A76841" i="1" s="1"/>
  <c r="A76842" i="1" s="1"/>
  <c r="A76843" i="1" s="1"/>
  <c r="A76844" i="1" s="1"/>
  <c r="A76845" i="1" s="1"/>
  <c r="A76846" i="1" s="1"/>
  <c r="A76847" i="1" s="1"/>
  <c r="A76848" i="1" s="1"/>
  <c r="A76849" i="1" s="1"/>
  <c r="A76850" i="1" s="1"/>
  <c r="A76851" i="1" s="1"/>
  <c r="A76852" i="1" s="1"/>
  <c r="A76853" i="1" s="1"/>
  <c r="A76854" i="1" s="1"/>
  <c r="A76855" i="1" s="1"/>
  <c r="A76856" i="1" s="1"/>
  <c r="A76857" i="1" s="1"/>
  <c r="A76858" i="1" s="1"/>
  <c r="A76859" i="1" s="1"/>
  <c r="A76860" i="1" s="1"/>
  <c r="A76861" i="1" s="1"/>
  <c r="A76862" i="1" s="1"/>
  <c r="A76863" i="1" s="1"/>
  <c r="A76864" i="1" s="1"/>
  <c r="A76865" i="1" s="1"/>
  <c r="A76866" i="1" s="1"/>
  <c r="A76867" i="1" s="1"/>
  <c r="A76868" i="1" s="1"/>
  <c r="A76869" i="1" s="1"/>
  <c r="A76870" i="1" s="1"/>
  <c r="A76871" i="1" s="1"/>
  <c r="A76872" i="1" s="1"/>
  <c r="A76873" i="1" s="1"/>
  <c r="A76874" i="1" s="1"/>
  <c r="A76875" i="1" s="1"/>
  <c r="A76876" i="1" s="1"/>
  <c r="A76877" i="1" s="1"/>
  <c r="A76878" i="1" s="1"/>
  <c r="A76879" i="1" s="1"/>
  <c r="A76880" i="1" s="1"/>
  <c r="A76881" i="1" s="1"/>
  <c r="A76882" i="1" s="1"/>
  <c r="A76883" i="1" s="1"/>
  <c r="A76884" i="1" s="1"/>
  <c r="A76885" i="1" s="1"/>
  <c r="A76886" i="1" s="1"/>
  <c r="A76887" i="1" s="1"/>
  <c r="A76888" i="1" s="1"/>
  <c r="A76889" i="1" s="1"/>
  <c r="A76890" i="1" s="1"/>
  <c r="A76891" i="1" s="1"/>
  <c r="A76892" i="1" s="1"/>
  <c r="A76893" i="1" s="1"/>
  <c r="A76894" i="1" s="1"/>
  <c r="A76895" i="1" s="1"/>
  <c r="A76896" i="1" s="1"/>
  <c r="A76897" i="1" s="1"/>
  <c r="A76898" i="1" s="1"/>
  <c r="A76899" i="1" s="1"/>
  <c r="A76900" i="1" s="1"/>
  <c r="A76901" i="1" s="1"/>
  <c r="A76902" i="1" s="1"/>
  <c r="A76903" i="1" s="1"/>
  <c r="A76904" i="1" s="1"/>
  <c r="A76905" i="1" s="1"/>
  <c r="A76906" i="1" s="1"/>
  <c r="A76907" i="1" s="1"/>
  <c r="A76908" i="1" s="1"/>
  <c r="A76909" i="1" s="1"/>
  <c r="A76910" i="1" s="1"/>
  <c r="A76911" i="1" s="1"/>
  <c r="A76912" i="1" s="1"/>
  <c r="A76913" i="1" s="1"/>
  <c r="A76914" i="1" s="1"/>
  <c r="A76915" i="1" s="1"/>
  <c r="A76916" i="1" s="1"/>
  <c r="A76917" i="1" s="1"/>
  <c r="A76918" i="1" s="1"/>
  <c r="A76919" i="1" s="1"/>
  <c r="A76920" i="1" s="1"/>
  <c r="A76921" i="1" s="1"/>
  <c r="A76922" i="1" s="1"/>
  <c r="A76923" i="1" s="1"/>
  <c r="A76924" i="1" s="1"/>
  <c r="A76925" i="1" s="1"/>
  <c r="A76926" i="1" s="1"/>
  <c r="A76927" i="1" s="1"/>
  <c r="A76928" i="1" s="1"/>
  <c r="A76929" i="1" s="1"/>
  <c r="A76930" i="1" s="1"/>
  <c r="A76931" i="1" s="1"/>
  <c r="A76932" i="1" s="1"/>
  <c r="A76933" i="1" s="1"/>
  <c r="A76934" i="1" s="1"/>
  <c r="A76935" i="1" s="1"/>
  <c r="A76936" i="1" s="1"/>
  <c r="A76937" i="1" s="1"/>
  <c r="A76938" i="1" s="1"/>
  <c r="A76939" i="1" s="1"/>
  <c r="A76940" i="1" s="1"/>
  <c r="A76941" i="1" s="1"/>
  <c r="A76942" i="1" s="1"/>
  <c r="A76943" i="1" s="1"/>
  <c r="A76944" i="1" s="1"/>
  <c r="A76945" i="1" s="1"/>
  <c r="A76946" i="1" s="1"/>
  <c r="A76947" i="1" s="1"/>
  <c r="A76948" i="1" s="1"/>
  <c r="A76949" i="1" s="1"/>
  <c r="A76950" i="1" s="1"/>
  <c r="A76951" i="1" s="1"/>
  <c r="A76952" i="1" s="1"/>
  <c r="A76953" i="1" s="1"/>
  <c r="A76954" i="1" s="1"/>
  <c r="A76955" i="1" s="1"/>
  <c r="A76956" i="1" s="1"/>
  <c r="A76957" i="1" s="1"/>
  <c r="A76958" i="1" s="1"/>
  <c r="A76959" i="1" s="1"/>
  <c r="A76960" i="1" s="1"/>
  <c r="A76961" i="1" s="1"/>
  <c r="A76962" i="1" s="1"/>
  <c r="A76963" i="1" s="1"/>
  <c r="A76964" i="1" s="1"/>
  <c r="A76965" i="1" s="1"/>
  <c r="A76966" i="1" s="1"/>
  <c r="A76967" i="1" s="1"/>
  <c r="A76968" i="1" s="1"/>
  <c r="A76969" i="1" s="1"/>
  <c r="A76970" i="1" s="1"/>
  <c r="A76971" i="1" s="1"/>
  <c r="A76972" i="1" s="1"/>
  <c r="A76973" i="1" s="1"/>
  <c r="A76974" i="1" s="1"/>
  <c r="A76975" i="1" s="1"/>
  <c r="A76976" i="1" s="1"/>
  <c r="A76977" i="1" s="1"/>
  <c r="A76978" i="1" s="1"/>
  <c r="A76979" i="1" s="1"/>
  <c r="A76980" i="1" s="1"/>
  <c r="A76981" i="1" s="1"/>
  <c r="A76982" i="1" s="1"/>
  <c r="A76983" i="1" s="1"/>
  <c r="A76984" i="1" s="1"/>
  <c r="A76985" i="1" s="1"/>
  <c r="A76986" i="1" s="1"/>
  <c r="A76987" i="1" s="1"/>
  <c r="A76988" i="1" s="1"/>
  <c r="A76989" i="1" s="1"/>
  <c r="A76990" i="1" s="1"/>
  <c r="A76991" i="1" s="1"/>
  <c r="A76992" i="1" s="1"/>
  <c r="A76993" i="1" s="1"/>
  <c r="A76994" i="1" s="1"/>
  <c r="A76995" i="1" s="1"/>
  <c r="A76996" i="1" s="1"/>
  <c r="A76997" i="1" s="1"/>
  <c r="A76998" i="1" s="1"/>
  <c r="A76999" i="1" s="1"/>
  <c r="A77000" i="1" s="1"/>
  <c r="A77001" i="1" s="1"/>
  <c r="A77002" i="1" s="1"/>
  <c r="A77003" i="1" s="1"/>
  <c r="A77004" i="1" s="1"/>
  <c r="A77005" i="1" s="1"/>
  <c r="A77006" i="1" s="1"/>
  <c r="A77007" i="1" s="1"/>
  <c r="A77008" i="1" s="1"/>
  <c r="A77009" i="1" s="1"/>
  <c r="A77010" i="1" s="1"/>
  <c r="A77011" i="1" s="1"/>
  <c r="A77012" i="1" s="1"/>
  <c r="A77013" i="1" s="1"/>
  <c r="A77014" i="1" s="1"/>
  <c r="A77015" i="1" s="1"/>
  <c r="A77016" i="1" s="1"/>
  <c r="A77017" i="1" s="1"/>
  <c r="A77018" i="1" s="1"/>
  <c r="A77019" i="1" s="1"/>
  <c r="A77020" i="1" s="1"/>
  <c r="A77021" i="1" s="1"/>
  <c r="A77022" i="1" s="1"/>
  <c r="A77023" i="1" s="1"/>
  <c r="A77024" i="1" s="1"/>
  <c r="A77025" i="1" s="1"/>
  <c r="A77026" i="1" s="1"/>
  <c r="A77027" i="1" s="1"/>
  <c r="A77028" i="1" s="1"/>
  <c r="A77029" i="1" s="1"/>
  <c r="A77030" i="1" s="1"/>
  <c r="A77031" i="1" s="1"/>
  <c r="A77032" i="1" s="1"/>
  <c r="A77033" i="1" s="1"/>
  <c r="A77034" i="1" s="1"/>
  <c r="A77035" i="1" s="1"/>
  <c r="A77036" i="1" s="1"/>
  <c r="A77037" i="1" s="1"/>
  <c r="A77038" i="1" s="1"/>
  <c r="A77039" i="1" s="1"/>
  <c r="A77040" i="1" s="1"/>
  <c r="A77041" i="1" s="1"/>
  <c r="A77042" i="1" s="1"/>
  <c r="A77043" i="1" s="1"/>
  <c r="A77044" i="1" s="1"/>
  <c r="A77045" i="1" s="1"/>
  <c r="A77046" i="1" s="1"/>
  <c r="A77047" i="1" s="1"/>
  <c r="A77048" i="1" s="1"/>
  <c r="A77049" i="1" s="1"/>
  <c r="A77050" i="1" s="1"/>
  <c r="A77051" i="1" s="1"/>
  <c r="A77052" i="1" s="1"/>
  <c r="A77053" i="1" s="1"/>
  <c r="A77054" i="1" s="1"/>
  <c r="A77055" i="1" s="1"/>
  <c r="A77056" i="1" s="1"/>
  <c r="A77057" i="1" s="1"/>
  <c r="A77058" i="1" s="1"/>
  <c r="A77059" i="1" s="1"/>
  <c r="A77060" i="1" s="1"/>
  <c r="A77061" i="1" s="1"/>
  <c r="A77062" i="1" s="1"/>
  <c r="A77063" i="1" s="1"/>
  <c r="A77064" i="1" s="1"/>
  <c r="A77065" i="1" s="1"/>
  <c r="A77066" i="1" s="1"/>
  <c r="A77067" i="1" s="1"/>
  <c r="A77068" i="1" s="1"/>
  <c r="A77069" i="1" s="1"/>
  <c r="A77070" i="1" s="1"/>
  <c r="A77071" i="1" s="1"/>
  <c r="A77072" i="1" s="1"/>
  <c r="A77073" i="1" s="1"/>
  <c r="A77074" i="1" s="1"/>
  <c r="A77075" i="1" s="1"/>
  <c r="A77076" i="1" s="1"/>
  <c r="A77077" i="1" s="1"/>
  <c r="A77078" i="1" s="1"/>
  <c r="A77079" i="1" s="1"/>
  <c r="A77080" i="1" s="1"/>
  <c r="A77081" i="1" s="1"/>
  <c r="A77082" i="1" s="1"/>
  <c r="A77083" i="1" s="1"/>
  <c r="A77084" i="1" s="1"/>
  <c r="A77085" i="1" s="1"/>
  <c r="A77086" i="1" s="1"/>
  <c r="A77087" i="1" s="1"/>
  <c r="A77088" i="1" s="1"/>
  <c r="A77089" i="1" s="1"/>
  <c r="A77090" i="1" s="1"/>
  <c r="A77091" i="1" s="1"/>
  <c r="A77092" i="1" s="1"/>
  <c r="A77093" i="1" s="1"/>
  <c r="A77094" i="1" s="1"/>
  <c r="A77095" i="1" s="1"/>
  <c r="A77096" i="1" s="1"/>
  <c r="A77097" i="1" s="1"/>
  <c r="A77098" i="1" s="1"/>
  <c r="A77099" i="1" s="1"/>
  <c r="A77100" i="1" s="1"/>
  <c r="A77101" i="1" s="1"/>
  <c r="A77102" i="1" s="1"/>
  <c r="A77103" i="1" s="1"/>
  <c r="A77104" i="1" s="1"/>
  <c r="A77105" i="1" s="1"/>
  <c r="A77106" i="1" s="1"/>
  <c r="A77107" i="1" s="1"/>
  <c r="A77108" i="1" s="1"/>
  <c r="A77109" i="1" s="1"/>
  <c r="A77110" i="1" s="1"/>
  <c r="A77111" i="1" s="1"/>
  <c r="A77112" i="1" s="1"/>
  <c r="A77113" i="1" s="1"/>
  <c r="A77114" i="1" s="1"/>
  <c r="A77115" i="1" s="1"/>
  <c r="A77116" i="1" s="1"/>
  <c r="A77117" i="1" s="1"/>
  <c r="A77118" i="1" s="1"/>
  <c r="A77119" i="1" s="1"/>
  <c r="A77120" i="1" s="1"/>
  <c r="A77121" i="1" s="1"/>
  <c r="A77122" i="1" s="1"/>
  <c r="A77123" i="1" s="1"/>
  <c r="A77124" i="1" s="1"/>
  <c r="A77125" i="1" s="1"/>
  <c r="A77126" i="1" s="1"/>
  <c r="A77127" i="1" s="1"/>
  <c r="A77128" i="1" s="1"/>
  <c r="A77129" i="1" s="1"/>
  <c r="A77130" i="1" s="1"/>
  <c r="A77131" i="1" s="1"/>
  <c r="A77132" i="1" s="1"/>
  <c r="A77133" i="1" s="1"/>
  <c r="A77134" i="1" s="1"/>
  <c r="A77135" i="1" s="1"/>
  <c r="A77136" i="1" s="1"/>
  <c r="A77137" i="1" s="1"/>
  <c r="A77138" i="1" s="1"/>
  <c r="A77139" i="1" s="1"/>
  <c r="A77140" i="1" s="1"/>
  <c r="A77141" i="1" s="1"/>
  <c r="A77142" i="1" s="1"/>
  <c r="A77143" i="1" s="1"/>
  <c r="A77144" i="1" s="1"/>
  <c r="A77145" i="1" s="1"/>
  <c r="A77146" i="1" s="1"/>
  <c r="A77147" i="1" s="1"/>
  <c r="A77148" i="1" s="1"/>
  <c r="A77149" i="1" s="1"/>
  <c r="A77150" i="1" s="1"/>
  <c r="A77151" i="1" s="1"/>
  <c r="A77152" i="1" s="1"/>
  <c r="A77153" i="1" s="1"/>
  <c r="A77154" i="1" s="1"/>
  <c r="A77155" i="1" s="1"/>
  <c r="A77156" i="1" s="1"/>
  <c r="A77157" i="1" s="1"/>
  <c r="A77158" i="1" s="1"/>
  <c r="A77159" i="1" s="1"/>
  <c r="A77160" i="1" s="1"/>
  <c r="A77161" i="1" s="1"/>
  <c r="A77162" i="1" s="1"/>
  <c r="A77163" i="1" s="1"/>
  <c r="A77164" i="1" s="1"/>
  <c r="A77165" i="1" s="1"/>
  <c r="A77166" i="1" s="1"/>
  <c r="A77167" i="1" s="1"/>
  <c r="A77168" i="1" s="1"/>
  <c r="A77169" i="1" s="1"/>
  <c r="A77170" i="1" s="1"/>
  <c r="A77171" i="1" s="1"/>
  <c r="A77172" i="1" s="1"/>
  <c r="A77173" i="1" s="1"/>
  <c r="A77174" i="1" s="1"/>
  <c r="A77175" i="1" s="1"/>
  <c r="A77176" i="1" s="1"/>
  <c r="A77177" i="1" s="1"/>
  <c r="A77178" i="1" s="1"/>
  <c r="A77179" i="1" s="1"/>
  <c r="A77180" i="1" s="1"/>
  <c r="A77181" i="1" s="1"/>
  <c r="A77182" i="1" s="1"/>
  <c r="A77183" i="1" s="1"/>
  <c r="A77184" i="1" s="1"/>
  <c r="A77185" i="1" s="1"/>
  <c r="A77186" i="1" s="1"/>
  <c r="A77187" i="1" s="1"/>
  <c r="A77188" i="1" s="1"/>
  <c r="A77189" i="1" s="1"/>
  <c r="A77190" i="1" s="1"/>
  <c r="A77191" i="1" s="1"/>
  <c r="A77192" i="1" s="1"/>
  <c r="A77193" i="1" s="1"/>
  <c r="A77194" i="1" s="1"/>
  <c r="A77195" i="1" s="1"/>
  <c r="A77196" i="1" s="1"/>
  <c r="A77197" i="1" s="1"/>
  <c r="A77198" i="1" s="1"/>
  <c r="A77199" i="1" s="1"/>
  <c r="A77200" i="1" s="1"/>
  <c r="A77201" i="1" s="1"/>
  <c r="A77202" i="1" s="1"/>
  <c r="A77203" i="1" s="1"/>
  <c r="A77204" i="1" s="1"/>
  <c r="A77205" i="1" s="1"/>
  <c r="A77206" i="1" s="1"/>
  <c r="A77207" i="1" s="1"/>
  <c r="A77208" i="1" s="1"/>
  <c r="A77209" i="1" s="1"/>
  <c r="A77210" i="1" s="1"/>
  <c r="A77211" i="1" s="1"/>
  <c r="A77212" i="1" s="1"/>
  <c r="A77213" i="1" s="1"/>
  <c r="A77214" i="1" s="1"/>
  <c r="A77215" i="1" s="1"/>
  <c r="A77216" i="1" s="1"/>
  <c r="A77217" i="1" s="1"/>
  <c r="A77218" i="1" s="1"/>
  <c r="A77219" i="1" s="1"/>
  <c r="A77220" i="1" s="1"/>
  <c r="A77221" i="1" s="1"/>
  <c r="A77222" i="1" s="1"/>
  <c r="A77223" i="1" s="1"/>
  <c r="A77224" i="1" s="1"/>
  <c r="A77225" i="1" s="1"/>
  <c r="A77226" i="1" s="1"/>
  <c r="A77227" i="1" s="1"/>
  <c r="A77228" i="1" s="1"/>
  <c r="A77229" i="1" s="1"/>
  <c r="A77230" i="1" s="1"/>
  <c r="A77231" i="1" s="1"/>
  <c r="A77232" i="1" s="1"/>
  <c r="A77233" i="1" s="1"/>
  <c r="A77234" i="1" s="1"/>
  <c r="A77235" i="1" s="1"/>
  <c r="A77236" i="1" s="1"/>
  <c r="A77237" i="1" s="1"/>
  <c r="A77238" i="1" s="1"/>
  <c r="A77239" i="1" s="1"/>
  <c r="A77240" i="1" s="1"/>
  <c r="A77241" i="1" s="1"/>
  <c r="A77242" i="1" s="1"/>
  <c r="A77243" i="1" s="1"/>
  <c r="A77244" i="1" s="1"/>
  <c r="A77245" i="1" s="1"/>
  <c r="A77246" i="1" s="1"/>
  <c r="A77247" i="1" s="1"/>
  <c r="A77248" i="1" s="1"/>
  <c r="A77249" i="1" s="1"/>
  <c r="A77250" i="1" s="1"/>
  <c r="A77251" i="1" s="1"/>
  <c r="A77252" i="1" s="1"/>
  <c r="A77253" i="1" s="1"/>
  <c r="A77254" i="1" s="1"/>
  <c r="A77255" i="1" s="1"/>
  <c r="A77256" i="1" s="1"/>
  <c r="A77257" i="1" s="1"/>
  <c r="A77258" i="1" s="1"/>
  <c r="A77259" i="1" s="1"/>
  <c r="A77260" i="1" s="1"/>
  <c r="A77261" i="1" s="1"/>
  <c r="A77262" i="1" s="1"/>
  <c r="A77263" i="1" s="1"/>
  <c r="A77264" i="1" s="1"/>
  <c r="A77265" i="1" s="1"/>
  <c r="A77266" i="1" s="1"/>
  <c r="A77267" i="1" s="1"/>
  <c r="A77268" i="1" s="1"/>
  <c r="A77269" i="1" s="1"/>
  <c r="A77270" i="1" s="1"/>
  <c r="A77271" i="1" s="1"/>
  <c r="A77272" i="1" s="1"/>
  <c r="A77273" i="1" s="1"/>
  <c r="A77274" i="1" s="1"/>
  <c r="A77275" i="1" s="1"/>
  <c r="A77276" i="1" s="1"/>
  <c r="A77277" i="1" s="1"/>
  <c r="A77278" i="1" s="1"/>
  <c r="A77279" i="1" s="1"/>
  <c r="A77280" i="1" s="1"/>
  <c r="A77281" i="1" s="1"/>
  <c r="A77282" i="1" s="1"/>
  <c r="A77283" i="1" s="1"/>
  <c r="A77284" i="1" s="1"/>
  <c r="A77285" i="1" s="1"/>
  <c r="A77286" i="1" s="1"/>
  <c r="A77287" i="1" s="1"/>
  <c r="A77288" i="1" s="1"/>
  <c r="A77289" i="1" s="1"/>
  <c r="A77290" i="1" s="1"/>
  <c r="A77291" i="1" s="1"/>
  <c r="A77292" i="1" s="1"/>
  <c r="A77293" i="1" s="1"/>
  <c r="A77294" i="1" s="1"/>
  <c r="A77295" i="1" s="1"/>
  <c r="A77296" i="1" s="1"/>
  <c r="A77297" i="1" s="1"/>
  <c r="A77298" i="1" s="1"/>
  <c r="A77299" i="1" s="1"/>
  <c r="A77300" i="1" s="1"/>
  <c r="A77301" i="1" s="1"/>
  <c r="A77302" i="1" s="1"/>
  <c r="A77303" i="1" s="1"/>
  <c r="A77304" i="1" s="1"/>
  <c r="A77305" i="1" s="1"/>
  <c r="A77306" i="1" s="1"/>
  <c r="A77307" i="1" s="1"/>
  <c r="A77308" i="1" s="1"/>
  <c r="A77309" i="1" s="1"/>
  <c r="A77310" i="1" s="1"/>
  <c r="A77311" i="1" s="1"/>
  <c r="A77312" i="1" s="1"/>
  <c r="A77313" i="1" s="1"/>
  <c r="A77314" i="1" s="1"/>
  <c r="A77315" i="1" s="1"/>
  <c r="A77316" i="1" s="1"/>
  <c r="A77317" i="1" s="1"/>
  <c r="A77318" i="1" s="1"/>
  <c r="A77319" i="1" s="1"/>
  <c r="A77320" i="1" s="1"/>
  <c r="A77321" i="1" s="1"/>
  <c r="A77322" i="1" s="1"/>
  <c r="A77323" i="1" s="1"/>
  <c r="A77324" i="1" s="1"/>
  <c r="A77325" i="1" s="1"/>
  <c r="A77326" i="1" s="1"/>
  <c r="A77327" i="1" s="1"/>
  <c r="A77328" i="1" s="1"/>
  <c r="A77329" i="1" s="1"/>
  <c r="A77330" i="1" s="1"/>
  <c r="A77331" i="1" s="1"/>
  <c r="A77332" i="1" s="1"/>
  <c r="A77333" i="1" s="1"/>
  <c r="A77334" i="1" s="1"/>
  <c r="A77335" i="1" s="1"/>
  <c r="A77336" i="1" s="1"/>
  <c r="A77337" i="1" s="1"/>
  <c r="A77338" i="1" s="1"/>
  <c r="A77339" i="1" s="1"/>
  <c r="A77340" i="1" s="1"/>
  <c r="A77341" i="1" s="1"/>
  <c r="A77342" i="1" s="1"/>
  <c r="A77343" i="1" s="1"/>
  <c r="A77344" i="1" s="1"/>
  <c r="A77345" i="1" s="1"/>
  <c r="A77346" i="1" s="1"/>
  <c r="A77347" i="1" s="1"/>
  <c r="A77348" i="1" s="1"/>
  <c r="A77349" i="1" s="1"/>
  <c r="A77350" i="1" s="1"/>
  <c r="A77351" i="1" s="1"/>
  <c r="A77352" i="1" s="1"/>
  <c r="A77353" i="1" s="1"/>
  <c r="A77354" i="1" s="1"/>
  <c r="A77355" i="1" s="1"/>
  <c r="A77356" i="1" s="1"/>
  <c r="A77357" i="1" s="1"/>
  <c r="A77358" i="1" s="1"/>
  <c r="A77359" i="1" s="1"/>
  <c r="A77360" i="1" s="1"/>
  <c r="A77361" i="1" s="1"/>
  <c r="A77362" i="1" s="1"/>
  <c r="A77363" i="1" s="1"/>
  <c r="A77364" i="1" s="1"/>
  <c r="A77365" i="1" s="1"/>
  <c r="A77366" i="1" s="1"/>
  <c r="A77367" i="1" s="1"/>
  <c r="A77368" i="1" s="1"/>
  <c r="A77369" i="1" s="1"/>
  <c r="A77370" i="1" s="1"/>
  <c r="A77371" i="1" s="1"/>
  <c r="A77372" i="1" s="1"/>
  <c r="A77373" i="1" s="1"/>
  <c r="A77374" i="1" s="1"/>
  <c r="A77375" i="1" s="1"/>
  <c r="A77376" i="1" s="1"/>
  <c r="A77377" i="1" s="1"/>
  <c r="A77378" i="1" s="1"/>
  <c r="A77379" i="1" s="1"/>
  <c r="A77380" i="1" s="1"/>
  <c r="A77381" i="1" s="1"/>
  <c r="A77382" i="1" s="1"/>
  <c r="A77383" i="1" s="1"/>
  <c r="A77384" i="1" s="1"/>
  <c r="A77385" i="1" s="1"/>
  <c r="A77386" i="1" s="1"/>
  <c r="A77387" i="1" s="1"/>
  <c r="A77388" i="1" s="1"/>
  <c r="A77389" i="1" s="1"/>
  <c r="A77390" i="1" s="1"/>
  <c r="A77391" i="1" s="1"/>
  <c r="A77392" i="1" s="1"/>
  <c r="A77393" i="1" s="1"/>
  <c r="A77394" i="1" s="1"/>
  <c r="A77395" i="1" s="1"/>
  <c r="A77396" i="1" s="1"/>
  <c r="A77397" i="1" s="1"/>
  <c r="A77398" i="1" s="1"/>
  <c r="A77399" i="1" s="1"/>
  <c r="A77400" i="1" s="1"/>
  <c r="A77401" i="1" s="1"/>
  <c r="A77402" i="1" s="1"/>
  <c r="A77403" i="1" s="1"/>
  <c r="A77404" i="1" s="1"/>
  <c r="A77405" i="1" s="1"/>
  <c r="A77406" i="1" s="1"/>
  <c r="A77407" i="1" s="1"/>
  <c r="A77408" i="1" s="1"/>
  <c r="A77409" i="1" s="1"/>
  <c r="A77410" i="1" s="1"/>
  <c r="A77411" i="1" s="1"/>
  <c r="A77412" i="1" s="1"/>
  <c r="A77413" i="1" s="1"/>
  <c r="A77414" i="1" s="1"/>
  <c r="A77415" i="1" s="1"/>
  <c r="A77416" i="1" s="1"/>
  <c r="A77417" i="1" s="1"/>
  <c r="A77418" i="1" s="1"/>
  <c r="A77419" i="1" s="1"/>
  <c r="A77420" i="1" s="1"/>
  <c r="A77421" i="1" s="1"/>
  <c r="A77422" i="1" s="1"/>
  <c r="A77423" i="1" s="1"/>
  <c r="A77424" i="1" s="1"/>
  <c r="A77425" i="1" s="1"/>
  <c r="A77426" i="1" s="1"/>
  <c r="A77427" i="1" s="1"/>
  <c r="A77428" i="1" s="1"/>
  <c r="A77429" i="1" s="1"/>
  <c r="A77430" i="1" s="1"/>
  <c r="A77431" i="1" s="1"/>
  <c r="A77432" i="1" s="1"/>
  <c r="A77433" i="1" s="1"/>
  <c r="A77434" i="1" s="1"/>
  <c r="A77435" i="1" s="1"/>
  <c r="A77436" i="1" s="1"/>
  <c r="A77437" i="1" s="1"/>
  <c r="A77438" i="1" s="1"/>
  <c r="A77439" i="1" s="1"/>
  <c r="A77440" i="1" s="1"/>
  <c r="A77441" i="1" s="1"/>
  <c r="A77442" i="1" s="1"/>
  <c r="A77443" i="1" s="1"/>
  <c r="A77444" i="1" s="1"/>
  <c r="A77445" i="1" s="1"/>
  <c r="A77446" i="1" s="1"/>
  <c r="A77447" i="1" s="1"/>
  <c r="A77448" i="1" s="1"/>
  <c r="A77449" i="1" s="1"/>
  <c r="A77450" i="1" s="1"/>
  <c r="A77451" i="1" s="1"/>
  <c r="A77452" i="1" s="1"/>
  <c r="A77453" i="1" s="1"/>
  <c r="A77454" i="1" s="1"/>
  <c r="A77455" i="1" s="1"/>
  <c r="A77456" i="1" s="1"/>
  <c r="A77457" i="1" s="1"/>
  <c r="A77458" i="1" s="1"/>
  <c r="A77459" i="1" s="1"/>
  <c r="A77460" i="1" s="1"/>
  <c r="A77461" i="1" s="1"/>
  <c r="A77462" i="1" s="1"/>
  <c r="A77463" i="1" s="1"/>
  <c r="A77464" i="1" s="1"/>
  <c r="A77465" i="1" s="1"/>
  <c r="A77466" i="1" s="1"/>
  <c r="A77467" i="1" s="1"/>
  <c r="A77468" i="1" s="1"/>
  <c r="A77469" i="1" s="1"/>
  <c r="A77470" i="1" s="1"/>
  <c r="A77471" i="1" s="1"/>
  <c r="A77472" i="1" s="1"/>
  <c r="A77473" i="1" s="1"/>
  <c r="A77474" i="1" s="1"/>
  <c r="A77475" i="1" s="1"/>
  <c r="A77476" i="1" s="1"/>
  <c r="A77477" i="1" s="1"/>
  <c r="A77478" i="1" s="1"/>
  <c r="A77479" i="1" s="1"/>
  <c r="A77480" i="1" s="1"/>
  <c r="A77481" i="1" s="1"/>
  <c r="A77482" i="1" s="1"/>
  <c r="A77483" i="1" s="1"/>
  <c r="A77484" i="1" s="1"/>
  <c r="A77485" i="1" s="1"/>
  <c r="A77486" i="1" s="1"/>
  <c r="A77487" i="1" s="1"/>
  <c r="A77488" i="1" s="1"/>
  <c r="A77489" i="1" s="1"/>
  <c r="A77490" i="1" s="1"/>
  <c r="A77491" i="1" s="1"/>
  <c r="A77492" i="1" s="1"/>
  <c r="A77493" i="1" s="1"/>
  <c r="A77494" i="1" s="1"/>
  <c r="A77495" i="1" s="1"/>
  <c r="A77496" i="1" s="1"/>
  <c r="A77497" i="1" s="1"/>
  <c r="A77498" i="1" s="1"/>
  <c r="A77499" i="1" s="1"/>
  <c r="A77500" i="1" s="1"/>
  <c r="A77501" i="1" s="1"/>
  <c r="A77502" i="1" s="1"/>
  <c r="A77503" i="1" s="1"/>
  <c r="A77504" i="1" s="1"/>
  <c r="A77505" i="1" s="1"/>
  <c r="A77506" i="1" s="1"/>
  <c r="A77507" i="1" s="1"/>
  <c r="A77508" i="1" s="1"/>
  <c r="A77509" i="1" s="1"/>
  <c r="A77510" i="1" s="1"/>
  <c r="A77511" i="1" s="1"/>
  <c r="A77512" i="1" s="1"/>
  <c r="A77513" i="1" s="1"/>
  <c r="A77514" i="1" s="1"/>
  <c r="A77515" i="1" s="1"/>
  <c r="A77516" i="1" s="1"/>
  <c r="A77517" i="1" s="1"/>
  <c r="A77518" i="1" s="1"/>
  <c r="A77519" i="1" s="1"/>
  <c r="A77520" i="1" s="1"/>
  <c r="A77521" i="1" s="1"/>
  <c r="A77522" i="1" s="1"/>
  <c r="A77523" i="1" s="1"/>
  <c r="A77524" i="1" s="1"/>
  <c r="A77525" i="1" s="1"/>
  <c r="A77526" i="1" s="1"/>
  <c r="A77527" i="1" s="1"/>
  <c r="A77528" i="1" s="1"/>
  <c r="A77529" i="1" s="1"/>
  <c r="A77530" i="1" s="1"/>
  <c r="A77531" i="1" s="1"/>
  <c r="A77532" i="1" s="1"/>
  <c r="A77533" i="1" s="1"/>
  <c r="A77534" i="1" s="1"/>
  <c r="A77535" i="1" s="1"/>
  <c r="A77536" i="1" s="1"/>
  <c r="A77537" i="1" s="1"/>
  <c r="A77538" i="1" s="1"/>
  <c r="A77539" i="1" s="1"/>
  <c r="A77540" i="1" s="1"/>
  <c r="A77541" i="1" s="1"/>
  <c r="A77542" i="1" s="1"/>
  <c r="A77543" i="1" s="1"/>
  <c r="A77544" i="1" s="1"/>
  <c r="A77545" i="1" s="1"/>
  <c r="A77546" i="1" s="1"/>
  <c r="A77547" i="1" s="1"/>
  <c r="A77548" i="1" s="1"/>
  <c r="A77549" i="1" s="1"/>
  <c r="A77550" i="1" s="1"/>
  <c r="A77551" i="1" s="1"/>
  <c r="A77552" i="1" s="1"/>
  <c r="A77553" i="1" s="1"/>
  <c r="A77554" i="1" s="1"/>
  <c r="A77555" i="1" s="1"/>
  <c r="A77556" i="1" s="1"/>
  <c r="A77557" i="1" s="1"/>
  <c r="A77558" i="1" s="1"/>
  <c r="A77559" i="1" s="1"/>
  <c r="A77560" i="1" s="1"/>
  <c r="A77561" i="1" s="1"/>
  <c r="A77562" i="1" s="1"/>
  <c r="A77563" i="1" s="1"/>
  <c r="A77564" i="1" s="1"/>
  <c r="A77565" i="1" s="1"/>
  <c r="A77566" i="1" s="1"/>
  <c r="A77567" i="1" s="1"/>
  <c r="A77568" i="1" s="1"/>
  <c r="A77569" i="1" s="1"/>
  <c r="A77570" i="1" s="1"/>
  <c r="A77571" i="1" s="1"/>
  <c r="A77572" i="1" s="1"/>
  <c r="A77573" i="1" s="1"/>
  <c r="A77574" i="1" s="1"/>
  <c r="A77575" i="1" s="1"/>
  <c r="A77576" i="1" s="1"/>
  <c r="A77577" i="1" s="1"/>
  <c r="A77578" i="1" s="1"/>
  <c r="A77579" i="1" s="1"/>
  <c r="A77580" i="1" s="1"/>
  <c r="A77581" i="1" s="1"/>
  <c r="A77582" i="1" s="1"/>
  <c r="A77583" i="1" s="1"/>
  <c r="A77584" i="1" s="1"/>
  <c r="A77585" i="1" s="1"/>
  <c r="A77586" i="1" s="1"/>
  <c r="A77587" i="1" s="1"/>
  <c r="A77588" i="1" s="1"/>
  <c r="A77589" i="1" s="1"/>
  <c r="A77590" i="1" s="1"/>
  <c r="A77591" i="1" s="1"/>
  <c r="A77592" i="1" s="1"/>
  <c r="A77593" i="1" s="1"/>
  <c r="A77594" i="1" s="1"/>
  <c r="A77595" i="1" s="1"/>
  <c r="A77596" i="1" s="1"/>
  <c r="A77597" i="1" s="1"/>
  <c r="A77598" i="1" s="1"/>
  <c r="A77599" i="1" s="1"/>
  <c r="A77600" i="1" s="1"/>
  <c r="A77601" i="1" s="1"/>
  <c r="A77602" i="1" s="1"/>
  <c r="A77603" i="1" s="1"/>
  <c r="A77604" i="1" s="1"/>
  <c r="A77605" i="1" s="1"/>
  <c r="A77606" i="1" s="1"/>
  <c r="A77607" i="1" s="1"/>
  <c r="A77608" i="1" s="1"/>
  <c r="A77609" i="1" s="1"/>
  <c r="A77610" i="1" s="1"/>
  <c r="A77611" i="1" s="1"/>
  <c r="A77612" i="1" s="1"/>
  <c r="A77613" i="1" s="1"/>
  <c r="A77614" i="1" s="1"/>
  <c r="A77615" i="1" s="1"/>
  <c r="A77616" i="1" s="1"/>
  <c r="A77617" i="1" s="1"/>
  <c r="A77618" i="1" s="1"/>
  <c r="A77619" i="1" s="1"/>
  <c r="A77620" i="1" s="1"/>
  <c r="A77621" i="1" s="1"/>
  <c r="A77622" i="1" s="1"/>
  <c r="A77623" i="1" s="1"/>
  <c r="A77624" i="1" s="1"/>
  <c r="A77625" i="1" s="1"/>
  <c r="A77626" i="1" s="1"/>
  <c r="A77627" i="1" s="1"/>
  <c r="A77628" i="1" s="1"/>
  <c r="A77629" i="1" s="1"/>
  <c r="A77630" i="1" s="1"/>
  <c r="A77631" i="1" s="1"/>
  <c r="A77632" i="1" s="1"/>
  <c r="A77633" i="1" s="1"/>
  <c r="A77634" i="1" s="1"/>
  <c r="A77635" i="1" s="1"/>
  <c r="A77636" i="1" s="1"/>
  <c r="A77637" i="1" s="1"/>
  <c r="A77638" i="1" s="1"/>
  <c r="A77639" i="1" s="1"/>
  <c r="A77640" i="1" s="1"/>
  <c r="A77641" i="1" s="1"/>
  <c r="A77642" i="1" s="1"/>
  <c r="A77643" i="1" s="1"/>
  <c r="A77644" i="1" s="1"/>
  <c r="A77645" i="1" s="1"/>
  <c r="A77646" i="1" s="1"/>
  <c r="A77647" i="1" s="1"/>
  <c r="A77648" i="1" s="1"/>
  <c r="A77649" i="1" s="1"/>
  <c r="A77650" i="1" s="1"/>
  <c r="A77651" i="1" s="1"/>
  <c r="A77652" i="1" s="1"/>
  <c r="A77653" i="1" s="1"/>
  <c r="A77654" i="1" s="1"/>
  <c r="A77655" i="1" s="1"/>
  <c r="A77656" i="1" s="1"/>
  <c r="A77657" i="1" s="1"/>
  <c r="A77658" i="1" s="1"/>
  <c r="A77659" i="1" s="1"/>
  <c r="A77660" i="1" s="1"/>
  <c r="A77661" i="1" s="1"/>
  <c r="A77662" i="1" s="1"/>
  <c r="A77663" i="1" s="1"/>
  <c r="A77664" i="1" s="1"/>
  <c r="A77665" i="1" s="1"/>
  <c r="A77666" i="1" s="1"/>
  <c r="A77667" i="1" s="1"/>
  <c r="A77668" i="1" s="1"/>
  <c r="A77669" i="1" s="1"/>
  <c r="A77670" i="1" s="1"/>
  <c r="A77671" i="1" s="1"/>
  <c r="A77672" i="1" s="1"/>
  <c r="A77673" i="1" s="1"/>
  <c r="A77674" i="1" s="1"/>
  <c r="A77675" i="1" s="1"/>
  <c r="A77676" i="1" s="1"/>
  <c r="A77677" i="1" s="1"/>
  <c r="A77678" i="1" s="1"/>
  <c r="A77679" i="1" s="1"/>
  <c r="A77680" i="1" s="1"/>
  <c r="A77681" i="1" s="1"/>
  <c r="A77682" i="1" s="1"/>
  <c r="A77683" i="1" s="1"/>
  <c r="A77684" i="1" s="1"/>
  <c r="A77685" i="1" s="1"/>
  <c r="A77686" i="1" s="1"/>
  <c r="A77687" i="1" s="1"/>
  <c r="A77688" i="1" s="1"/>
  <c r="A77689" i="1" s="1"/>
  <c r="A77690" i="1" s="1"/>
  <c r="A77691" i="1" s="1"/>
  <c r="A77692" i="1" s="1"/>
  <c r="A77693" i="1" s="1"/>
  <c r="A77694" i="1" s="1"/>
  <c r="A77695" i="1" s="1"/>
  <c r="A77696" i="1" s="1"/>
  <c r="A77697" i="1" s="1"/>
  <c r="A77698" i="1" s="1"/>
  <c r="A77699" i="1" s="1"/>
  <c r="A77700" i="1" s="1"/>
  <c r="A77701" i="1" s="1"/>
  <c r="A77702" i="1" s="1"/>
  <c r="A77703" i="1" s="1"/>
  <c r="A77704" i="1" s="1"/>
  <c r="A77705" i="1" s="1"/>
  <c r="A77706" i="1" s="1"/>
  <c r="A77707" i="1" s="1"/>
  <c r="A77708" i="1" s="1"/>
  <c r="A77709" i="1" s="1"/>
  <c r="A77710" i="1" s="1"/>
  <c r="A77711" i="1" s="1"/>
  <c r="A77712" i="1" s="1"/>
  <c r="A77713" i="1" s="1"/>
  <c r="A77714" i="1" s="1"/>
  <c r="A77715" i="1" s="1"/>
  <c r="A77716" i="1" s="1"/>
  <c r="A77717" i="1" s="1"/>
  <c r="A77718" i="1" s="1"/>
  <c r="A77719" i="1" s="1"/>
  <c r="A77720" i="1" s="1"/>
  <c r="A77721" i="1" s="1"/>
  <c r="A77722" i="1" s="1"/>
  <c r="A77723" i="1" s="1"/>
  <c r="A77724" i="1" s="1"/>
  <c r="A77725" i="1" s="1"/>
  <c r="A77726" i="1" s="1"/>
  <c r="A77727" i="1" s="1"/>
  <c r="A77728" i="1" s="1"/>
  <c r="A77729" i="1" s="1"/>
  <c r="A77730" i="1" s="1"/>
  <c r="A77731" i="1" s="1"/>
  <c r="A77732" i="1" s="1"/>
  <c r="A77733" i="1" s="1"/>
  <c r="A77734" i="1" s="1"/>
  <c r="A77735" i="1" s="1"/>
  <c r="A77736" i="1" s="1"/>
  <c r="A77737" i="1" s="1"/>
  <c r="A77738" i="1" s="1"/>
  <c r="A77739" i="1" s="1"/>
  <c r="A77740" i="1" s="1"/>
  <c r="A77741" i="1" s="1"/>
  <c r="A77742" i="1" s="1"/>
  <c r="A77743" i="1" s="1"/>
  <c r="A77744" i="1" s="1"/>
  <c r="A77745" i="1" s="1"/>
  <c r="A77746" i="1" s="1"/>
  <c r="A77747" i="1" s="1"/>
  <c r="A77748" i="1" s="1"/>
  <c r="A77749" i="1" s="1"/>
  <c r="A77750" i="1" s="1"/>
  <c r="A77751" i="1" s="1"/>
  <c r="A77752" i="1" s="1"/>
  <c r="A77753" i="1" s="1"/>
  <c r="A77754" i="1" s="1"/>
  <c r="A77755" i="1" s="1"/>
  <c r="A77756" i="1" s="1"/>
  <c r="A77757" i="1" s="1"/>
  <c r="A77758" i="1" s="1"/>
  <c r="A77759" i="1" s="1"/>
  <c r="A77760" i="1" s="1"/>
  <c r="A77761" i="1" s="1"/>
  <c r="A77762" i="1" s="1"/>
  <c r="A77763" i="1" s="1"/>
  <c r="A77764" i="1" s="1"/>
  <c r="A77765" i="1" s="1"/>
  <c r="A77766" i="1" s="1"/>
  <c r="A77767" i="1" s="1"/>
  <c r="A77768" i="1" s="1"/>
  <c r="A77769" i="1" s="1"/>
  <c r="A77770" i="1" s="1"/>
  <c r="A77771" i="1" s="1"/>
  <c r="A77772" i="1" s="1"/>
  <c r="A77773" i="1" s="1"/>
  <c r="A77774" i="1" s="1"/>
  <c r="A77775" i="1" s="1"/>
  <c r="A77776" i="1" s="1"/>
  <c r="A77777" i="1" s="1"/>
  <c r="A77778" i="1" s="1"/>
  <c r="A77779" i="1" s="1"/>
  <c r="A77780" i="1" s="1"/>
  <c r="A77781" i="1" s="1"/>
  <c r="A77782" i="1" s="1"/>
  <c r="A77783" i="1" s="1"/>
  <c r="A77784" i="1" s="1"/>
  <c r="A77785" i="1" s="1"/>
  <c r="A77786" i="1" s="1"/>
  <c r="A77787" i="1" s="1"/>
  <c r="A77788" i="1" s="1"/>
  <c r="A77789" i="1" s="1"/>
  <c r="A77790" i="1" s="1"/>
  <c r="A77791" i="1" s="1"/>
  <c r="A77792" i="1" s="1"/>
  <c r="A77793" i="1" s="1"/>
  <c r="A77794" i="1" s="1"/>
  <c r="A77795" i="1" s="1"/>
  <c r="A77796" i="1" s="1"/>
  <c r="A77797" i="1" s="1"/>
  <c r="A77798" i="1" s="1"/>
  <c r="A77799" i="1" s="1"/>
  <c r="A77800" i="1" s="1"/>
  <c r="A77801" i="1" s="1"/>
  <c r="A77802" i="1" s="1"/>
  <c r="A77803" i="1" s="1"/>
  <c r="A77804" i="1" s="1"/>
  <c r="A77805" i="1" s="1"/>
  <c r="A77806" i="1" s="1"/>
  <c r="A77807" i="1" s="1"/>
  <c r="A77808" i="1" s="1"/>
  <c r="A77809" i="1" s="1"/>
  <c r="A77810" i="1" s="1"/>
  <c r="A77811" i="1" s="1"/>
  <c r="A77812" i="1" s="1"/>
  <c r="A77813" i="1" s="1"/>
  <c r="A77814" i="1" s="1"/>
  <c r="A77815" i="1" s="1"/>
  <c r="A77816" i="1" s="1"/>
  <c r="A77817" i="1" s="1"/>
  <c r="A77818" i="1" s="1"/>
  <c r="A77819" i="1" s="1"/>
  <c r="A77820" i="1" s="1"/>
  <c r="A77821" i="1" s="1"/>
  <c r="A77822" i="1" s="1"/>
  <c r="A77823" i="1" s="1"/>
  <c r="A77824" i="1" s="1"/>
  <c r="A77825" i="1" s="1"/>
  <c r="A77826" i="1" s="1"/>
  <c r="A77827" i="1" s="1"/>
  <c r="A77828" i="1" s="1"/>
  <c r="A77829" i="1" s="1"/>
  <c r="A77830" i="1" s="1"/>
  <c r="A77831" i="1" s="1"/>
  <c r="A77832" i="1" s="1"/>
  <c r="A77833" i="1" s="1"/>
  <c r="A77834" i="1" s="1"/>
  <c r="A77835" i="1" s="1"/>
  <c r="A77836" i="1" s="1"/>
  <c r="A77837" i="1" s="1"/>
  <c r="A77838" i="1" s="1"/>
  <c r="A77839" i="1" s="1"/>
  <c r="A77840" i="1" s="1"/>
  <c r="A77841" i="1" s="1"/>
  <c r="A77842" i="1" s="1"/>
  <c r="A77843" i="1" s="1"/>
  <c r="A77844" i="1" s="1"/>
  <c r="A77845" i="1" s="1"/>
  <c r="A77846" i="1" s="1"/>
  <c r="A77847" i="1" s="1"/>
  <c r="A77848" i="1" s="1"/>
  <c r="A77849" i="1" s="1"/>
  <c r="A77850" i="1" s="1"/>
  <c r="A77851" i="1" s="1"/>
  <c r="A77852" i="1" s="1"/>
  <c r="A77853" i="1" s="1"/>
  <c r="A77854" i="1" s="1"/>
  <c r="A77855" i="1" s="1"/>
  <c r="A77856" i="1" s="1"/>
  <c r="A77857" i="1" s="1"/>
  <c r="A77858" i="1" s="1"/>
  <c r="A77859" i="1" s="1"/>
  <c r="A77860" i="1" s="1"/>
  <c r="A77861" i="1" s="1"/>
  <c r="A77862" i="1" s="1"/>
  <c r="A77863" i="1" s="1"/>
  <c r="A77864" i="1" s="1"/>
  <c r="A77865" i="1" s="1"/>
  <c r="A77866" i="1" s="1"/>
  <c r="A77867" i="1" s="1"/>
  <c r="A77868" i="1" s="1"/>
  <c r="A77869" i="1" s="1"/>
  <c r="A77870" i="1" s="1"/>
  <c r="A77871" i="1" s="1"/>
  <c r="A77872" i="1" s="1"/>
  <c r="A77873" i="1" s="1"/>
  <c r="A77874" i="1" s="1"/>
  <c r="A77875" i="1" s="1"/>
  <c r="A77876" i="1" s="1"/>
  <c r="A77877" i="1" s="1"/>
  <c r="A77878" i="1" s="1"/>
  <c r="A77879" i="1" s="1"/>
  <c r="A77880" i="1" s="1"/>
  <c r="A77881" i="1" s="1"/>
  <c r="A77882" i="1" s="1"/>
  <c r="A77883" i="1" s="1"/>
  <c r="A77884" i="1" s="1"/>
  <c r="A77885" i="1" s="1"/>
  <c r="A77886" i="1" s="1"/>
  <c r="A77887" i="1" s="1"/>
  <c r="A77888" i="1" s="1"/>
  <c r="A77889" i="1" s="1"/>
  <c r="A77890" i="1" s="1"/>
  <c r="A77891" i="1" s="1"/>
  <c r="A77892" i="1" s="1"/>
  <c r="A77893" i="1" s="1"/>
  <c r="A77894" i="1" s="1"/>
  <c r="A77895" i="1" s="1"/>
  <c r="A77896" i="1" s="1"/>
  <c r="A77897" i="1" s="1"/>
  <c r="A77898" i="1" s="1"/>
  <c r="A77899" i="1" s="1"/>
  <c r="A77900" i="1" s="1"/>
  <c r="A77901" i="1" s="1"/>
  <c r="A77902" i="1" s="1"/>
  <c r="A77903" i="1" s="1"/>
  <c r="A77904" i="1" s="1"/>
  <c r="A77905" i="1" s="1"/>
  <c r="A77906" i="1" s="1"/>
  <c r="A77907" i="1" s="1"/>
  <c r="A77908" i="1" s="1"/>
  <c r="A77909" i="1" s="1"/>
  <c r="A77910" i="1" s="1"/>
  <c r="A77911" i="1" s="1"/>
  <c r="A77912" i="1" s="1"/>
  <c r="A77913" i="1" s="1"/>
  <c r="A77914" i="1" s="1"/>
  <c r="A77915" i="1" s="1"/>
  <c r="A77916" i="1" s="1"/>
  <c r="A77917" i="1" s="1"/>
  <c r="A77918" i="1" s="1"/>
  <c r="A77919" i="1" s="1"/>
  <c r="A77920" i="1" s="1"/>
  <c r="A77921" i="1" s="1"/>
  <c r="A77922" i="1" s="1"/>
  <c r="A77923" i="1" s="1"/>
  <c r="A77924" i="1" s="1"/>
  <c r="A77925" i="1" s="1"/>
  <c r="A77926" i="1" s="1"/>
  <c r="A77927" i="1" s="1"/>
  <c r="A77928" i="1" s="1"/>
  <c r="A77929" i="1" s="1"/>
  <c r="A77930" i="1" s="1"/>
  <c r="A77931" i="1" s="1"/>
  <c r="A77932" i="1" s="1"/>
  <c r="A77933" i="1" s="1"/>
  <c r="A77934" i="1" s="1"/>
  <c r="A77935" i="1" s="1"/>
  <c r="A77936" i="1" s="1"/>
  <c r="A77937" i="1" s="1"/>
  <c r="A77938" i="1" s="1"/>
  <c r="A77939" i="1" s="1"/>
  <c r="A77940" i="1" s="1"/>
  <c r="A77941" i="1" s="1"/>
  <c r="A77942" i="1" s="1"/>
  <c r="A77943" i="1" s="1"/>
  <c r="A77944" i="1" s="1"/>
  <c r="A77945" i="1" s="1"/>
  <c r="A77946" i="1" s="1"/>
  <c r="A77947" i="1" s="1"/>
  <c r="A77948" i="1" s="1"/>
  <c r="A77949" i="1" s="1"/>
  <c r="A77950" i="1" s="1"/>
  <c r="A77951" i="1" s="1"/>
  <c r="A77952" i="1" s="1"/>
  <c r="A77953" i="1" s="1"/>
  <c r="A77954" i="1" s="1"/>
  <c r="A77955" i="1" s="1"/>
  <c r="A77956" i="1" s="1"/>
  <c r="A77957" i="1" s="1"/>
  <c r="A77958" i="1" s="1"/>
  <c r="A77959" i="1" s="1"/>
  <c r="A77960" i="1" s="1"/>
  <c r="A77961" i="1" s="1"/>
  <c r="A77962" i="1" s="1"/>
  <c r="A77963" i="1" s="1"/>
  <c r="A77964" i="1" s="1"/>
  <c r="A77965" i="1" s="1"/>
  <c r="A77966" i="1" s="1"/>
  <c r="A77967" i="1" s="1"/>
  <c r="A77968" i="1" s="1"/>
  <c r="A77969" i="1" s="1"/>
  <c r="A77970" i="1" s="1"/>
  <c r="A77971" i="1" s="1"/>
  <c r="A77972" i="1" s="1"/>
  <c r="A77973" i="1" s="1"/>
  <c r="A77974" i="1" s="1"/>
  <c r="A77975" i="1" s="1"/>
  <c r="A77976" i="1" s="1"/>
  <c r="A77977" i="1" s="1"/>
  <c r="A77978" i="1" s="1"/>
  <c r="A77979" i="1" s="1"/>
  <c r="A77980" i="1" s="1"/>
  <c r="A77981" i="1" s="1"/>
  <c r="A77982" i="1" s="1"/>
  <c r="A77983" i="1" s="1"/>
  <c r="A77984" i="1" s="1"/>
  <c r="A77985" i="1" s="1"/>
  <c r="A77986" i="1" s="1"/>
  <c r="A77987" i="1" s="1"/>
  <c r="A77988" i="1" s="1"/>
  <c r="A77989" i="1" s="1"/>
  <c r="A77990" i="1" s="1"/>
  <c r="A77991" i="1" s="1"/>
  <c r="A77992" i="1" s="1"/>
  <c r="A77993" i="1" s="1"/>
  <c r="A77994" i="1" s="1"/>
  <c r="A77995" i="1" s="1"/>
  <c r="A77996" i="1" s="1"/>
  <c r="A77997" i="1" s="1"/>
  <c r="A77998" i="1" s="1"/>
  <c r="A77999" i="1" s="1"/>
  <c r="A78000" i="1" s="1"/>
  <c r="A78001" i="1" s="1"/>
  <c r="A78002" i="1" s="1"/>
  <c r="A78003" i="1" s="1"/>
  <c r="A78004" i="1" s="1"/>
  <c r="A78005" i="1" s="1"/>
  <c r="A78006" i="1" s="1"/>
  <c r="A78007" i="1" s="1"/>
  <c r="A78008" i="1" s="1"/>
  <c r="A78009" i="1" s="1"/>
  <c r="A78010" i="1" s="1"/>
  <c r="A78011" i="1" s="1"/>
  <c r="A78012" i="1" s="1"/>
  <c r="A78013" i="1" s="1"/>
  <c r="A78014" i="1" s="1"/>
  <c r="A78015" i="1" s="1"/>
  <c r="A78016" i="1" s="1"/>
  <c r="A78017" i="1" s="1"/>
  <c r="A78018" i="1" s="1"/>
  <c r="A78019" i="1" s="1"/>
  <c r="A78020" i="1" s="1"/>
  <c r="A78021" i="1" s="1"/>
  <c r="A78022" i="1" s="1"/>
  <c r="A78023" i="1" s="1"/>
  <c r="A78024" i="1" s="1"/>
  <c r="A78025" i="1" s="1"/>
  <c r="A78026" i="1" s="1"/>
  <c r="A78027" i="1" s="1"/>
  <c r="A78028" i="1" s="1"/>
  <c r="A78029" i="1" s="1"/>
  <c r="A78030" i="1" s="1"/>
  <c r="A78031" i="1" s="1"/>
  <c r="A78032" i="1" s="1"/>
  <c r="A78033" i="1" s="1"/>
  <c r="A78034" i="1" s="1"/>
  <c r="A78035" i="1" s="1"/>
  <c r="A78036" i="1" s="1"/>
  <c r="A78037" i="1" s="1"/>
  <c r="A78038" i="1" s="1"/>
  <c r="A78039" i="1" s="1"/>
  <c r="A78040" i="1" s="1"/>
  <c r="A78041" i="1" s="1"/>
  <c r="A78042" i="1" s="1"/>
  <c r="A78043" i="1" s="1"/>
  <c r="A78044" i="1" s="1"/>
  <c r="A78045" i="1" s="1"/>
  <c r="A78046" i="1" s="1"/>
  <c r="A78047" i="1" s="1"/>
  <c r="A78048" i="1" s="1"/>
  <c r="A78049" i="1" s="1"/>
  <c r="A78050" i="1" s="1"/>
  <c r="A78051" i="1" s="1"/>
  <c r="A78052" i="1" s="1"/>
  <c r="A78053" i="1" s="1"/>
  <c r="A78054" i="1" s="1"/>
  <c r="A78055" i="1" s="1"/>
  <c r="A78056" i="1" s="1"/>
  <c r="A78057" i="1" s="1"/>
  <c r="A78058" i="1" s="1"/>
  <c r="A78059" i="1" s="1"/>
  <c r="A78060" i="1" s="1"/>
  <c r="A78061" i="1" s="1"/>
  <c r="A78062" i="1" s="1"/>
  <c r="A78063" i="1" s="1"/>
  <c r="A78064" i="1" s="1"/>
  <c r="A78065" i="1" s="1"/>
  <c r="A78066" i="1" s="1"/>
  <c r="A78067" i="1" s="1"/>
  <c r="A78068" i="1" s="1"/>
  <c r="A78069" i="1" s="1"/>
  <c r="A78070" i="1" s="1"/>
  <c r="A78071" i="1" s="1"/>
  <c r="A78072" i="1" s="1"/>
  <c r="A78073" i="1" s="1"/>
  <c r="A78074" i="1" s="1"/>
  <c r="A78075" i="1" s="1"/>
  <c r="A78076" i="1" s="1"/>
  <c r="A78077" i="1" s="1"/>
  <c r="A78078" i="1" s="1"/>
  <c r="A78079" i="1" s="1"/>
  <c r="A78080" i="1" s="1"/>
  <c r="A78081" i="1" s="1"/>
  <c r="A78082" i="1" s="1"/>
  <c r="A78083" i="1" s="1"/>
  <c r="A78084" i="1" s="1"/>
  <c r="A78085" i="1" s="1"/>
  <c r="A78086" i="1" s="1"/>
  <c r="A78087" i="1" s="1"/>
  <c r="A78088" i="1" s="1"/>
  <c r="A78089" i="1" s="1"/>
  <c r="A78090" i="1" s="1"/>
  <c r="A78091" i="1" s="1"/>
  <c r="A78092" i="1" s="1"/>
  <c r="A78093" i="1" s="1"/>
  <c r="A78094" i="1" s="1"/>
  <c r="A78095" i="1" s="1"/>
  <c r="A78096" i="1" s="1"/>
  <c r="A78097" i="1" s="1"/>
  <c r="A78098" i="1" s="1"/>
  <c r="A78099" i="1" s="1"/>
  <c r="A78100" i="1" s="1"/>
  <c r="A78101" i="1" s="1"/>
  <c r="A78102" i="1" s="1"/>
  <c r="A78103" i="1" s="1"/>
  <c r="A78104" i="1" s="1"/>
  <c r="A78105" i="1" s="1"/>
  <c r="A78106" i="1" s="1"/>
  <c r="A78107" i="1" s="1"/>
  <c r="A78108" i="1" s="1"/>
  <c r="A78109" i="1" s="1"/>
  <c r="A78110" i="1" s="1"/>
  <c r="A78111" i="1" s="1"/>
  <c r="A78112" i="1" s="1"/>
  <c r="A78113" i="1" s="1"/>
  <c r="A78114" i="1" s="1"/>
  <c r="A78115" i="1" s="1"/>
  <c r="A78116" i="1" s="1"/>
  <c r="A78117" i="1" s="1"/>
  <c r="A78118" i="1" s="1"/>
  <c r="A78119" i="1" s="1"/>
  <c r="A78120" i="1" s="1"/>
  <c r="A78121" i="1" s="1"/>
  <c r="A78122" i="1" s="1"/>
  <c r="A78123" i="1" s="1"/>
  <c r="A78124" i="1" s="1"/>
  <c r="A78125" i="1" s="1"/>
  <c r="A78126" i="1" s="1"/>
  <c r="A78127" i="1" s="1"/>
  <c r="A78128" i="1" s="1"/>
  <c r="A78129" i="1" s="1"/>
  <c r="A78130" i="1" s="1"/>
  <c r="A78131" i="1" s="1"/>
  <c r="A78132" i="1" s="1"/>
  <c r="A78133" i="1" s="1"/>
  <c r="A78134" i="1" s="1"/>
  <c r="A78135" i="1" s="1"/>
  <c r="A78136" i="1" s="1"/>
  <c r="A78137" i="1" s="1"/>
  <c r="A78138" i="1" s="1"/>
  <c r="A78139" i="1" s="1"/>
  <c r="A78140" i="1" s="1"/>
  <c r="A78141" i="1" s="1"/>
  <c r="A78142" i="1" s="1"/>
  <c r="A78143" i="1" s="1"/>
  <c r="A78144" i="1" s="1"/>
  <c r="A78145" i="1" s="1"/>
  <c r="A78146" i="1" s="1"/>
  <c r="A78147" i="1" s="1"/>
  <c r="A78148" i="1" s="1"/>
  <c r="A78149" i="1" s="1"/>
  <c r="A78150" i="1" s="1"/>
  <c r="A78151" i="1" s="1"/>
  <c r="A78152" i="1" s="1"/>
  <c r="A78153" i="1" s="1"/>
  <c r="A78154" i="1" s="1"/>
  <c r="A78155" i="1" s="1"/>
  <c r="A78156" i="1" s="1"/>
  <c r="A78157" i="1" s="1"/>
  <c r="A78158" i="1" s="1"/>
  <c r="A78159" i="1" s="1"/>
  <c r="A78160" i="1" s="1"/>
  <c r="A78161" i="1" s="1"/>
  <c r="A78162" i="1" s="1"/>
  <c r="A78163" i="1" s="1"/>
  <c r="A78164" i="1" s="1"/>
  <c r="A78165" i="1" s="1"/>
  <c r="A78166" i="1" s="1"/>
  <c r="A78167" i="1" s="1"/>
  <c r="A78168" i="1" s="1"/>
  <c r="A78169" i="1" s="1"/>
  <c r="A78170" i="1" s="1"/>
  <c r="A78171" i="1" s="1"/>
  <c r="A78172" i="1" s="1"/>
  <c r="A78173" i="1" s="1"/>
  <c r="A78174" i="1" s="1"/>
  <c r="A78175" i="1" s="1"/>
  <c r="A78176" i="1" s="1"/>
  <c r="A78177" i="1" s="1"/>
  <c r="A78178" i="1" s="1"/>
  <c r="A78179" i="1" s="1"/>
  <c r="A78180" i="1" s="1"/>
  <c r="A78181" i="1" s="1"/>
  <c r="A78182" i="1" s="1"/>
  <c r="A78183" i="1" s="1"/>
  <c r="A78184" i="1" s="1"/>
  <c r="A78185" i="1" s="1"/>
  <c r="A78186" i="1" s="1"/>
  <c r="A78187" i="1" s="1"/>
  <c r="A78188" i="1" s="1"/>
  <c r="A78189" i="1" s="1"/>
  <c r="A78190" i="1" s="1"/>
  <c r="A78191" i="1" s="1"/>
  <c r="A78192" i="1" s="1"/>
  <c r="A78193" i="1" s="1"/>
  <c r="A78194" i="1" s="1"/>
  <c r="A78195" i="1" s="1"/>
  <c r="A78196" i="1" s="1"/>
  <c r="A78197" i="1" s="1"/>
  <c r="A78198" i="1" s="1"/>
  <c r="A78199" i="1" s="1"/>
  <c r="A78200" i="1" s="1"/>
  <c r="A78201" i="1" s="1"/>
  <c r="A78202" i="1" s="1"/>
  <c r="A78203" i="1" s="1"/>
  <c r="A78204" i="1" s="1"/>
  <c r="A78205" i="1" s="1"/>
  <c r="A78206" i="1" s="1"/>
  <c r="A78207" i="1" s="1"/>
  <c r="A78208" i="1" s="1"/>
  <c r="A78209" i="1" s="1"/>
  <c r="A78210" i="1" s="1"/>
  <c r="A78211" i="1" s="1"/>
  <c r="A78212" i="1" s="1"/>
  <c r="A78213" i="1" s="1"/>
  <c r="A78214" i="1" s="1"/>
  <c r="A78215" i="1" s="1"/>
  <c r="A78216" i="1" s="1"/>
  <c r="A78217" i="1" s="1"/>
  <c r="A78218" i="1" s="1"/>
  <c r="A78219" i="1" s="1"/>
  <c r="A78220" i="1" s="1"/>
  <c r="A78221" i="1" s="1"/>
  <c r="A78222" i="1" s="1"/>
  <c r="A78223" i="1" s="1"/>
  <c r="A78224" i="1" s="1"/>
  <c r="A78225" i="1" s="1"/>
  <c r="A78226" i="1" s="1"/>
  <c r="A78227" i="1" s="1"/>
  <c r="A78228" i="1" s="1"/>
  <c r="A78229" i="1" s="1"/>
  <c r="A78230" i="1" s="1"/>
  <c r="A78231" i="1" s="1"/>
  <c r="A78232" i="1" s="1"/>
  <c r="A78233" i="1" s="1"/>
  <c r="A78234" i="1" s="1"/>
  <c r="A78235" i="1" s="1"/>
  <c r="A78236" i="1" s="1"/>
  <c r="A78237" i="1" s="1"/>
  <c r="A78238" i="1" s="1"/>
  <c r="A78239" i="1" s="1"/>
  <c r="A78240" i="1" s="1"/>
  <c r="A78241" i="1" s="1"/>
  <c r="A78242" i="1" s="1"/>
  <c r="A78243" i="1" s="1"/>
  <c r="A78244" i="1" s="1"/>
  <c r="A78245" i="1" s="1"/>
  <c r="A78246" i="1" s="1"/>
  <c r="A78247" i="1" s="1"/>
  <c r="A78248" i="1" s="1"/>
  <c r="A78249" i="1" s="1"/>
  <c r="A78250" i="1" s="1"/>
  <c r="A78251" i="1" s="1"/>
  <c r="A78252" i="1" s="1"/>
  <c r="A78253" i="1" s="1"/>
  <c r="A78254" i="1" s="1"/>
  <c r="A78255" i="1" s="1"/>
  <c r="A78256" i="1" s="1"/>
  <c r="A78257" i="1" s="1"/>
  <c r="A78258" i="1" s="1"/>
  <c r="A78259" i="1" s="1"/>
  <c r="A78260" i="1" s="1"/>
  <c r="A78261" i="1" s="1"/>
  <c r="A78262" i="1" s="1"/>
  <c r="A78263" i="1" s="1"/>
  <c r="A78264" i="1" s="1"/>
  <c r="A78265" i="1" s="1"/>
  <c r="A78266" i="1" s="1"/>
  <c r="A78267" i="1" s="1"/>
  <c r="A78268" i="1" s="1"/>
  <c r="A78269" i="1" s="1"/>
  <c r="A78270" i="1" s="1"/>
  <c r="A78271" i="1" s="1"/>
  <c r="A78272" i="1" s="1"/>
  <c r="A78273" i="1" s="1"/>
  <c r="A78274" i="1" s="1"/>
  <c r="A78275" i="1" s="1"/>
  <c r="A78276" i="1" s="1"/>
  <c r="A78277" i="1" s="1"/>
  <c r="A78278" i="1" s="1"/>
  <c r="A78279" i="1" s="1"/>
  <c r="A78280" i="1" s="1"/>
  <c r="A78281" i="1" s="1"/>
  <c r="A78282" i="1" s="1"/>
  <c r="A78283" i="1" s="1"/>
  <c r="A78284" i="1" s="1"/>
  <c r="A78285" i="1" s="1"/>
  <c r="A78286" i="1" s="1"/>
  <c r="A78287" i="1" s="1"/>
  <c r="A78288" i="1" s="1"/>
  <c r="A78289" i="1" s="1"/>
  <c r="A78290" i="1" s="1"/>
  <c r="A78291" i="1" s="1"/>
  <c r="A78292" i="1" s="1"/>
  <c r="A78293" i="1" s="1"/>
  <c r="A78294" i="1" s="1"/>
  <c r="A78295" i="1" s="1"/>
  <c r="A78296" i="1" s="1"/>
  <c r="A78297" i="1" s="1"/>
  <c r="A78298" i="1" s="1"/>
  <c r="A78299" i="1" s="1"/>
  <c r="A78300" i="1" s="1"/>
  <c r="A78301" i="1" s="1"/>
  <c r="A78302" i="1" s="1"/>
  <c r="A78303" i="1" s="1"/>
  <c r="A78304" i="1" s="1"/>
  <c r="A78305" i="1" s="1"/>
  <c r="A78306" i="1" s="1"/>
  <c r="A78307" i="1" s="1"/>
  <c r="A78308" i="1" s="1"/>
  <c r="A78309" i="1" s="1"/>
  <c r="A78310" i="1" s="1"/>
  <c r="A78311" i="1" s="1"/>
  <c r="A78312" i="1" s="1"/>
  <c r="A78313" i="1" s="1"/>
  <c r="A78314" i="1" s="1"/>
  <c r="A78315" i="1" s="1"/>
  <c r="A78316" i="1" s="1"/>
  <c r="A78317" i="1" s="1"/>
  <c r="A78318" i="1" s="1"/>
  <c r="A78319" i="1" s="1"/>
  <c r="A78320" i="1" s="1"/>
  <c r="A78321" i="1" s="1"/>
  <c r="A78322" i="1" s="1"/>
  <c r="A78323" i="1" s="1"/>
  <c r="A78324" i="1" s="1"/>
  <c r="A78325" i="1" s="1"/>
  <c r="A78326" i="1" s="1"/>
  <c r="A78327" i="1" s="1"/>
  <c r="A78328" i="1" s="1"/>
  <c r="A78329" i="1" s="1"/>
  <c r="A78330" i="1" s="1"/>
  <c r="A78331" i="1" s="1"/>
  <c r="A78332" i="1" s="1"/>
  <c r="A78333" i="1" s="1"/>
  <c r="A78334" i="1" s="1"/>
  <c r="A78335" i="1" s="1"/>
  <c r="A78336" i="1" s="1"/>
  <c r="A78337" i="1" s="1"/>
  <c r="A78338" i="1" s="1"/>
  <c r="A78339" i="1" s="1"/>
  <c r="A78340" i="1" s="1"/>
  <c r="A78341" i="1" s="1"/>
  <c r="A78342" i="1" s="1"/>
  <c r="A78343" i="1" s="1"/>
  <c r="A78344" i="1" s="1"/>
  <c r="A78345" i="1" s="1"/>
  <c r="A78346" i="1" s="1"/>
  <c r="A78347" i="1" s="1"/>
  <c r="A78348" i="1" s="1"/>
  <c r="A78349" i="1" s="1"/>
  <c r="A78350" i="1" s="1"/>
  <c r="A78351" i="1" s="1"/>
  <c r="A78352" i="1" s="1"/>
  <c r="A78353" i="1" s="1"/>
  <c r="A78354" i="1" s="1"/>
  <c r="A78355" i="1" s="1"/>
  <c r="A78356" i="1" s="1"/>
  <c r="A78357" i="1" s="1"/>
  <c r="A78358" i="1" s="1"/>
  <c r="A78359" i="1" s="1"/>
  <c r="A78360" i="1" s="1"/>
  <c r="A78361" i="1" s="1"/>
  <c r="A78362" i="1" s="1"/>
  <c r="A78363" i="1" s="1"/>
  <c r="A78364" i="1" s="1"/>
  <c r="A78365" i="1" s="1"/>
  <c r="A78366" i="1" s="1"/>
  <c r="A78367" i="1" s="1"/>
  <c r="A78368" i="1" s="1"/>
  <c r="A78369" i="1" s="1"/>
  <c r="A78370" i="1" s="1"/>
  <c r="A78371" i="1" s="1"/>
  <c r="A78372" i="1" s="1"/>
  <c r="A78373" i="1" s="1"/>
  <c r="A78374" i="1" s="1"/>
  <c r="A78375" i="1" s="1"/>
  <c r="A78376" i="1" s="1"/>
  <c r="A78377" i="1" s="1"/>
  <c r="A78378" i="1" s="1"/>
  <c r="A78379" i="1" s="1"/>
  <c r="A78380" i="1" s="1"/>
  <c r="A78381" i="1" s="1"/>
  <c r="A78382" i="1" s="1"/>
  <c r="A78383" i="1" s="1"/>
  <c r="A78384" i="1" s="1"/>
  <c r="A78385" i="1" s="1"/>
  <c r="A78386" i="1" s="1"/>
  <c r="A78387" i="1" s="1"/>
  <c r="A78388" i="1" s="1"/>
  <c r="A78389" i="1" s="1"/>
  <c r="A78390" i="1" s="1"/>
  <c r="A78391" i="1" s="1"/>
  <c r="A78392" i="1" s="1"/>
  <c r="A78393" i="1" s="1"/>
  <c r="A78394" i="1" s="1"/>
  <c r="A78395" i="1" s="1"/>
  <c r="A78396" i="1" s="1"/>
  <c r="A78397" i="1" s="1"/>
  <c r="A78398" i="1" s="1"/>
  <c r="A78399" i="1" s="1"/>
  <c r="A78400" i="1" s="1"/>
  <c r="A78401" i="1" s="1"/>
  <c r="A78402" i="1" s="1"/>
  <c r="A78403" i="1" s="1"/>
  <c r="A78404" i="1" s="1"/>
  <c r="A78405" i="1" s="1"/>
  <c r="A78406" i="1" s="1"/>
  <c r="A78407" i="1" s="1"/>
  <c r="A78408" i="1" s="1"/>
  <c r="A78409" i="1" s="1"/>
  <c r="A78410" i="1" s="1"/>
  <c r="A78411" i="1" s="1"/>
  <c r="A78412" i="1" s="1"/>
  <c r="A78413" i="1" s="1"/>
  <c r="A78414" i="1" s="1"/>
  <c r="A78415" i="1" s="1"/>
  <c r="A78416" i="1" s="1"/>
  <c r="A78417" i="1" s="1"/>
  <c r="A78418" i="1" s="1"/>
  <c r="A78419" i="1" s="1"/>
  <c r="A78420" i="1" s="1"/>
  <c r="A78421" i="1" s="1"/>
  <c r="A78422" i="1" s="1"/>
  <c r="A78423" i="1" s="1"/>
  <c r="A78424" i="1" s="1"/>
  <c r="A78425" i="1" s="1"/>
  <c r="A78426" i="1" s="1"/>
  <c r="A78427" i="1" s="1"/>
  <c r="A78428" i="1" s="1"/>
  <c r="A78429" i="1" s="1"/>
  <c r="A78430" i="1" s="1"/>
  <c r="A78431" i="1" s="1"/>
  <c r="A78432" i="1" s="1"/>
  <c r="A78433" i="1" s="1"/>
  <c r="A78434" i="1" s="1"/>
  <c r="A78435" i="1" s="1"/>
  <c r="A78436" i="1" s="1"/>
  <c r="A78437" i="1" s="1"/>
  <c r="A78438" i="1" s="1"/>
  <c r="A78439" i="1" s="1"/>
  <c r="A78440" i="1" s="1"/>
  <c r="A78441" i="1" s="1"/>
  <c r="A78442" i="1" s="1"/>
  <c r="A78443" i="1" s="1"/>
  <c r="A78444" i="1" s="1"/>
  <c r="A78445" i="1" s="1"/>
  <c r="A78446" i="1" s="1"/>
  <c r="A78447" i="1" s="1"/>
  <c r="A78448" i="1" s="1"/>
  <c r="A78449" i="1" s="1"/>
  <c r="A78450" i="1" s="1"/>
  <c r="A78451" i="1" s="1"/>
  <c r="A78452" i="1" s="1"/>
  <c r="A78453" i="1" s="1"/>
  <c r="A78454" i="1" s="1"/>
  <c r="A78455" i="1" s="1"/>
  <c r="A78456" i="1" s="1"/>
  <c r="A78457" i="1" s="1"/>
  <c r="A78458" i="1" s="1"/>
  <c r="A78459" i="1" s="1"/>
  <c r="A78460" i="1" s="1"/>
  <c r="A78461" i="1" s="1"/>
  <c r="A78462" i="1" s="1"/>
  <c r="A78463" i="1" s="1"/>
  <c r="A78464" i="1" s="1"/>
  <c r="A78465" i="1" s="1"/>
  <c r="A78466" i="1" s="1"/>
  <c r="A78467" i="1" s="1"/>
  <c r="A78468" i="1" s="1"/>
  <c r="A78469" i="1" s="1"/>
  <c r="A78470" i="1" s="1"/>
  <c r="A78471" i="1" s="1"/>
  <c r="A78472" i="1" s="1"/>
  <c r="A78473" i="1" s="1"/>
  <c r="A78474" i="1" s="1"/>
  <c r="A78475" i="1" s="1"/>
  <c r="A78476" i="1" s="1"/>
  <c r="A78477" i="1" s="1"/>
  <c r="A78478" i="1" s="1"/>
  <c r="A78479" i="1" s="1"/>
  <c r="A78480" i="1" s="1"/>
  <c r="A78481" i="1" s="1"/>
  <c r="A78482" i="1" s="1"/>
  <c r="A78483" i="1" s="1"/>
  <c r="A78484" i="1" s="1"/>
  <c r="A78485" i="1" s="1"/>
  <c r="A78486" i="1" s="1"/>
  <c r="A78487" i="1" s="1"/>
  <c r="A78488" i="1" s="1"/>
  <c r="A78489" i="1" s="1"/>
  <c r="A78490" i="1" s="1"/>
  <c r="A78491" i="1" s="1"/>
  <c r="A78492" i="1" s="1"/>
  <c r="A78493" i="1" s="1"/>
  <c r="A78494" i="1" s="1"/>
  <c r="A78495" i="1" s="1"/>
  <c r="A78496" i="1" s="1"/>
  <c r="A78497" i="1" s="1"/>
  <c r="A78498" i="1" s="1"/>
  <c r="A78499" i="1" s="1"/>
  <c r="A78500" i="1" s="1"/>
  <c r="A78501" i="1" s="1"/>
  <c r="A78502" i="1" s="1"/>
  <c r="A78503" i="1" s="1"/>
  <c r="A78504" i="1" s="1"/>
  <c r="A78505" i="1" s="1"/>
  <c r="A78506" i="1" s="1"/>
  <c r="A78507" i="1" s="1"/>
  <c r="A78508" i="1" s="1"/>
  <c r="A78509" i="1" s="1"/>
  <c r="A78510" i="1" s="1"/>
  <c r="A78511" i="1" s="1"/>
  <c r="A78512" i="1" s="1"/>
  <c r="A78513" i="1" s="1"/>
  <c r="A78514" i="1" s="1"/>
  <c r="A78515" i="1" s="1"/>
  <c r="A78516" i="1" s="1"/>
  <c r="A78517" i="1" s="1"/>
  <c r="A78518" i="1" s="1"/>
  <c r="A78519" i="1" s="1"/>
  <c r="A78520" i="1" s="1"/>
  <c r="A78521" i="1" s="1"/>
  <c r="A78522" i="1" s="1"/>
  <c r="A78523" i="1" s="1"/>
  <c r="A78524" i="1" s="1"/>
  <c r="A78525" i="1" s="1"/>
  <c r="A78526" i="1" s="1"/>
  <c r="A78527" i="1" s="1"/>
  <c r="A78528" i="1" s="1"/>
  <c r="A78529" i="1" s="1"/>
  <c r="A78530" i="1" s="1"/>
  <c r="A78531" i="1" s="1"/>
  <c r="A78532" i="1" s="1"/>
  <c r="A78533" i="1" s="1"/>
  <c r="A78534" i="1" s="1"/>
  <c r="A78535" i="1" s="1"/>
  <c r="A78536" i="1" s="1"/>
  <c r="A78537" i="1" s="1"/>
  <c r="A78538" i="1" s="1"/>
  <c r="A78539" i="1" s="1"/>
  <c r="A78540" i="1" s="1"/>
  <c r="A78541" i="1" s="1"/>
  <c r="A78542" i="1" s="1"/>
  <c r="A78543" i="1" s="1"/>
  <c r="A78544" i="1" s="1"/>
  <c r="A78545" i="1" s="1"/>
  <c r="A78546" i="1" s="1"/>
  <c r="A78547" i="1" s="1"/>
  <c r="A78548" i="1" s="1"/>
  <c r="A78549" i="1" s="1"/>
  <c r="A78550" i="1" s="1"/>
  <c r="A78551" i="1" s="1"/>
  <c r="A78552" i="1" s="1"/>
  <c r="A78553" i="1" s="1"/>
  <c r="A78554" i="1" s="1"/>
  <c r="A78555" i="1" s="1"/>
  <c r="A78556" i="1" s="1"/>
  <c r="A78557" i="1" s="1"/>
  <c r="A78558" i="1" s="1"/>
  <c r="A78559" i="1" s="1"/>
  <c r="A78560" i="1" s="1"/>
  <c r="A78561" i="1" s="1"/>
  <c r="A78562" i="1" s="1"/>
  <c r="A78563" i="1" s="1"/>
  <c r="A78564" i="1" s="1"/>
  <c r="A78565" i="1" s="1"/>
  <c r="A78566" i="1" s="1"/>
  <c r="A78567" i="1" s="1"/>
  <c r="A78568" i="1" s="1"/>
  <c r="A78569" i="1" s="1"/>
  <c r="A78570" i="1" s="1"/>
  <c r="A78571" i="1" s="1"/>
  <c r="A78572" i="1" s="1"/>
  <c r="A78573" i="1" s="1"/>
  <c r="A78574" i="1" s="1"/>
  <c r="A78575" i="1" s="1"/>
  <c r="A78576" i="1" s="1"/>
  <c r="A78577" i="1" s="1"/>
  <c r="A78578" i="1" s="1"/>
  <c r="A78579" i="1" s="1"/>
  <c r="A78580" i="1" s="1"/>
  <c r="A78581" i="1" s="1"/>
  <c r="A78582" i="1" s="1"/>
  <c r="A78583" i="1" s="1"/>
  <c r="A78584" i="1" s="1"/>
  <c r="A78585" i="1" s="1"/>
  <c r="A78586" i="1" s="1"/>
  <c r="A78587" i="1" s="1"/>
  <c r="A78588" i="1" s="1"/>
  <c r="A78589" i="1" s="1"/>
  <c r="A78590" i="1" s="1"/>
  <c r="A78591" i="1" s="1"/>
  <c r="A78592" i="1" s="1"/>
  <c r="A78593" i="1" s="1"/>
  <c r="A78594" i="1" s="1"/>
  <c r="A78595" i="1" s="1"/>
  <c r="A78596" i="1" s="1"/>
  <c r="A78597" i="1" s="1"/>
  <c r="A78598" i="1" s="1"/>
  <c r="A78599" i="1" s="1"/>
  <c r="A78600" i="1" s="1"/>
  <c r="A78601" i="1" s="1"/>
  <c r="A78602" i="1" s="1"/>
  <c r="A78603" i="1" s="1"/>
  <c r="A78604" i="1" s="1"/>
  <c r="A78605" i="1" s="1"/>
  <c r="A78606" i="1" s="1"/>
  <c r="A78607" i="1" s="1"/>
  <c r="A78608" i="1" s="1"/>
  <c r="A78609" i="1" s="1"/>
  <c r="A78610" i="1" s="1"/>
  <c r="A78611" i="1" s="1"/>
  <c r="A78612" i="1" s="1"/>
  <c r="A78613" i="1" s="1"/>
  <c r="A78614" i="1" s="1"/>
  <c r="A78615" i="1" s="1"/>
  <c r="A78616" i="1" s="1"/>
  <c r="A78617" i="1" s="1"/>
  <c r="A78618" i="1" s="1"/>
  <c r="A78619" i="1" s="1"/>
  <c r="A78620" i="1" s="1"/>
  <c r="A78621" i="1" s="1"/>
  <c r="A78622" i="1" s="1"/>
  <c r="A78623" i="1" s="1"/>
  <c r="A78624" i="1" s="1"/>
  <c r="A78625" i="1" s="1"/>
  <c r="A78626" i="1" s="1"/>
  <c r="A78627" i="1" s="1"/>
  <c r="A78628" i="1" s="1"/>
  <c r="A78629" i="1" s="1"/>
  <c r="A78630" i="1" s="1"/>
  <c r="A78631" i="1" s="1"/>
  <c r="A78632" i="1" s="1"/>
  <c r="A78633" i="1" s="1"/>
  <c r="A78634" i="1" s="1"/>
  <c r="A78635" i="1" s="1"/>
  <c r="A78636" i="1" s="1"/>
  <c r="A78637" i="1" s="1"/>
  <c r="A78638" i="1" s="1"/>
  <c r="A78639" i="1" s="1"/>
  <c r="A78640" i="1" s="1"/>
  <c r="A78641" i="1" s="1"/>
  <c r="A78642" i="1" s="1"/>
  <c r="A78643" i="1" s="1"/>
  <c r="A78644" i="1" s="1"/>
  <c r="A78645" i="1" s="1"/>
  <c r="A78646" i="1" s="1"/>
  <c r="A78647" i="1" s="1"/>
  <c r="A78648" i="1" s="1"/>
  <c r="A78649" i="1" s="1"/>
  <c r="A78650" i="1" s="1"/>
  <c r="A78651" i="1" s="1"/>
  <c r="A78652" i="1" s="1"/>
  <c r="A78653" i="1" s="1"/>
  <c r="A78654" i="1" s="1"/>
  <c r="A78655" i="1" s="1"/>
  <c r="A78656" i="1" s="1"/>
  <c r="A78657" i="1" s="1"/>
  <c r="A78658" i="1" s="1"/>
  <c r="A78659" i="1" s="1"/>
  <c r="A78660" i="1" s="1"/>
  <c r="A78661" i="1" s="1"/>
  <c r="A78662" i="1" s="1"/>
  <c r="A78663" i="1" s="1"/>
  <c r="A78664" i="1" s="1"/>
  <c r="A78665" i="1" s="1"/>
  <c r="A78666" i="1" s="1"/>
  <c r="A78667" i="1" s="1"/>
  <c r="A78668" i="1" s="1"/>
  <c r="A78669" i="1" s="1"/>
  <c r="A78670" i="1" s="1"/>
  <c r="A78671" i="1" s="1"/>
  <c r="A78672" i="1" s="1"/>
  <c r="A78673" i="1" s="1"/>
  <c r="A78674" i="1" s="1"/>
  <c r="A78675" i="1" s="1"/>
  <c r="A78676" i="1" s="1"/>
  <c r="A78677" i="1" s="1"/>
  <c r="A78678" i="1" s="1"/>
  <c r="A78679" i="1" s="1"/>
  <c r="A78680" i="1" s="1"/>
  <c r="A78681" i="1" s="1"/>
  <c r="A78682" i="1" s="1"/>
  <c r="A78683" i="1" s="1"/>
  <c r="A78684" i="1" s="1"/>
  <c r="A78685" i="1" s="1"/>
  <c r="A78686" i="1" s="1"/>
  <c r="A78687" i="1" s="1"/>
  <c r="A78688" i="1" s="1"/>
  <c r="A78689" i="1" s="1"/>
  <c r="A78690" i="1" s="1"/>
  <c r="A78691" i="1" s="1"/>
  <c r="A78692" i="1" s="1"/>
  <c r="A78693" i="1" s="1"/>
  <c r="A78694" i="1" s="1"/>
  <c r="A78695" i="1" s="1"/>
  <c r="A78696" i="1" s="1"/>
  <c r="A78697" i="1" s="1"/>
  <c r="A78698" i="1" s="1"/>
  <c r="A78699" i="1" s="1"/>
  <c r="A78700" i="1" s="1"/>
  <c r="A78701" i="1" s="1"/>
  <c r="A78702" i="1" s="1"/>
  <c r="A78703" i="1" s="1"/>
  <c r="A78704" i="1" s="1"/>
  <c r="A78705" i="1" s="1"/>
  <c r="A78706" i="1" s="1"/>
  <c r="A78707" i="1" s="1"/>
  <c r="A78708" i="1" s="1"/>
  <c r="A78709" i="1" s="1"/>
  <c r="A78710" i="1" s="1"/>
  <c r="A78711" i="1" s="1"/>
  <c r="A78712" i="1" s="1"/>
  <c r="A78713" i="1" s="1"/>
  <c r="A78714" i="1" s="1"/>
  <c r="A78715" i="1" s="1"/>
  <c r="A78716" i="1" s="1"/>
  <c r="A78717" i="1" s="1"/>
  <c r="A78718" i="1" s="1"/>
  <c r="A78719" i="1" s="1"/>
  <c r="A78720" i="1" s="1"/>
  <c r="A78721" i="1" s="1"/>
  <c r="A78722" i="1" s="1"/>
  <c r="A78723" i="1" s="1"/>
  <c r="A78724" i="1" s="1"/>
  <c r="A78725" i="1" s="1"/>
  <c r="A78726" i="1" s="1"/>
  <c r="A78727" i="1" s="1"/>
  <c r="A78728" i="1" s="1"/>
  <c r="A78729" i="1" s="1"/>
  <c r="A78730" i="1" s="1"/>
  <c r="A78731" i="1" s="1"/>
  <c r="A78732" i="1" s="1"/>
  <c r="A78733" i="1" s="1"/>
  <c r="A78734" i="1" s="1"/>
  <c r="A78735" i="1" s="1"/>
  <c r="A78736" i="1" s="1"/>
  <c r="A78737" i="1" s="1"/>
  <c r="A78738" i="1" s="1"/>
  <c r="A78739" i="1" s="1"/>
  <c r="A78740" i="1" s="1"/>
  <c r="A78741" i="1" s="1"/>
  <c r="A78742" i="1" s="1"/>
  <c r="A78743" i="1" s="1"/>
  <c r="A78744" i="1" s="1"/>
  <c r="A78745" i="1" s="1"/>
  <c r="A78746" i="1" s="1"/>
  <c r="A78747" i="1" s="1"/>
  <c r="A78748" i="1" s="1"/>
  <c r="A78749" i="1" s="1"/>
  <c r="A78750" i="1" s="1"/>
  <c r="A78751" i="1" s="1"/>
  <c r="A78752" i="1" s="1"/>
  <c r="A78753" i="1" s="1"/>
  <c r="A78754" i="1" s="1"/>
  <c r="A78755" i="1" s="1"/>
  <c r="A78756" i="1" s="1"/>
  <c r="A78757" i="1" s="1"/>
  <c r="A78758" i="1" s="1"/>
  <c r="A78759" i="1" s="1"/>
  <c r="A78760" i="1" s="1"/>
  <c r="A78761" i="1" s="1"/>
  <c r="A78762" i="1" s="1"/>
  <c r="A78763" i="1" s="1"/>
  <c r="A78764" i="1" s="1"/>
  <c r="A78765" i="1" s="1"/>
  <c r="A78766" i="1" s="1"/>
  <c r="A78767" i="1" s="1"/>
  <c r="A78768" i="1" s="1"/>
  <c r="A78769" i="1" s="1"/>
  <c r="A78770" i="1" s="1"/>
  <c r="A78771" i="1" s="1"/>
  <c r="A78772" i="1" s="1"/>
  <c r="A78773" i="1" s="1"/>
  <c r="A78774" i="1" s="1"/>
  <c r="A78775" i="1" s="1"/>
  <c r="A78776" i="1" s="1"/>
  <c r="A78777" i="1" s="1"/>
  <c r="A78778" i="1" s="1"/>
  <c r="A78779" i="1" s="1"/>
  <c r="A78780" i="1" s="1"/>
  <c r="A78781" i="1" s="1"/>
  <c r="A78782" i="1" s="1"/>
  <c r="A78783" i="1" s="1"/>
  <c r="A78784" i="1" s="1"/>
  <c r="A78785" i="1" s="1"/>
  <c r="A78786" i="1" s="1"/>
  <c r="A78787" i="1" s="1"/>
  <c r="A78788" i="1" s="1"/>
  <c r="A78789" i="1" s="1"/>
  <c r="A78790" i="1" s="1"/>
  <c r="A78791" i="1" s="1"/>
  <c r="A78792" i="1" s="1"/>
  <c r="A78793" i="1" s="1"/>
  <c r="A78794" i="1" s="1"/>
  <c r="A78795" i="1" s="1"/>
  <c r="A78796" i="1" s="1"/>
  <c r="A78797" i="1" s="1"/>
  <c r="A78798" i="1" s="1"/>
  <c r="A78799" i="1" s="1"/>
  <c r="A78800" i="1" s="1"/>
  <c r="A78801" i="1" s="1"/>
  <c r="A78802" i="1" s="1"/>
  <c r="A78803" i="1" s="1"/>
  <c r="A78804" i="1" s="1"/>
  <c r="A78805" i="1" s="1"/>
  <c r="A78806" i="1" s="1"/>
  <c r="A78807" i="1" s="1"/>
  <c r="A78808" i="1" s="1"/>
  <c r="A78809" i="1" s="1"/>
  <c r="A78810" i="1" s="1"/>
  <c r="A78811" i="1" s="1"/>
  <c r="A78812" i="1" s="1"/>
  <c r="A78813" i="1" s="1"/>
  <c r="A78814" i="1" s="1"/>
  <c r="A78815" i="1" s="1"/>
  <c r="A78816" i="1" s="1"/>
  <c r="A78817" i="1" s="1"/>
  <c r="A78818" i="1" s="1"/>
  <c r="A78819" i="1" s="1"/>
  <c r="A78820" i="1" s="1"/>
  <c r="A78821" i="1" s="1"/>
  <c r="A78822" i="1" s="1"/>
  <c r="A78823" i="1" s="1"/>
  <c r="A78824" i="1" s="1"/>
  <c r="A78825" i="1" s="1"/>
  <c r="A78826" i="1" s="1"/>
  <c r="A78827" i="1" s="1"/>
  <c r="A78828" i="1" s="1"/>
  <c r="A78829" i="1" s="1"/>
  <c r="A78830" i="1" s="1"/>
  <c r="A78831" i="1" s="1"/>
  <c r="A78832" i="1" s="1"/>
  <c r="A78833" i="1" s="1"/>
  <c r="A78834" i="1" s="1"/>
  <c r="A78835" i="1" s="1"/>
  <c r="A78836" i="1" s="1"/>
  <c r="A78837" i="1" s="1"/>
  <c r="A78838" i="1" s="1"/>
  <c r="A78839" i="1" s="1"/>
  <c r="A78840" i="1" s="1"/>
  <c r="A78841" i="1" s="1"/>
  <c r="A78842" i="1" s="1"/>
  <c r="A78843" i="1" s="1"/>
  <c r="A78844" i="1" s="1"/>
  <c r="A78845" i="1" s="1"/>
  <c r="A78846" i="1" s="1"/>
  <c r="A78847" i="1" s="1"/>
  <c r="A78848" i="1" s="1"/>
  <c r="A78849" i="1" s="1"/>
  <c r="A78850" i="1" s="1"/>
  <c r="A78851" i="1" s="1"/>
  <c r="A78852" i="1" s="1"/>
  <c r="A78853" i="1" s="1"/>
  <c r="A78854" i="1" s="1"/>
  <c r="A78855" i="1" s="1"/>
  <c r="A78856" i="1" s="1"/>
  <c r="A78857" i="1" s="1"/>
  <c r="A78858" i="1" s="1"/>
  <c r="A78859" i="1" s="1"/>
  <c r="A78860" i="1" s="1"/>
  <c r="A78861" i="1" s="1"/>
  <c r="A78862" i="1" s="1"/>
  <c r="A78863" i="1" s="1"/>
  <c r="A78864" i="1" s="1"/>
  <c r="A78865" i="1" s="1"/>
  <c r="A78866" i="1" s="1"/>
  <c r="A78867" i="1" s="1"/>
  <c r="A78868" i="1" s="1"/>
  <c r="A78869" i="1" s="1"/>
  <c r="A78870" i="1" s="1"/>
  <c r="A78871" i="1" s="1"/>
  <c r="A78872" i="1" s="1"/>
  <c r="A78873" i="1" s="1"/>
  <c r="A78874" i="1" s="1"/>
  <c r="A78875" i="1" s="1"/>
  <c r="A78876" i="1" s="1"/>
  <c r="A78877" i="1" s="1"/>
  <c r="A78878" i="1" s="1"/>
  <c r="A78879" i="1" s="1"/>
  <c r="A78880" i="1" s="1"/>
  <c r="A78881" i="1" s="1"/>
  <c r="A78882" i="1" s="1"/>
  <c r="A78883" i="1" s="1"/>
  <c r="A78884" i="1" s="1"/>
  <c r="A78885" i="1" s="1"/>
  <c r="A78886" i="1" s="1"/>
  <c r="A78887" i="1" s="1"/>
  <c r="A78888" i="1" s="1"/>
  <c r="A78889" i="1" s="1"/>
  <c r="A78890" i="1" s="1"/>
  <c r="A78891" i="1" s="1"/>
  <c r="A78892" i="1" s="1"/>
  <c r="A78893" i="1" s="1"/>
  <c r="A78894" i="1" s="1"/>
  <c r="A78895" i="1" s="1"/>
  <c r="A78896" i="1" s="1"/>
  <c r="A78897" i="1" s="1"/>
  <c r="A78898" i="1" s="1"/>
  <c r="A78899" i="1" s="1"/>
  <c r="A78900" i="1" s="1"/>
  <c r="A78901" i="1" s="1"/>
  <c r="A78902" i="1" s="1"/>
  <c r="A78903" i="1" s="1"/>
  <c r="A78904" i="1" s="1"/>
  <c r="A78905" i="1" s="1"/>
  <c r="A78906" i="1" s="1"/>
  <c r="A78907" i="1" s="1"/>
  <c r="A78908" i="1" s="1"/>
  <c r="A78909" i="1" s="1"/>
  <c r="A78910" i="1" s="1"/>
  <c r="A78911" i="1" s="1"/>
  <c r="A78912" i="1" s="1"/>
  <c r="A78913" i="1" s="1"/>
  <c r="A78914" i="1" s="1"/>
  <c r="A78915" i="1" s="1"/>
  <c r="A78916" i="1" s="1"/>
  <c r="A78917" i="1" s="1"/>
  <c r="A78918" i="1" s="1"/>
  <c r="A78919" i="1" s="1"/>
  <c r="A78920" i="1" s="1"/>
  <c r="A78921" i="1" s="1"/>
  <c r="A78922" i="1" s="1"/>
  <c r="A78923" i="1" s="1"/>
  <c r="A78924" i="1" s="1"/>
  <c r="A78925" i="1" s="1"/>
  <c r="A78926" i="1" s="1"/>
  <c r="A78927" i="1" s="1"/>
  <c r="A78928" i="1" s="1"/>
  <c r="A78929" i="1" s="1"/>
  <c r="A78930" i="1" s="1"/>
  <c r="A78931" i="1" s="1"/>
  <c r="A78932" i="1" s="1"/>
  <c r="A78933" i="1" s="1"/>
  <c r="A78934" i="1" s="1"/>
  <c r="A78935" i="1" s="1"/>
  <c r="A78936" i="1" s="1"/>
  <c r="A78937" i="1" s="1"/>
  <c r="A78938" i="1" s="1"/>
  <c r="A78939" i="1" s="1"/>
  <c r="A78940" i="1" s="1"/>
  <c r="A78941" i="1" s="1"/>
  <c r="A78942" i="1" s="1"/>
  <c r="A78943" i="1" s="1"/>
  <c r="A78944" i="1" s="1"/>
  <c r="A78945" i="1" s="1"/>
  <c r="A78946" i="1" s="1"/>
  <c r="A78947" i="1" s="1"/>
  <c r="A78948" i="1" s="1"/>
  <c r="A78949" i="1" s="1"/>
  <c r="A78950" i="1" s="1"/>
  <c r="A78951" i="1" s="1"/>
  <c r="A78952" i="1" s="1"/>
  <c r="A78953" i="1" s="1"/>
  <c r="A78954" i="1" s="1"/>
  <c r="A78955" i="1" s="1"/>
  <c r="A78956" i="1" s="1"/>
  <c r="A78957" i="1" s="1"/>
  <c r="A78958" i="1" s="1"/>
  <c r="A78959" i="1" s="1"/>
  <c r="A78960" i="1" s="1"/>
  <c r="A78961" i="1" s="1"/>
  <c r="A78962" i="1" s="1"/>
  <c r="A78963" i="1" s="1"/>
  <c r="A78964" i="1" s="1"/>
  <c r="A78965" i="1" s="1"/>
  <c r="A78966" i="1" s="1"/>
  <c r="A78967" i="1" s="1"/>
  <c r="A78968" i="1" s="1"/>
  <c r="A78969" i="1" s="1"/>
  <c r="A78970" i="1" s="1"/>
  <c r="A78971" i="1" s="1"/>
  <c r="A78972" i="1" s="1"/>
  <c r="A78973" i="1" s="1"/>
  <c r="A78974" i="1" s="1"/>
  <c r="A78975" i="1" s="1"/>
  <c r="A78976" i="1" s="1"/>
  <c r="A78977" i="1" s="1"/>
  <c r="A78978" i="1" s="1"/>
  <c r="A78979" i="1" s="1"/>
  <c r="A78980" i="1" s="1"/>
  <c r="A78981" i="1" s="1"/>
  <c r="A78982" i="1" s="1"/>
  <c r="A78983" i="1" s="1"/>
  <c r="A78984" i="1" s="1"/>
  <c r="A78985" i="1" s="1"/>
  <c r="A78986" i="1" s="1"/>
  <c r="A78987" i="1" s="1"/>
  <c r="A78988" i="1" s="1"/>
  <c r="A78989" i="1" s="1"/>
  <c r="A78990" i="1" s="1"/>
  <c r="A78991" i="1" s="1"/>
  <c r="A78992" i="1" s="1"/>
  <c r="A78993" i="1" s="1"/>
  <c r="A78994" i="1" s="1"/>
  <c r="A78995" i="1" s="1"/>
  <c r="A78996" i="1" s="1"/>
  <c r="A78997" i="1" s="1"/>
  <c r="A78998" i="1" s="1"/>
  <c r="A78999" i="1" s="1"/>
  <c r="A79000" i="1" s="1"/>
  <c r="A79001" i="1" s="1"/>
  <c r="A79002" i="1" s="1"/>
  <c r="A79003" i="1" s="1"/>
  <c r="A79004" i="1" s="1"/>
  <c r="A79005" i="1" s="1"/>
  <c r="A79006" i="1" s="1"/>
  <c r="A79007" i="1" s="1"/>
  <c r="A79008" i="1" s="1"/>
  <c r="A79009" i="1" s="1"/>
  <c r="A79010" i="1" s="1"/>
  <c r="A79011" i="1" s="1"/>
  <c r="A79012" i="1" s="1"/>
  <c r="A79013" i="1" s="1"/>
  <c r="A79014" i="1" s="1"/>
  <c r="A79015" i="1" s="1"/>
  <c r="A79016" i="1" s="1"/>
  <c r="A79017" i="1" s="1"/>
  <c r="A79018" i="1" s="1"/>
  <c r="A79019" i="1" s="1"/>
  <c r="A79020" i="1" s="1"/>
  <c r="A79021" i="1" s="1"/>
  <c r="A79022" i="1" s="1"/>
  <c r="A79023" i="1" s="1"/>
  <c r="A79024" i="1" s="1"/>
  <c r="A79025" i="1" s="1"/>
  <c r="A79026" i="1" s="1"/>
  <c r="A79027" i="1" s="1"/>
  <c r="A79028" i="1" s="1"/>
  <c r="A79029" i="1" s="1"/>
  <c r="A79030" i="1" s="1"/>
  <c r="A79031" i="1" s="1"/>
  <c r="A79032" i="1" s="1"/>
  <c r="A79033" i="1" s="1"/>
  <c r="A79034" i="1" s="1"/>
  <c r="A79035" i="1" s="1"/>
  <c r="A79036" i="1" s="1"/>
  <c r="A79037" i="1" s="1"/>
  <c r="A79038" i="1" s="1"/>
  <c r="A79039" i="1" s="1"/>
  <c r="A79040" i="1" s="1"/>
  <c r="A79041" i="1" s="1"/>
  <c r="A79042" i="1" s="1"/>
  <c r="A79043" i="1" s="1"/>
  <c r="A79044" i="1" s="1"/>
  <c r="A79045" i="1" s="1"/>
  <c r="A79046" i="1" s="1"/>
  <c r="A79047" i="1" s="1"/>
  <c r="A79048" i="1" s="1"/>
  <c r="A79049" i="1" s="1"/>
  <c r="A79050" i="1" s="1"/>
  <c r="A79051" i="1" s="1"/>
  <c r="A79052" i="1" s="1"/>
  <c r="A79053" i="1" s="1"/>
  <c r="A79054" i="1" s="1"/>
  <c r="A79055" i="1" s="1"/>
  <c r="A79056" i="1" s="1"/>
  <c r="A79057" i="1" s="1"/>
  <c r="A79058" i="1" s="1"/>
  <c r="A79059" i="1" s="1"/>
  <c r="A79060" i="1" s="1"/>
  <c r="A79061" i="1" s="1"/>
  <c r="A79062" i="1" s="1"/>
  <c r="A79063" i="1" s="1"/>
  <c r="A79064" i="1" s="1"/>
  <c r="A79065" i="1" s="1"/>
  <c r="A79066" i="1" s="1"/>
  <c r="A79067" i="1" s="1"/>
  <c r="A79068" i="1" s="1"/>
  <c r="A79069" i="1" s="1"/>
  <c r="A79070" i="1" s="1"/>
  <c r="A79071" i="1" s="1"/>
  <c r="A79072" i="1" s="1"/>
  <c r="A79073" i="1" s="1"/>
  <c r="A79074" i="1" s="1"/>
  <c r="A79075" i="1" s="1"/>
  <c r="A79076" i="1" s="1"/>
  <c r="A79077" i="1" s="1"/>
  <c r="A79078" i="1" s="1"/>
  <c r="A79079" i="1" s="1"/>
  <c r="A79080" i="1" s="1"/>
  <c r="A79081" i="1" s="1"/>
  <c r="A79082" i="1" s="1"/>
  <c r="A79083" i="1" s="1"/>
  <c r="A79084" i="1" s="1"/>
  <c r="A79085" i="1" s="1"/>
  <c r="A79086" i="1" s="1"/>
  <c r="A79087" i="1" s="1"/>
  <c r="A79088" i="1" s="1"/>
  <c r="A79089" i="1" s="1"/>
  <c r="A79090" i="1" s="1"/>
  <c r="A79091" i="1" s="1"/>
  <c r="A79092" i="1" s="1"/>
  <c r="A79093" i="1" s="1"/>
  <c r="A79094" i="1" s="1"/>
  <c r="A79095" i="1" s="1"/>
  <c r="A79096" i="1" s="1"/>
  <c r="A79097" i="1" s="1"/>
  <c r="A79098" i="1" s="1"/>
  <c r="A79099" i="1" s="1"/>
  <c r="A79100" i="1" s="1"/>
  <c r="A79101" i="1" s="1"/>
  <c r="A79102" i="1" s="1"/>
  <c r="A79103" i="1" s="1"/>
  <c r="A79104" i="1" s="1"/>
  <c r="A79105" i="1" s="1"/>
  <c r="A79106" i="1" s="1"/>
  <c r="A79107" i="1" s="1"/>
  <c r="A79108" i="1" s="1"/>
  <c r="A79109" i="1" s="1"/>
  <c r="A79110" i="1" s="1"/>
  <c r="A79111" i="1" s="1"/>
  <c r="A79112" i="1" s="1"/>
  <c r="A79113" i="1" s="1"/>
  <c r="A79114" i="1" s="1"/>
  <c r="A79115" i="1" s="1"/>
  <c r="A79116" i="1" s="1"/>
  <c r="A79117" i="1" s="1"/>
  <c r="A79118" i="1" s="1"/>
  <c r="A79119" i="1" s="1"/>
  <c r="A79120" i="1" s="1"/>
  <c r="A79121" i="1" s="1"/>
  <c r="A79122" i="1" s="1"/>
  <c r="A79123" i="1" s="1"/>
  <c r="A79124" i="1" s="1"/>
  <c r="A79125" i="1" s="1"/>
  <c r="A79126" i="1" s="1"/>
  <c r="A79127" i="1" s="1"/>
  <c r="A79128" i="1" s="1"/>
  <c r="A79129" i="1" s="1"/>
  <c r="A79130" i="1" s="1"/>
  <c r="A79131" i="1" s="1"/>
  <c r="A79132" i="1" s="1"/>
  <c r="A79133" i="1" s="1"/>
  <c r="A79134" i="1" s="1"/>
  <c r="A79135" i="1" s="1"/>
  <c r="A79136" i="1" s="1"/>
  <c r="A79137" i="1" s="1"/>
  <c r="A79138" i="1" s="1"/>
  <c r="A79139" i="1" s="1"/>
  <c r="A79140" i="1" s="1"/>
  <c r="A79141" i="1" s="1"/>
  <c r="A79142" i="1" s="1"/>
  <c r="A79143" i="1" s="1"/>
  <c r="A79144" i="1" s="1"/>
  <c r="A79145" i="1" s="1"/>
  <c r="A79146" i="1" s="1"/>
  <c r="A79147" i="1" s="1"/>
  <c r="A79148" i="1" s="1"/>
  <c r="A79149" i="1" s="1"/>
  <c r="A79150" i="1" s="1"/>
  <c r="A79151" i="1" s="1"/>
  <c r="A79152" i="1" s="1"/>
  <c r="A79153" i="1" s="1"/>
  <c r="A79154" i="1" s="1"/>
  <c r="A79155" i="1" s="1"/>
  <c r="A79156" i="1" s="1"/>
  <c r="A79157" i="1" s="1"/>
  <c r="A79158" i="1" s="1"/>
  <c r="A79159" i="1" s="1"/>
  <c r="A79160" i="1" s="1"/>
  <c r="A79161" i="1" s="1"/>
  <c r="A79162" i="1" s="1"/>
  <c r="A79163" i="1" s="1"/>
  <c r="A79164" i="1" s="1"/>
  <c r="A79165" i="1" s="1"/>
  <c r="A79166" i="1" s="1"/>
  <c r="A79167" i="1" s="1"/>
  <c r="A79168" i="1" s="1"/>
  <c r="A79169" i="1" s="1"/>
  <c r="A79170" i="1" s="1"/>
  <c r="A79171" i="1" s="1"/>
  <c r="A79172" i="1" s="1"/>
  <c r="A79173" i="1" s="1"/>
  <c r="A79174" i="1" s="1"/>
  <c r="A79175" i="1" s="1"/>
  <c r="A79176" i="1" s="1"/>
  <c r="A79177" i="1" s="1"/>
  <c r="A79178" i="1" s="1"/>
  <c r="A79179" i="1" s="1"/>
  <c r="A79180" i="1" s="1"/>
  <c r="A79181" i="1" s="1"/>
  <c r="A79182" i="1" s="1"/>
  <c r="A79183" i="1" s="1"/>
  <c r="A79184" i="1" s="1"/>
  <c r="A79185" i="1" s="1"/>
  <c r="A79186" i="1" s="1"/>
  <c r="A79187" i="1" s="1"/>
  <c r="A79188" i="1" s="1"/>
  <c r="A79189" i="1" s="1"/>
  <c r="A79190" i="1" s="1"/>
  <c r="A79191" i="1" s="1"/>
  <c r="A79192" i="1" s="1"/>
  <c r="A79193" i="1" s="1"/>
  <c r="A79194" i="1" s="1"/>
  <c r="A79195" i="1" s="1"/>
  <c r="A79196" i="1" s="1"/>
  <c r="A79197" i="1" s="1"/>
  <c r="A79198" i="1" s="1"/>
  <c r="A79199" i="1" s="1"/>
  <c r="A79200" i="1" s="1"/>
  <c r="A79201" i="1" s="1"/>
  <c r="A79202" i="1" s="1"/>
  <c r="A79203" i="1" s="1"/>
  <c r="A79204" i="1" s="1"/>
  <c r="A79205" i="1" s="1"/>
  <c r="A79206" i="1" s="1"/>
  <c r="A79207" i="1" s="1"/>
  <c r="A79208" i="1" s="1"/>
  <c r="A79209" i="1" s="1"/>
  <c r="A79210" i="1" s="1"/>
  <c r="A79211" i="1" s="1"/>
  <c r="A79212" i="1" s="1"/>
  <c r="A79213" i="1" s="1"/>
  <c r="A79214" i="1" s="1"/>
  <c r="A79215" i="1" s="1"/>
  <c r="A79216" i="1" s="1"/>
  <c r="A79217" i="1" s="1"/>
  <c r="A79218" i="1" s="1"/>
  <c r="A79219" i="1" s="1"/>
  <c r="A79220" i="1" s="1"/>
  <c r="A79221" i="1" s="1"/>
  <c r="A79222" i="1" s="1"/>
  <c r="A79223" i="1" s="1"/>
  <c r="A79224" i="1" s="1"/>
  <c r="A79225" i="1" s="1"/>
  <c r="A79226" i="1" s="1"/>
  <c r="A79227" i="1" s="1"/>
  <c r="A79228" i="1" s="1"/>
  <c r="A79229" i="1" s="1"/>
  <c r="A79230" i="1" s="1"/>
  <c r="A79231" i="1" s="1"/>
  <c r="A79232" i="1" s="1"/>
  <c r="A79233" i="1" s="1"/>
  <c r="A79234" i="1" s="1"/>
  <c r="A79235" i="1" s="1"/>
  <c r="A79236" i="1" s="1"/>
  <c r="A79237" i="1" s="1"/>
  <c r="A79238" i="1" s="1"/>
  <c r="A79239" i="1" s="1"/>
  <c r="A79240" i="1" s="1"/>
  <c r="A79241" i="1" s="1"/>
  <c r="A79242" i="1" s="1"/>
  <c r="A79243" i="1" s="1"/>
  <c r="A79244" i="1" s="1"/>
  <c r="A79245" i="1" s="1"/>
  <c r="A79246" i="1" s="1"/>
  <c r="A79247" i="1" s="1"/>
  <c r="A79248" i="1" s="1"/>
  <c r="A79249" i="1" s="1"/>
  <c r="A79250" i="1" s="1"/>
  <c r="A79251" i="1" s="1"/>
  <c r="A79252" i="1" s="1"/>
  <c r="A79253" i="1" s="1"/>
  <c r="A79254" i="1" s="1"/>
  <c r="A79255" i="1" s="1"/>
  <c r="A79256" i="1" s="1"/>
  <c r="A79257" i="1" s="1"/>
  <c r="A79258" i="1" s="1"/>
  <c r="A79259" i="1" s="1"/>
  <c r="A79260" i="1" s="1"/>
  <c r="A79261" i="1" s="1"/>
  <c r="A79262" i="1" s="1"/>
  <c r="A79263" i="1" s="1"/>
  <c r="A79264" i="1" s="1"/>
  <c r="A79265" i="1" s="1"/>
  <c r="A79266" i="1" s="1"/>
  <c r="A79267" i="1" s="1"/>
  <c r="A79268" i="1" s="1"/>
  <c r="A79269" i="1" s="1"/>
  <c r="A79270" i="1" s="1"/>
  <c r="A79271" i="1" s="1"/>
  <c r="A79272" i="1" s="1"/>
  <c r="A79273" i="1" s="1"/>
  <c r="A79274" i="1" s="1"/>
  <c r="A79275" i="1" s="1"/>
  <c r="A79276" i="1" s="1"/>
  <c r="A79277" i="1" s="1"/>
  <c r="A79278" i="1" s="1"/>
  <c r="A79279" i="1" s="1"/>
  <c r="A79280" i="1" s="1"/>
  <c r="A79281" i="1" s="1"/>
  <c r="A79282" i="1" s="1"/>
  <c r="A79283" i="1" s="1"/>
  <c r="A79284" i="1" s="1"/>
  <c r="A79285" i="1" s="1"/>
  <c r="A79286" i="1" s="1"/>
  <c r="A79287" i="1" s="1"/>
  <c r="A79288" i="1" s="1"/>
  <c r="A79289" i="1" s="1"/>
  <c r="A79290" i="1" s="1"/>
  <c r="A79291" i="1" s="1"/>
  <c r="A79292" i="1" s="1"/>
  <c r="A79293" i="1" s="1"/>
  <c r="A79294" i="1" s="1"/>
  <c r="A79295" i="1" s="1"/>
  <c r="A79296" i="1" s="1"/>
  <c r="A79297" i="1" s="1"/>
  <c r="A79298" i="1" s="1"/>
  <c r="A79299" i="1" s="1"/>
  <c r="A79300" i="1" s="1"/>
  <c r="A79301" i="1" s="1"/>
  <c r="A79302" i="1" s="1"/>
  <c r="A79303" i="1" s="1"/>
  <c r="A79304" i="1" s="1"/>
  <c r="A79305" i="1" s="1"/>
  <c r="A79306" i="1" s="1"/>
  <c r="A79307" i="1" s="1"/>
  <c r="A79308" i="1" s="1"/>
  <c r="A79309" i="1" s="1"/>
  <c r="A79310" i="1" s="1"/>
  <c r="A79311" i="1" s="1"/>
  <c r="A79312" i="1" s="1"/>
  <c r="A79313" i="1" s="1"/>
  <c r="A79314" i="1" s="1"/>
  <c r="A79315" i="1" s="1"/>
  <c r="A79316" i="1" s="1"/>
  <c r="A79317" i="1" s="1"/>
  <c r="A79318" i="1" s="1"/>
  <c r="A79319" i="1" s="1"/>
  <c r="A79320" i="1" s="1"/>
  <c r="A79321" i="1" s="1"/>
  <c r="A79322" i="1" s="1"/>
  <c r="A79323" i="1" s="1"/>
  <c r="A79324" i="1" s="1"/>
  <c r="A79325" i="1" s="1"/>
  <c r="A79326" i="1" s="1"/>
  <c r="A79327" i="1" s="1"/>
  <c r="A79328" i="1" s="1"/>
  <c r="A79329" i="1" s="1"/>
  <c r="A79330" i="1" s="1"/>
  <c r="A79331" i="1" s="1"/>
  <c r="A79332" i="1" s="1"/>
  <c r="A79333" i="1" s="1"/>
  <c r="A79334" i="1" s="1"/>
  <c r="A79335" i="1" s="1"/>
  <c r="A79336" i="1" s="1"/>
  <c r="A79337" i="1" s="1"/>
  <c r="A79338" i="1" s="1"/>
  <c r="A79339" i="1" s="1"/>
  <c r="A79340" i="1" s="1"/>
  <c r="A79341" i="1" s="1"/>
  <c r="A79342" i="1" s="1"/>
  <c r="A79343" i="1" s="1"/>
  <c r="A79344" i="1" s="1"/>
  <c r="A79345" i="1" s="1"/>
  <c r="A79346" i="1" s="1"/>
  <c r="A79347" i="1" s="1"/>
  <c r="A79348" i="1" s="1"/>
  <c r="A79349" i="1" s="1"/>
  <c r="A79350" i="1" s="1"/>
  <c r="A79351" i="1" s="1"/>
  <c r="A79352" i="1" s="1"/>
  <c r="A79353" i="1" s="1"/>
  <c r="A79354" i="1" s="1"/>
  <c r="A79355" i="1" s="1"/>
  <c r="A79356" i="1" s="1"/>
  <c r="A79357" i="1" s="1"/>
  <c r="A79358" i="1" s="1"/>
  <c r="A79359" i="1" s="1"/>
  <c r="A79360" i="1" s="1"/>
  <c r="A79361" i="1" s="1"/>
  <c r="A79362" i="1" s="1"/>
  <c r="A79363" i="1" s="1"/>
  <c r="A79364" i="1" s="1"/>
  <c r="A79365" i="1" s="1"/>
  <c r="A79366" i="1" s="1"/>
  <c r="A79367" i="1" s="1"/>
  <c r="A79368" i="1" s="1"/>
  <c r="A79369" i="1" s="1"/>
  <c r="A79370" i="1" s="1"/>
  <c r="A79371" i="1" s="1"/>
  <c r="A79372" i="1" s="1"/>
  <c r="A79373" i="1" s="1"/>
  <c r="A79374" i="1" s="1"/>
  <c r="A79375" i="1" s="1"/>
  <c r="A79376" i="1" s="1"/>
  <c r="A79377" i="1" s="1"/>
  <c r="A79378" i="1" s="1"/>
  <c r="A79379" i="1" s="1"/>
  <c r="A79380" i="1" s="1"/>
  <c r="A79381" i="1" s="1"/>
  <c r="A79382" i="1" s="1"/>
  <c r="A79383" i="1" s="1"/>
  <c r="A79384" i="1" s="1"/>
  <c r="A79385" i="1" s="1"/>
  <c r="A79386" i="1" s="1"/>
  <c r="A79387" i="1" s="1"/>
  <c r="A79388" i="1" s="1"/>
  <c r="A79389" i="1" s="1"/>
  <c r="A79390" i="1" s="1"/>
  <c r="A79391" i="1" s="1"/>
  <c r="A79392" i="1" s="1"/>
  <c r="A79393" i="1" s="1"/>
  <c r="A79394" i="1" s="1"/>
  <c r="A79395" i="1" s="1"/>
  <c r="A79396" i="1" s="1"/>
  <c r="A79397" i="1" s="1"/>
  <c r="A79398" i="1" s="1"/>
  <c r="A79399" i="1" s="1"/>
  <c r="A79400" i="1" s="1"/>
  <c r="A79401" i="1" s="1"/>
  <c r="A79402" i="1" s="1"/>
  <c r="A79403" i="1" s="1"/>
  <c r="A79404" i="1" s="1"/>
  <c r="A79405" i="1" s="1"/>
  <c r="A79406" i="1" s="1"/>
  <c r="A79407" i="1" s="1"/>
  <c r="A79408" i="1" s="1"/>
  <c r="A79409" i="1" s="1"/>
  <c r="A79410" i="1" s="1"/>
  <c r="A79411" i="1" s="1"/>
  <c r="A79412" i="1" s="1"/>
  <c r="A79413" i="1" s="1"/>
  <c r="A79414" i="1" s="1"/>
  <c r="A79415" i="1" s="1"/>
  <c r="A79416" i="1" s="1"/>
  <c r="A79417" i="1" s="1"/>
  <c r="A79418" i="1" s="1"/>
  <c r="A79419" i="1" s="1"/>
  <c r="A79420" i="1" s="1"/>
  <c r="A79421" i="1" s="1"/>
  <c r="A79422" i="1" s="1"/>
  <c r="A79423" i="1" s="1"/>
  <c r="A79424" i="1" s="1"/>
  <c r="A79425" i="1" s="1"/>
  <c r="A79426" i="1" s="1"/>
  <c r="A79427" i="1" s="1"/>
  <c r="A79428" i="1" s="1"/>
  <c r="A79429" i="1" s="1"/>
  <c r="A79430" i="1" s="1"/>
  <c r="A79431" i="1" s="1"/>
  <c r="A79432" i="1" s="1"/>
  <c r="A79433" i="1" s="1"/>
  <c r="A79434" i="1" s="1"/>
  <c r="A79435" i="1" s="1"/>
  <c r="A79436" i="1" s="1"/>
  <c r="A79437" i="1" s="1"/>
  <c r="A79438" i="1" s="1"/>
  <c r="A79439" i="1" s="1"/>
  <c r="A79440" i="1" s="1"/>
  <c r="A79441" i="1" s="1"/>
  <c r="A79442" i="1" s="1"/>
  <c r="A79443" i="1" s="1"/>
  <c r="A79444" i="1" s="1"/>
  <c r="A79445" i="1" s="1"/>
  <c r="A79446" i="1" s="1"/>
  <c r="A79447" i="1" s="1"/>
  <c r="A79448" i="1" s="1"/>
  <c r="A79449" i="1" s="1"/>
  <c r="A79450" i="1" s="1"/>
  <c r="A79451" i="1" s="1"/>
  <c r="A79452" i="1" s="1"/>
  <c r="A79453" i="1" s="1"/>
  <c r="A79454" i="1" s="1"/>
  <c r="A79455" i="1" s="1"/>
  <c r="A79456" i="1" s="1"/>
  <c r="A79457" i="1" s="1"/>
  <c r="A79458" i="1" s="1"/>
  <c r="A79459" i="1" s="1"/>
  <c r="A79460" i="1" s="1"/>
  <c r="A79461" i="1" s="1"/>
  <c r="A79462" i="1" s="1"/>
  <c r="A79463" i="1" s="1"/>
  <c r="A79464" i="1" s="1"/>
  <c r="A79465" i="1" s="1"/>
  <c r="A79466" i="1" s="1"/>
  <c r="A79467" i="1" s="1"/>
  <c r="A79468" i="1" s="1"/>
  <c r="A79469" i="1" s="1"/>
  <c r="A79470" i="1" s="1"/>
  <c r="A79471" i="1" s="1"/>
  <c r="A79472" i="1" s="1"/>
  <c r="A79473" i="1" s="1"/>
  <c r="A79474" i="1" s="1"/>
  <c r="A79475" i="1" s="1"/>
  <c r="A79476" i="1" s="1"/>
  <c r="A79477" i="1" s="1"/>
  <c r="A79478" i="1" s="1"/>
  <c r="A79479" i="1" s="1"/>
  <c r="A79480" i="1" s="1"/>
  <c r="A79481" i="1" s="1"/>
  <c r="A79482" i="1" s="1"/>
  <c r="A79483" i="1" s="1"/>
  <c r="A79484" i="1" s="1"/>
  <c r="A79485" i="1" s="1"/>
  <c r="A79486" i="1" s="1"/>
  <c r="A79487" i="1" s="1"/>
  <c r="A79488" i="1" s="1"/>
  <c r="A79489" i="1" s="1"/>
  <c r="A79490" i="1" s="1"/>
  <c r="A79491" i="1" s="1"/>
  <c r="A79492" i="1" s="1"/>
  <c r="A79493" i="1" s="1"/>
  <c r="A79494" i="1" s="1"/>
  <c r="A79495" i="1" s="1"/>
  <c r="A79496" i="1" s="1"/>
  <c r="A79497" i="1" s="1"/>
  <c r="A79498" i="1" s="1"/>
  <c r="A79499" i="1" s="1"/>
  <c r="A79500" i="1" s="1"/>
  <c r="A79501" i="1" s="1"/>
  <c r="A79502" i="1" s="1"/>
  <c r="A79503" i="1" s="1"/>
  <c r="A79504" i="1" s="1"/>
  <c r="A79505" i="1" s="1"/>
  <c r="A79506" i="1" s="1"/>
  <c r="A79507" i="1" s="1"/>
  <c r="A79508" i="1" s="1"/>
  <c r="A79509" i="1" s="1"/>
  <c r="A79510" i="1" s="1"/>
  <c r="A79511" i="1" s="1"/>
  <c r="A79512" i="1" s="1"/>
  <c r="A79513" i="1" s="1"/>
  <c r="A79514" i="1" s="1"/>
  <c r="A79515" i="1" s="1"/>
  <c r="A79516" i="1" s="1"/>
  <c r="A79517" i="1" s="1"/>
  <c r="A79518" i="1" s="1"/>
  <c r="A79519" i="1" s="1"/>
  <c r="A79520" i="1" s="1"/>
  <c r="A79521" i="1" s="1"/>
  <c r="A79522" i="1" s="1"/>
  <c r="A79523" i="1" s="1"/>
  <c r="A79524" i="1" s="1"/>
  <c r="A79525" i="1" s="1"/>
  <c r="A79526" i="1" s="1"/>
  <c r="A79527" i="1" s="1"/>
  <c r="A79528" i="1" s="1"/>
  <c r="A79529" i="1" s="1"/>
  <c r="A79530" i="1" s="1"/>
  <c r="A79531" i="1" s="1"/>
  <c r="A79532" i="1" s="1"/>
  <c r="A79533" i="1" s="1"/>
  <c r="A79534" i="1" s="1"/>
  <c r="A79535" i="1" s="1"/>
  <c r="A79536" i="1" s="1"/>
  <c r="A79537" i="1" s="1"/>
  <c r="A79538" i="1" s="1"/>
  <c r="A79539" i="1" s="1"/>
  <c r="A79540" i="1" s="1"/>
  <c r="A79541" i="1" s="1"/>
  <c r="A79542" i="1" s="1"/>
  <c r="A79543" i="1" s="1"/>
  <c r="A79544" i="1" s="1"/>
  <c r="A79545" i="1" s="1"/>
  <c r="A79546" i="1" s="1"/>
  <c r="A79547" i="1" s="1"/>
  <c r="A79548" i="1" s="1"/>
  <c r="A79549" i="1" s="1"/>
  <c r="A79550" i="1" s="1"/>
  <c r="A79551" i="1" s="1"/>
  <c r="A79552" i="1" s="1"/>
  <c r="A79553" i="1" s="1"/>
  <c r="A79554" i="1" s="1"/>
  <c r="A79555" i="1" s="1"/>
  <c r="A79556" i="1" s="1"/>
  <c r="A79557" i="1" s="1"/>
  <c r="A79558" i="1" s="1"/>
  <c r="A79559" i="1" s="1"/>
  <c r="A79560" i="1" s="1"/>
  <c r="A79561" i="1" s="1"/>
  <c r="A79562" i="1" s="1"/>
  <c r="A79563" i="1" s="1"/>
  <c r="A79564" i="1" s="1"/>
  <c r="A79565" i="1" s="1"/>
  <c r="A79566" i="1" s="1"/>
  <c r="A79567" i="1" s="1"/>
  <c r="A79568" i="1" s="1"/>
  <c r="A79569" i="1" s="1"/>
  <c r="A79570" i="1" s="1"/>
  <c r="A79571" i="1" s="1"/>
  <c r="A79572" i="1" s="1"/>
  <c r="A79573" i="1" s="1"/>
  <c r="A79574" i="1" s="1"/>
  <c r="A79575" i="1" s="1"/>
  <c r="A79576" i="1" s="1"/>
  <c r="A79577" i="1" s="1"/>
  <c r="A79578" i="1" s="1"/>
  <c r="A79579" i="1" s="1"/>
  <c r="A79580" i="1" s="1"/>
  <c r="A79581" i="1" s="1"/>
  <c r="A79582" i="1" s="1"/>
  <c r="A79583" i="1" s="1"/>
  <c r="A79584" i="1" s="1"/>
  <c r="A79585" i="1" s="1"/>
  <c r="A79586" i="1" s="1"/>
  <c r="A79587" i="1" s="1"/>
  <c r="A79588" i="1" s="1"/>
  <c r="A79589" i="1" s="1"/>
  <c r="A79590" i="1" s="1"/>
  <c r="A79591" i="1" s="1"/>
  <c r="A79592" i="1" s="1"/>
  <c r="A79593" i="1" s="1"/>
  <c r="A79594" i="1" s="1"/>
  <c r="A79595" i="1" s="1"/>
  <c r="A79596" i="1" s="1"/>
  <c r="A79597" i="1" s="1"/>
  <c r="A79598" i="1" s="1"/>
  <c r="A79599" i="1" s="1"/>
  <c r="A79600" i="1" s="1"/>
  <c r="A79601" i="1" s="1"/>
  <c r="A79602" i="1" s="1"/>
  <c r="A79603" i="1" s="1"/>
  <c r="A79604" i="1" s="1"/>
  <c r="A79605" i="1" s="1"/>
  <c r="A79606" i="1" s="1"/>
  <c r="A79607" i="1" s="1"/>
  <c r="A79608" i="1" s="1"/>
  <c r="A79609" i="1" s="1"/>
  <c r="A79610" i="1" s="1"/>
  <c r="A79611" i="1" s="1"/>
  <c r="A79612" i="1" s="1"/>
  <c r="A79613" i="1" s="1"/>
  <c r="A79614" i="1" s="1"/>
  <c r="A79615" i="1" s="1"/>
  <c r="A79616" i="1" s="1"/>
  <c r="A79617" i="1" s="1"/>
  <c r="A79618" i="1" s="1"/>
  <c r="A79619" i="1" s="1"/>
  <c r="A79620" i="1" s="1"/>
  <c r="A79621" i="1" s="1"/>
  <c r="A79622" i="1" s="1"/>
  <c r="A79623" i="1" s="1"/>
  <c r="A79624" i="1" s="1"/>
  <c r="A79625" i="1" s="1"/>
  <c r="A79626" i="1" s="1"/>
  <c r="A79627" i="1" s="1"/>
  <c r="A79628" i="1" s="1"/>
  <c r="A79629" i="1" s="1"/>
  <c r="A79630" i="1" s="1"/>
  <c r="A79631" i="1" s="1"/>
  <c r="A79632" i="1" s="1"/>
  <c r="A79633" i="1" s="1"/>
  <c r="A79634" i="1" s="1"/>
  <c r="A79635" i="1" s="1"/>
  <c r="A79636" i="1" s="1"/>
  <c r="A79637" i="1" s="1"/>
  <c r="A79638" i="1" s="1"/>
  <c r="A79639" i="1" s="1"/>
  <c r="A79640" i="1" s="1"/>
  <c r="A79641" i="1" s="1"/>
  <c r="A79642" i="1" s="1"/>
  <c r="A79643" i="1" s="1"/>
  <c r="A79644" i="1" s="1"/>
  <c r="A79645" i="1" s="1"/>
  <c r="A79646" i="1" s="1"/>
  <c r="A79647" i="1" s="1"/>
  <c r="A79648" i="1" s="1"/>
  <c r="A79649" i="1" s="1"/>
  <c r="A79650" i="1" s="1"/>
  <c r="A79651" i="1" s="1"/>
  <c r="A79652" i="1" s="1"/>
  <c r="A79653" i="1" s="1"/>
  <c r="A79654" i="1" s="1"/>
  <c r="A79655" i="1" s="1"/>
  <c r="A79656" i="1" s="1"/>
  <c r="A79657" i="1" s="1"/>
  <c r="A79658" i="1" s="1"/>
  <c r="A79659" i="1" s="1"/>
  <c r="A79660" i="1" s="1"/>
  <c r="A79661" i="1" s="1"/>
  <c r="A79662" i="1" s="1"/>
  <c r="A79663" i="1" s="1"/>
  <c r="A79664" i="1" s="1"/>
  <c r="A79665" i="1" s="1"/>
  <c r="A79666" i="1" s="1"/>
  <c r="A79667" i="1" s="1"/>
  <c r="A79668" i="1" s="1"/>
  <c r="A79669" i="1" s="1"/>
  <c r="A79670" i="1" s="1"/>
  <c r="A79671" i="1" s="1"/>
  <c r="A79672" i="1" s="1"/>
  <c r="A79673" i="1" s="1"/>
  <c r="A79674" i="1" s="1"/>
  <c r="A79675" i="1" s="1"/>
  <c r="A79676" i="1" s="1"/>
  <c r="A79677" i="1" s="1"/>
  <c r="A79678" i="1" s="1"/>
  <c r="A79679" i="1" s="1"/>
  <c r="A79680" i="1" s="1"/>
  <c r="A79681" i="1" s="1"/>
  <c r="A79682" i="1" s="1"/>
  <c r="A79683" i="1" s="1"/>
  <c r="A79684" i="1" s="1"/>
  <c r="A79685" i="1" s="1"/>
  <c r="A79686" i="1" s="1"/>
  <c r="A79687" i="1" s="1"/>
  <c r="A79688" i="1" s="1"/>
  <c r="A79689" i="1" s="1"/>
  <c r="A79690" i="1" s="1"/>
  <c r="A79691" i="1" s="1"/>
  <c r="A79692" i="1" s="1"/>
  <c r="A79693" i="1" s="1"/>
  <c r="A79694" i="1" s="1"/>
  <c r="A79695" i="1" s="1"/>
  <c r="A79696" i="1" s="1"/>
  <c r="A79697" i="1" s="1"/>
  <c r="A79698" i="1" s="1"/>
  <c r="A79699" i="1" s="1"/>
  <c r="A79700" i="1" s="1"/>
  <c r="A79701" i="1" s="1"/>
  <c r="A79702" i="1" s="1"/>
  <c r="A79703" i="1" s="1"/>
  <c r="A79704" i="1" s="1"/>
  <c r="A79705" i="1" s="1"/>
  <c r="A79706" i="1" s="1"/>
  <c r="A79707" i="1" s="1"/>
  <c r="A79708" i="1" s="1"/>
  <c r="A79709" i="1" s="1"/>
  <c r="A79710" i="1" s="1"/>
  <c r="A79711" i="1" s="1"/>
  <c r="A79712" i="1" s="1"/>
  <c r="A79713" i="1" s="1"/>
  <c r="A79714" i="1" s="1"/>
  <c r="A79715" i="1" s="1"/>
  <c r="A79716" i="1" s="1"/>
  <c r="A79717" i="1" s="1"/>
  <c r="A79718" i="1" s="1"/>
  <c r="A79719" i="1" s="1"/>
  <c r="A79720" i="1" s="1"/>
  <c r="A79721" i="1" s="1"/>
  <c r="A79722" i="1" s="1"/>
  <c r="A79723" i="1" s="1"/>
  <c r="A79724" i="1" s="1"/>
  <c r="A79725" i="1" s="1"/>
  <c r="A79726" i="1" s="1"/>
  <c r="A79727" i="1" s="1"/>
  <c r="A79728" i="1" s="1"/>
  <c r="A79729" i="1" s="1"/>
  <c r="A79730" i="1" s="1"/>
  <c r="A79731" i="1" s="1"/>
  <c r="A79732" i="1" s="1"/>
  <c r="A79733" i="1" s="1"/>
  <c r="A79734" i="1" s="1"/>
  <c r="A79735" i="1" s="1"/>
  <c r="A79736" i="1" s="1"/>
  <c r="A79737" i="1" s="1"/>
  <c r="A79738" i="1" s="1"/>
  <c r="A79739" i="1" s="1"/>
  <c r="A79740" i="1" s="1"/>
  <c r="A79741" i="1" s="1"/>
  <c r="A79742" i="1" s="1"/>
  <c r="A79743" i="1" s="1"/>
  <c r="A79744" i="1" s="1"/>
  <c r="A79745" i="1" s="1"/>
  <c r="A79746" i="1" s="1"/>
  <c r="A79747" i="1" s="1"/>
  <c r="A79748" i="1" s="1"/>
  <c r="A79749" i="1" s="1"/>
  <c r="A79750" i="1" s="1"/>
  <c r="A79751" i="1" s="1"/>
  <c r="A79752" i="1" s="1"/>
  <c r="A79753" i="1" s="1"/>
  <c r="A79754" i="1" s="1"/>
  <c r="A79755" i="1" s="1"/>
  <c r="A79756" i="1" s="1"/>
  <c r="A79757" i="1" s="1"/>
  <c r="A79758" i="1" s="1"/>
  <c r="A79759" i="1" s="1"/>
  <c r="A79760" i="1" s="1"/>
  <c r="A79761" i="1" s="1"/>
  <c r="A79762" i="1" s="1"/>
  <c r="A79763" i="1" s="1"/>
  <c r="A79764" i="1" s="1"/>
  <c r="A79765" i="1" s="1"/>
  <c r="A79766" i="1" s="1"/>
  <c r="A79767" i="1" s="1"/>
  <c r="A79768" i="1" s="1"/>
  <c r="A79769" i="1" s="1"/>
  <c r="A79770" i="1" s="1"/>
  <c r="A79771" i="1" s="1"/>
  <c r="A79772" i="1" s="1"/>
  <c r="A79773" i="1" s="1"/>
  <c r="A79774" i="1" s="1"/>
  <c r="A79775" i="1" s="1"/>
  <c r="A79776" i="1" s="1"/>
  <c r="A79777" i="1" s="1"/>
  <c r="A79778" i="1" s="1"/>
  <c r="A79779" i="1" s="1"/>
  <c r="A79780" i="1" s="1"/>
  <c r="A79781" i="1" s="1"/>
  <c r="A79782" i="1" s="1"/>
  <c r="A79783" i="1" s="1"/>
  <c r="A79784" i="1" s="1"/>
  <c r="A79785" i="1" s="1"/>
  <c r="A79786" i="1" s="1"/>
  <c r="A79787" i="1" s="1"/>
  <c r="A79788" i="1" s="1"/>
  <c r="A79789" i="1" s="1"/>
  <c r="A79790" i="1" s="1"/>
  <c r="A79791" i="1" s="1"/>
  <c r="A79792" i="1" s="1"/>
  <c r="A79793" i="1" s="1"/>
  <c r="A79794" i="1" s="1"/>
  <c r="A79795" i="1" s="1"/>
  <c r="A79796" i="1" s="1"/>
  <c r="A79797" i="1" s="1"/>
  <c r="A79798" i="1" s="1"/>
  <c r="A79799" i="1" s="1"/>
  <c r="A79800" i="1" s="1"/>
  <c r="A79801" i="1" s="1"/>
  <c r="A79802" i="1" s="1"/>
  <c r="A79803" i="1" s="1"/>
  <c r="A79804" i="1" s="1"/>
  <c r="A79805" i="1" s="1"/>
  <c r="A79806" i="1" s="1"/>
  <c r="A79807" i="1" s="1"/>
  <c r="A79808" i="1" s="1"/>
  <c r="A79809" i="1" s="1"/>
  <c r="A79810" i="1" s="1"/>
  <c r="A79811" i="1" s="1"/>
  <c r="A79812" i="1" s="1"/>
  <c r="A79813" i="1" s="1"/>
  <c r="A79814" i="1" s="1"/>
  <c r="A79815" i="1" s="1"/>
  <c r="A79816" i="1" s="1"/>
  <c r="A79817" i="1" s="1"/>
  <c r="A79818" i="1" s="1"/>
  <c r="A79819" i="1" s="1"/>
  <c r="A79820" i="1" s="1"/>
  <c r="A79821" i="1" s="1"/>
  <c r="A79822" i="1" s="1"/>
  <c r="A79823" i="1" s="1"/>
  <c r="A79824" i="1" s="1"/>
  <c r="A79825" i="1" s="1"/>
  <c r="A79826" i="1" s="1"/>
  <c r="A79827" i="1" s="1"/>
  <c r="A79828" i="1" s="1"/>
  <c r="A79829" i="1" s="1"/>
  <c r="A79830" i="1" s="1"/>
  <c r="A79831" i="1" s="1"/>
  <c r="A79832" i="1" s="1"/>
  <c r="A79833" i="1" s="1"/>
  <c r="A79834" i="1" s="1"/>
  <c r="A79835" i="1" s="1"/>
  <c r="A79836" i="1" s="1"/>
  <c r="A79837" i="1" s="1"/>
  <c r="A79838" i="1" s="1"/>
  <c r="A79839" i="1" s="1"/>
  <c r="A79840" i="1" s="1"/>
  <c r="A79841" i="1" s="1"/>
  <c r="A79842" i="1" s="1"/>
  <c r="A79843" i="1" s="1"/>
  <c r="A79844" i="1" s="1"/>
  <c r="A79845" i="1" s="1"/>
  <c r="A79846" i="1" s="1"/>
  <c r="A79847" i="1" s="1"/>
  <c r="A79848" i="1" s="1"/>
  <c r="A79849" i="1" s="1"/>
  <c r="A79850" i="1" s="1"/>
  <c r="A79851" i="1" s="1"/>
  <c r="A79852" i="1" s="1"/>
  <c r="A79853" i="1" s="1"/>
  <c r="A79854" i="1" s="1"/>
  <c r="A79855" i="1" s="1"/>
  <c r="A79856" i="1" s="1"/>
  <c r="A79857" i="1" s="1"/>
  <c r="A79858" i="1" s="1"/>
  <c r="A79859" i="1" s="1"/>
  <c r="A79860" i="1" s="1"/>
  <c r="A79861" i="1" s="1"/>
  <c r="A79862" i="1" s="1"/>
  <c r="A79863" i="1" s="1"/>
  <c r="A79864" i="1" s="1"/>
  <c r="A79865" i="1" s="1"/>
  <c r="A79866" i="1" s="1"/>
  <c r="A79867" i="1" s="1"/>
  <c r="A79868" i="1" s="1"/>
  <c r="A79869" i="1" s="1"/>
  <c r="A79870" i="1" s="1"/>
  <c r="A79871" i="1" s="1"/>
  <c r="A79872" i="1" s="1"/>
  <c r="A79873" i="1" s="1"/>
  <c r="A79874" i="1" s="1"/>
  <c r="A79875" i="1" s="1"/>
  <c r="A79876" i="1" s="1"/>
  <c r="A79877" i="1" s="1"/>
  <c r="A79878" i="1" s="1"/>
  <c r="A79879" i="1" s="1"/>
  <c r="A79880" i="1" s="1"/>
  <c r="A79881" i="1" s="1"/>
  <c r="A79882" i="1" s="1"/>
  <c r="A79883" i="1" s="1"/>
  <c r="A79884" i="1" s="1"/>
  <c r="A79885" i="1" s="1"/>
  <c r="A79886" i="1" s="1"/>
  <c r="A79887" i="1" s="1"/>
  <c r="A79888" i="1" s="1"/>
  <c r="A79889" i="1" s="1"/>
  <c r="A79890" i="1" s="1"/>
  <c r="A79891" i="1" s="1"/>
  <c r="A79892" i="1" s="1"/>
  <c r="A79893" i="1" s="1"/>
  <c r="A79894" i="1" s="1"/>
  <c r="A79895" i="1" s="1"/>
  <c r="A79896" i="1" s="1"/>
  <c r="A79897" i="1" s="1"/>
  <c r="A79898" i="1" s="1"/>
  <c r="A79899" i="1" s="1"/>
  <c r="A79900" i="1" s="1"/>
  <c r="A79901" i="1" s="1"/>
  <c r="A79902" i="1" s="1"/>
  <c r="A79903" i="1" s="1"/>
  <c r="A79904" i="1" s="1"/>
  <c r="A79905" i="1" s="1"/>
  <c r="A79906" i="1" s="1"/>
  <c r="A79907" i="1" s="1"/>
  <c r="A79908" i="1" s="1"/>
  <c r="A79909" i="1" s="1"/>
  <c r="A79910" i="1" s="1"/>
  <c r="A79911" i="1" s="1"/>
  <c r="A79912" i="1" s="1"/>
  <c r="A79913" i="1" s="1"/>
  <c r="A79914" i="1" s="1"/>
  <c r="A79915" i="1" s="1"/>
  <c r="A79916" i="1" s="1"/>
  <c r="A79917" i="1" s="1"/>
  <c r="A79918" i="1" s="1"/>
  <c r="A79919" i="1" s="1"/>
  <c r="A79920" i="1" s="1"/>
  <c r="A79921" i="1" s="1"/>
  <c r="A79922" i="1" s="1"/>
  <c r="A79923" i="1" s="1"/>
  <c r="A79924" i="1" s="1"/>
  <c r="A79925" i="1" s="1"/>
  <c r="A79926" i="1" s="1"/>
  <c r="A79927" i="1" s="1"/>
  <c r="A79928" i="1" s="1"/>
  <c r="A79929" i="1" s="1"/>
  <c r="A79930" i="1" s="1"/>
  <c r="A79931" i="1" s="1"/>
  <c r="A79932" i="1" s="1"/>
  <c r="A79933" i="1" s="1"/>
  <c r="A79934" i="1" s="1"/>
  <c r="A79935" i="1" s="1"/>
  <c r="A79936" i="1" s="1"/>
  <c r="A79937" i="1" s="1"/>
  <c r="A79938" i="1" s="1"/>
  <c r="A79939" i="1" s="1"/>
  <c r="A79940" i="1" s="1"/>
  <c r="A79941" i="1" s="1"/>
  <c r="A79942" i="1" s="1"/>
  <c r="A79943" i="1" s="1"/>
  <c r="A79944" i="1" s="1"/>
  <c r="A79945" i="1" s="1"/>
  <c r="A79946" i="1" s="1"/>
  <c r="A79947" i="1" s="1"/>
  <c r="A79948" i="1" s="1"/>
  <c r="A79949" i="1" s="1"/>
  <c r="A79950" i="1" s="1"/>
  <c r="A79951" i="1" s="1"/>
  <c r="A79952" i="1" s="1"/>
  <c r="A79953" i="1" s="1"/>
  <c r="A79954" i="1" s="1"/>
  <c r="A79955" i="1" s="1"/>
  <c r="A79956" i="1" s="1"/>
  <c r="A79957" i="1" s="1"/>
  <c r="A79958" i="1" s="1"/>
  <c r="A79959" i="1" s="1"/>
  <c r="A79960" i="1" s="1"/>
  <c r="A79961" i="1" s="1"/>
  <c r="A79962" i="1" s="1"/>
  <c r="A79963" i="1" s="1"/>
  <c r="A79964" i="1" s="1"/>
  <c r="A79965" i="1" s="1"/>
  <c r="A79966" i="1" s="1"/>
  <c r="A79967" i="1" s="1"/>
  <c r="A79968" i="1" s="1"/>
  <c r="A79969" i="1" s="1"/>
  <c r="A79970" i="1" s="1"/>
  <c r="A79971" i="1" s="1"/>
  <c r="A79972" i="1" s="1"/>
  <c r="A79973" i="1" s="1"/>
  <c r="A79974" i="1" s="1"/>
  <c r="A79975" i="1" s="1"/>
  <c r="A79976" i="1" s="1"/>
  <c r="A79977" i="1" s="1"/>
  <c r="A79978" i="1" s="1"/>
  <c r="A79979" i="1" s="1"/>
  <c r="A79980" i="1" s="1"/>
  <c r="A79981" i="1" s="1"/>
  <c r="A79982" i="1" s="1"/>
  <c r="A79983" i="1" s="1"/>
  <c r="A79984" i="1" s="1"/>
  <c r="A79985" i="1" s="1"/>
  <c r="A79986" i="1" s="1"/>
  <c r="A79987" i="1" s="1"/>
  <c r="A79988" i="1" s="1"/>
  <c r="A79989" i="1" s="1"/>
  <c r="A79990" i="1" s="1"/>
  <c r="A79991" i="1" s="1"/>
  <c r="A79992" i="1" s="1"/>
  <c r="A79993" i="1" s="1"/>
  <c r="A79994" i="1" s="1"/>
  <c r="A79995" i="1" s="1"/>
  <c r="A79996" i="1" s="1"/>
  <c r="A79997" i="1" s="1"/>
  <c r="A79998" i="1" s="1"/>
  <c r="A79999" i="1" s="1"/>
  <c r="A80000" i="1" s="1"/>
  <c r="A80001" i="1" s="1"/>
  <c r="A80002" i="1" s="1"/>
  <c r="A80003" i="1" s="1"/>
  <c r="A80004" i="1" s="1"/>
  <c r="A80005" i="1" s="1"/>
  <c r="A80006" i="1" s="1"/>
  <c r="A80007" i="1" s="1"/>
  <c r="A80008" i="1" s="1"/>
  <c r="A80009" i="1" s="1"/>
  <c r="A80010" i="1" s="1"/>
  <c r="A80011" i="1" s="1"/>
  <c r="A80012" i="1" s="1"/>
  <c r="A80013" i="1" s="1"/>
  <c r="A80014" i="1" s="1"/>
  <c r="A80015" i="1" s="1"/>
  <c r="A80016" i="1" s="1"/>
  <c r="A80017" i="1" s="1"/>
  <c r="A80018" i="1" s="1"/>
  <c r="A80019" i="1" s="1"/>
  <c r="A80020" i="1" s="1"/>
  <c r="A80021" i="1" s="1"/>
  <c r="A80022" i="1" s="1"/>
  <c r="A80023" i="1" s="1"/>
  <c r="A80024" i="1" s="1"/>
  <c r="A80025" i="1" s="1"/>
  <c r="A80026" i="1" s="1"/>
  <c r="A80027" i="1" s="1"/>
  <c r="A80028" i="1" s="1"/>
  <c r="A80029" i="1" s="1"/>
  <c r="A80030" i="1" s="1"/>
  <c r="A80031" i="1" s="1"/>
  <c r="A80032" i="1" s="1"/>
  <c r="A80033" i="1" s="1"/>
  <c r="A80034" i="1" s="1"/>
  <c r="A80035" i="1" s="1"/>
  <c r="A80036" i="1" s="1"/>
  <c r="A80037" i="1" s="1"/>
  <c r="A80038" i="1" s="1"/>
  <c r="A80039" i="1" s="1"/>
  <c r="A80040" i="1" s="1"/>
  <c r="A80041" i="1" s="1"/>
  <c r="A80042" i="1" s="1"/>
  <c r="A80043" i="1" s="1"/>
  <c r="A80044" i="1" s="1"/>
  <c r="A80045" i="1" s="1"/>
  <c r="A80046" i="1" s="1"/>
  <c r="A80047" i="1" s="1"/>
  <c r="A80048" i="1" s="1"/>
  <c r="A80049" i="1" s="1"/>
  <c r="A80050" i="1" s="1"/>
  <c r="A80051" i="1" s="1"/>
  <c r="A80052" i="1" s="1"/>
  <c r="A80053" i="1" s="1"/>
  <c r="A80054" i="1" s="1"/>
  <c r="A80055" i="1" s="1"/>
  <c r="A80056" i="1" s="1"/>
  <c r="A80057" i="1" s="1"/>
  <c r="A80058" i="1" s="1"/>
  <c r="A80059" i="1" s="1"/>
  <c r="A80060" i="1" s="1"/>
  <c r="A80061" i="1" s="1"/>
  <c r="A80062" i="1" s="1"/>
  <c r="A80063" i="1" s="1"/>
  <c r="A80064" i="1" s="1"/>
  <c r="A80065" i="1" s="1"/>
  <c r="A80066" i="1" s="1"/>
  <c r="A80067" i="1" s="1"/>
  <c r="A80068" i="1" s="1"/>
  <c r="A80069" i="1" s="1"/>
  <c r="A80070" i="1" s="1"/>
  <c r="A80071" i="1" s="1"/>
  <c r="A80072" i="1" s="1"/>
  <c r="A80073" i="1" s="1"/>
  <c r="A80074" i="1" s="1"/>
  <c r="A80075" i="1" s="1"/>
  <c r="A80076" i="1" s="1"/>
  <c r="A80077" i="1" s="1"/>
  <c r="A80078" i="1" s="1"/>
  <c r="A80079" i="1" s="1"/>
  <c r="A80080" i="1" s="1"/>
  <c r="A80081" i="1" s="1"/>
  <c r="A80082" i="1" s="1"/>
  <c r="A80083" i="1" s="1"/>
  <c r="A80084" i="1" s="1"/>
  <c r="A80085" i="1" s="1"/>
  <c r="A80086" i="1" s="1"/>
  <c r="A80087" i="1" s="1"/>
  <c r="A80088" i="1" s="1"/>
  <c r="A80089" i="1" s="1"/>
  <c r="A80090" i="1" s="1"/>
  <c r="A80091" i="1" s="1"/>
  <c r="A80092" i="1" s="1"/>
  <c r="A80093" i="1" s="1"/>
  <c r="A80094" i="1" s="1"/>
  <c r="A80095" i="1" s="1"/>
  <c r="A80096" i="1" s="1"/>
  <c r="A80097" i="1" s="1"/>
  <c r="A80098" i="1" s="1"/>
  <c r="A80099" i="1" s="1"/>
  <c r="A80100" i="1" s="1"/>
  <c r="A80101" i="1" s="1"/>
  <c r="A80102" i="1" s="1"/>
  <c r="A80103" i="1" s="1"/>
  <c r="A80104" i="1" s="1"/>
  <c r="A80105" i="1" s="1"/>
  <c r="A80106" i="1" s="1"/>
  <c r="A80107" i="1" s="1"/>
  <c r="A80108" i="1" s="1"/>
  <c r="A80109" i="1" s="1"/>
  <c r="A80110" i="1" s="1"/>
  <c r="A80111" i="1" s="1"/>
  <c r="A80112" i="1" s="1"/>
  <c r="A80113" i="1" s="1"/>
  <c r="A80114" i="1" s="1"/>
  <c r="A80115" i="1" s="1"/>
  <c r="A80116" i="1" s="1"/>
  <c r="A80117" i="1" s="1"/>
  <c r="A80118" i="1" s="1"/>
  <c r="A80119" i="1" s="1"/>
  <c r="A80120" i="1" s="1"/>
  <c r="A80121" i="1" s="1"/>
  <c r="A80122" i="1" s="1"/>
  <c r="A80123" i="1" s="1"/>
  <c r="A80124" i="1" s="1"/>
  <c r="A80125" i="1" s="1"/>
  <c r="A80126" i="1" s="1"/>
  <c r="A80127" i="1" s="1"/>
  <c r="A80128" i="1" s="1"/>
  <c r="A80129" i="1" s="1"/>
  <c r="A80130" i="1" s="1"/>
  <c r="A80131" i="1" s="1"/>
  <c r="A80132" i="1" s="1"/>
  <c r="A80133" i="1" s="1"/>
  <c r="A80134" i="1" s="1"/>
  <c r="A80135" i="1" s="1"/>
  <c r="A80136" i="1" s="1"/>
  <c r="A80137" i="1" s="1"/>
  <c r="A80138" i="1" s="1"/>
  <c r="A80139" i="1" s="1"/>
  <c r="A80140" i="1" s="1"/>
  <c r="A80141" i="1" s="1"/>
  <c r="A80142" i="1" s="1"/>
  <c r="A80143" i="1" s="1"/>
  <c r="A80144" i="1" s="1"/>
  <c r="A80145" i="1" s="1"/>
  <c r="A80146" i="1" s="1"/>
  <c r="A80147" i="1" s="1"/>
  <c r="A80148" i="1" s="1"/>
  <c r="A80149" i="1" s="1"/>
  <c r="A80150" i="1" s="1"/>
  <c r="A80151" i="1" s="1"/>
  <c r="A80152" i="1" s="1"/>
  <c r="A80153" i="1" s="1"/>
  <c r="A80154" i="1" s="1"/>
  <c r="A80155" i="1" s="1"/>
  <c r="A80156" i="1" s="1"/>
  <c r="A80157" i="1" s="1"/>
  <c r="A80158" i="1" s="1"/>
  <c r="A80159" i="1" s="1"/>
  <c r="A80160" i="1" s="1"/>
  <c r="A80161" i="1" s="1"/>
  <c r="A80162" i="1" s="1"/>
  <c r="A80163" i="1" s="1"/>
  <c r="A80164" i="1" s="1"/>
  <c r="A80165" i="1" s="1"/>
  <c r="A80166" i="1" s="1"/>
  <c r="A80167" i="1" s="1"/>
  <c r="A80168" i="1" s="1"/>
  <c r="A80169" i="1" s="1"/>
  <c r="A80170" i="1" s="1"/>
  <c r="A80171" i="1" s="1"/>
  <c r="A80172" i="1" s="1"/>
  <c r="A80173" i="1" s="1"/>
  <c r="A80174" i="1" s="1"/>
  <c r="A80175" i="1" s="1"/>
  <c r="A80176" i="1" s="1"/>
  <c r="A80177" i="1" s="1"/>
  <c r="A80178" i="1" s="1"/>
  <c r="A80179" i="1" s="1"/>
  <c r="A80180" i="1" s="1"/>
  <c r="A80181" i="1" s="1"/>
  <c r="A80182" i="1" s="1"/>
  <c r="A80183" i="1" s="1"/>
  <c r="A80184" i="1" s="1"/>
  <c r="A80185" i="1" s="1"/>
  <c r="A80186" i="1" s="1"/>
  <c r="A80187" i="1" s="1"/>
  <c r="A80188" i="1" s="1"/>
  <c r="A80189" i="1" s="1"/>
  <c r="A80190" i="1" s="1"/>
  <c r="A80191" i="1" s="1"/>
  <c r="A80192" i="1" s="1"/>
  <c r="A80193" i="1" s="1"/>
  <c r="A80194" i="1" s="1"/>
  <c r="A80195" i="1" s="1"/>
  <c r="A80196" i="1" s="1"/>
  <c r="A80197" i="1" s="1"/>
  <c r="A80198" i="1" s="1"/>
  <c r="A80199" i="1" s="1"/>
  <c r="A80200" i="1" s="1"/>
  <c r="A80201" i="1" s="1"/>
  <c r="A80202" i="1" s="1"/>
  <c r="A80203" i="1" s="1"/>
  <c r="A80204" i="1" s="1"/>
  <c r="A80205" i="1" s="1"/>
  <c r="A80206" i="1" s="1"/>
  <c r="A80207" i="1" s="1"/>
  <c r="A80208" i="1" s="1"/>
  <c r="A80209" i="1" s="1"/>
  <c r="A80210" i="1" s="1"/>
  <c r="A80211" i="1" s="1"/>
  <c r="A80212" i="1" s="1"/>
  <c r="A80213" i="1" s="1"/>
  <c r="A80214" i="1" s="1"/>
  <c r="A80215" i="1" s="1"/>
  <c r="A80216" i="1" s="1"/>
  <c r="A80217" i="1" s="1"/>
  <c r="A80218" i="1" s="1"/>
  <c r="A80219" i="1" s="1"/>
  <c r="A80220" i="1" s="1"/>
  <c r="A80221" i="1" s="1"/>
  <c r="A80222" i="1" s="1"/>
  <c r="A80223" i="1" s="1"/>
  <c r="A80224" i="1" s="1"/>
  <c r="A80225" i="1" s="1"/>
  <c r="A80226" i="1" s="1"/>
  <c r="A80227" i="1" s="1"/>
  <c r="A80228" i="1" s="1"/>
  <c r="A80229" i="1" s="1"/>
  <c r="A80230" i="1" s="1"/>
  <c r="A80231" i="1" s="1"/>
  <c r="A80232" i="1" s="1"/>
  <c r="A80233" i="1" s="1"/>
  <c r="A80234" i="1" s="1"/>
  <c r="A80235" i="1" s="1"/>
  <c r="A80236" i="1" s="1"/>
  <c r="A80237" i="1" s="1"/>
  <c r="A80238" i="1" s="1"/>
  <c r="A80239" i="1" s="1"/>
  <c r="A80240" i="1" s="1"/>
  <c r="A80241" i="1" s="1"/>
  <c r="A80242" i="1" s="1"/>
  <c r="A80243" i="1" s="1"/>
  <c r="A80244" i="1" s="1"/>
  <c r="A80245" i="1" s="1"/>
  <c r="A80246" i="1" s="1"/>
  <c r="A80247" i="1" s="1"/>
  <c r="A80248" i="1" s="1"/>
  <c r="A80249" i="1" s="1"/>
  <c r="A80250" i="1" s="1"/>
  <c r="A80251" i="1" s="1"/>
  <c r="A80252" i="1" s="1"/>
  <c r="A80253" i="1" s="1"/>
  <c r="A80254" i="1" s="1"/>
  <c r="A80255" i="1" s="1"/>
  <c r="A80256" i="1" s="1"/>
  <c r="A80257" i="1" s="1"/>
  <c r="A80258" i="1" s="1"/>
  <c r="A80259" i="1" s="1"/>
  <c r="A80260" i="1" s="1"/>
  <c r="A80261" i="1" s="1"/>
  <c r="A80262" i="1" s="1"/>
  <c r="A80263" i="1" s="1"/>
  <c r="A80264" i="1" s="1"/>
  <c r="A80265" i="1" s="1"/>
  <c r="A80266" i="1" s="1"/>
  <c r="A80267" i="1" s="1"/>
  <c r="A80268" i="1" s="1"/>
  <c r="A80269" i="1" s="1"/>
  <c r="A80270" i="1" s="1"/>
  <c r="A80271" i="1" s="1"/>
  <c r="A80272" i="1" s="1"/>
  <c r="A80273" i="1" s="1"/>
  <c r="A80274" i="1" s="1"/>
  <c r="A80275" i="1" s="1"/>
  <c r="A80276" i="1" s="1"/>
  <c r="A80277" i="1" s="1"/>
  <c r="A80278" i="1" s="1"/>
  <c r="A80279" i="1" s="1"/>
  <c r="A80280" i="1" s="1"/>
  <c r="A80281" i="1" s="1"/>
  <c r="A80282" i="1" s="1"/>
  <c r="A80283" i="1" s="1"/>
  <c r="A80284" i="1" s="1"/>
  <c r="A80285" i="1" s="1"/>
  <c r="A80286" i="1" s="1"/>
  <c r="A80287" i="1" s="1"/>
  <c r="A80288" i="1" s="1"/>
  <c r="A80289" i="1" s="1"/>
  <c r="A80290" i="1" s="1"/>
  <c r="A80291" i="1" s="1"/>
  <c r="A80292" i="1" s="1"/>
  <c r="A80293" i="1" s="1"/>
  <c r="A80294" i="1" s="1"/>
  <c r="A80295" i="1" s="1"/>
  <c r="A80296" i="1" s="1"/>
  <c r="A80297" i="1" s="1"/>
  <c r="A80298" i="1" s="1"/>
  <c r="A80299" i="1" s="1"/>
  <c r="A80300" i="1" s="1"/>
  <c r="A80301" i="1" s="1"/>
  <c r="A80302" i="1" s="1"/>
  <c r="A80303" i="1" s="1"/>
  <c r="A80304" i="1" s="1"/>
  <c r="A80305" i="1" s="1"/>
  <c r="A80306" i="1" s="1"/>
  <c r="A80307" i="1" s="1"/>
  <c r="A80308" i="1" s="1"/>
  <c r="A80309" i="1" s="1"/>
  <c r="A80310" i="1" s="1"/>
  <c r="A80311" i="1" s="1"/>
  <c r="A80312" i="1" s="1"/>
  <c r="A80313" i="1" s="1"/>
  <c r="A80314" i="1" s="1"/>
  <c r="A80315" i="1" s="1"/>
  <c r="A80316" i="1" s="1"/>
  <c r="A80317" i="1" s="1"/>
  <c r="A80318" i="1" s="1"/>
  <c r="A80319" i="1" s="1"/>
  <c r="A80320" i="1" s="1"/>
  <c r="A80321" i="1" s="1"/>
  <c r="A80322" i="1" s="1"/>
  <c r="A80323" i="1" s="1"/>
  <c r="A80324" i="1" s="1"/>
  <c r="A80325" i="1" s="1"/>
  <c r="A80326" i="1" s="1"/>
  <c r="A80327" i="1" s="1"/>
  <c r="A80328" i="1" s="1"/>
  <c r="A80329" i="1" s="1"/>
  <c r="A80330" i="1" s="1"/>
  <c r="A80331" i="1" s="1"/>
  <c r="A80332" i="1" s="1"/>
  <c r="A80333" i="1" s="1"/>
  <c r="A80334" i="1" s="1"/>
  <c r="A80335" i="1" s="1"/>
  <c r="A80336" i="1" s="1"/>
  <c r="A80337" i="1" s="1"/>
  <c r="A80338" i="1" s="1"/>
  <c r="A80339" i="1" s="1"/>
  <c r="A80340" i="1" s="1"/>
  <c r="A80341" i="1" s="1"/>
  <c r="A80342" i="1" s="1"/>
  <c r="A80343" i="1" s="1"/>
  <c r="A80344" i="1" s="1"/>
  <c r="A80345" i="1" s="1"/>
  <c r="A80346" i="1" s="1"/>
  <c r="A80347" i="1" s="1"/>
  <c r="A80348" i="1" s="1"/>
  <c r="A80349" i="1" s="1"/>
  <c r="A80350" i="1" s="1"/>
  <c r="A80351" i="1" s="1"/>
  <c r="A80352" i="1" s="1"/>
  <c r="A80353" i="1" s="1"/>
  <c r="A80354" i="1" s="1"/>
  <c r="A80355" i="1" s="1"/>
  <c r="A80356" i="1" s="1"/>
  <c r="A80357" i="1" s="1"/>
  <c r="A80358" i="1" s="1"/>
  <c r="A80359" i="1" s="1"/>
  <c r="A80360" i="1" s="1"/>
  <c r="A80361" i="1" s="1"/>
  <c r="A80362" i="1" s="1"/>
  <c r="A80363" i="1" s="1"/>
  <c r="A80364" i="1" s="1"/>
  <c r="A80365" i="1" s="1"/>
  <c r="A80366" i="1" s="1"/>
  <c r="A80367" i="1" s="1"/>
  <c r="A80368" i="1" s="1"/>
  <c r="A80369" i="1" s="1"/>
  <c r="A80370" i="1" s="1"/>
  <c r="A80371" i="1" s="1"/>
  <c r="A80372" i="1" s="1"/>
  <c r="A80373" i="1" s="1"/>
  <c r="A80374" i="1" s="1"/>
  <c r="A80375" i="1" s="1"/>
  <c r="A80376" i="1" s="1"/>
  <c r="A80377" i="1" s="1"/>
  <c r="A80378" i="1" s="1"/>
  <c r="A80379" i="1" s="1"/>
  <c r="A80380" i="1" s="1"/>
  <c r="A80381" i="1" s="1"/>
  <c r="A80382" i="1" s="1"/>
  <c r="A80383" i="1" s="1"/>
  <c r="A80384" i="1" s="1"/>
  <c r="A80385" i="1" s="1"/>
  <c r="A80386" i="1" s="1"/>
  <c r="A80387" i="1" s="1"/>
  <c r="A80388" i="1" s="1"/>
  <c r="A80389" i="1" s="1"/>
  <c r="A80390" i="1" s="1"/>
  <c r="A80391" i="1" s="1"/>
  <c r="A80392" i="1" s="1"/>
  <c r="A80393" i="1" s="1"/>
  <c r="A80394" i="1" s="1"/>
  <c r="A80395" i="1" s="1"/>
  <c r="A80396" i="1" s="1"/>
  <c r="A80397" i="1" s="1"/>
  <c r="A80398" i="1" s="1"/>
  <c r="A80399" i="1" s="1"/>
  <c r="A80400" i="1" s="1"/>
  <c r="A80401" i="1" s="1"/>
  <c r="A80402" i="1" s="1"/>
  <c r="A80403" i="1" s="1"/>
  <c r="A80404" i="1" s="1"/>
  <c r="A80405" i="1" s="1"/>
  <c r="A80406" i="1" s="1"/>
  <c r="A80407" i="1" s="1"/>
  <c r="A80408" i="1" s="1"/>
  <c r="A80409" i="1" s="1"/>
  <c r="A80410" i="1" s="1"/>
  <c r="A80411" i="1" s="1"/>
  <c r="A80412" i="1" s="1"/>
  <c r="A80413" i="1" s="1"/>
  <c r="A80414" i="1" s="1"/>
  <c r="A80415" i="1" s="1"/>
  <c r="A80416" i="1" s="1"/>
  <c r="A80417" i="1" s="1"/>
  <c r="A80418" i="1" s="1"/>
  <c r="A80419" i="1" s="1"/>
  <c r="A80420" i="1" s="1"/>
  <c r="A80421" i="1" s="1"/>
  <c r="A80422" i="1" s="1"/>
  <c r="A80423" i="1" s="1"/>
  <c r="A80424" i="1" s="1"/>
  <c r="A80425" i="1" s="1"/>
  <c r="A80426" i="1" s="1"/>
  <c r="A80427" i="1" s="1"/>
  <c r="A80428" i="1" s="1"/>
  <c r="A80429" i="1" s="1"/>
  <c r="A80430" i="1" s="1"/>
  <c r="A80431" i="1" s="1"/>
  <c r="A80432" i="1" s="1"/>
  <c r="A80433" i="1" s="1"/>
  <c r="A80434" i="1" s="1"/>
  <c r="A80435" i="1" s="1"/>
  <c r="A80436" i="1" s="1"/>
  <c r="A80437" i="1" s="1"/>
  <c r="A80438" i="1" s="1"/>
  <c r="A80439" i="1" s="1"/>
  <c r="A80440" i="1" s="1"/>
  <c r="A80441" i="1" s="1"/>
  <c r="A80442" i="1" s="1"/>
  <c r="A80443" i="1" s="1"/>
  <c r="A80444" i="1" s="1"/>
  <c r="A80445" i="1" s="1"/>
  <c r="A80446" i="1" s="1"/>
  <c r="A80447" i="1" s="1"/>
  <c r="A80448" i="1" s="1"/>
  <c r="A80449" i="1" s="1"/>
  <c r="A80450" i="1" s="1"/>
  <c r="A80451" i="1" s="1"/>
  <c r="A80452" i="1" s="1"/>
  <c r="A80453" i="1" s="1"/>
  <c r="A80454" i="1" s="1"/>
  <c r="A80455" i="1" s="1"/>
  <c r="A80456" i="1" s="1"/>
  <c r="A80457" i="1" s="1"/>
  <c r="A80458" i="1" s="1"/>
  <c r="A80459" i="1" s="1"/>
  <c r="A80460" i="1" s="1"/>
  <c r="A80461" i="1" s="1"/>
  <c r="A80462" i="1" s="1"/>
  <c r="A80463" i="1" s="1"/>
  <c r="A80464" i="1" s="1"/>
  <c r="A80465" i="1" s="1"/>
  <c r="A80466" i="1" s="1"/>
  <c r="A80467" i="1" s="1"/>
  <c r="A80468" i="1" s="1"/>
  <c r="A80469" i="1" s="1"/>
  <c r="A80470" i="1" s="1"/>
  <c r="A80471" i="1" s="1"/>
  <c r="A80472" i="1" s="1"/>
  <c r="A80473" i="1" s="1"/>
  <c r="A80474" i="1" s="1"/>
  <c r="A80475" i="1" s="1"/>
  <c r="A80476" i="1" s="1"/>
  <c r="A80477" i="1" s="1"/>
  <c r="A80478" i="1" s="1"/>
  <c r="A80479" i="1" s="1"/>
  <c r="A80480" i="1" s="1"/>
  <c r="A80481" i="1" s="1"/>
  <c r="A80482" i="1" s="1"/>
  <c r="A80483" i="1" s="1"/>
  <c r="A80484" i="1" s="1"/>
  <c r="A80485" i="1" s="1"/>
  <c r="A80486" i="1" s="1"/>
  <c r="A80487" i="1" s="1"/>
  <c r="A80488" i="1" s="1"/>
  <c r="A80489" i="1" s="1"/>
  <c r="A80490" i="1" s="1"/>
  <c r="A80491" i="1" s="1"/>
  <c r="A80492" i="1" s="1"/>
  <c r="A80493" i="1" s="1"/>
  <c r="A80494" i="1" s="1"/>
  <c r="A80495" i="1" s="1"/>
  <c r="A80496" i="1" s="1"/>
  <c r="A80497" i="1" s="1"/>
  <c r="A80498" i="1" s="1"/>
  <c r="A80499" i="1" s="1"/>
  <c r="A80500" i="1" s="1"/>
  <c r="A80501" i="1" s="1"/>
  <c r="A80502" i="1" s="1"/>
  <c r="A80503" i="1" s="1"/>
  <c r="A80504" i="1" s="1"/>
  <c r="A80505" i="1" s="1"/>
  <c r="A80506" i="1" s="1"/>
  <c r="A80507" i="1" s="1"/>
  <c r="A80508" i="1" s="1"/>
  <c r="A80509" i="1" s="1"/>
  <c r="A80510" i="1" s="1"/>
  <c r="A80511" i="1" s="1"/>
  <c r="A80512" i="1" s="1"/>
  <c r="A80513" i="1" s="1"/>
  <c r="A80514" i="1" s="1"/>
  <c r="A80515" i="1" s="1"/>
  <c r="A80516" i="1" s="1"/>
  <c r="A80517" i="1" s="1"/>
  <c r="A80518" i="1" s="1"/>
  <c r="A80519" i="1" s="1"/>
  <c r="A80520" i="1" s="1"/>
  <c r="A80521" i="1" s="1"/>
  <c r="A80522" i="1" s="1"/>
  <c r="A80523" i="1" s="1"/>
  <c r="A80524" i="1" s="1"/>
  <c r="A80525" i="1" s="1"/>
  <c r="A80526" i="1" s="1"/>
  <c r="A80527" i="1" s="1"/>
  <c r="A80528" i="1" s="1"/>
  <c r="A80529" i="1" s="1"/>
  <c r="A80530" i="1" s="1"/>
  <c r="A80531" i="1" s="1"/>
  <c r="A80532" i="1" s="1"/>
  <c r="A80533" i="1" s="1"/>
  <c r="A80534" i="1" s="1"/>
  <c r="A80535" i="1" s="1"/>
  <c r="A80536" i="1" s="1"/>
  <c r="A80537" i="1" s="1"/>
  <c r="A80538" i="1" s="1"/>
  <c r="A80539" i="1" s="1"/>
  <c r="A80540" i="1" s="1"/>
  <c r="A80541" i="1" s="1"/>
  <c r="A80542" i="1" s="1"/>
  <c r="A80543" i="1" s="1"/>
  <c r="A80544" i="1" s="1"/>
  <c r="A80545" i="1" s="1"/>
  <c r="A80546" i="1" s="1"/>
  <c r="A80547" i="1" s="1"/>
  <c r="A80548" i="1" s="1"/>
  <c r="A80549" i="1" s="1"/>
  <c r="A80550" i="1" s="1"/>
  <c r="A80551" i="1" s="1"/>
  <c r="A80552" i="1" s="1"/>
  <c r="A80553" i="1" s="1"/>
  <c r="A80554" i="1" s="1"/>
  <c r="A80555" i="1" s="1"/>
  <c r="A80556" i="1" s="1"/>
  <c r="A80557" i="1" s="1"/>
  <c r="A80558" i="1" s="1"/>
  <c r="A80559" i="1" s="1"/>
  <c r="A80560" i="1" s="1"/>
  <c r="A80561" i="1" s="1"/>
  <c r="A80562" i="1" s="1"/>
  <c r="A80563" i="1" s="1"/>
  <c r="A80564" i="1" s="1"/>
  <c r="A80565" i="1" s="1"/>
  <c r="A80566" i="1" s="1"/>
  <c r="A80567" i="1" s="1"/>
  <c r="A80568" i="1" s="1"/>
  <c r="A80569" i="1" s="1"/>
  <c r="A80570" i="1" s="1"/>
  <c r="A80571" i="1" s="1"/>
  <c r="A80572" i="1" s="1"/>
  <c r="A80573" i="1" s="1"/>
  <c r="A80574" i="1" s="1"/>
  <c r="A80575" i="1" s="1"/>
  <c r="A80576" i="1" s="1"/>
  <c r="A80577" i="1" s="1"/>
  <c r="A80578" i="1" s="1"/>
  <c r="A80579" i="1" s="1"/>
  <c r="A80580" i="1" s="1"/>
  <c r="A80581" i="1" s="1"/>
  <c r="A80582" i="1" s="1"/>
  <c r="A80583" i="1" s="1"/>
  <c r="A80584" i="1" s="1"/>
  <c r="A80585" i="1" s="1"/>
  <c r="A80586" i="1" s="1"/>
  <c r="A80587" i="1" s="1"/>
  <c r="A80588" i="1" s="1"/>
  <c r="A80589" i="1" s="1"/>
  <c r="A80590" i="1" s="1"/>
  <c r="A80591" i="1" s="1"/>
  <c r="A80592" i="1" s="1"/>
  <c r="A80593" i="1" s="1"/>
  <c r="A80594" i="1" s="1"/>
  <c r="A80595" i="1" s="1"/>
  <c r="A80596" i="1" s="1"/>
  <c r="A80597" i="1" s="1"/>
  <c r="A80598" i="1" s="1"/>
  <c r="A80599" i="1" s="1"/>
  <c r="A80600" i="1" s="1"/>
  <c r="A80601" i="1" s="1"/>
  <c r="A80602" i="1" s="1"/>
  <c r="A80603" i="1" s="1"/>
  <c r="A80604" i="1" s="1"/>
  <c r="A80605" i="1" s="1"/>
  <c r="A80606" i="1" s="1"/>
  <c r="A80607" i="1" s="1"/>
  <c r="A80608" i="1" s="1"/>
  <c r="A80609" i="1" s="1"/>
  <c r="A80610" i="1" s="1"/>
  <c r="A80611" i="1" s="1"/>
  <c r="A80612" i="1" s="1"/>
  <c r="A80613" i="1" s="1"/>
  <c r="A80614" i="1" s="1"/>
  <c r="A80615" i="1" s="1"/>
  <c r="A80616" i="1" s="1"/>
  <c r="A80617" i="1" s="1"/>
  <c r="A80618" i="1" s="1"/>
  <c r="A80619" i="1" s="1"/>
  <c r="A80620" i="1" s="1"/>
  <c r="A80621" i="1" s="1"/>
  <c r="A80622" i="1" s="1"/>
  <c r="A80623" i="1" s="1"/>
  <c r="A80624" i="1" s="1"/>
  <c r="A80625" i="1" s="1"/>
  <c r="A80626" i="1" s="1"/>
  <c r="A80627" i="1" s="1"/>
  <c r="A80628" i="1" s="1"/>
  <c r="A80629" i="1" s="1"/>
  <c r="A80630" i="1" s="1"/>
  <c r="A80631" i="1" s="1"/>
  <c r="A80632" i="1" s="1"/>
  <c r="A80633" i="1" s="1"/>
  <c r="A80634" i="1" s="1"/>
  <c r="A80635" i="1" s="1"/>
  <c r="A80636" i="1" s="1"/>
  <c r="A80637" i="1" s="1"/>
  <c r="A80638" i="1" s="1"/>
  <c r="A80639" i="1" s="1"/>
  <c r="A80640" i="1" s="1"/>
  <c r="A80641" i="1" s="1"/>
  <c r="A80642" i="1" s="1"/>
  <c r="A80643" i="1" s="1"/>
  <c r="A80644" i="1" s="1"/>
  <c r="A80645" i="1" s="1"/>
  <c r="A80646" i="1" s="1"/>
  <c r="A80647" i="1" s="1"/>
  <c r="A80648" i="1" s="1"/>
  <c r="A80649" i="1" s="1"/>
  <c r="A80650" i="1" s="1"/>
  <c r="A80651" i="1" s="1"/>
  <c r="A80652" i="1" s="1"/>
  <c r="A80653" i="1" s="1"/>
  <c r="A80654" i="1" s="1"/>
  <c r="A80655" i="1" s="1"/>
  <c r="A80656" i="1" s="1"/>
  <c r="A80657" i="1" s="1"/>
  <c r="A80658" i="1" s="1"/>
  <c r="A80659" i="1" s="1"/>
  <c r="A80660" i="1" s="1"/>
  <c r="A80661" i="1" s="1"/>
  <c r="A80662" i="1" s="1"/>
  <c r="A80663" i="1" s="1"/>
  <c r="A80664" i="1" s="1"/>
  <c r="A80665" i="1" s="1"/>
  <c r="A80666" i="1" s="1"/>
  <c r="A80667" i="1" s="1"/>
  <c r="A80668" i="1" s="1"/>
  <c r="A80669" i="1" s="1"/>
  <c r="A80670" i="1" s="1"/>
  <c r="A80671" i="1" s="1"/>
  <c r="A80672" i="1" s="1"/>
  <c r="A80673" i="1" s="1"/>
  <c r="A80674" i="1" s="1"/>
  <c r="A80675" i="1" s="1"/>
  <c r="A80676" i="1" s="1"/>
  <c r="A80677" i="1" s="1"/>
  <c r="A80678" i="1" s="1"/>
  <c r="A80679" i="1" s="1"/>
  <c r="A80680" i="1" s="1"/>
  <c r="A80681" i="1" s="1"/>
  <c r="A80682" i="1" s="1"/>
  <c r="A80683" i="1" s="1"/>
  <c r="A80684" i="1" s="1"/>
  <c r="A80685" i="1" s="1"/>
  <c r="A80686" i="1" s="1"/>
  <c r="A80687" i="1" s="1"/>
  <c r="A80688" i="1" s="1"/>
  <c r="A80689" i="1" s="1"/>
  <c r="A80690" i="1" s="1"/>
  <c r="A80691" i="1" s="1"/>
  <c r="A80692" i="1" s="1"/>
  <c r="A80693" i="1" s="1"/>
  <c r="A80694" i="1" s="1"/>
  <c r="A80695" i="1" s="1"/>
  <c r="A80696" i="1" s="1"/>
  <c r="A80697" i="1" s="1"/>
  <c r="A80698" i="1" s="1"/>
  <c r="A80699" i="1" s="1"/>
  <c r="A80700" i="1" s="1"/>
  <c r="A80701" i="1" s="1"/>
  <c r="A80702" i="1" s="1"/>
  <c r="A80703" i="1" s="1"/>
  <c r="A80704" i="1" s="1"/>
  <c r="A80705" i="1" s="1"/>
  <c r="A80706" i="1" s="1"/>
  <c r="A80707" i="1" s="1"/>
  <c r="A80708" i="1" s="1"/>
  <c r="A80709" i="1" s="1"/>
  <c r="A80710" i="1" s="1"/>
  <c r="A80711" i="1" s="1"/>
  <c r="A80712" i="1" s="1"/>
  <c r="A80713" i="1" s="1"/>
  <c r="A80714" i="1" s="1"/>
  <c r="A80715" i="1" s="1"/>
  <c r="A80716" i="1" s="1"/>
  <c r="A80717" i="1" s="1"/>
  <c r="A80718" i="1" s="1"/>
  <c r="A80719" i="1" s="1"/>
  <c r="A80720" i="1" s="1"/>
  <c r="A80721" i="1" s="1"/>
  <c r="A80722" i="1" s="1"/>
  <c r="A80723" i="1" s="1"/>
  <c r="A80724" i="1" s="1"/>
  <c r="A80725" i="1" s="1"/>
  <c r="A80726" i="1" s="1"/>
  <c r="A80727" i="1" s="1"/>
  <c r="A80728" i="1" s="1"/>
  <c r="A80729" i="1" s="1"/>
  <c r="A80730" i="1" s="1"/>
  <c r="A80731" i="1" s="1"/>
  <c r="A80732" i="1" s="1"/>
  <c r="A80733" i="1" s="1"/>
  <c r="A80734" i="1" s="1"/>
  <c r="A80735" i="1" s="1"/>
  <c r="A80736" i="1" s="1"/>
  <c r="A80737" i="1" s="1"/>
  <c r="A80738" i="1" s="1"/>
  <c r="A80739" i="1" s="1"/>
  <c r="A80740" i="1" s="1"/>
  <c r="A80741" i="1" s="1"/>
  <c r="A80742" i="1" s="1"/>
  <c r="A80743" i="1" s="1"/>
  <c r="A80744" i="1" s="1"/>
  <c r="A80745" i="1" s="1"/>
  <c r="A80746" i="1" s="1"/>
  <c r="A80747" i="1" s="1"/>
  <c r="A80748" i="1" s="1"/>
  <c r="A80749" i="1" s="1"/>
  <c r="A80750" i="1" s="1"/>
  <c r="A80751" i="1" s="1"/>
  <c r="A80752" i="1" s="1"/>
  <c r="A80753" i="1" s="1"/>
  <c r="A80754" i="1" s="1"/>
  <c r="A80755" i="1" s="1"/>
  <c r="A80756" i="1" s="1"/>
  <c r="A80757" i="1" s="1"/>
  <c r="A80758" i="1" s="1"/>
  <c r="A80759" i="1" s="1"/>
  <c r="A80760" i="1" s="1"/>
  <c r="A80761" i="1" s="1"/>
  <c r="A80762" i="1" s="1"/>
  <c r="A80763" i="1" s="1"/>
  <c r="A80764" i="1" s="1"/>
  <c r="A80765" i="1" s="1"/>
  <c r="A80766" i="1" s="1"/>
  <c r="A80767" i="1" s="1"/>
  <c r="A80768" i="1" s="1"/>
  <c r="A80769" i="1" s="1"/>
  <c r="A80770" i="1" s="1"/>
  <c r="A80771" i="1" s="1"/>
  <c r="A80772" i="1" s="1"/>
  <c r="A80773" i="1" s="1"/>
  <c r="A80774" i="1" s="1"/>
  <c r="A80775" i="1" s="1"/>
  <c r="A80776" i="1" s="1"/>
  <c r="A80777" i="1" s="1"/>
  <c r="A80778" i="1" s="1"/>
  <c r="A80779" i="1" s="1"/>
  <c r="A80780" i="1" s="1"/>
  <c r="A80781" i="1" s="1"/>
  <c r="A80782" i="1" s="1"/>
  <c r="A80783" i="1" s="1"/>
  <c r="A80784" i="1" s="1"/>
  <c r="A80785" i="1" s="1"/>
  <c r="A80786" i="1" s="1"/>
  <c r="A80787" i="1" s="1"/>
  <c r="A80788" i="1" s="1"/>
  <c r="A80789" i="1" s="1"/>
  <c r="A80790" i="1" s="1"/>
  <c r="A80791" i="1" s="1"/>
  <c r="A80792" i="1" s="1"/>
  <c r="A80793" i="1" s="1"/>
  <c r="A80794" i="1" s="1"/>
  <c r="A80795" i="1" s="1"/>
  <c r="A80796" i="1" s="1"/>
  <c r="A80797" i="1" s="1"/>
  <c r="A80798" i="1" s="1"/>
  <c r="A80799" i="1" s="1"/>
  <c r="A80800" i="1" s="1"/>
  <c r="A80801" i="1" s="1"/>
  <c r="A80802" i="1" s="1"/>
  <c r="A80803" i="1" s="1"/>
  <c r="A80804" i="1" s="1"/>
  <c r="A80805" i="1" s="1"/>
  <c r="A80806" i="1" s="1"/>
  <c r="A80807" i="1" s="1"/>
  <c r="A80808" i="1" s="1"/>
  <c r="A80809" i="1" s="1"/>
  <c r="A80810" i="1" s="1"/>
  <c r="A80811" i="1" s="1"/>
  <c r="A80812" i="1" s="1"/>
  <c r="A80813" i="1" s="1"/>
  <c r="A80814" i="1" s="1"/>
  <c r="A80815" i="1" s="1"/>
  <c r="A80816" i="1" s="1"/>
  <c r="A80817" i="1" s="1"/>
  <c r="A80818" i="1" s="1"/>
  <c r="A80819" i="1" s="1"/>
  <c r="A80820" i="1" s="1"/>
  <c r="A80821" i="1" s="1"/>
  <c r="A80822" i="1" s="1"/>
  <c r="A80823" i="1" s="1"/>
  <c r="A80824" i="1" s="1"/>
  <c r="A80825" i="1" s="1"/>
  <c r="A80826" i="1" s="1"/>
  <c r="A80827" i="1" s="1"/>
  <c r="A80828" i="1" s="1"/>
  <c r="A80829" i="1" s="1"/>
  <c r="A80830" i="1" s="1"/>
  <c r="A80831" i="1" s="1"/>
  <c r="A80832" i="1" s="1"/>
  <c r="A80833" i="1" s="1"/>
  <c r="A80834" i="1" s="1"/>
  <c r="A80835" i="1" s="1"/>
  <c r="A80836" i="1" s="1"/>
  <c r="A80837" i="1" s="1"/>
  <c r="A80838" i="1" s="1"/>
  <c r="A80839" i="1" s="1"/>
  <c r="A80840" i="1" s="1"/>
  <c r="A80841" i="1" s="1"/>
  <c r="A80842" i="1" s="1"/>
  <c r="A80843" i="1" s="1"/>
  <c r="A80844" i="1" s="1"/>
  <c r="A80845" i="1" s="1"/>
  <c r="A80846" i="1" s="1"/>
  <c r="A80847" i="1" s="1"/>
  <c r="A80848" i="1" s="1"/>
  <c r="A80849" i="1" s="1"/>
  <c r="A80850" i="1" s="1"/>
  <c r="A80851" i="1" s="1"/>
  <c r="A80852" i="1" s="1"/>
  <c r="A80853" i="1" s="1"/>
  <c r="A80854" i="1" s="1"/>
  <c r="A80855" i="1" s="1"/>
  <c r="A80856" i="1" s="1"/>
  <c r="A80857" i="1" s="1"/>
  <c r="A80858" i="1" s="1"/>
  <c r="A80859" i="1" s="1"/>
  <c r="A80860" i="1" s="1"/>
  <c r="A80861" i="1" s="1"/>
  <c r="A80862" i="1" s="1"/>
  <c r="A80863" i="1" s="1"/>
  <c r="A80864" i="1" s="1"/>
  <c r="A80865" i="1" s="1"/>
  <c r="A80866" i="1" s="1"/>
  <c r="A80867" i="1" s="1"/>
  <c r="A80868" i="1" s="1"/>
  <c r="A80869" i="1" s="1"/>
  <c r="A80870" i="1" s="1"/>
  <c r="A80871" i="1" s="1"/>
  <c r="A80872" i="1" s="1"/>
  <c r="A80873" i="1" s="1"/>
  <c r="A80874" i="1" s="1"/>
  <c r="A80875" i="1" s="1"/>
  <c r="A80876" i="1" s="1"/>
  <c r="A80877" i="1" s="1"/>
  <c r="A80878" i="1" s="1"/>
  <c r="A80879" i="1" s="1"/>
  <c r="A80880" i="1" s="1"/>
  <c r="A80881" i="1" s="1"/>
  <c r="A80882" i="1" s="1"/>
  <c r="A80883" i="1" s="1"/>
  <c r="A80884" i="1" s="1"/>
  <c r="A80885" i="1" s="1"/>
  <c r="A80886" i="1" s="1"/>
  <c r="A80887" i="1" s="1"/>
  <c r="A80888" i="1" s="1"/>
  <c r="A80889" i="1" s="1"/>
  <c r="A80890" i="1" s="1"/>
  <c r="A80891" i="1" s="1"/>
  <c r="A80892" i="1" s="1"/>
  <c r="A80893" i="1" s="1"/>
  <c r="A80894" i="1" s="1"/>
  <c r="A80895" i="1" s="1"/>
  <c r="A80896" i="1" s="1"/>
  <c r="A80897" i="1" s="1"/>
  <c r="A80898" i="1" s="1"/>
  <c r="A80899" i="1" s="1"/>
  <c r="A80900" i="1" s="1"/>
  <c r="A80901" i="1" s="1"/>
  <c r="A80902" i="1" s="1"/>
  <c r="A80903" i="1" s="1"/>
  <c r="A80904" i="1" s="1"/>
  <c r="A80905" i="1" s="1"/>
  <c r="A80906" i="1" s="1"/>
  <c r="A80907" i="1" s="1"/>
  <c r="A80908" i="1" s="1"/>
  <c r="A80909" i="1" s="1"/>
  <c r="A80910" i="1" s="1"/>
  <c r="A80911" i="1" s="1"/>
  <c r="A80912" i="1" s="1"/>
  <c r="A80913" i="1" s="1"/>
  <c r="A80914" i="1" s="1"/>
  <c r="A80915" i="1" s="1"/>
  <c r="A80916" i="1" s="1"/>
  <c r="A80917" i="1" s="1"/>
  <c r="A80918" i="1" s="1"/>
  <c r="A80919" i="1" s="1"/>
  <c r="A80920" i="1" s="1"/>
  <c r="A80921" i="1" s="1"/>
  <c r="A80922" i="1" s="1"/>
  <c r="A80923" i="1" s="1"/>
  <c r="A80924" i="1" s="1"/>
  <c r="A80925" i="1" s="1"/>
  <c r="A80926" i="1" s="1"/>
  <c r="A80927" i="1" s="1"/>
  <c r="A80928" i="1" s="1"/>
  <c r="A80929" i="1" s="1"/>
  <c r="A80930" i="1" s="1"/>
  <c r="A80931" i="1" s="1"/>
  <c r="A80932" i="1" s="1"/>
  <c r="A80933" i="1" s="1"/>
  <c r="A80934" i="1" s="1"/>
  <c r="A80935" i="1" s="1"/>
  <c r="A80936" i="1" s="1"/>
  <c r="A80937" i="1" s="1"/>
  <c r="A80938" i="1" s="1"/>
  <c r="A80939" i="1" s="1"/>
  <c r="A80940" i="1" s="1"/>
  <c r="A80941" i="1" s="1"/>
  <c r="A80942" i="1" s="1"/>
  <c r="A80943" i="1" s="1"/>
  <c r="A80944" i="1" s="1"/>
  <c r="A80945" i="1" s="1"/>
  <c r="A80946" i="1" s="1"/>
  <c r="A80947" i="1" s="1"/>
  <c r="A80948" i="1" s="1"/>
  <c r="A80949" i="1" s="1"/>
  <c r="A80950" i="1" s="1"/>
  <c r="A80951" i="1" s="1"/>
  <c r="A80952" i="1" s="1"/>
  <c r="A80953" i="1" s="1"/>
  <c r="A80954" i="1" s="1"/>
  <c r="A80955" i="1" s="1"/>
  <c r="A80956" i="1" s="1"/>
  <c r="A80957" i="1" s="1"/>
  <c r="A80958" i="1" s="1"/>
  <c r="A80959" i="1" s="1"/>
  <c r="A80960" i="1" s="1"/>
  <c r="A80961" i="1" s="1"/>
  <c r="A80962" i="1" s="1"/>
  <c r="A80963" i="1" s="1"/>
  <c r="A80964" i="1" s="1"/>
  <c r="A80965" i="1" s="1"/>
  <c r="A80966" i="1" s="1"/>
  <c r="A80967" i="1" s="1"/>
  <c r="A80968" i="1" s="1"/>
  <c r="A80969" i="1" s="1"/>
  <c r="A80970" i="1" s="1"/>
  <c r="A80971" i="1" s="1"/>
  <c r="A80972" i="1" s="1"/>
  <c r="A80973" i="1" s="1"/>
  <c r="A80974" i="1" s="1"/>
  <c r="A80975" i="1" s="1"/>
  <c r="A80976" i="1" s="1"/>
  <c r="A80977" i="1" s="1"/>
  <c r="A80978" i="1" s="1"/>
  <c r="A80979" i="1" s="1"/>
  <c r="A80980" i="1" s="1"/>
  <c r="A80981" i="1" s="1"/>
  <c r="A80982" i="1" s="1"/>
  <c r="A80983" i="1" s="1"/>
  <c r="A80984" i="1" s="1"/>
  <c r="A80985" i="1" s="1"/>
  <c r="A80986" i="1" s="1"/>
  <c r="A80987" i="1" s="1"/>
  <c r="A80988" i="1" s="1"/>
  <c r="A80989" i="1" s="1"/>
  <c r="A80990" i="1" s="1"/>
  <c r="A80991" i="1" s="1"/>
  <c r="A80992" i="1" s="1"/>
  <c r="A80993" i="1" s="1"/>
  <c r="A80994" i="1" s="1"/>
  <c r="A80995" i="1" s="1"/>
  <c r="A80996" i="1" s="1"/>
  <c r="A80997" i="1" s="1"/>
  <c r="A80998" i="1" s="1"/>
  <c r="A80999" i="1" s="1"/>
  <c r="A81000" i="1" s="1"/>
  <c r="A81001" i="1" s="1"/>
  <c r="A81002" i="1" s="1"/>
  <c r="A81003" i="1" s="1"/>
  <c r="A81004" i="1" s="1"/>
  <c r="A81005" i="1" s="1"/>
  <c r="A81006" i="1" s="1"/>
  <c r="A81007" i="1" s="1"/>
  <c r="A81008" i="1" s="1"/>
  <c r="A81009" i="1" s="1"/>
  <c r="A81010" i="1" s="1"/>
  <c r="A81011" i="1" s="1"/>
  <c r="A81012" i="1" s="1"/>
  <c r="A81013" i="1" s="1"/>
  <c r="A81014" i="1" s="1"/>
  <c r="A81015" i="1" s="1"/>
  <c r="A81016" i="1" s="1"/>
  <c r="A81017" i="1" s="1"/>
  <c r="A81018" i="1" s="1"/>
  <c r="A81019" i="1" s="1"/>
  <c r="A81020" i="1" s="1"/>
  <c r="A81021" i="1" s="1"/>
  <c r="A81022" i="1" s="1"/>
  <c r="A81023" i="1" s="1"/>
  <c r="A81024" i="1" s="1"/>
  <c r="A81025" i="1" s="1"/>
  <c r="A81026" i="1" s="1"/>
  <c r="A81027" i="1" s="1"/>
  <c r="A81028" i="1" s="1"/>
  <c r="A81029" i="1" s="1"/>
  <c r="A81030" i="1" s="1"/>
  <c r="A81031" i="1" s="1"/>
  <c r="A81032" i="1" s="1"/>
  <c r="A81033" i="1" s="1"/>
  <c r="A81034" i="1" s="1"/>
  <c r="A81035" i="1" s="1"/>
  <c r="A81036" i="1" s="1"/>
  <c r="A81037" i="1" s="1"/>
  <c r="A81038" i="1" s="1"/>
  <c r="A81039" i="1" s="1"/>
  <c r="A81040" i="1" s="1"/>
  <c r="A81041" i="1" s="1"/>
  <c r="A81042" i="1" s="1"/>
  <c r="A81043" i="1" s="1"/>
  <c r="A81044" i="1" s="1"/>
  <c r="A81045" i="1" s="1"/>
  <c r="A81046" i="1" s="1"/>
  <c r="A81047" i="1" s="1"/>
  <c r="A81048" i="1" s="1"/>
  <c r="A81049" i="1" s="1"/>
  <c r="A81050" i="1" s="1"/>
  <c r="A81051" i="1" s="1"/>
  <c r="A81052" i="1" s="1"/>
  <c r="A81053" i="1" s="1"/>
  <c r="A81054" i="1" s="1"/>
  <c r="A81055" i="1" s="1"/>
  <c r="A81056" i="1" s="1"/>
  <c r="A81057" i="1" s="1"/>
  <c r="A81058" i="1" s="1"/>
  <c r="A81059" i="1" s="1"/>
  <c r="A81060" i="1" s="1"/>
  <c r="A81061" i="1" s="1"/>
  <c r="A81062" i="1" s="1"/>
  <c r="A81063" i="1" s="1"/>
  <c r="A81064" i="1" s="1"/>
  <c r="A81065" i="1" s="1"/>
  <c r="A81066" i="1" s="1"/>
  <c r="A81067" i="1" s="1"/>
  <c r="A81068" i="1" s="1"/>
  <c r="A81069" i="1" s="1"/>
  <c r="A81070" i="1" s="1"/>
  <c r="A81071" i="1" s="1"/>
  <c r="A81072" i="1" s="1"/>
  <c r="A81073" i="1" s="1"/>
  <c r="A81074" i="1" s="1"/>
  <c r="A81075" i="1" s="1"/>
  <c r="A81076" i="1" s="1"/>
  <c r="A81077" i="1" s="1"/>
  <c r="A81078" i="1" s="1"/>
  <c r="A81079" i="1" s="1"/>
  <c r="A81080" i="1" s="1"/>
  <c r="A81081" i="1" s="1"/>
  <c r="A81082" i="1" s="1"/>
  <c r="A81083" i="1" s="1"/>
  <c r="A81084" i="1" s="1"/>
  <c r="A81085" i="1" s="1"/>
  <c r="A81086" i="1" s="1"/>
  <c r="A81087" i="1" s="1"/>
  <c r="A81088" i="1" s="1"/>
  <c r="A81089" i="1" s="1"/>
  <c r="A81090" i="1" s="1"/>
  <c r="A81091" i="1" s="1"/>
  <c r="A81092" i="1" s="1"/>
  <c r="A81093" i="1" s="1"/>
  <c r="A81094" i="1" s="1"/>
  <c r="A81095" i="1" s="1"/>
  <c r="A81096" i="1" s="1"/>
  <c r="A81097" i="1" s="1"/>
  <c r="A81098" i="1" s="1"/>
  <c r="A81099" i="1" s="1"/>
  <c r="A81100" i="1" s="1"/>
  <c r="A81101" i="1" s="1"/>
  <c r="A81102" i="1" s="1"/>
  <c r="A81103" i="1" s="1"/>
  <c r="A81104" i="1" s="1"/>
  <c r="A81105" i="1" s="1"/>
  <c r="A81106" i="1" s="1"/>
  <c r="A81107" i="1" s="1"/>
  <c r="A81108" i="1" s="1"/>
  <c r="A81109" i="1" s="1"/>
  <c r="A81110" i="1" s="1"/>
  <c r="A81111" i="1" s="1"/>
  <c r="A81112" i="1" s="1"/>
  <c r="A81113" i="1" s="1"/>
  <c r="A81114" i="1" s="1"/>
  <c r="A81115" i="1" s="1"/>
  <c r="A81116" i="1" s="1"/>
  <c r="A81117" i="1" s="1"/>
  <c r="A81118" i="1" s="1"/>
  <c r="A81119" i="1" s="1"/>
  <c r="A81120" i="1" s="1"/>
  <c r="A81121" i="1" s="1"/>
  <c r="A81122" i="1" s="1"/>
  <c r="A81123" i="1" s="1"/>
  <c r="A81124" i="1" s="1"/>
  <c r="A81125" i="1" s="1"/>
  <c r="A81126" i="1" s="1"/>
  <c r="A81127" i="1" s="1"/>
  <c r="A81128" i="1" s="1"/>
  <c r="A81129" i="1" s="1"/>
  <c r="A81130" i="1" s="1"/>
  <c r="A81131" i="1" s="1"/>
  <c r="A81132" i="1" s="1"/>
  <c r="A81133" i="1" s="1"/>
  <c r="A81134" i="1" s="1"/>
  <c r="A81135" i="1" s="1"/>
  <c r="A81136" i="1" s="1"/>
  <c r="A81137" i="1" s="1"/>
  <c r="A81138" i="1" s="1"/>
  <c r="A81139" i="1" s="1"/>
  <c r="A81140" i="1" s="1"/>
  <c r="A81141" i="1" s="1"/>
  <c r="A81142" i="1" s="1"/>
  <c r="A81143" i="1" s="1"/>
  <c r="A81144" i="1" s="1"/>
  <c r="A81145" i="1" s="1"/>
  <c r="A81146" i="1" s="1"/>
  <c r="A81147" i="1" s="1"/>
  <c r="A81148" i="1" s="1"/>
  <c r="A81149" i="1" s="1"/>
  <c r="A81150" i="1" s="1"/>
  <c r="A81151" i="1" s="1"/>
  <c r="A81152" i="1" s="1"/>
  <c r="A81153" i="1" s="1"/>
  <c r="A81154" i="1" s="1"/>
  <c r="A81155" i="1" s="1"/>
  <c r="A81156" i="1" s="1"/>
  <c r="A81157" i="1" s="1"/>
  <c r="A81158" i="1" s="1"/>
  <c r="A81159" i="1" s="1"/>
  <c r="A81160" i="1" s="1"/>
  <c r="A81161" i="1" s="1"/>
  <c r="A81162" i="1" s="1"/>
  <c r="A81163" i="1" s="1"/>
  <c r="A81164" i="1" s="1"/>
  <c r="A81165" i="1" s="1"/>
  <c r="A81166" i="1" s="1"/>
  <c r="A81167" i="1" s="1"/>
  <c r="A81168" i="1" s="1"/>
  <c r="A81169" i="1" s="1"/>
  <c r="A81170" i="1" s="1"/>
  <c r="A81171" i="1" s="1"/>
  <c r="A81172" i="1" s="1"/>
  <c r="A81173" i="1" s="1"/>
  <c r="A81174" i="1" s="1"/>
  <c r="A81175" i="1" s="1"/>
  <c r="A81176" i="1" s="1"/>
  <c r="A81177" i="1" s="1"/>
  <c r="A81178" i="1" s="1"/>
  <c r="A81179" i="1" s="1"/>
  <c r="A81180" i="1" s="1"/>
  <c r="A81181" i="1" s="1"/>
  <c r="A81182" i="1" s="1"/>
  <c r="A81183" i="1" s="1"/>
  <c r="A81184" i="1" s="1"/>
  <c r="A81185" i="1" s="1"/>
  <c r="A81186" i="1" s="1"/>
  <c r="A81187" i="1" s="1"/>
  <c r="A81188" i="1" s="1"/>
  <c r="A81189" i="1" s="1"/>
  <c r="A81190" i="1" s="1"/>
  <c r="A81191" i="1" s="1"/>
  <c r="A81192" i="1" s="1"/>
  <c r="A81193" i="1" s="1"/>
  <c r="A81194" i="1" s="1"/>
  <c r="A81195" i="1" s="1"/>
  <c r="A81196" i="1" s="1"/>
  <c r="A81197" i="1" s="1"/>
  <c r="A81198" i="1" s="1"/>
  <c r="A81199" i="1" s="1"/>
  <c r="A81200" i="1" s="1"/>
  <c r="A81201" i="1" s="1"/>
  <c r="A81202" i="1" s="1"/>
  <c r="A81203" i="1" s="1"/>
  <c r="A81204" i="1" s="1"/>
  <c r="A81205" i="1" s="1"/>
  <c r="A81206" i="1" s="1"/>
  <c r="A81207" i="1" s="1"/>
  <c r="A81208" i="1" s="1"/>
  <c r="A81209" i="1" s="1"/>
  <c r="A81210" i="1" s="1"/>
  <c r="A81211" i="1" s="1"/>
  <c r="A81212" i="1" s="1"/>
  <c r="A81213" i="1" s="1"/>
  <c r="A81214" i="1" s="1"/>
  <c r="A81215" i="1" s="1"/>
  <c r="A81216" i="1" s="1"/>
  <c r="A81217" i="1" s="1"/>
  <c r="A81218" i="1" s="1"/>
  <c r="A81219" i="1" s="1"/>
  <c r="A81220" i="1" s="1"/>
  <c r="A81221" i="1" s="1"/>
  <c r="A81222" i="1" s="1"/>
  <c r="A81223" i="1" s="1"/>
  <c r="A81224" i="1" s="1"/>
  <c r="A81225" i="1" s="1"/>
  <c r="A81226" i="1" s="1"/>
  <c r="A81227" i="1" s="1"/>
  <c r="A81228" i="1" s="1"/>
  <c r="A81229" i="1" s="1"/>
  <c r="A81230" i="1" s="1"/>
  <c r="A81231" i="1" s="1"/>
  <c r="A81232" i="1" s="1"/>
  <c r="A81233" i="1" s="1"/>
  <c r="A81234" i="1" s="1"/>
  <c r="A81235" i="1" s="1"/>
  <c r="A81236" i="1" s="1"/>
  <c r="A81237" i="1" s="1"/>
  <c r="A81238" i="1" s="1"/>
  <c r="A81239" i="1" s="1"/>
  <c r="A81240" i="1" s="1"/>
  <c r="A81241" i="1" s="1"/>
  <c r="A81242" i="1" s="1"/>
  <c r="A81243" i="1" s="1"/>
  <c r="A81244" i="1" s="1"/>
  <c r="A81245" i="1" s="1"/>
  <c r="A81246" i="1" s="1"/>
  <c r="A81247" i="1" s="1"/>
  <c r="A81248" i="1" s="1"/>
  <c r="A81249" i="1" s="1"/>
  <c r="A81250" i="1" s="1"/>
  <c r="A81251" i="1" s="1"/>
  <c r="A81252" i="1" s="1"/>
  <c r="A81253" i="1" s="1"/>
  <c r="A81254" i="1" s="1"/>
  <c r="A81255" i="1" s="1"/>
  <c r="A81256" i="1" s="1"/>
  <c r="A81257" i="1" s="1"/>
  <c r="A81258" i="1" s="1"/>
  <c r="A81259" i="1" s="1"/>
  <c r="A81260" i="1" s="1"/>
  <c r="A81261" i="1" s="1"/>
  <c r="A81262" i="1" s="1"/>
  <c r="A81263" i="1" s="1"/>
  <c r="A81264" i="1" s="1"/>
  <c r="A81265" i="1" s="1"/>
  <c r="A81266" i="1" s="1"/>
  <c r="A81267" i="1" s="1"/>
  <c r="A81268" i="1" s="1"/>
  <c r="A81269" i="1" s="1"/>
  <c r="A81270" i="1" s="1"/>
  <c r="A81271" i="1" s="1"/>
  <c r="A81272" i="1" s="1"/>
  <c r="A81273" i="1" s="1"/>
  <c r="A81274" i="1" s="1"/>
  <c r="A81275" i="1" s="1"/>
  <c r="A81276" i="1" s="1"/>
  <c r="A81277" i="1" s="1"/>
  <c r="A81278" i="1" s="1"/>
  <c r="A81279" i="1" s="1"/>
  <c r="A81280" i="1" s="1"/>
  <c r="A81281" i="1" s="1"/>
  <c r="A81282" i="1" s="1"/>
  <c r="A81283" i="1" s="1"/>
  <c r="A81284" i="1" s="1"/>
  <c r="A81285" i="1" s="1"/>
  <c r="A81286" i="1" s="1"/>
  <c r="A81287" i="1" s="1"/>
  <c r="A81288" i="1" s="1"/>
  <c r="A81289" i="1" s="1"/>
  <c r="A81290" i="1" s="1"/>
  <c r="A81291" i="1" s="1"/>
  <c r="A81292" i="1" s="1"/>
  <c r="A81293" i="1" s="1"/>
  <c r="A81294" i="1" s="1"/>
  <c r="A81295" i="1" s="1"/>
  <c r="A81296" i="1" s="1"/>
  <c r="A81297" i="1" s="1"/>
  <c r="A81298" i="1" s="1"/>
  <c r="A81299" i="1" s="1"/>
  <c r="A81300" i="1" s="1"/>
  <c r="A81301" i="1" s="1"/>
  <c r="A81302" i="1" s="1"/>
  <c r="A81303" i="1" s="1"/>
  <c r="A81304" i="1" s="1"/>
  <c r="A81305" i="1" s="1"/>
  <c r="A81306" i="1" s="1"/>
  <c r="A81307" i="1" s="1"/>
  <c r="A81308" i="1" s="1"/>
  <c r="A81309" i="1" s="1"/>
  <c r="A81310" i="1" s="1"/>
  <c r="A81311" i="1" s="1"/>
  <c r="A81312" i="1" s="1"/>
  <c r="A81313" i="1" s="1"/>
  <c r="A81314" i="1" s="1"/>
  <c r="A81315" i="1" s="1"/>
  <c r="A81316" i="1" s="1"/>
  <c r="A81317" i="1" s="1"/>
  <c r="A81318" i="1" s="1"/>
  <c r="A81319" i="1" s="1"/>
  <c r="A81320" i="1" s="1"/>
  <c r="A81321" i="1" s="1"/>
  <c r="A81322" i="1" s="1"/>
  <c r="A81323" i="1" s="1"/>
  <c r="A81324" i="1" s="1"/>
  <c r="A81325" i="1" s="1"/>
  <c r="A81326" i="1" s="1"/>
  <c r="A81327" i="1" s="1"/>
  <c r="A81328" i="1" s="1"/>
  <c r="A81329" i="1" s="1"/>
  <c r="A81330" i="1" s="1"/>
  <c r="A81331" i="1" s="1"/>
  <c r="A81332" i="1" s="1"/>
  <c r="A81333" i="1" s="1"/>
  <c r="A81334" i="1" s="1"/>
  <c r="A81335" i="1" s="1"/>
  <c r="A81336" i="1" s="1"/>
  <c r="A81337" i="1" s="1"/>
  <c r="A81338" i="1" s="1"/>
  <c r="A81339" i="1" s="1"/>
  <c r="A81340" i="1" s="1"/>
  <c r="A81341" i="1" s="1"/>
  <c r="A81342" i="1" s="1"/>
  <c r="A81343" i="1" s="1"/>
  <c r="A81344" i="1" s="1"/>
  <c r="A81345" i="1" s="1"/>
  <c r="A81346" i="1" s="1"/>
  <c r="A81347" i="1" s="1"/>
  <c r="A81348" i="1" s="1"/>
  <c r="A81349" i="1" s="1"/>
  <c r="A81350" i="1" s="1"/>
  <c r="A81351" i="1" s="1"/>
  <c r="A81352" i="1" s="1"/>
  <c r="A81353" i="1" s="1"/>
  <c r="A81354" i="1" s="1"/>
  <c r="A81355" i="1" s="1"/>
  <c r="A81356" i="1" s="1"/>
  <c r="A81357" i="1" s="1"/>
  <c r="A81358" i="1" s="1"/>
  <c r="A81359" i="1" s="1"/>
  <c r="A81360" i="1" s="1"/>
  <c r="A81361" i="1" s="1"/>
  <c r="A81362" i="1" s="1"/>
  <c r="A81363" i="1" s="1"/>
  <c r="A81364" i="1" s="1"/>
  <c r="A81365" i="1" s="1"/>
  <c r="A81366" i="1" s="1"/>
  <c r="A81367" i="1" s="1"/>
  <c r="A81368" i="1" s="1"/>
  <c r="A81369" i="1" s="1"/>
  <c r="A81370" i="1" s="1"/>
  <c r="A81371" i="1" s="1"/>
  <c r="A81372" i="1" s="1"/>
  <c r="A81373" i="1" s="1"/>
  <c r="A81374" i="1" s="1"/>
  <c r="A81375" i="1" s="1"/>
  <c r="A81376" i="1" s="1"/>
  <c r="A81377" i="1" s="1"/>
  <c r="A81378" i="1" s="1"/>
  <c r="A81379" i="1" s="1"/>
  <c r="A81380" i="1" s="1"/>
  <c r="A81381" i="1" s="1"/>
  <c r="A81382" i="1" s="1"/>
  <c r="A81383" i="1" s="1"/>
  <c r="A81384" i="1" s="1"/>
  <c r="A81385" i="1" s="1"/>
  <c r="A81386" i="1" s="1"/>
  <c r="A81387" i="1" s="1"/>
  <c r="A81388" i="1" s="1"/>
  <c r="A81389" i="1" s="1"/>
  <c r="A81390" i="1" s="1"/>
  <c r="A81391" i="1" s="1"/>
  <c r="A81392" i="1" s="1"/>
  <c r="A81393" i="1" s="1"/>
  <c r="A81394" i="1" s="1"/>
  <c r="A81395" i="1" s="1"/>
  <c r="A81396" i="1" s="1"/>
  <c r="A81397" i="1" s="1"/>
  <c r="A81398" i="1" s="1"/>
  <c r="A81399" i="1" s="1"/>
  <c r="A81400" i="1" s="1"/>
  <c r="A81401" i="1" s="1"/>
  <c r="A81402" i="1" s="1"/>
  <c r="A81403" i="1" s="1"/>
  <c r="A81404" i="1" s="1"/>
  <c r="A81405" i="1" s="1"/>
  <c r="A81406" i="1" s="1"/>
  <c r="A81407" i="1" s="1"/>
  <c r="A81408" i="1" s="1"/>
  <c r="A81409" i="1" s="1"/>
  <c r="A81410" i="1" s="1"/>
  <c r="A81411" i="1" s="1"/>
  <c r="A81412" i="1" s="1"/>
  <c r="A81413" i="1" s="1"/>
  <c r="A81414" i="1" s="1"/>
  <c r="A81415" i="1" s="1"/>
  <c r="A81416" i="1" s="1"/>
  <c r="A81417" i="1" s="1"/>
  <c r="A81418" i="1" s="1"/>
  <c r="A81419" i="1" s="1"/>
  <c r="A81420" i="1" s="1"/>
  <c r="A81421" i="1" s="1"/>
  <c r="A81422" i="1" s="1"/>
  <c r="A81423" i="1" s="1"/>
  <c r="A81424" i="1" s="1"/>
  <c r="A81425" i="1" s="1"/>
  <c r="A81426" i="1" s="1"/>
  <c r="A81427" i="1" s="1"/>
  <c r="A81428" i="1" s="1"/>
  <c r="A81429" i="1" s="1"/>
  <c r="A81430" i="1" s="1"/>
  <c r="A81431" i="1" s="1"/>
  <c r="A81432" i="1" s="1"/>
  <c r="A81433" i="1" s="1"/>
  <c r="A81434" i="1" s="1"/>
  <c r="A81435" i="1" s="1"/>
  <c r="A81436" i="1" s="1"/>
  <c r="A81437" i="1" s="1"/>
  <c r="A81438" i="1" s="1"/>
  <c r="A81439" i="1" s="1"/>
  <c r="A81440" i="1" s="1"/>
  <c r="A81441" i="1" s="1"/>
  <c r="A81442" i="1" s="1"/>
  <c r="A81443" i="1" s="1"/>
  <c r="A81444" i="1" s="1"/>
  <c r="A81445" i="1" s="1"/>
  <c r="A81446" i="1" s="1"/>
  <c r="A81447" i="1" s="1"/>
  <c r="A81448" i="1" s="1"/>
  <c r="A81449" i="1" s="1"/>
  <c r="A81450" i="1" s="1"/>
  <c r="A81451" i="1" s="1"/>
  <c r="A81452" i="1" s="1"/>
  <c r="A81453" i="1" s="1"/>
  <c r="A81454" i="1" s="1"/>
  <c r="A81455" i="1" s="1"/>
  <c r="A81456" i="1" s="1"/>
  <c r="A81457" i="1" s="1"/>
  <c r="A81458" i="1" s="1"/>
  <c r="A81459" i="1" s="1"/>
  <c r="A81460" i="1" s="1"/>
  <c r="A81461" i="1" s="1"/>
  <c r="A81462" i="1" s="1"/>
  <c r="A81463" i="1" s="1"/>
  <c r="A81464" i="1" s="1"/>
  <c r="A81465" i="1" s="1"/>
  <c r="A81466" i="1" s="1"/>
  <c r="A81467" i="1" s="1"/>
  <c r="A81468" i="1" s="1"/>
  <c r="A81469" i="1" s="1"/>
  <c r="A81470" i="1" s="1"/>
  <c r="A81471" i="1" s="1"/>
  <c r="A81472" i="1" s="1"/>
  <c r="A81473" i="1" s="1"/>
  <c r="A81474" i="1" s="1"/>
  <c r="A81475" i="1" s="1"/>
  <c r="A81476" i="1" s="1"/>
  <c r="A81477" i="1" s="1"/>
  <c r="A81478" i="1" s="1"/>
  <c r="A81479" i="1" s="1"/>
  <c r="A81480" i="1" s="1"/>
  <c r="A81481" i="1" s="1"/>
  <c r="A81482" i="1" s="1"/>
  <c r="A81483" i="1" s="1"/>
  <c r="A81484" i="1" s="1"/>
  <c r="A81485" i="1" s="1"/>
  <c r="A81486" i="1" s="1"/>
  <c r="A81487" i="1" s="1"/>
  <c r="A81488" i="1" s="1"/>
  <c r="A81489" i="1" s="1"/>
  <c r="A81490" i="1" s="1"/>
  <c r="A81491" i="1" s="1"/>
  <c r="A81492" i="1" s="1"/>
  <c r="A81493" i="1" s="1"/>
  <c r="A81494" i="1" s="1"/>
  <c r="A81495" i="1" s="1"/>
  <c r="A81496" i="1" s="1"/>
  <c r="A81497" i="1" s="1"/>
  <c r="A81498" i="1" s="1"/>
  <c r="A81499" i="1" s="1"/>
  <c r="A81500" i="1" s="1"/>
  <c r="A81501" i="1" s="1"/>
  <c r="A81502" i="1" s="1"/>
  <c r="A81503" i="1" s="1"/>
  <c r="A81504" i="1" s="1"/>
  <c r="A81505" i="1" s="1"/>
  <c r="A81506" i="1" s="1"/>
  <c r="A81507" i="1" s="1"/>
  <c r="A81508" i="1" s="1"/>
  <c r="A81509" i="1" s="1"/>
  <c r="A81510" i="1" s="1"/>
  <c r="A81511" i="1" s="1"/>
  <c r="A81512" i="1" s="1"/>
  <c r="A81513" i="1" s="1"/>
  <c r="A81514" i="1" s="1"/>
  <c r="A81515" i="1" s="1"/>
  <c r="A81516" i="1" s="1"/>
  <c r="A81517" i="1" s="1"/>
  <c r="A81518" i="1" s="1"/>
  <c r="A81519" i="1" s="1"/>
  <c r="A81520" i="1" s="1"/>
  <c r="A81521" i="1" s="1"/>
  <c r="A81522" i="1" s="1"/>
  <c r="A81523" i="1" s="1"/>
  <c r="A81524" i="1" s="1"/>
  <c r="A81525" i="1" s="1"/>
  <c r="A81526" i="1" s="1"/>
  <c r="A81527" i="1" s="1"/>
  <c r="A81528" i="1" s="1"/>
  <c r="A81529" i="1" s="1"/>
  <c r="A81530" i="1" s="1"/>
  <c r="A81531" i="1" s="1"/>
  <c r="A81532" i="1" s="1"/>
  <c r="A81533" i="1" s="1"/>
  <c r="A81534" i="1" s="1"/>
  <c r="A81535" i="1" s="1"/>
  <c r="A81536" i="1" s="1"/>
  <c r="A81537" i="1" s="1"/>
  <c r="A81538" i="1" s="1"/>
  <c r="A81539" i="1" s="1"/>
  <c r="A81540" i="1" s="1"/>
  <c r="A81541" i="1" s="1"/>
  <c r="A81542" i="1" s="1"/>
  <c r="A81543" i="1" s="1"/>
  <c r="A81544" i="1" s="1"/>
  <c r="A81545" i="1" s="1"/>
  <c r="A81546" i="1" s="1"/>
  <c r="A81547" i="1" s="1"/>
  <c r="A81548" i="1" s="1"/>
  <c r="A81549" i="1" s="1"/>
  <c r="A81550" i="1" s="1"/>
  <c r="A81551" i="1" s="1"/>
  <c r="A81552" i="1" s="1"/>
  <c r="A81553" i="1" s="1"/>
  <c r="A81554" i="1" s="1"/>
  <c r="A81555" i="1" s="1"/>
  <c r="A81556" i="1" s="1"/>
  <c r="A81557" i="1" s="1"/>
  <c r="A81558" i="1" s="1"/>
  <c r="A81559" i="1" s="1"/>
  <c r="A81560" i="1" s="1"/>
  <c r="A81561" i="1" s="1"/>
  <c r="A81562" i="1" s="1"/>
  <c r="A81563" i="1" s="1"/>
  <c r="A81564" i="1" s="1"/>
  <c r="A81565" i="1" s="1"/>
  <c r="A81566" i="1" s="1"/>
  <c r="A81567" i="1" s="1"/>
  <c r="A81568" i="1" s="1"/>
  <c r="A81569" i="1" s="1"/>
  <c r="A81570" i="1" s="1"/>
  <c r="A81571" i="1" s="1"/>
  <c r="A81572" i="1" s="1"/>
  <c r="A81573" i="1" s="1"/>
  <c r="A81574" i="1" s="1"/>
  <c r="A81575" i="1" s="1"/>
  <c r="A81576" i="1" s="1"/>
  <c r="A81577" i="1" s="1"/>
  <c r="A81578" i="1" s="1"/>
  <c r="A81579" i="1" s="1"/>
  <c r="A81580" i="1" s="1"/>
  <c r="A81581" i="1" s="1"/>
  <c r="A81582" i="1" s="1"/>
  <c r="A81583" i="1" s="1"/>
  <c r="A81584" i="1" s="1"/>
  <c r="A81585" i="1" s="1"/>
  <c r="A81586" i="1" s="1"/>
  <c r="A81587" i="1" s="1"/>
  <c r="A81588" i="1" s="1"/>
  <c r="A81589" i="1" s="1"/>
  <c r="A81590" i="1" s="1"/>
  <c r="A81591" i="1" s="1"/>
  <c r="A81592" i="1" s="1"/>
  <c r="A81593" i="1" s="1"/>
  <c r="A81594" i="1" s="1"/>
  <c r="A81595" i="1" s="1"/>
  <c r="A81596" i="1" s="1"/>
  <c r="A81597" i="1" s="1"/>
  <c r="A81598" i="1" s="1"/>
  <c r="A81599" i="1" s="1"/>
  <c r="A81600" i="1" s="1"/>
  <c r="A81601" i="1" s="1"/>
  <c r="A81602" i="1" s="1"/>
  <c r="A81603" i="1" s="1"/>
  <c r="A81604" i="1" s="1"/>
  <c r="A81605" i="1" s="1"/>
  <c r="A81606" i="1" s="1"/>
  <c r="A81607" i="1" s="1"/>
  <c r="A81608" i="1" s="1"/>
  <c r="A81609" i="1" s="1"/>
  <c r="A81610" i="1" s="1"/>
  <c r="A81611" i="1" s="1"/>
  <c r="A81612" i="1" s="1"/>
  <c r="A81613" i="1" s="1"/>
  <c r="A81614" i="1" s="1"/>
  <c r="A81615" i="1" s="1"/>
  <c r="A81616" i="1" s="1"/>
  <c r="A81617" i="1" s="1"/>
  <c r="A81618" i="1" s="1"/>
  <c r="A81619" i="1" s="1"/>
  <c r="A81620" i="1" s="1"/>
  <c r="A81621" i="1" s="1"/>
  <c r="A81622" i="1" s="1"/>
  <c r="A81623" i="1" s="1"/>
  <c r="A81624" i="1" s="1"/>
  <c r="A81625" i="1" s="1"/>
  <c r="A81626" i="1" s="1"/>
  <c r="A81627" i="1" s="1"/>
  <c r="A81628" i="1" s="1"/>
  <c r="A81629" i="1" s="1"/>
  <c r="A81630" i="1" s="1"/>
  <c r="A81631" i="1" s="1"/>
  <c r="A81632" i="1" s="1"/>
  <c r="A81633" i="1" s="1"/>
  <c r="A81634" i="1" s="1"/>
  <c r="A81635" i="1" s="1"/>
  <c r="A81636" i="1" s="1"/>
  <c r="A81637" i="1" s="1"/>
  <c r="A81638" i="1" s="1"/>
  <c r="A81639" i="1" s="1"/>
  <c r="A81640" i="1" s="1"/>
  <c r="A81641" i="1" s="1"/>
  <c r="A81642" i="1" s="1"/>
  <c r="A81643" i="1" s="1"/>
  <c r="A81644" i="1" s="1"/>
  <c r="A81645" i="1" s="1"/>
  <c r="A81646" i="1" s="1"/>
  <c r="A81647" i="1" s="1"/>
  <c r="A81648" i="1" s="1"/>
  <c r="A81649" i="1" s="1"/>
  <c r="A81650" i="1" s="1"/>
  <c r="A81651" i="1" s="1"/>
  <c r="A81652" i="1" s="1"/>
  <c r="A81653" i="1" s="1"/>
  <c r="A81654" i="1" s="1"/>
  <c r="A81655" i="1" s="1"/>
  <c r="A81656" i="1" s="1"/>
  <c r="A81657" i="1" s="1"/>
  <c r="A81658" i="1" s="1"/>
  <c r="A81659" i="1" s="1"/>
  <c r="A81660" i="1" s="1"/>
  <c r="A81661" i="1" s="1"/>
  <c r="A81662" i="1" s="1"/>
  <c r="A81663" i="1" s="1"/>
  <c r="A81664" i="1" s="1"/>
  <c r="A81665" i="1" s="1"/>
  <c r="A81666" i="1" s="1"/>
  <c r="A81667" i="1" s="1"/>
  <c r="A81668" i="1" s="1"/>
  <c r="A81669" i="1" s="1"/>
  <c r="A81670" i="1" s="1"/>
  <c r="A81671" i="1" s="1"/>
  <c r="A81672" i="1" s="1"/>
  <c r="A81673" i="1" s="1"/>
  <c r="A81674" i="1" s="1"/>
  <c r="A81675" i="1" s="1"/>
  <c r="A81676" i="1" s="1"/>
  <c r="A81677" i="1" s="1"/>
  <c r="A81678" i="1" s="1"/>
  <c r="A81679" i="1" s="1"/>
  <c r="A81680" i="1" s="1"/>
  <c r="A81681" i="1" s="1"/>
  <c r="A81682" i="1" s="1"/>
  <c r="A81683" i="1" s="1"/>
  <c r="A81684" i="1" s="1"/>
  <c r="A81685" i="1" s="1"/>
  <c r="A81686" i="1" s="1"/>
  <c r="A81687" i="1" s="1"/>
  <c r="A81688" i="1" s="1"/>
  <c r="A81689" i="1" s="1"/>
  <c r="A81690" i="1" s="1"/>
  <c r="A81691" i="1" s="1"/>
  <c r="A81692" i="1" s="1"/>
  <c r="A81693" i="1" s="1"/>
  <c r="A81694" i="1" s="1"/>
  <c r="A81695" i="1" s="1"/>
  <c r="A81696" i="1" s="1"/>
  <c r="A81697" i="1" s="1"/>
  <c r="A81698" i="1" s="1"/>
  <c r="A81699" i="1" s="1"/>
  <c r="A81700" i="1" s="1"/>
  <c r="A81701" i="1" s="1"/>
  <c r="A81702" i="1" s="1"/>
  <c r="A81703" i="1" s="1"/>
  <c r="A81704" i="1" s="1"/>
  <c r="A81705" i="1" s="1"/>
  <c r="A81706" i="1" s="1"/>
  <c r="A81707" i="1" s="1"/>
  <c r="A81708" i="1" s="1"/>
  <c r="A81709" i="1" s="1"/>
  <c r="A81710" i="1" s="1"/>
  <c r="A81711" i="1" s="1"/>
  <c r="A81712" i="1" s="1"/>
  <c r="A81713" i="1" s="1"/>
  <c r="A81714" i="1" s="1"/>
  <c r="A81715" i="1" s="1"/>
  <c r="A81716" i="1" s="1"/>
  <c r="A81717" i="1" s="1"/>
  <c r="A81718" i="1" s="1"/>
  <c r="A81719" i="1" s="1"/>
  <c r="A81720" i="1" s="1"/>
  <c r="A81721" i="1" s="1"/>
  <c r="A81722" i="1" s="1"/>
  <c r="A81723" i="1" s="1"/>
  <c r="A81724" i="1" s="1"/>
  <c r="A81725" i="1" s="1"/>
  <c r="A81726" i="1" s="1"/>
  <c r="A81727" i="1" s="1"/>
  <c r="A81728" i="1" s="1"/>
  <c r="A81729" i="1" s="1"/>
  <c r="A81730" i="1" s="1"/>
  <c r="A81731" i="1" s="1"/>
  <c r="A81732" i="1" s="1"/>
  <c r="A81733" i="1" s="1"/>
  <c r="A81734" i="1" s="1"/>
  <c r="A81735" i="1" s="1"/>
  <c r="A81736" i="1" s="1"/>
  <c r="A81737" i="1" s="1"/>
  <c r="A81738" i="1" s="1"/>
  <c r="A81739" i="1" s="1"/>
  <c r="A81740" i="1" s="1"/>
  <c r="A81741" i="1" s="1"/>
  <c r="A81742" i="1" s="1"/>
  <c r="A81743" i="1" s="1"/>
  <c r="A81744" i="1" s="1"/>
  <c r="A81745" i="1" s="1"/>
  <c r="A81746" i="1" s="1"/>
  <c r="A81747" i="1" s="1"/>
  <c r="A81748" i="1" s="1"/>
  <c r="A81749" i="1" s="1"/>
  <c r="A81750" i="1" s="1"/>
  <c r="A81751" i="1" s="1"/>
  <c r="A81752" i="1" s="1"/>
  <c r="A81753" i="1" s="1"/>
  <c r="A81754" i="1" s="1"/>
  <c r="A81755" i="1" s="1"/>
  <c r="A81756" i="1" s="1"/>
  <c r="A81757" i="1" s="1"/>
  <c r="A81758" i="1" s="1"/>
  <c r="A81759" i="1" s="1"/>
  <c r="A81760" i="1" s="1"/>
  <c r="A81761" i="1" s="1"/>
  <c r="A81762" i="1" s="1"/>
  <c r="A81763" i="1" s="1"/>
  <c r="A81764" i="1" s="1"/>
  <c r="A81765" i="1" s="1"/>
  <c r="A81766" i="1" s="1"/>
  <c r="A81767" i="1" s="1"/>
  <c r="A81768" i="1" s="1"/>
  <c r="A81769" i="1" s="1"/>
  <c r="A81770" i="1" s="1"/>
  <c r="A81771" i="1" s="1"/>
  <c r="A81772" i="1" s="1"/>
  <c r="A81773" i="1" s="1"/>
  <c r="A81774" i="1" s="1"/>
  <c r="A81775" i="1" s="1"/>
  <c r="A81776" i="1" s="1"/>
  <c r="A81777" i="1" s="1"/>
  <c r="A81778" i="1" s="1"/>
  <c r="A81779" i="1" s="1"/>
  <c r="A81780" i="1" s="1"/>
  <c r="A81781" i="1" s="1"/>
  <c r="A81782" i="1" s="1"/>
  <c r="A81783" i="1" s="1"/>
  <c r="A81784" i="1" s="1"/>
  <c r="A81785" i="1" s="1"/>
  <c r="A81786" i="1" s="1"/>
  <c r="A81787" i="1" s="1"/>
  <c r="A81788" i="1" s="1"/>
  <c r="A81789" i="1" s="1"/>
  <c r="A81790" i="1" s="1"/>
  <c r="A81791" i="1" s="1"/>
  <c r="A81792" i="1" s="1"/>
  <c r="A81793" i="1" s="1"/>
  <c r="A81794" i="1" s="1"/>
  <c r="A81795" i="1" s="1"/>
  <c r="A81796" i="1" s="1"/>
  <c r="A81797" i="1" s="1"/>
  <c r="A81798" i="1" s="1"/>
  <c r="A81799" i="1" s="1"/>
  <c r="A81800" i="1" s="1"/>
  <c r="A81801" i="1" s="1"/>
  <c r="A81802" i="1" s="1"/>
  <c r="A81803" i="1" s="1"/>
  <c r="A81804" i="1" s="1"/>
  <c r="A81805" i="1" s="1"/>
  <c r="A81806" i="1" s="1"/>
  <c r="A81807" i="1" s="1"/>
  <c r="A81808" i="1" s="1"/>
  <c r="A81809" i="1" s="1"/>
  <c r="A81810" i="1" s="1"/>
  <c r="A81811" i="1" s="1"/>
  <c r="A81812" i="1" s="1"/>
  <c r="A81813" i="1" s="1"/>
  <c r="A81814" i="1" s="1"/>
  <c r="A81815" i="1" s="1"/>
  <c r="A81816" i="1" s="1"/>
  <c r="A81817" i="1" s="1"/>
  <c r="A81818" i="1" s="1"/>
  <c r="A81819" i="1" s="1"/>
  <c r="A81820" i="1" s="1"/>
  <c r="A81821" i="1" s="1"/>
  <c r="A81822" i="1" s="1"/>
  <c r="A81823" i="1" s="1"/>
  <c r="A81824" i="1" s="1"/>
  <c r="A81825" i="1" s="1"/>
  <c r="A81826" i="1" s="1"/>
  <c r="A81827" i="1" s="1"/>
  <c r="A81828" i="1" s="1"/>
  <c r="A81829" i="1" s="1"/>
  <c r="A81830" i="1" s="1"/>
  <c r="A81831" i="1" s="1"/>
  <c r="A81832" i="1" s="1"/>
  <c r="A81833" i="1" s="1"/>
  <c r="A81834" i="1" s="1"/>
  <c r="A81835" i="1" s="1"/>
  <c r="A81836" i="1" s="1"/>
  <c r="A81837" i="1" s="1"/>
  <c r="A81838" i="1" s="1"/>
  <c r="A81839" i="1" s="1"/>
  <c r="A81840" i="1" s="1"/>
  <c r="A81841" i="1" s="1"/>
  <c r="A81842" i="1" s="1"/>
  <c r="A81843" i="1" s="1"/>
  <c r="A81844" i="1" s="1"/>
  <c r="A81845" i="1" s="1"/>
  <c r="A81846" i="1" s="1"/>
  <c r="A81847" i="1" s="1"/>
  <c r="A81848" i="1" s="1"/>
  <c r="A81849" i="1" s="1"/>
  <c r="A81850" i="1" s="1"/>
  <c r="A81851" i="1" s="1"/>
  <c r="A81852" i="1" s="1"/>
  <c r="A81853" i="1" s="1"/>
  <c r="A81854" i="1" s="1"/>
  <c r="A81855" i="1" s="1"/>
  <c r="A81856" i="1" s="1"/>
  <c r="A81857" i="1" s="1"/>
  <c r="A81858" i="1" s="1"/>
  <c r="A81859" i="1" s="1"/>
  <c r="A81860" i="1" s="1"/>
  <c r="A81861" i="1" s="1"/>
  <c r="A81862" i="1" s="1"/>
  <c r="A81863" i="1" s="1"/>
  <c r="A81864" i="1" s="1"/>
  <c r="A81865" i="1" s="1"/>
  <c r="A81866" i="1" s="1"/>
  <c r="A81867" i="1" s="1"/>
  <c r="A81868" i="1" s="1"/>
  <c r="A81869" i="1" s="1"/>
  <c r="A81870" i="1" s="1"/>
  <c r="A81871" i="1" s="1"/>
  <c r="A81872" i="1" s="1"/>
  <c r="A81873" i="1" s="1"/>
  <c r="A81874" i="1" s="1"/>
  <c r="A81875" i="1" s="1"/>
  <c r="A81876" i="1" s="1"/>
  <c r="A81877" i="1" s="1"/>
  <c r="A81878" i="1" s="1"/>
  <c r="A81879" i="1" s="1"/>
  <c r="A81880" i="1" s="1"/>
  <c r="A81881" i="1" s="1"/>
  <c r="A81882" i="1" s="1"/>
  <c r="A81883" i="1" s="1"/>
  <c r="A81884" i="1" s="1"/>
  <c r="A81885" i="1" s="1"/>
  <c r="A81886" i="1" s="1"/>
  <c r="A81887" i="1" s="1"/>
  <c r="A81888" i="1" s="1"/>
  <c r="A81889" i="1" s="1"/>
  <c r="A81890" i="1" s="1"/>
  <c r="A81891" i="1" s="1"/>
  <c r="A81892" i="1" s="1"/>
  <c r="A81893" i="1" s="1"/>
  <c r="A81894" i="1" s="1"/>
  <c r="A81895" i="1" s="1"/>
  <c r="A81896" i="1" s="1"/>
  <c r="A81897" i="1" s="1"/>
  <c r="A81898" i="1" s="1"/>
  <c r="A81899" i="1" s="1"/>
  <c r="A81900" i="1" s="1"/>
  <c r="A81901" i="1" s="1"/>
  <c r="A81902" i="1" s="1"/>
  <c r="A81903" i="1" s="1"/>
  <c r="A81904" i="1" s="1"/>
  <c r="A81905" i="1" s="1"/>
  <c r="A81906" i="1" s="1"/>
  <c r="A81907" i="1" s="1"/>
  <c r="A81908" i="1" s="1"/>
  <c r="A81909" i="1" s="1"/>
  <c r="A81910" i="1" s="1"/>
  <c r="A81911" i="1" s="1"/>
  <c r="A81912" i="1" s="1"/>
  <c r="A81913" i="1" s="1"/>
  <c r="A81914" i="1" s="1"/>
  <c r="A81915" i="1" s="1"/>
  <c r="A81916" i="1" s="1"/>
  <c r="A81917" i="1" s="1"/>
  <c r="A81918" i="1" s="1"/>
  <c r="A81919" i="1" s="1"/>
  <c r="A81920" i="1" s="1"/>
  <c r="A81921" i="1" s="1"/>
  <c r="A81922" i="1" s="1"/>
  <c r="A81923" i="1" s="1"/>
  <c r="A81924" i="1" s="1"/>
  <c r="A81925" i="1" s="1"/>
  <c r="A81926" i="1" s="1"/>
  <c r="A81927" i="1" s="1"/>
  <c r="A81928" i="1" s="1"/>
  <c r="A81929" i="1" s="1"/>
  <c r="A81930" i="1" s="1"/>
  <c r="A81931" i="1" s="1"/>
  <c r="A81932" i="1" s="1"/>
  <c r="A81933" i="1" s="1"/>
  <c r="A81934" i="1" s="1"/>
  <c r="A81935" i="1" s="1"/>
  <c r="A81936" i="1" s="1"/>
  <c r="A81937" i="1" s="1"/>
  <c r="A81938" i="1" s="1"/>
  <c r="A81939" i="1" s="1"/>
  <c r="A81940" i="1" s="1"/>
  <c r="A81941" i="1" s="1"/>
  <c r="A81942" i="1" s="1"/>
  <c r="A81943" i="1" s="1"/>
  <c r="A81944" i="1" s="1"/>
  <c r="A81945" i="1" s="1"/>
  <c r="A81946" i="1" s="1"/>
  <c r="A81947" i="1" s="1"/>
  <c r="A81948" i="1" s="1"/>
  <c r="A81949" i="1" s="1"/>
  <c r="A81950" i="1" s="1"/>
  <c r="A81951" i="1" s="1"/>
  <c r="A81952" i="1" s="1"/>
  <c r="A81953" i="1" s="1"/>
  <c r="A81954" i="1" s="1"/>
  <c r="A81955" i="1" s="1"/>
  <c r="A81956" i="1" s="1"/>
  <c r="A81957" i="1" s="1"/>
  <c r="A81958" i="1" s="1"/>
  <c r="A81959" i="1" s="1"/>
  <c r="A81960" i="1" s="1"/>
  <c r="A81961" i="1" s="1"/>
  <c r="A81962" i="1" s="1"/>
  <c r="A81963" i="1" s="1"/>
  <c r="A81964" i="1" s="1"/>
  <c r="A81965" i="1" s="1"/>
  <c r="A81966" i="1" s="1"/>
  <c r="A81967" i="1" s="1"/>
  <c r="A81968" i="1" s="1"/>
  <c r="A81969" i="1" s="1"/>
  <c r="A81970" i="1" s="1"/>
  <c r="A81971" i="1" s="1"/>
  <c r="A81972" i="1" s="1"/>
  <c r="A81973" i="1" s="1"/>
  <c r="A81974" i="1" s="1"/>
  <c r="A81975" i="1" s="1"/>
  <c r="A81976" i="1" s="1"/>
  <c r="A81977" i="1" s="1"/>
  <c r="A81978" i="1" s="1"/>
  <c r="A81979" i="1" s="1"/>
  <c r="A81980" i="1" s="1"/>
  <c r="A81981" i="1" s="1"/>
  <c r="A81982" i="1" s="1"/>
  <c r="A81983" i="1" s="1"/>
  <c r="A81984" i="1" s="1"/>
  <c r="A81985" i="1" s="1"/>
  <c r="A81986" i="1" s="1"/>
  <c r="A81987" i="1" s="1"/>
  <c r="A81988" i="1" s="1"/>
  <c r="A81989" i="1" s="1"/>
  <c r="A81990" i="1" s="1"/>
  <c r="A81991" i="1" s="1"/>
  <c r="A81992" i="1" s="1"/>
  <c r="A81993" i="1" s="1"/>
  <c r="A81994" i="1" s="1"/>
  <c r="A81995" i="1" s="1"/>
  <c r="A81996" i="1" s="1"/>
  <c r="A81997" i="1" s="1"/>
  <c r="A81998" i="1" s="1"/>
  <c r="A81999" i="1" s="1"/>
  <c r="A82000" i="1" s="1"/>
  <c r="A82001" i="1" s="1"/>
  <c r="A82002" i="1" s="1"/>
  <c r="A82003" i="1" s="1"/>
  <c r="A82004" i="1" s="1"/>
  <c r="A82005" i="1" s="1"/>
  <c r="A82006" i="1" s="1"/>
  <c r="A82007" i="1" s="1"/>
  <c r="A82008" i="1" s="1"/>
  <c r="A82009" i="1" s="1"/>
  <c r="A82010" i="1" s="1"/>
  <c r="A82011" i="1" s="1"/>
  <c r="A82012" i="1" s="1"/>
  <c r="A82013" i="1" s="1"/>
  <c r="A82014" i="1" s="1"/>
  <c r="A82015" i="1" s="1"/>
  <c r="A82016" i="1" s="1"/>
  <c r="A82017" i="1" s="1"/>
  <c r="A82018" i="1" s="1"/>
  <c r="A82019" i="1" s="1"/>
  <c r="A82020" i="1" s="1"/>
  <c r="A82021" i="1" s="1"/>
  <c r="A82022" i="1" s="1"/>
  <c r="A82023" i="1" s="1"/>
  <c r="A82024" i="1" s="1"/>
  <c r="A82025" i="1" s="1"/>
  <c r="A82026" i="1" s="1"/>
  <c r="A82027" i="1" s="1"/>
  <c r="A82028" i="1" s="1"/>
  <c r="A82029" i="1" s="1"/>
  <c r="A82030" i="1" s="1"/>
  <c r="A82031" i="1" s="1"/>
  <c r="A82032" i="1" s="1"/>
  <c r="A82033" i="1" s="1"/>
  <c r="A82034" i="1" s="1"/>
  <c r="A82035" i="1" s="1"/>
  <c r="A82036" i="1" s="1"/>
  <c r="A82037" i="1" s="1"/>
  <c r="A82038" i="1" s="1"/>
  <c r="A82039" i="1" s="1"/>
  <c r="A82040" i="1" s="1"/>
  <c r="A82041" i="1" s="1"/>
  <c r="A82042" i="1" s="1"/>
  <c r="A82043" i="1" s="1"/>
  <c r="A82044" i="1" s="1"/>
  <c r="A82045" i="1" s="1"/>
  <c r="A82046" i="1" s="1"/>
  <c r="A82047" i="1" s="1"/>
  <c r="A82048" i="1" s="1"/>
  <c r="A82049" i="1" s="1"/>
  <c r="A82050" i="1" s="1"/>
  <c r="A82051" i="1" s="1"/>
  <c r="A82052" i="1" s="1"/>
  <c r="A82053" i="1" s="1"/>
  <c r="A82054" i="1" s="1"/>
  <c r="A82055" i="1" s="1"/>
  <c r="A82056" i="1" s="1"/>
  <c r="A82057" i="1" s="1"/>
  <c r="A82058" i="1" s="1"/>
  <c r="A82059" i="1" s="1"/>
  <c r="A82060" i="1" s="1"/>
  <c r="A82061" i="1" s="1"/>
  <c r="A82062" i="1" s="1"/>
  <c r="A82063" i="1" s="1"/>
  <c r="A82064" i="1" s="1"/>
  <c r="A82065" i="1" s="1"/>
  <c r="A82066" i="1" s="1"/>
  <c r="A82067" i="1" s="1"/>
  <c r="A82068" i="1" s="1"/>
  <c r="A82069" i="1" s="1"/>
  <c r="A82070" i="1" s="1"/>
  <c r="A82071" i="1" s="1"/>
  <c r="A82072" i="1" s="1"/>
  <c r="A82073" i="1" s="1"/>
  <c r="A82074" i="1" s="1"/>
  <c r="A82075" i="1" s="1"/>
  <c r="A82076" i="1" s="1"/>
  <c r="A82077" i="1" s="1"/>
  <c r="A82078" i="1" s="1"/>
  <c r="A82079" i="1" s="1"/>
  <c r="A82080" i="1" s="1"/>
  <c r="A82081" i="1" s="1"/>
  <c r="A82082" i="1" s="1"/>
  <c r="A82083" i="1" s="1"/>
  <c r="A82084" i="1" s="1"/>
  <c r="A82085" i="1" s="1"/>
  <c r="A82086" i="1" s="1"/>
  <c r="A82087" i="1" s="1"/>
  <c r="A82088" i="1" s="1"/>
  <c r="A82089" i="1" s="1"/>
  <c r="A82090" i="1" s="1"/>
  <c r="A82091" i="1" s="1"/>
  <c r="A82092" i="1" s="1"/>
  <c r="A82093" i="1" s="1"/>
  <c r="A82094" i="1" s="1"/>
  <c r="A82095" i="1" s="1"/>
  <c r="A82096" i="1" s="1"/>
  <c r="A82097" i="1" s="1"/>
  <c r="A82098" i="1" s="1"/>
  <c r="A82099" i="1" s="1"/>
  <c r="A82100" i="1" s="1"/>
  <c r="A82101" i="1" s="1"/>
  <c r="A82102" i="1" s="1"/>
  <c r="A82103" i="1" s="1"/>
  <c r="A82104" i="1" s="1"/>
  <c r="A82105" i="1" s="1"/>
  <c r="A82106" i="1" s="1"/>
  <c r="A82107" i="1" s="1"/>
  <c r="A82108" i="1" s="1"/>
  <c r="A82109" i="1" s="1"/>
  <c r="A82110" i="1" s="1"/>
  <c r="A82111" i="1" s="1"/>
  <c r="A82112" i="1" s="1"/>
  <c r="A82113" i="1" s="1"/>
  <c r="A82114" i="1" s="1"/>
  <c r="A82115" i="1" s="1"/>
  <c r="A82116" i="1" s="1"/>
  <c r="A82117" i="1" s="1"/>
  <c r="A82118" i="1" s="1"/>
  <c r="A82119" i="1" s="1"/>
  <c r="A82120" i="1" s="1"/>
  <c r="A82121" i="1" s="1"/>
  <c r="A82122" i="1" s="1"/>
  <c r="A82123" i="1" s="1"/>
  <c r="A82124" i="1" s="1"/>
  <c r="A82125" i="1" s="1"/>
  <c r="A82126" i="1" s="1"/>
  <c r="A82127" i="1" s="1"/>
  <c r="A82128" i="1" s="1"/>
  <c r="A82129" i="1" s="1"/>
  <c r="A82130" i="1" s="1"/>
  <c r="A82131" i="1" s="1"/>
  <c r="A82132" i="1" s="1"/>
  <c r="A82133" i="1" s="1"/>
  <c r="A82134" i="1" s="1"/>
  <c r="A82135" i="1" s="1"/>
  <c r="A82136" i="1" s="1"/>
  <c r="A82137" i="1" s="1"/>
  <c r="A82138" i="1" s="1"/>
  <c r="A82139" i="1" s="1"/>
  <c r="A82140" i="1" s="1"/>
  <c r="A82141" i="1" s="1"/>
  <c r="A82142" i="1" s="1"/>
  <c r="A82143" i="1" s="1"/>
  <c r="A82144" i="1" s="1"/>
  <c r="A82145" i="1" s="1"/>
  <c r="A82146" i="1" s="1"/>
  <c r="A82147" i="1" s="1"/>
  <c r="A82148" i="1" s="1"/>
  <c r="A82149" i="1" s="1"/>
  <c r="A82150" i="1" s="1"/>
  <c r="A82151" i="1" s="1"/>
  <c r="A82152" i="1" s="1"/>
  <c r="A82153" i="1" s="1"/>
  <c r="A82154" i="1" s="1"/>
  <c r="A82155" i="1" s="1"/>
  <c r="A82156" i="1" s="1"/>
  <c r="A82157" i="1" s="1"/>
  <c r="A82158" i="1" s="1"/>
  <c r="A82159" i="1" s="1"/>
  <c r="A82160" i="1" s="1"/>
  <c r="A82161" i="1" s="1"/>
  <c r="A82162" i="1" s="1"/>
  <c r="A82163" i="1" s="1"/>
  <c r="A82164" i="1" s="1"/>
  <c r="A82165" i="1" s="1"/>
  <c r="A82166" i="1" s="1"/>
  <c r="A82167" i="1" s="1"/>
  <c r="A82168" i="1" s="1"/>
  <c r="A82169" i="1" s="1"/>
  <c r="A82170" i="1" s="1"/>
  <c r="A82171" i="1" s="1"/>
  <c r="A82172" i="1" s="1"/>
  <c r="A82173" i="1" s="1"/>
  <c r="A82174" i="1" s="1"/>
  <c r="A82175" i="1" s="1"/>
  <c r="A82176" i="1" s="1"/>
  <c r="A82177" i="1" s="1"/>
  <c r="A82178" i="1" s="1"/>
  <c r="A82179" i="1" s="1"/>
  <c r="A82180" i="1" s="1"/>
  <c r="A82181" i="1" s="1"/>
  <c r="A82182" i="1" s="1"/>
  <c r="A82183" i="1" s="1"/>
  <c r="A82184" i="1" s="1"/>
  <c r="A82185" i="1" s="1"/>
  <c r="A82186" i="1" s="1"/>
  <c r="A82187" i="1" s="1"/>
  <c r="A82188" i="1" s="1"/>
  <c r="A82189" i="1" s="1"/>
  <c r="A82190" i="1" s="1"/>
  <c r="A82191" i="1" s="1"/>
  <c r="A82192" i="1" s="1"/>
  <c r="A82193" i="1" s="1"/>
  <c r="A82194" i="1" s="1"/>
  <c r="A82195" i="1" s="1"/>
  <c r="A82196" i="1" s="1"/>
  <c r="A82197" i="1" s="1"/>
  <c r="A82198" i="1" s="1"/>
  <c r="A82199" i="1" s="1"/>
  <c r="A82200" i="1" s="1"/>
  <c r="A82201" i="1" s="1"/>
  <c r="A82202" i="1" s="1"/>
  <c r="A82203" i="1" s="1"/>
  <c r="A82204" i="1" s="1"/>
  <c r="A82205" i="1" s="1"/>
  <c r="A82206" i="1" s="1"/>
  <c r="A82207" i="1" s="1"/>
  <c r="A82208" i="1" s="1"/>
  <c r="A82209" i="1" s="1"/>
  <c r="A82210" i="1" s="1"/>
  <c r="A82211" i="1" s="1"/>
  <c r="A82212" i="1" s="1"/>
  <c r="A82213" i="1" s="1"/>
  <c r="A82214" i="1" s="1"/>
  <c r="A82215" i="1" s="1"/>
  <c r="A82216" i="1" s="1"/>
  <c r="A82217" i="1" s="1"/>
  <c r="A82218" i="1" s="1"/>
  <c r="A82219" i="1" s="1"/>
  <c r="A82220" i="1" s="1"/>
  <c r="A82221" i="1" s="1"/>
  <c r="A82222" i="1" s="1"/>
  <c r="A82223" i="1" s="1"/>
  <c r="A82224" i="1" s="1"/>
  <c r="A82225" i="1" s="1"/>
  <c r="A82226" i="1" s="1"/>
  <c r="A82227" i="1" s="1"/>
  <c r="A82228" i="1" s="1"/>
  <c r="A82229" i="1" s="1"/>
  <c r="A82230" i="1" s="1"/>
  <c r="A82231" i="1" s="1"/>
  <c r="A82232" i="1" s="1"/>
  <c r="A82233" i="1" s="1"/>
  <c r="A82234" i="1" s="1"/>
  <c r="A82235" i="1" s="1"/>
  <c r="A82236" i="1" s="1"/>
  <c r="A82237" i="1" s="1"/>
  <c r="A82238" i="1" s="1"/>
  <c r="A82239" i="1" s="1"/>
  <c r="A82240" i="1" s="1"/>
  <c r="A82241" i="1" s="1"/>
  <c r="A82242" i="1" s="1"/>
  <c r="A82243" i="1" s="1"/>
  <c r="A82244" i="1" s="1"/>
  <c r="A82245" i="1" s="1"/>
  <c r="A82246" i="1" s="1"/>
  <c r="A82247" i="1" s="1"/>
  <c r="A82248" i="1" s="1"/>
  <c r="A82249" i="1" s="1"/>
  <c r="A82250" i="1" s="1"/>
  <c r="A82251" i="1" s="1"/>
  <c r="A82252" i="1" s="1"/>
  <c r="A82253" i="1" s="1"/>
  <c r="A82254" i="1" s="1"/>
  <c r="A82255" i="1" s="1"/>
  <c r="A82256" i="1" s="1"/>
  <c r="A82257" i="1" s="1"/>
  <c r="A82258" i="1" s="1"/>
  <c r="A82259" i="1" s="1"/>
  <c r="A82260" i="1" s="1"/>
  <c r="A82261" i="1" s="1"/>
  <c r="A82262" i="1" s="1"/>
  <c r="A82263" i="1" s="1"/>
  <c r="A82264" i="1" s="1"/>
  <c r="A82265" i="1" s="1"/>
  <c r="A82266" i="1" s="1"/>
  <c r="A82267" i="1" s="1"/>
  <c r="A82268" i="1" s="1"/>
  <c r="A82269" i="1" s="1"/>
  <c r="A82270" i="1" s="1"/>
  <c r="A82271" i="1" s="1"/>
  <c r="A82272" i="1" s="1"/>
  <c r="A82273" i="1" s="1"/>
  <c r="A82274" i="1" s="1"/>
  <c r="A82275" i="1" s="1"/>
  <c r="A82276" i="1" s="1"/>
  <c r="A82277" i="1" s="1"/>
  <c r="A82278" i="1" s="1"/>
  <c r="A82279" i="1" s="1"/>
  <c r="A82280" i="1" s="1"/>
  <c r="A82281" i="1" s="1"/>
  <c r="A82282" i="1" s="1"/>
  <c r="A82283" i="1" s="1"/>
  <c r="A82284" i="1" s="1"/>
  <c r="A82285" i="1" s="1"/>
  <c r="A82286" i="1" s="1"/>
  <c r="A82287" i="1" s="1"/>
  <c r="A82288" i="1" s="1"/>
  <c r="A82289" i="1" s="1"/>
  <c r="A82290" i="1" s="1"/>
  <c r="A82291" i="1" s="1"/>
  <c r="A82292" i="1" s="1"/>
  <c r="A82293" i="1" s="1"/>
  <c r="A82294" i="1" s="1"/>
  <c r="A82295" i="1" s="1"/>
  <c r="A82296" i="1" s="1"/>
  <c r="A82297" i="1" s="1"/>
  <c r="A82298" i="1" s="1"/>
  <c r="A82299" i="1" s="1"/>
  <c r="A82300" i="1" s="1"/>
  <c r="A82301" i="1" s="1"/>
  <c r="A82302" i="1" s="1"/>
  <c r="A82303" i="1" s="1"/>
  <c r="A82304" i="1" s="1"/>
  <c r="A82305" i="1" s="1"/>
  <c r="A82306" i="1" s="1"/>
  <c r="A82307" i="1" s="1"/>
  <c r="A82308" i="1" s="1"/>
  <c r="A82309" i="1" s="1"/>
  <c r="A82310" i="1" s="1"/>
  <c r="A82311" i="1" s="1"/>
  <c r="A82312" i="1" s="1"/>
  <c r="A82313" i="1" s="1"/>
  <c r="A82314" i="1" s="1"/>
  <c r="A82315" i="1" s="1"/>
  <c r="A82316" i="1" s="1"/>
  <c r="A82317" i="1" s="1"/>
  <c r="A82318" i="1" s="1"/>
  <c r="A82319" i="1" s="1"/>
  <c r="A82320" i="1" s="1"/>
  <c r="A82321" i="1" s="1"/>
  <c r="A82322" i="1" s="1"/>
  <c r="A82323" i="1" s="1"/>
  <c r="A82324" i="1" s="1"/>
  <c r="A82325" i="1" s="1"/>
  <c r="A82326" i="1" s="1"/>
  <c r="A82327" i="1" s="1"/>
  <c r="A82328" i="1" s="1"/>
  <c r="A82329" i="1" s="1"/>
  <c r="A82330" i="1" s="1"/>
  <c r="A82331" i="1" s="1"/>
  <c r="A82332" i="1" s="1"/>
  <c r="A82333" i="1" s="1"/>
  <c r="A82334" i="1" s="1"/>
  <c r="A82335" i="1" s="1"/>
  <c r="A82336" i="1" s="1"/>
  <c r="A82337" i="1" s="1"/>
  <c r="A82338" i="1" s="1"/>
  <c r="A82339" i="1" s="1"/>
  <c r="A82340" i="1" s="1"/>
  <c r="A82341" i="1" s="1"/>
  <c r="A82342" i="1" s="1"/>
  <c r="A82343" i="1" s="1"/>
  <c r="A82344" i="1" s="1"/>
  <c r="A82345" i="1" s="1"/>
  <c r="A82346" i="1" s="1"/>
  <c r="A82347" i="1" s="1"/>
  <c r="A82348" i="1" s="1"/>
  <c r="A82349" i="1" s="1"/>
  <c r="A82350" i="1" s="1"/>
  <c r="A82351" i="1" s="1"/>
  <c r="A82352" i="1" s="1"/>
  <c r="A82353" i="1" s="1"/>
  <c r="A82354" i="1" s="1"/>
  <c r="A82355" i="1" s="1"/>
  <c r="A82356" i="1" s="1"/>
  <c r="A82357" i="1" s="1"/>
  <c r="A82358" i="1" s="1"/>
  <c r="A82359" i="1" s="1"/>
  <c r="A82360" i="1" s="1"/>
  <c r="A82361" i="1" s="1"/>
  <c r="A82362" i="1" s="1"/>
  <c r="A82363" i="1" s="1"/>
  <c r="A82364" i="1" s="1"/>
  <c r="A82365" i="1" s="1"/>
  <c r="A82366" i="1" s="1"/>
  <c r="A82367" i="1" s="1"/>
  <c r="A82368" i="1" s="1"/>
  <c r="A82369" i="1" s="1"/>
  <c r="A82370" i="1" s="1"/>
  <c r="A82371" i="1" s="1"/>
  <c r="A82372" i="1" s="1"/>
  <c r="A82373" i="1" s="1"/>
  <c r="A82374" i="1" s="1"/>
  <c r="A82375" i="1" s="1"/>
  <c r="A82376" i="1" s="1"/>
  <c r="A82377" i="1" s="1"/>
  <c r="A82378" i="1" s="1"/>
  <c r="A82379" i="1" s="1"/>
  <c r="A82380" i="1" s="1"/>
  <c r="A82381" i="1" s="1"/>
  <c r="A82382" i="1" s="1"/>
  <c r="A82383" i="1" s="1"/>
  <c r="A82384" i="1" s="1"/>
  <c r="A82385" i="1" s="1"/>
  <c r="A82386" i="1" s="1"/>
  <c r="A82387" i="1" s="1"/>
  <c r="A82388" i="1" s="1"/>
  <c r="A82389" i="1" s="1"/>
  <c r="A82390" i="1" s="1"/>
  <c r="A82391" i="1" s="1"/>
  <c r="A82392" i="1" s="1"/>
  <c r="A82393" i="1" s="1"/>
  <c r="A82394" i="1" s="1"/>
  <c r="A82395" i="1" s="1"/>
  <c r="A82396" i="1" s="1"/>
  <c r="A82397" i="1" s="1"/>
  <c r="A82398" i="1" s="1"/>
  <c r="A82399" i="1" s="1"/>
  <c r="A82400" i="1" s="1"/>
  <c r="A82401" i="1" s="1"/>
  <c r="A82402" i="1" s="1"/>
  <c r="A82403" i="1" s="1"/>
  <c r="A82404" i="1" s="1"/>
  <c r="A82405" i="1" s="1"/>
  <c r="A82406" i="1" s="1"/>
  <c r="A82407" i="1" s="1"/>
  <c r="A82408" i="1" s="1"/>
  <c r="A82409" i="1" s="1"/>
  <c r="A82410" i="1" s="1"/>
  <c r="A82411" i="1" s="1"/>
  <c r="A82412" i="1" s="1"/>
  <c r="A82413" i="1" s="1"/>
  <c r="A82414" i="1" s="1"/>
  <c r="A82415" i="1" s="1"/>
  <c r="A82416" i="1" s="1"/>
  <c r="A82417" i="1" s="1"/>
  <c r="A82418" i="1" s="1"/>
  <c r="A82419" i="1" s="1"/>
  <c r="A82420" i="1" s="1"/>
  <c r="A82421" i="1" s="1"/>
  <c r="A82422" i="1" s="1"/>
  <c r="A82423" i="1" s="1"/>
  <c r="A82424" i="1" s="1"/>
  <c r="A82425" i="1" s="1"/>
  <c r="A82426" i="1" s="1"/>
  <c r="A82427" i="1" s="1"/>
  <c r="A82428" i="1" s="1"/>
  <c r="A82429" i="1" s="1"/>
  <c r="A82430" i="1" s="1"/>
  <c r="A82431" i="1" s="1"/>
  <c r="A82432" i="1" s="1"/>
  <c r="A82433" i="1" s="1"/>
  <c r="A82434" i="1" s="1"/>
  <c r="A82435" i="1" s="1"/>
  <c r="A82436" i="1" s="1"/>
  <c r="A82437" i="1" s="1"/>
  <c r="A82438" i="1" s="1"/>
  <c r="A82439" i="1" s="1"/>
  <c r="A82440" i="1" s="1"/>
  <c r="A82441" i="1" s="1"/>
  <c r="A82442" i="1" s="1"/>
  <c r="A82443" i="1" s="1"/>
  <c r="A82444" i="1" s="1"/>
  <c r="A82445" i="1" s="1"/>
  <c r="A82446" i="1" s="1"/>
  <c r="A82447" i="1" s="1"/>
  <c r="A82448" i="1" s="1"/>
  <c r="A82449" i="1" s="1"/>
  <c r="A82450" i="1" s="1"/>
  <c r="A82451" i="1" s="1"/>
  <c r="A82452" i="1" s="1"/>
  <c r="A82453" i="1" s="1"/>
  <c r="A82454" i="1" s="1"/>
  <c r="A82455" i="1" s="1"/>
  <c r="A82456" i="1" s="1"/>
  <c r="A82457" i="1" s="1"/>
  <c r="A82458" i="1" s="1"/>
  <c r="A82459" i="1" s="1"/>
  <c r="A82460" i="1" s="1"/>
  <c r="A82461" i="1" s="1"/>
  <c r="A82462" i="1" s="1"/>
  <c r="A82463" i="1" s="1"/>
  <c r="A82464" i="1" s="1"/>
  <c r="A82465" i="1" s="1"/>
  <c r="A82466" i="1" s="1"/>
  <c r="A82467" i="1" s="1"/>
  <c r="A82468" i="1" s="1"/>
  <c r="A82469" i="1" s="1"/>
  <c r="A82470" i="1" s="1"/>
  <c r="A82471" i="1" s="1"/>
  <c r="A82472" i="1" s="1"/>
  <c r="A82473" i="1" s="1"/>
  <c r="A82474" i="1" s="1"/>
  <c r="A82475" i="1" s="1"/>
  <c r="A82476" i="1" s="1"/>
  <c r="A82477" i="1" s="1"/>
  <c r="A82478" i="1" s="1"/>
  <c r="A82479" i="1" s="1"/>
  <c r="A82480" i="1" s="1"/>
  <c r="A82481" i="1" s="1"/>
  <c r="A82482" i="1" s="1"/>
  <c r="A82483" i="1" s="1"/>
  <c r="A82484" i="1" s="1"/>
  <c r="A82485" i="1" s="1"/>
  <c r="A82486" i="1" s="1"/>
  <c r="A82487" i="1" s="1"/>
  <c r="A82488" i="1" s="1"/>
  <c r="A82489" i="1" s="1"/>
  <c r="A82490" i="1" s="1"/>
  <c r="A82491" i="1" s="1"/>
  <c r="A82492" i="1" s="1"/>
  <c r="A82493" i="1" s="1"/>
  <c r="A82494" i="1" s="1"/>
  <c r="A82495" i="1" s="1"/>
  <c r="A82496" i="1" s="1"/>
  <c r="A82497" i="1" s="1"/>
  <c r="A82498" i="1" s="1"/>
  <c r="A82499" i="1" s="1"/>
  <c r="A82500" i="1" s="1"/>
  <c r="A82501" i="1" s="1"/>
  <c r="A82502" i="1" s="1"/>
  <c r="A82503" i="1" s="1"/>
  <c r="A82504" i="1" s="1"/>
  <c r="A82505" i="1" s="1"/>
  <c r="A82506" i="1" s="1"/>
  <c r="A82507" i="1" s="1"/>
  <c r="A82508" i="1" s="1"/>
  <c r="A82509" i="1" s="1"/>
  <c r="A82510" i="1" s="1"/>
  <c r="A82511" i="1" s="1"/>
  <c r="A82512" i="1" s="1"/>
  <c r="A82513" i="1" s="1"/>
  <c r="A82514" i="1" s="1"/>
  <c r="A82515" i="1" s="1"/>
  <c r="A82516" i="1" s="1"/>
  <c r="A82517" i="1" s="1"/>
  <c r="A82518" i="1" s="1"/>
  <c r="A82519" i="1" s="1"/>
  <c r="A82520" i="1" s="1"/>
  <c r="A82521" i="1" s="1"/>
  <c r="A82522" i="1" s="1"/>
  <c r="A82523" i="1" s="1"/>
  <c r="A82524" i="1" s="1"/>
  <c r="A82525" i="1" s="1"/>
  <c r="A82526" i="1" s="1"/>
  <c r="A82527" i="1" s="1"/>
  <c r="A82528" i="1" s="1"/>
  <c r="A82529" i="1" s="1"/>
  <c r="A82530" i="1" s="1"/>
  <c r="A82531" i="1" s="1"/>
  <c r="A82532" i="1" s="1"/>
  <c r="A82533" i="1" s="1"/>
  <c r="A82534" i="1" s="1"/>
  <c r="A82535" i="1" s="1"/>
  <c r="A82536" i="1" s="1"/>
  <c r="A82537" i="1" s="1"/>
  <c r="A82538" i="1" s="1"/>
  <c r="A82539" i="1" s="1"/>
  <c r="A82540" i="1" s="1"/>
  <c r="A82541" i="1" s="1"/>
  <c r="A82542" i="1" s="1"/>
  <c r="A82543" i="1" s="1"/>
  <c r="A82544" i="1" s="1"/>
  <c r="A82545" i="1" s="1"/>
  <c r="A82546" i="1" s="1"/>
  <c r="A82547" i="1" s="1"/>
  <c r="A82548" i="1" s="1"/>
  <c r="A82549" i="1" s="1"/>
  <c r="A82550" i="1" s="1"/>
  <c r="A82551" i="1" s="1"/>
  <c r="A82552" i="1" s="1"/>
  <c r="A82553" i="1" s="1"/>
  <c r="A82554" i="1" s="1"/>
  <c r="A82555" i="1" s="1"/>
  <c r="A82556" i="1" s="1"/>
  <c r="A82557" i="1" s="1"/>
  <c r="A82558" i="1" s="1"/>
  <c r="A82559" i="1" s="1"/>
  <c r="A82560" i="1" s="1"/>
  <c r="A82561" i="1" s="1"/>
  <c r="A82562" i="1" s="1"/>
  <c r="A82563" i="1" s="1"/>
  <c r="A82564" i="1" s="1"/>
  <c r="A82565" i="1" s="1"/>
  <c r="A82566" i="1" s="1"/>
  <c r="A82567" i="1" s="1"/>
  <c r="A82568" i="1" s="1"/>
  <c r="A82569" i="1" s="1"/>
  <c r="A82570" i="1" s="1"/>
  <c r="A82571" i="1" s="1"/>
  <c r="A82572" i="1" s="1"/>
  <c r="A82573" i="1" s="1"/>
  <c r="A82574" i="1" s="1"/>
  <c r="A82575" i="1" s="1"/>
  <c r="A82576" i="1" s="1"/>
  <c r="A82577" i="1" s="1"/>
  <c r="A82578" i="1" s="1"/>
  <c r="A82579" i="1" s="1"/>
  <c r="A82580" i="1" s="1"/>
  <c r="A82581" i="1" s="1"/>
  <c r="A82582" i="1" s="1"/>
  <c r="A82583" i="1" s="1"/>
  <c r="A82584" i="1" s="1"/>
  <c r="A82585" i="1" s="1"/>
  <c r="A82586" i="1" s="1"/>
  <c r="A82587" i="1" s="1"/>
  <c r="A82588" i="1" s="1"/>
  <c r="A82589" i="1" s="1"/>
  <c r="A82590" i="1" s="1"/>
  <c r="A82591" i="1" s="1"/>
  <c r="A82592" i="1" s="1"/>
  <c r="A82593" i="1" s="1"/>
  <c r="A82594" i="1" s="1"/>
  <c r="A82595" i="1" s="1"/>
  <c r="A82596" i="1" s="1"/>
  <c r="A82597" i="1" s="1"/>
  <c r="A82598" i="1" s="1"/>
  <c r="A82599" i="1" s="1"/>
  <c r="A82600" i="1" s="1"/>
  <c r="A82601" i="1" s="1"/>
  <c r="A82602" i="1" s="1"/>
  <c r="A82603" i="1" s="1"/>
  <c r="A82604" i="1" s="1"/>
  <c r="A82605" i="1" s="1"/>
  <c r="A82606" i="1" s="1"/>
  <c r="A82607" i="1" s="1"/>
  <c r="A82608" i="1" s="1"/>
  <c r="A82609" i="1" s="1"/>
  <c r="A82610" i="1" s="1"/>
  <c r="A82611" i="1" s="1"/>
  <c r="A82612" i="1" s="1"/>
  <c r="A82613" i="1" s="1"/>
  <c r="A82614" i="1" s="1"/>
  <c r="A82615" i="1" s="1"/>
  <c r="A82616" i="1" s="1"/>
  <c r="A82617" i="1" s="1"/>
  <c r="A82618" i="1" s="1"/>
  <c r="A82619" i="1" s="1"/>
  <c r="A82620" i="1" s="1"/>
  <c r="A82621" i="1" s="1"/>
  <c r="A82622" i="1" s="1"/>
  <c r="A82623" i="1" s="1"/>
  <c r="A82624" i="1" s="1"/>
  <c r="A82625" i="1" s="1"/>
  <c r="A82626" i="1" s="1"/>
  <c r="A82627" i="1" s="1"/>
  <c r="A82628" i="1" s="1"/>
  <c r="A82629" i="1" s="1"/>
  <c r="A82630" i="1" s="1"/>
  <c r="A82631" i="1" s="1"/>
  <c r="A82632" i="1" s="1"/>
  <c r="A82633" i="1" s="1"/>
  <c r="A82634" i="1" s="1"/>
  <c r="A82635" i="1" s="1"/>
  <c r="A82636" i="1" s="1"/>
  <c r="A82637" i="1" s="1"/>
  <c r="A82638" i="1" s="1"/>
  <c r="A82639" i="1" s="1"/>
  <c r="A82640" i="1" s="1"/>
  <c r="A82641" i="1" s="1"/>
  <c r="A82642" i="1" s="1"/>
  <c r="A82643" i="1" s="1"/>
  <c r="A82644" i="1" s="1"/>
  <c r="A82645" i="1" s="1"/>
  <c r="A82646" i="1" s="1"/>
  <c r="A82647" i="1" s="1"/>
  <c r="A82648" i="1" s="1"/>
  <c r="A82649" i="1" s="1"/>
  <c r="A82650" i="1" s="1"/>
  <c r="A82651" i="1" s="1"/>
  <c r="A82652" i="1" s="1"/>
  <c r="A82653" i="1" s="1"/>
  <c r="A82654" i="1" s="1"/>
  <c r="A82655" i="1" s="1"/>
  <c r="A82656" i="1" s="1"/>
  <c r="A82657" i="1" s="1"/>
  <c r="A82658" i="1" s="1"/>
  <c r="A82659" i="1" s="1"/>
  <c r="A82660" i="1" s="1"/>
  <c r="A82661" i="1" s="1"/>
  <c r="A82662" i="1" s="1"/>
  <c r="A82663" i="1" s="1"/>
  <c r="A82664" i="1" s="1"/>
  <c r="A82665" i="1" s="1"/>
  <c r="A82666" i="1" s="1"/>
  <c r="A82667" i="1" s="1"/>
  <c r="A82668" i="1" s="1"/>
  <c r="A82669" i="1" s="1"/>
  <c r="A82670" i="1" s="1"/>
  <c r="A82671" i="1" s="1"/>
  <c r="A82672" i="1" s="1"/>
  <c r="A82673" i="1" s="1"/>
  <c r="A82674" i="1" s="1"/>
  <c r="A82675" i="1" s="1"/>
  <c r="A82676" i="1" s="1"/>
  <c r="A82677" i="1" s="1"/>
  <c r="A82678" i="1" s="1"/>
  <c r="A82679" i="1" s="1"/>
  <c r="A82680" i="1" s="1"/>
  <c r="A82681" i="1" s="1"/>
  <c r="A82682" i="1" s="1"/>
  <c r="A82683" i="1" s="1"/>
  <c r="A82684" i="1" s="1"/>
  <c r="A82685" i="1" s="1"/>
  <c r="A82686" i="1" s="1"/>
  <c r="A82687" i="1" s="1"/>
  <c r="A82688" i="1" s="1"/>
  <c r="A82689" i="1" s="1"/>
  <c r="A82690" i="1" s="1"/>
  <c r="A82691" i="1" s="1"/>
  <c r="A82692" i="1" s="1"/>
  <c r="A82693" i="1" s="1"/>
  <c r="A82694" i="1" s="1"/>
  <c r="A82695" i="1" s="1"/>
  <c r="A82696" i="1" s="1"/>
  <c r="A82697" i="1" s="1"/>
  <c r="A82698" i="1" s="1"/>
  <c r="A82699" i="1" s="1"/>
  <c r="A82700" i="1" s="1"/>
  <c r="A82701" i="1" s="1"/>
  <c r="A82702" i="1" s="1"/>
  <c r="A82703" i="1" s="1"/>
  <c r="A82704" i="1" s="1"/>
  <c r="A82705" i="1" s="1"/>
  <c r="A82706" i="1" s="1"/>
  <c r="A82707" i="1" s="1"/>
  <c r="A82708" i="1" s="1"/>
  <c r="A82709" i="1" s="1"/>
  <c r="A82710" i="1" s="1"/>
  <c r="A82711" i="1" s="1"/>
  <c r="A82712" i="1" s="1"/>
  <c r="A82713" i="1" s="1"/>
  <c r="A82714" i="1" s="1"/>
  <c r="A82715" i="1" s="1"/>
  <c r="A82716" i="1" s="1"/>
  <c r="A82717" i="1" s="1"/>
  <c r="A82718" i="1" s="1"/>
  <c r="A82719" i="1" s="1"/>
  <c r="A82720" i="1" s="1"/>
  <c r="A82721" i="1" s="1"/>
  <c r="A82722" i="1" s="1"/>
  <c r="A82723" i="1" s="1"/>
  <c r="A82724" i="1" s="1"/>
  <c r="A82725" i="1" s="1"/>
  <c r="A82726" i="1" s="1"/>
  <c r="A82727" i="1" s="1"/>
  <c r="A82728" i="1" s="1"/>
  <c r="A82729" i="1" s="1"/>
  <c r="A82730" i="1" s="1"/>
  <c r="A82731" i="1" s="1"/>
  <c r="A82732" i="1" s="1"/>
  <c r="A82733" i="1" s="1"/>
  <c r="A82734" i="1" s="1"/>
  <c r="A82735" i="1" s="1"/>
  <c r="A82736" i="1" s="1"/>
  <c r="A82737" i="1" s="1"/>
  <c r="A82738" i="1" s="1"/>
  <c r="A82739" i="1" s="1"/>
  <c r="A82740" i="1" s="1"/>
  <c r="A82741" i="1" s="1"/>
  <c r="A82742" i="1" s="1"/>
  <c r="A82743" i="1" s="1"/>
  <c r="A82744" i="1" s="1"/>
  <c r="A82745" i="1" s="1"/>
  <c r="A82746" i="1" s="1"/>
  <c r="A82747" i="1" s="1"/>
  <c r="A82748" i="1" s="1"/>
  <c r="A82749" i="1" s="1"/>
  <c r="A82750" i="1" s="1"/>
  <c r="A82751" i="1" s="1"/>
  <c r="A82752" i="1" s="1"/>
  <c r="A82753" i="1" s="1"/>
  <c r="A82754" i="1" s="1"/>
  <c r="A82755" i="1" s="1"/>
  <c r="A82756" i="1" s="1"/>
  <c r="A82757" i="1" s="1"/>
  <c r="A82758" i="1" s="1"/>
  <c r="A82759" i="1" s="1"/>
  <c r="A82760" i="1" s="1"/>
  <c r="A82761" i="1" s="1"/>
  <c r="A82762" i="1" s="1"/>
  <c r="A82763" i="1" s="1"/>
  <c r="A82764" i="1" s="1"/>
  <c r="A82765" i="1" s="1"/>
  <c r="A82766" i="1" s="1"/>
  <c r="A82767" i="1" s="1"/>
  <c r="A82768" i="1" s="1"/>
  <c r="A82769" i="1" s="1"/>
  <c r="A82770" i="1" s="1"/>
  <c r="A82771" i="1" s="1"/>
  <c r="A82772" i="1" s="1"/>
  <c r="A82773" i="1" s="1"/>
  <c r="A82774" i="1" s="1"/>
  <c r="A82775" i="1" s="1"/>
  <c r="A82776" i="1" s="1"/>
  <c r="A82777" i="1" s="1"/>
  <c r="A82778" i="1" s="1"/>
  <c r="A82779" i="1" s="1"/>
  <c r="A82780" i="1" s="1"/>
  <c r="A82781" i="1" s="1"/>
  <c r="A82782" i="1" s="1"/>
  <c r="A82783" i="1" s="1"/>
  <c r="A82784" i="1" s="1"/>
  <c r="A82785" i="1" s="1"/>
  <c r="A82786" i="1" s="1"/>
  <c r="A82787" i="1" s="1"/>
  <c r="A82788" i="1" s="1"/>
  <c r="A82789" i="1" s="1"/>
  <c r="A82790" i="1" s="1"/>
  <c r="A82791" i="1" s="1"/>
  <c r="A82792" i="1" s="1"/>
  <c r="A82793" i="1" s="1"/>
  <c r="A82794" i="1" s="1"/>
  <c r="A82795" i="1" s="1"/>
  <c r="A82796" i="1" s="1"/>
  <c r="A82797" i="1" s="1"/>
  <c r="A82798" i="1" s="1"/>
  <c r="A82799" i="1" s="1"/>
  <c r="A82800" i="1" s="1"/>
  <c r="A82801" i="1" s="1"/>
  <c r="A82802" i="1" s="1"/>
  <c r="A82803" i="1" s="1"/>
  <c r="A82804" i="1" s="1"/>
  <c r="A82805" i="1" s="1"/>
  <c r="A82806" i="1" s="1"/>
  <c r="A82807" i="1" s="1"/>
  <c r="A82808" i="1" s="1"/>
  <c r="A82809" i="1" s="1"/>
  <c r="A82810" i="1" s="1"/>
  <c r="A82811" i="1" s="1"/>
  <c r="A82812" i="1" s="1"/>
  <c r="A82813" i="1" s="1"/>
  <c r="A82814" i="1" s="1"/>
  <c r="A82815" i="1" s="1"/>
  <c r="A82816" i="1" s="1"/>
  <c r="A82817" i="1" s="1"/>
  <c r="A82818" i="1" s="1"/>
  <c r="A82819" i="1" s="1"/>
  <c r="A82820" i="1" s="1"/>
  <c r="A82821" i="1" s="1"/>
  <c r="A82822" i="1" s="1"/>
  <c r="A82823" i="1" s="1"/>
  <c r="A82824" i="1" s="1"/>
  <c r="A82825" i="1" s="1"/>
  <c r="A82826" i="1" s="1"/>
  <c r="A82827" i="1" s="1"/>
  <c r="A82828" i="1" s="1"/>
  <c r="A82829" i="1" s="1"/>
  <c r="A82830" i="1" s="1"/>
  <c r="A82831" i="1" s="1"/>
  <c r="A82832" i="1" s="1"/>
  <c r="A82833" i="1" s="1"/>
  <c r="A82834" i="1" s="1"/>
  <c r="A82835" i="1" s="1"/>
  <c r="A82836" i="1" s="1"/>
  <c r="A82837" i="1" s="1"/>
  <c r="A82838" i="1" s="1"/>
  <c r="A82839" i="1" s="1"/>
  <c r="A82840" i="1" s="1"/>
  <c r="A82841" i="1" s="1"/>
  <c r="A82842" i="1" s="1"/>
  <c r="A82843" i="1" s="1"/>
  <c r="A82844" i="1" s="1"/>
  <c r="A82845" i="1" s="1"/>
  <c r="A82846" i="1" s="1"/>
  <c r="A82847" i="1" s="1"/>
  <c r="A82848" i="1" s="1"/>
  <c r="A82849" i="1" s="1"/>
  <c r="A82850" i="1" s="1"/>
  <c r="A82851" i="1" s="1"/>
  <c r="A82852" i="1" s="1"/>
  <c r="A82853" i="1" s="1"/>
  <c r="A82854" i="1" s="1"/>
  <c r="A82855" i="1" s="1"/>
  <c r="A82856" i="1" s="1"/>
  <c r="A82857" i="1" s="1"/>
  <c r="A82858" i="1" s="1"/>
  <c r="A82859" i="1" s="1"/>
  <c r="A82860" i="1" s="1"/>
  <c r="A82861" i="1" s="1"/>
  <c r="A82862" i="1" s="1"/>
  <c r="A82863" i="1" s="1"/>
  <c r="A82864" i="1" s="1"/>
  <c r="A82865" i="1" s="1"/>
  <c r="A82866" i="1" s="1"/>
  <c r="A82867" i="1" s="1"/>
  <c r="A82868" i="1" s="1"/>
  <c r="A82869" i="1" s="1"/>
  <c r="A82870" i="1" s="1"/>
  <c r="A82871" i="1" s="1"/>
  <c r="A82872" i="1" s="1"/>
  <c r="A82873" i="1" s="1"/>
  <c r="A82874" i="1" s="1"/>
  <c r="A82875" i="1" s="1"/>
  <c r="A82876" i="1" s="1"/>
  <c r="A82877" i="1" s="1"/>
  <c r="A82878" i="1" s="1"/>
  <c r="A82879" i="1" s="1"/>
  <c r="A82880" i="1" s="1"/>
  <c r="A82881" i="1" s="1"/>
  <c r="A82882" i="1" s="1"/>
  <c r="A82883" i="1" s="1"/>
  <c r="A82884" i="1" s="1"/>
  <c r="A82885" i="1" s="1"/>
  <c r="A82886" i="1" s="1"/>
  <c r="A82887" i="1" s="1"/>
  <c r="A82888" i="1" s="1"/>
  <c r="A82889" i="1" s="1"/>
  <c r="A82890" i="1" s="1"/>
  <c r="A82891" i="1" s="1"/>
  <c r="A82892" i="1" s="1"/>
  <c r="A82893" i="1" s="1"/>
  <c r="A82894" i="1" s="1"/>
  <c r="A82895" i="1" s="1"/>
  <c r="A82896" i="1" s="1"/>
  <c r="A82897" i="1" s="1"/>
  <c r="A82898" i="1" s="1"/>
  <c r="A82899" i="1" s="1"/>
  <c r="A82900" i="1" s="1"/>
  <c r="A82901" i="1" s="1"/>
  <c r="A82902" i="1" s="1"/>
  <c r="A82903" i="1" s="1"/>
  <c r="A82904" i="1" s="1"/>
  <c r="A82905" i="1" s="1"/>
  <c r="A82906" i="1" s="1"/>
  <c r="A82907" i="1" s="1"/>
  <c r="A82908" i="1" s="1"/>
  <c r="A82909" i="1" s="1"/>
  <c r="A82910" i="1" s="1"/>
  <c r="A82911" i="1" s="1"/>
  <c r="A82912" i="1" s="1"/>
  <c r="A82913" i="1" s="1"/>
  <c r="A82914" i="1" s="1"/>
  <c r="A82915" i="1" s="1"/>
  <c r="A82916" i="1" s="1"/>
  <c r="A82917" i="1" s="1"/>
  <c r="A82918" i="1" s="1"/>
  <c r="A82919" i="1" s="1"/>
  <c r="A82920" i="1" s="1"/>
  <c r="A82921" i="1" s="1"/>
  <c r="A82922" i="1" s="1"/>
  <c r="A82923" i="1" s="1"/>
  <c r="A82924" i="1" s="1"/>
  <c r="A82925" i="1" s="1"/>
  <c r="A82926" i="1" s="1"/>
  <c r="A82927" i="1" s="1"/>
  <c r="A82928" i="1" s="1"/>
  <c r="A82929" i="1" s="1"/>
  <c r="A82930" i="1" s="1"/>
  <c r="A82931" i="1" s="1"/>
  <c r="A82932" i="1" s="1"/>
  <c r="A82933" i="1" s="1"/>
  <c r="A82934" i="1" s="1"/>
  <c r="A82935" i="1" s="1"/>
  <c r="A82936" i="1" s="1"/>
  <c r="A82937" i="1" s="1"/>
  <c r="A82938" i="1" s="1"/>
  <c r="A82939" i="1" s="1"/>
  <c r="A82940" i="1" s="1"/>
  <c r="A82941" i="1" s="1"/>
  <c r="A82942" i="1" s="1"/>
  <c r="A82943" i="1" s="1"/>
  <c r="A82944" i="1" s="1"/>
  <c r="A82945" i="1" s="1"/>
  <c r="A82946" i="1" s="1"/>
  <c r="A82947" i="1" s="1"/>
  <c r="A82948" i="1" s="1"/>
  <c r="A82949" i="1" s="1"/>
  <c r="A82950" i="1" s="1"/>
  <c r="A82951" i="1" s="1"/>
  <c r="A82952" i="1" s="1"/>
  <c r="A82953" i="1" s="1"/>
  <c r="A82954" i="1" s="1"/>
  <c r="A82955" i="1" s="1"/>
  <c r="A82956" i="1" s="1"/>
  <c r="A82957" i="1" s="1"/>
  <c r="A82958" i="1" s="1"/>
  <c r="A82959" i="1" s="1"/>
  <c r="A82960" i="1" s="1"/>
  <c r="A82961" i="1" s="1"/>
  <c r="A82962" i="1" s="1"/>
  <c r="A82963" i="1" s="1"/>
  <c r="A82964" i="1" s="1"/>
  <c r="A82965" i="1" s="1"/>
  <c r="A82966" i="1" s="1"/>
  <c r="A82967" i="1" s="1"/>
  <c r="A82968" i="1" s="1"/>
  <c r="A82969" i="1" s="1"/>
  <c r="A82970" i="1" s="1"/>
  <c r="A82971" i="1" s="1"/>
  <c r="A82972" i="1" s="1"/>
  <c r="A82973" i="1" s="1"/>
  <c r="A82974" i="1" s="1"/>
  <c r="A82975" i="1" s="1"/>
  <c r="A82976" i="1" s="1"/>
  <c r="A82977" i="1" s="1"/>
  <c r="A82978" i="1" s="1"/>
  <c r="A82979" i="1" s="1"/>
  <c r="A82980" i="1" s="1"/>
  <c r="A82981" i="1" s="1"/>
  <c r="A82982" i="1" s="1"/>
  <c r="A82983" i="1" s="1"/>
  <c r="A82984" i="1" s="1"/>
  <c r="A82985" i="1" s="1"/>
  <c r="A82986" i="1" s="1"/>
  <c r="A82987" i="1" s="1"/>
  <c r="A82988" i="1" s="1"/>
  <c r="A82989" i="1" s="1"/>
  <c r="A82990" i="1" s="1"/>
  <c r="A82991" i="1" s="1"/>
  <c r="A82992" i="1" s="1"/>
  <c r="A82993" i="1" s="1"/>
  <c r="A82994" i="1" s="1"/>
  <c r="A82995" i="1" s="1"/>
  <c r="A82996" i="1" s="1"/>
  <c r="A82997" i="1" s="1"/>
  <c r="A82998" i="1" s="1"/>
  <c r="A82999" i="1" s="1"/>
  <c r="A83000" i="1" s="1"/>
  <c r="A83001" i="1" s="1"/>
  <c r="A83002" i="1" s="1"/>
  <c r="A83003" i="1" s="1"/>
  <c r="A83004" i="1" s="1"/>
  <c r="A83005" i="1" s="1"/>
  <c r="A83006" i="1" s="1"/>
  <c r="A83007" i="1" s="1"/>
  <c r="A83008" i="1" s="1"/>
  <c r="A83009" i="1" s="1"/>
  <c r="A83010" i="1" s="1"/>
  <c r="A83011" i="1" s="1"/>
  <c r="A83012" i="1" s="1"/>
  <c r="A83013" i="1" s="1"/>
  <c r="A83014" i="1" s="1"/>
  <c r="A83015" i="1" s="1"/>
  <c r="A83016" i="1" s="1"/>
  <c r="A83017" i="1" s="1"/>
  <c r="A83018" i="1" s="1"/>
  <c r="A83019" i="1" s="1"/>
  <c r="A83020" i="1" s="1"/>
  <c r="A83021" i="1" s="1"/>
  <c r="A83022" i="1" s="1"/>
  <c r="A83023" i="1" s="1"/>
  <c r="A83024" i="1" s="1"/>
  <c r="A83025" i="1" s="1"/>
  <c r="A83026" i="1" s="1"/>
  <c r="A83027" i="1" s="1"/>
  <c r="A83028" i="1" s="1"/>
  <c r="A83029" i="1" s="1"/>
  <c r="A83030" i="1" s="1"/>
  <c r="A83031" i="1" s="1"/>
  <c r="A83032" i="1" s="1"/>
  <c r="A83033" i="1" s="1"/>
  <c r="A83034" i="1" s="1"/>
  <c r="A83035" i="1" s="1"/>
  <c r="A83036" i="1" s="1"/>
  <c r="A83037" i="1" s="1"/>
  <c r="A83038" i="1" s="1"/>
  <c r="A83039" i="1" s="1"/>
  <c r="A83040" i="1" s="1"/>
  <c r="A83041" i="1" s="1"/>
  <c r="A83042" i="1" s="1"/>
  <c r="A83043" i="1" s="1"/>
  <c r="A83044" i="1" s="1"/>
  <c r="A83045" i="1" s="1"/>
  <c r="A83046" i="1" s="1"/>
  <c r="A83047" i="1" s="1"/>
  <c r="A83048" i="1" s="1"/>
  <c r="A83049" i="1" s="1"/>
  <c r="A83050" i="1" s="1"/>
  <c r="A83051" i="1" s="1"/>
  <c r="A83052" i="1" s="1"/>
  <c r="A83053" i="1" s="1"/>
  <c r="A83054" i="1" s="1"/>
  <c r="A83055" i="1" s="1"/>
  <c r="A83056" i="1" s="1"/>
  <c r="A83057" i="1" s="1"/>
  <c r="A83058" i="1" s="1"/>
  <c r="A83059" i="1" s="1"/>
  <c r="A83060" i="1" s="1"/>
  <c r="A83061" i="1" s="1"/>
  <c r="A83062" i="1" s="1"/>
  <c r="A83063" i="1" s="1"/>
  <c r="A83064" i="1" s="1"/>
  <c r="A83065" i="1" s="1"/>
  <c r="A83066" i="1" s="1"/>
  <c r="A83067" i="1" s="1"/>
  <c r="A83068" i="1" s="1"/>
  <c r="A83069" i="1" s="1"/>
  <c r="A83070" i="1" s="1"/>
  <c r="A83071" i="1" s="1"/>
  <c r="A83072" i="1" s="1"/>
  <c r="A83073" i="1" s="1"/>
  <c r="A83074" i="1" s="1"/>
  <c r="A83075" i="1" s="1"/>
  <c r="A83076" i="1" s="1"/>
  <c r="A83077" i="1" s="1"/>
  <c r="A83078" i="1" s="1"/>
  <c r="A83079" i="1" s="1"/>
  <c r="A83080" i="1" s="1"/>
  <c r="A83081" i="1" s="1"/>
  <c r="A83082" i="1" s="1"/>
  <c r="A83083" i="1" s="1"/>
  <c r="A83084" i="1" s="1"/>
  <c r="A83085" i="1" s="1"/>
  <c r="A83086" i="1" s="1"/>
  <c r="A83087" i="1" s="1"/>
  <c r="A83088" i="1" s="1"/>
  <c r="A83089" i="1" s="1"/>
  <c r="A83090" i="1" s="1"/>
  <c r="A83091" i="1" s="1"/>
  <c r="A83092" i="1" s="1"/>
  <c r="A83093" i="1" s="1"/>
  <c r="A83094" i="1" s="1"/>
  <c r="A83095" i="1" s="1"/>
  <c r="A83096" i="1" s="1"/>
  <c r="A83097" i="1" s="1"/>
  <c r="A83098" i="1" s="1"/>
  <c r="A83099" i="1" s="1"/>
  <c r="A83100" i="1" s="1"/>
  <c r="A83101" i="1" s="1"/>
  <c r="A83102" i="1" s="1"/>
  <c r="A83103" i="1" s="1"/>
  <c r="A83104" i="1" s="1"/>
  <c r="A83105" i="1" s="1"/>
  <c r="A83106" i="1" s="1"/>
  <c r="A83107" i="1" s="1"/>
  <c r="A83108" i="1" s="1"/>
  <c r="A83109" i="1" s="1"/>
  <c r="A83110" i="1" s="1"/>
  <c r="A83111" i="1" s="1"/>
  <c r="A83112" i="1" s="1"/>
  <c r="A83113" i="1" s="1"/>
  <c r="A83114" i="1" s="1"/>
  <c r="A83115" i="1" s="1"/>
  <c r="A83116" i="1" s="1"/>
  <c r="A83117" i="1" s="1"/>
  <c r="A83118" i="1" s="1"/>
  <c r="A83119" i="1" s="1"/>
  <c r="A83120" i="1" s="1"/>
  <c r="A83121" i="1" s="1"/>
  <c r="A83122" i="1" s="1"/>
  <c r="A83123" i="1" s="1"/>
  <c r="A83124" i="1" s="1"/>
  <c r="A83125" i="1" s="1"/>
  <c r="A83126" i="1" s="1"/>
  <c r="A83127" i="1" s="1"/>
  <c r="A83128" i="1" s="1"/>
  <c r="A83129" i="1" s="1"/>
  <c r="A83130" i="1" s="1"/>
  <c r="A83131" i="1" s="1"/>
  <c r="A83132" i="1" s="1"/>
  <c r="A83133" i="1" s="1"/>
  <c r="A83134" i="1" s="1"/>
  <c r="A83135" i="1" s="1"/>
  <c r="A83136" i="1" s="1"/>
  <c r="A83137" i="1" s="1"/>
  <c r="A83138" i="1" s="1"/>
  <c r="A83139" i="1" s="1"/>
  <c r="A83140" i="1" s="1"/>
  <c r="A83141" i="1" s="1"/>
  <c r="A83142" i="1" s="1"/>
  <c r="A83143" i="1" s="1"/>
  <c r="A83144" i="1" s="1"/>
  <c r="A83145" i="1" s="1"/>
  <c r="A83146" i="1" s="1"/>
  <c r="A83147" i="1" s="1"/>
  <c r="A83148" i="1" s="1"/>
  <c r="A83149" i="1" s="1"/>
  <c r="A83150" i="1" s="1"/>
  <c r="A83151" i="1" s="1"/>
  <c r="A83152" i="1" s="1"/>
  <c r="A83153" i="1" s="1"/>
  <c r="A83154" i="1" s="1"/>
  <c r="A83155" i="1" s="1"/>
  <c r="A83156" i="1" s="1"/>
  <c r="A83157" i="1" s="1"/>
  <c r="A83158" i="1" s="1"/>
  <c r="A83159" i="1" s="1"/>
  <c r="A83160" i="1" s="1"/>
  <c r="A83161" i="1" s="1"/>
  <c r="A83162" i="1" s="1"/>
  <c r="A83163" i="1" s="1"/>
  <c r="A83164" i="1" s="1"/>
  <c r="A83165" i="1" s="1"/>
  <c r="A83166" i="1" s="1"/>
  <c r="A83167" i="1" s="1"/>
  <c r="A83168" i="1" s="1"/>
  <c r="A83169" i="1" s="1"/>
  <c r="A83170" i="1" s="1"/>
  <c r="A83171" i="1" s="1"/>
  <c r="A83172" i="1" s="1"/>
  <c r="A83173" i="1" s="1"/>
  <c r="A83174" i="1" s="1"/>
  <c r="A83175" i="1" s="1"/>
  <c r="A83176" i="1" s="1"/>
  <c r="A83177" i="1" s="1"/>
  <c r="A83178" i="1" s="1"/>
  <c r="A83179" i="1" s="1"/>
  <c r="A83180" i="1" s="1"/>
  <c r="A83181" i="1" s="1"/>
  <c r="A83182" i="1" s="1"/>
  <c r="A83183" i="1" s="1"/>
  <c r="A83184" i="1" s="1"/>
  <c r="A83185" i="1" s="1"/>
  <c r="A83186" i="1" s="1"/>
  <c r="A83187" i="1" s="1"/>
  <c r="A83188" i="1" s="1"/>
  <c r="A83189" i="1" s="1"/>
  <c r="A83190" i="1" s="1"/>
  <c r="A83191" i="1" s="1"/>
  <c r="A83192" i="1" s="1"/>
  <c r="A83193" i="1" s="1"/>
  <c r="A83194" i="1" s="1"/>
  <c r="A83195" i="1" s="1"/>
  <c r="A83196" i="1" s="1"/>
  <c r="A83197" i="1" s="1"/>
  <c r="A83198" i="1" s="1"/>
  <c r="A83199" i="1" s="1"/>
  <c r="A83200" i="1" s="1"/>
  <c r="A83201" i="1" s="1"/>
  <c r="A83202" i="1" s="1"/>
  <c r="A83203" i="1" s="1"/>
  <c r="A83204" i="1" s="1"/>
  <c r="A83205" i="1" s="1"/>
  <c r="A83206" i="1" s="1"/>
  <c r="A83207" i="1" s="1"/>
  <c r="A83208" i="1" s="1"/>
  <c r="A83209" i="1" s="1"/>
  <c r="A83210" i="1" s="1"/>
  <c r="A83211" i="1" s="1"/>
  <c r="A83212" i="1" s="1"/>
  <c r="A83213" i="1" s="1"/>
  <c r="A83214" i="1" s="1"/>
  <c r="A83215" i="1" s="1"/>
  <c r="A83216" i="1" s="1"/>
  <c r="A83217" i="1" s="1"/>
  <c r="A83218" i="1" s="1"/>
  <c r="A83219" i="1" s="1"/>
  <c r="A83220" i="1" s="1"/>
  <c r="A83221" i="1" s="1"/>
  <c r="A83222" i="1" s="1"/>
  <c r="A83223" i="1" s="1"/>
  <c r="A83224" i="1" s="1"/>
  <c r="A83225" i="1" s="1"/>
  <c r="A83226" i="1" s="1"/>
  <c r="A83227" i="1" s="1"/>
  <c r="A83228" i="1" s="1"/>
  <c r="A83229" i="1" s="1"/>
  <c r="A83230" i="1" s="1"/>
  <c r="A83231" i="1" s="1"/>
  <c r="A83232" i="1" s="1"/>
  <c r="A83233" i="1" s="1"/>
  <c r="A83234" i="1" s="1"/>
  <c r="A83235" i="1" s="1"/>
  <c r="A83236" i="1" s="1"/>
  <c r="A83237" i="1" s="1"/>
  <c r="A83238" i="1" s="1"/>
  <c r="A83239" i="1" s="1"/>
  <c r="A83240" i="1" s="1"/>
  <c r="A83241" i="1" s="1"/>
  <c r="A83242" i="1" s="1"/>
  <c r="A83243" i="1" s="1"/>
  <c r="A83244" i="1" s="1"/>
  <c r="A83245" i="1" s="1"/>
  <c r="A83246" i="1" s="1"/>
  <c r="A83247" i="1" s="1"/>
  <c r="A83248" i="1" s="1"/>
  <c r="A83249" i="1" s="1"/>
  <c r="A83250" i="1" s="1"/>
  <c r="A83251" i="1" s="1"/>
  <c r="A83252" i="1" s="1"/>
  <c r="A83253" i="1" s="1"/>
  <c r="A83254" i="1" s="1"/>
  <c r="A83255" i="1" s="1"/>
  <c r="A83256" i="1" s="1"/>
  <c r="A83257" i="1" s="1"/>
  <c r="A83258" i="1" s="1"/>
  <c r="A83259" i="1" s="1"/>
  <c r="A83260" i="1" s="1"/>
  <c r="A83261" i="1" s="1"/>
  <c r="A83262" i="1" s="1"/>
  <c r="A83263" i="1" s="1"/>
  <c r="A83264" i="1" s="1"/>
  <c r="A83265" i="1" s="1"/>
  <c r="A83266" i="1" s="1"/>
  <c r="A83267" i="1" s="1"/>
  <c r="A83268" i="1" s="1"/>
  <c r="A83269" i="1" s="1"/>
  <c r="A83270" i="1" s="1"/>
  <c r="A83271" i="1" s="1"/>
  <c r="A83272" i="1" s="1"/>
  <c r="A83273" i="1" s="1"/>
  <c r="A83274" i="1" s="1"/>
  <c r="A83275" i="1" s="1"/>
  <c r="A83276" i="1" s="1"/>
  <c r="A83277" i="1" s="1"/>
  <c r="A83278" i="1" s="1"/>
  <c r="A83279" i="1" s="1"/>
  <c r="A83280" i="1" s="1"/>
  <c r="A83281" i="1" s="1"/>
  <c r="A83282" i="1" s="1"/>
  <c r="A83283" i="1" s="1"/>
  <c r="A83284" i="1" s="1"/>
  <c r="A83285" i="1" s="1"/>
  <c r="A83286" i="1" s="1"/>
  <c r="A83287" i="1" s="1"/>
  <c r="A83288" i="1" s="1"/>
  <c r="A83289" i="1" s="1"/>
  <c r="A83290" i="1" s="1"/>
  <c r="A83291" i="1" s="1"/>
  <c r="A83292" i="1" s="1"/>
  <c r="A83293" i="1" s="1"/>
  <c r="A83294" i="1" s="1"/>
  <c r="A83295" i="1" s="1"/>
  <c r="A83296" i="1" s="1"/>
  <c r="A83297" i="1" s="1"/>
  <c r="A83298" i="1" s="1"/>
  <c r="A83299" i="1" s="1"/>
  <c r="A83300" i="1" s="1"/>
  <c r="A83301" i="1" s="1"/>
  <c r="A83302" i="1" s="1"/>
  <c r="A83303" i="1" s="1"/>
  <c r="A83304" i="1" s="1"/>
  <c r="A83305" i="1" s="1"/>
  <c r="A83306" i="1" s="1"/>
  <c r="A83307" i="1" s="1"/>
  <c r="A83308" i="1" s="1"/>
  <c r="A83309" i="1" s="1"/>
  <c r="A83310" i="1" s="1"/>
  <c r="A83311" i="1" s="1"/>
  <c r="A83312" i="1" s="1"/>
  <c r="A83313" i="1" s="1"/>
  <c r="A83314" i="1" s="1"/>
  <c r="A83315" i="1" s="1"/>
  <c r="A83316" i="1" s="1"/>
  <c r="A83317" i="1" s="1"/>
  <c r="A83318" i="1" s="1"/>
  <c r="A83319" i="1" s="1"/>
  <c r="A83320" i="1" s="1"/>
  <c r="A83321" i="1" s="1"/>
  <c r="A83322" i="1" s="1"/>
  <c r="A83323" i="1" s="1"/>
  <c r="A83324" i="1" s="1"/>
  <c r="A83325" i="1" s="1"/>
  <c r="A83326" i="1" s="1"/>
  <c r="A83327" i="1" s="1"/>
  <c r="A83328" i="1" s="1"/>
  <c r="A83329" i="1" s="1"/>
  <c r="A83330" i="1" s="1"/>
  <c r="A83331" i="1" s="1"/>
  <c r="A83332" i="1" s="1"/>
  <c r="A83333" i="1" s="1"/>
  <c r="A83334" i="1" s="1"/>
  <c r="A83335" i="1" s="1"/>
  <c r="A83336" i="1" s="1"/>
  <c r="A83337" i="1" s="1"/>
  <c r="A83338" i="1" s="1"/>
  <c r="A83339" i="1" s="1"/>
  <c r="A83340" i="1" s="1"/>
  <c r="A83341" i="1" s="1"/>
  <c r="A83342" i="1" s="1"/>
  <c r="A83343" i="1" s="1"/>
  <c r="A83344" i="1" s="1"/>
  <c r="A83345" i="1" s="1"/>
  <c r="A83346" i="1" s="1"/>
  <c r="A83347" i="1" s="1"/>
  <c r="A83348" i="1" s="1"/>
  <c r="A83349" i="1" s="1"/>
  <c r="A83350" i="1" s="1"/>
  <c r="A83351" i="1" s="1"/>
  <c r="A83352" i="1" s="1"/>
  <c r="A83353" i="1" s="1"/>
  <c r="A83354" i="1" s="1"/>
  <c r="A83355" i="1" s="1"/>
  <c r="A83356" i="1" s="1"/>
  <c r="A83357" i="1" s="1"/>
  <c r="A83358" i="1" s="1"/>
  <c r="A83359" i="1" s="1"/>
  <c r="A83360" i="1" s="1"/>
  <c r="A83361" i="1" s="1"/>
  <c r="A83362" i="1" s="1"/>
  <c r="A83363" i="1" s="1"/>
  <c r="A83364" i="1" s="1"/>
  <c r="A83365" i="1" s="1"/>
  <c r="A83366" i="1" s="1"/>
  <c r="A83367" i="1" s="1"/>
  <c r="A83368" i="1" s="1"/>
  <c r="A83369" i="1" s="1"/>
  <c r="A83370" i="1" s="1"/>
  <c r="A83371" i="1" s="1"/>
  <c r="A83372" i="1" s="1"/>
  <c r="A83373" i="1" s="1"/>
  <c r="A83374" i="1" s="1"/>
  <c r="A83375" i="1" s="1"/>
  <c r="A83376" i="1" s="1"/>
  <c r="A83377" i="1" s="1"/>
  <c r="A83378" i="1" s="1"/>
  <c r="A83379" i="1" s="1"/>
  <c r="A83380" i="1" s="1"/>
  <c r="A83381" i="1" s="1"/>
  <c r="A83382" i="1" s="1"/>
  <c r="A83383" i="1" s="1"/>
  <c r="A83384" i="1" s="1"/>
  <c r="A83385" i="1" s="1"/>
  <c r="A83386" i="1" s="1"/>
  <c r="A83387" i="1" s="1"/>
  <c r="A83388" i="1" s="1"/>
  <c r="A83389" i="1" s="1"/>
  <c r="A83390" i="1" s="1"/>
  <c r="A83391" i="1" s="1"/>
  <c r="A83392" i="1" s="1"/>
  <c r="A83393" i="1" s="1"/>
  <c r="A83394" i="1" s="1"/>
  <c r="A83395" i="1" s="1"/>
  <c r="A83396" i="1" s="1"/>
  <c r="A83397" i="1" s="1"/>
  <c r="A83398" i="1" s="1"/>
  <c r="A83399" i="1" s="1"/>
  <c r="A83400" i="1" s="1"/>
  <c r="A83401" i="1" s="1"/>
  <c r="A83402" i="1" s="1"/>
  <c r="A83403" i="1" s="1"/>
  <c r="A83404" i="1" s="1"/>
  <c r="A83405" i="1" s="1"/>
  <c r="A83406" i="1" s="1"/>
  <c r="A83407" i="1" s="1"/>
  <c r="A83408" i="1" s="1"/>
  <c r="A83409" i="1" s="1"/>
  <c r="A83410" i="1" s="1"/>
  <c r="A83411" i="1" s="1"/>
  <c r="A83412" i="1" s="1"/>
  <c r="A83413" i="1" s="1"/>
  <c r="A83414" i="1" s="1"/>
  <c r="A83415" i="1" s="1"/>
  <c r="A83416" i="1" s="1"/>
  <c r="A83417" i="1" s="1"/>
  <c r="A83418" i="1" s="1"/>
  <c r="A83419" i="1" s="1"/>
  <c r="A83420" i="1" s="1"/>
  <c r="A83421" i="1" s="1"/>
  <c r="A83422" i="1" s="1"/>
  <c r="A83423" i="1" s="1"/>
  <c r="A83424" i="1" s="1"/>
  <c r="A83425" i="1" s="1"/>
  <c r="A83426" i="1" s="1"/>
  <c r="A83427" i="1" s="1"/>
  <c r="A83428" i="1" s="1"/>
  <c r="A83429" i="1" s="1"/>
  <c r="A83430" i="1" s="1"/>
  <c r="A83431" i="1" s="1"/>
  <c r="A83432" i="1" s="1"/>
  <c r="A83433" i="1" s="1"/>
  <c r="A83434" i="1" s="1"/>
  <c r="A83435" i="1" s="1"/>
  <c r="A83436" i="1" s="1"/>
  <c r="A83437" i="1" s="1"/>
  <c r="A83438" i="1" s="1"/>
  <c r="A83439" i="1" s="1"/>
  <c r="A83440" i="1" s="1"/>
  <c r="A83441" i="1" s="1"/>
  <c r="A83442" i="1" s="1"/>
  <c r="A83443" i="1" s="1"/>
  <c r="A83444" i="1" s="1"/>
  <c r="A83445" i="1" s="1"/>
  <c r="A83446" i="1" s="1"/>
  <c r="A83447" i="1" s="1"/>
  <c r="A83448" i="1" s="1"/>
  <c r="A83449" i="1" s="1"/>
  <c r="A83450" i="1" s="1"/>
  <c r="A83451" i="1" s="1"/>
  <c r="A83452" i="1" s="1"/>
  <c r="A83453" i="1" s="1"/>
  <c r="A83454" i="1" s="1"/>
  <c r="A83455" i="1" s="1"/>
  <c r="A83456" i="1" s="1"/>
  <c r="A83457" i="1" s="1"/>
  <c r="A83458" i="1" s="1"/>
  <c r="A83459" i="1" s="1"/>
  <c r="A83460" i="1" s="1"/>
  <c r="A83461" i="1" s="1"/>
  <c r="A83462" i="1" s="1"/>
  <c r="A83463" i="1" s="1"/>
  <c r="A83464" i="1" s="1"/>
  <c r="A83465" i="1" s="1"/>
  <c r="A83466" i="1" s="1"/>
  <c r="A83467" i="1" s="1"/>
  <c r="A83468" i="1" s="1"/>
  <c r="A83469" i="1" s="1"/>
  <c r="A83470" i="1" s="1"/>
  <c r="A83471" i="1" s="1"/>
  <c r="A83472" i="1" s="1"/>
  <c r="A83473" i="1" s="1"/>
  <c r="A83474" i="1" s="1"/>
  <c r="A83475" i="1" s="1"/>
  <c r="A83476" i="1" s="1"/>
  <c r="A83477" i="1" s="1"/>
  <c r="A83478" i="1" s="1"/>
  <c r="A83479" i="1" s="1"/>
  <c r="A83480" i="1" s="1"/>
  <c r="A83481" i="1" s="1"/>
  <c r="A83482" i="1" s="1"/>
  <c r="A83483" i="1" s="1"/>
  <c r="A83484" i="1" s="1"/>
  <c r="A83485" i="1" s="1"/>
  <c r="A83486" i="1" s="1"/>
  <c r="A83487" i="1" s="1"/>
  <c r="A83488" i="1" s="1"/>
  <c r="A83489" i="1" s="1"/>
  <c r="A83490" i="1" s="1"/>
  <c r="A83491" i="1" s="1"/>
  <c r="A83492" i="1" s="1"/>
  <c r="A83493" i="1" s="1"/>
  <c r="A83494" i="1" s="1"/>
  <c r="A83495" i="1" s="1"/>
  <c r="A83496" i="1" s="1"/>
  <c r="A83497" i="1" s="1"/>
  <c r="A83498" i="1" s="1"/>
  <c r="A83499" i="1" s="1"/>
  <c r="A83500" i="1" s="1"/>
  <c r="A83501" i="1" s="1"/>
  <c r="A83502" i="1" s="1"/>
  <c r="A83503" i="1" s="1"/>
  <c r="A83504" i="1" s="1"/>
  <c r="A83505" i="1" s="1"/>
  <c r="A83506" i="1" s="1"/>
  <c r="A83507" i="1" s="1"/>
  <c r="A83508" i="1" s="1"/>
  <c r="A83509" i="1" s="1"/>
  <c r="A83510" i="1" s="1"/>
  <c r="A83511" i="1" s="1"/>
  <c r="A83512" i="1" s="1"/>
  <c r="A83513" i="1" s="1"/>
  <c r="A83514" i="1" s="1"/>
  <c r="A83515" i="1" s="1"/>
  <c r="A83516" i="1" s="1"/>
  <c r="A83517" i="1" s="1"/>
  <c r="A83518" i="1" s="1"/>
  <c r="A83519" i="1" s="1"/>
  <c r="A83520" i="1" s="1"/>
  <c r="A83521" i="1" s="1"/>
  <c r="A83522" i="1" s="1"/>
  <c r="A83523" i="1" s="1"/>
  <c r="A83524" i="1" s="1"/>
  <c r="A83525" i="1" s="1"/>
  <c r="A83526" i="1" s="1"/>
  <c r="A83527" i="1" s="1"/>
  <c r="A83528" i="1" s="1"/>
  <c r="A83529" i="1" s="1"/>
  <c r="A83530" i="1" s="1"/>
  <c r="A83531" i="1" s="1"/>
  <c r="A83532" i="1" s="1"/>
  <c r="A83533" i="1" s="1"/>
  <c r="A83534" i="1" s="1"/>
  <c r="A83535" i="1" s="1"/>
  <c r="A83536" i="1" s="1"/>
  <c r="A83537" i="1" s="1"/>
  <c r="A83538" i="1" s="1"/>
  <c r="A83539" i="1" s="1"/>
  <c r="A83540" i="1" s="1"/>
  <c r="A83541" i="1" s="1"/>
  <c r="A83542" i="1" s="1"/>
  <c r="A83543" i="1" s="1"/>
  <c r="A83544" i="1" s="1"/>
  <c r="A83545" i="1" s="1"/>
  <c r="A83546" i="1" s="1"/>
  <c r="A83547" i="1" s="1"/>
  <c r="A83548" i="1" s="1"/>
  <c r="A83549" i="1" s="1"/>
  <c r="A83550" i="1" s="1"/>
  <c r="A83551" i="1" s="1"/>
  <c r="A83552" i="1" s="1"/>
  <c r="A83553" i="1" s="1"/>
  <c r="A83554" i="1" s="1"/>
  <c r="A83555" i="1" s="1"/>
  <c r="A83556" i="1" s="1"/>
  <c r="A83557" i="1" s="1"/>
  <c r="A83558" i="1" s="1"/>
  <c r="A83559" i="1" s="1"/>
  <c r="A83560" i="1" s="1"/>
  <c r="A83561" i="1" s="1"/>
  <c r="A83562" i="1" s="1"/>
  <c r="A83563" i="1" s="1"/>
  <c r="A83564" i="1" s="1"/>
  <c r="A83565" i="1" s="1"/>
  <c r="A83566" i="1" s="1"/>
  <c r="A83567" i="1" s="1"/>
  <c r="A83568" i="1" s="1"/>
  <c r="A83569" i="1" s="1"/>
  <c r="A83570" i="1" s="1"/>
  <c r="A83571" i="1" s="1"/>
  <c r="A83572" i="1" s="1"/>
  <c r="A83573" i="1" s="1"/>
  <c r="A83574" i="1" s="1"/>
  <c r="A83575" i="1" s="1"/>
  <c r="A83576" i="1" s="1"/>
  <c r="A83577" i="1" s="1"/>
  <c r="A83578" i="1" s="1"/>
  <c r="A83579" i="1" s="1"/>
  <c r="A83580" i="1" s="1"/>
  <c r="A83581" i="1" s="1"/>
  <c r="A83582" i="1" s="1"/>
  <c r="A83583" i="1" s="1"/>
  <c r="A83584" i="1" s="1"/>
  <c r="A83585" i="1" s="1"/>
  <c r="A83586" i="1" s="1"/>
  <c r="A83587" i="1" s="1"/>
  <c r="A83588" i="1" s="1"/>
  <c r="A83589" i="1" s="1"/>
  <c r="A83590" i="1" s="1"/>
  <c r="A83591" i="1" s="1"/>
  <c r="A83592" i="1" s="1"/>
  <c r="A83593" i="1" s="1"/>
  <c r="A83594" i="1" s="1"/>
  <c r="A83595" i="1" s="1"/>
  <c r="A83596" i="1" s="1"/>
  <c r="A83597" i="1" s="1"/>
  <c r="A83598" i="1" s="1"/>
  <c r="A83599" i="1" s="1"/>
  <c r="A83600" i="1" s="1"/>
  <c r="A83601" i="1" s="1"/>
  <c r="A83602" i="1" s="1"/>
  <c r="A83603" i="1" s="1"/>
  <c r="A83604" i="1" s="1"/>
  <c r="A83605" i="1" s="1"/>
  <c r="A83606" i="1" s="1"/>
  <c r="A83607" i="1" s="1"/>
  <c r="A83608" i="1" s="1"/>
  <c r="A83609" i="1" s="1"/>
  <c r="A83610" i="1" s="1"/>
  <c r="A83611" i="1" s="1"/>
  <c r="A83612" i="1" s="1"/>
  <c r="A83613" i="1" s="1"/>
  <c r="A83614" i="1" s="1"/>
  <c r="A83615" i="1" s="1"/>
  <c r="A83616" i="1" s="1"/>
  <c r="A83617" i="1" s="1"/>
  <c r="A83618" i="1" s="1"/>
  <c r="A83619" i="1" s="1"/>
  <c r="A83620" i="1" s="1"/>
  <c r="A83621" i="1" s="1"/>
  <c r="A83622" i="1" s="1"/>
  <c r="A83623" i="1" s="1"/>
  <c r="A83624" i="1" s="1"/>
  <c r="A83625" i="1" s="1"/>
  <c r="A83626" i="1" s="1"/>
  <c r="A83627" i="1" s="1"/>
  <c r="A83628" i="1" s="1"/>
  <c r="A83629" i="1" s="1"/>
  <c r="A83630" i="1" s="1"/>
  <c r="A83631" i="1" s="1"/>
  <c r="A83632" i="1" s="1"/>
  <c r="A83633" i="1" s="1"/>
  <c r="A83634" i="1" s="1"/>
  <c r="A83635" i="1" s="1"/>
  <c r="A83636" i="1" s="1"/>
  <c r="A83637" i="1" s="1"/>
  <c r="A83638" i="1" s="1"/>
  <c r="A83639" i="1" s="1"/>
  <c r="A83640" i="1" s="1"/>
  <c r="A83641" i="1" s="1"/>
  <c r="A83642" i="1" s="1"/>
  <c r="A83643" i="1" s="1"/>
  <c r="A83644" i="1" s="1"/>
  <c r="A83645" i="1" s="1"/>
  <c r="A83646" i="1" s="1"/>
  <c r="A83647" i="1" s="1"/>
  <c r="A83648" i="1" s="1"/>
  <c r="A83649" i="1" s="1"/>
  <c r="A83650" i="1" s="1"/>
  <c r="A83651" i="1" s="1"/>
  <c r="A83652" i="1" s="1"/>
  <c r="A83653" i="1" s="1"/>
  <c r="A83654" i="1" s="1"/>
  <c r="A83655" i="1" s="1"/>
  <c r="A83656" i="1" s="1"/>
  <c r="A83657" i="1" s="1"/>
  <c r="A83658" i="1" s="1"/>
  <c r="A83659" i="1" s="1"/>
  <c r="A83660" i="1" s="1"/>
  <c r="A83661" i="1" s="1"/>
  <c r="A83662" i="1" s="1"/>
  <c r="A83663" i="1" s="1"/>
  <c r="A83664" i="1" s="1"/>
  <c r="A83665" i="1" s="1"/>
  <c r="A83666" i="1" s="1"/>
  <c r="A83667" i="1" s="1"/>
  <c r="A83668" i="1" s="1"/>
  <c r="A83669" i="1" s="1"/>
  <c r="A83670" i="1" s="1"/>
  <c r="A83671" i="1" s="1"/>
  <c r="A83672" i="1" s="1"/>
  <c r="A83673" i="1" s="1"/>
  <c r="A83674" i="1" s="1"/>
  <c r="A83675" i="1" s="1"/>
  <c r="A83676" i="1" s="1"/>
  <c r="A83677" i="1" s="1"/>
  <c r="A83678" i="1" s="1"/>
  <c r="A83679" i="1" s="1"/>
  <c r="A83680" i="1" s="1"/>
  <c r="A83681" i="1" s="1"/>
  <c r="A83682" i="1" s="1"/>
  <c r="A83683" i="1" s="1"/>
  <c r="A83684" i="1" s="1"/>
  <c r="A83685" i="1" s="1"/>
  <c r="A83686" i="1" s="1"/>
  <c r="A83687" i="1" s="1"/>
  <c r="A83688" i="1" s="1"/>
  <c r="A83689" i="1" s="1"/>
  <c r="A83690" i="1" s="1"/>
  <c r="A83691" i="1" s="1"/>
  <c r="A83692" i="1" s="1"/>
  <c r="A83693" i="1" s="1"/>
  <c r="A83694" i="1" s="1"/>
  <c r="A83695" i="1" s="1"/>
  <c r="A83696" i="1" s="1"/>
  <c r="A83697" i="1" s="1"/>
  <c r="A83698" i="1" s="1"/>
  <c r="A83699" i="1" s="1"/>
  <c r="A83700" i="1" s="1"/>
  <c r="A83701" i="1" s="1"/>
  <c r="A83702" i="1" s="1"/>
  <c r="A83703" i="1" s="1"/>
  <c r="A83704" i="1" s="1"/>
  <c r="A83705" i="1" s="1"/>
  <c r="A83706" i="1" s="1"/>
  <c r="A83707" i="1" s="1"/>
  <c r="A83708" i="1" s="1"/>
  <c r="A83709" i="1" s="1"/>
  <c r="A83710" i="1" s="1"/>
  <c r="A83711" i="1" s="1"/>
  <c r="A83712" i="1" s="1"/>
  <c r="A83713" i="1" s="1"/>
  <c r="A83714" i="1" s="1"/>
  <c r="A83715" i="1" s="1"/>
  <c r="A83716" i="1" s="1"/>
  <c r="A83717" i="1" s="1"/>
  <c r="A83718" i="1" s="1"/>
  <c r="A83719" i="1" s="1"/>
  <c r="A83720" i="1" s="1"/>
  <c r="A83721" i="1" s="1"/>
  <c r="A83722" i="1" s="1"/>
  <c r="A83723" i="1" s="1"/>
  <c r="A83724" i="1" s="1"/>
  <c r="A83725" i="1" s="1"/>
  <c r="A83726" i="1" s="1"/>
  <c r="A83727" i="1" s="1"/>
  <c r="A83728" i="1" s="1"/>
  <c r="A83729" i="1" s="1"/>
  <c r="A83730" i="1" s="1"/>
  <c r="A83731" i="1" s="1"/>
  <c r="A83732" i="1" s="1"/>
  <c r="A83733" i="1" s="1"/>
  <c r="A83734" i="1" s="1"/>
  <c r="A83735" i="1" s="1"/>
  <c r="A83736" i="1" s="1"/>
  <c r="A83737" i="1" s="1"/>
  <c r="A83738" i="1" s="1"/>
  <c r="A83739" i="1" s="1"/>
  <c r="A83740" i="1" s="1"/>
  <c r="A83741" i="1" s="1"/>
  <c r="A83742" i="1" s="1"/>
  <c r="A83743" i="1" s="1"/>
  <c r="A83744" i="1" s="1"/>
  <c r="A83745" i="1" s="1"/>
  <c r="A83746" i="1" s="1"/>
  <c r="A83747" i="1" s="1"/>
  <c r="A83748" i="1" s="1"/>
  <c r="A83749" i="1" s="1"/>
  <c r="A83750" i="1" s="1"/>
  <c r="A83751" i="1" s="1"/>
  <c r="A83752" i="1" s="1"/>
  <c r="A83753" i="1" s="1"/>
  <c r="A83754" i="1" s="1"/>
  <c r="A83755" i="1" s="1"/>
  <c r="A83756" i="1" s="1"/>
  <c r="A83757" i="1" s="1"/>
  <c r="A83758" i="1" s="1"/>
  <c r="A83759" i="1" s="1"/>
  <c r="A83760" i="1" s="1"/>
  <c r="A83761" i="1" s="1"/>
  <c r="A83762" i="1" s="1"/>
  <c r="A83763" i="1" s="1"/>
  <c r="A83764" i="1" s="1"/>
  <c r="A83765" i="1" s="1"/>
  <c r="A83766" i="1" s="1"/>
  <c r="A83767" i="1" s="1"/>
  <c r="A83768" i="1" s="1"/>
  <c r="A83769" i="1" s="1"/>
  <c r="A83770" i="1" s="1"/>
  <c r="A83771" i="1" s="1"/>
  <c r="A83772" i="1" s="1"/>
  <c r="A83773" i="1" s="1"/>
  <c r="A83774" i="1" s="1"/>
  <c r="A83775" i="1" s="1"/>
  <c r="A83776" i="1" s="1"/>
  <c r="A83777" i="1" s="1"/>
  <c r="A83778" i="1" s="1"/>
  <c r="A83779" i="1" s="1"/>
  <c r="A83780" i="1" s="1"/>
  <c r="A83781" i="1" s="1"/>
  <c r="A83782" i="1" s="1"/>
  <c r="A83783" i="1" s="1"/>
  <c r="A83784" i="1" s="1"/>
  <c r="A83785" i="1" s="1"/>
  <c r="A83786" i="1" s="1"/>
  <c r="A83787" i="1" s="1"/>
  <c r="A83788" i="1" s="1"/>
  <c r="A83789" i="1" s="1"/>
  <c r="A83790" i="1" s="1"/>
  <c r="A83791" i="1" s="1"/>
  <c r="A83792" i="1" s="1"/>
  <c r="A83793" i="1" s="1"/>
  <c r="A83794" i="1" s="1"/>
  <c r="A83795" i="1" s="1"/>
  <c r="A83796" i="1" s="1"/>
  <c r="A83797" i="1" s="1"/>
  <c r="A83798" i="1" s="1"/>
  <c r="A83799" i="1" s="1"/>
  <c r="A83800" i="1" s="1"/>
  <c r="A83801" i="1" s="1"/>
  <c r="A83802" i="1" s="1"/>
  <c r="A83803" i="1" s="1"/>
  <c r="A83804" i="1" s="1"/>
  <c r="A83805" i="1" s="1"/>
  <c r="A83806" i="1" s="1"/>
  <c r="A83807" i="1" s="1"/>
  <c r="A83808" i="1" s="1"/>
  <c r="A83809" i="1" s="1"/>
  <c r="A83810" i="1" s="1"/>
  <c r="A83811" i="1" s="1"/>
  <c r="A83812" i="1" s="1"/>
  <c r="A83813" i="1" s="1"/>
  <c r="A83814" i="1" s="1"/>
  <c r="A83815" i="1" s="1"/>
  <c r="A83816" i="1" s="1"/>
  <c r="A83817" i="1" s="1"/>
  <c r="A83818" i="1" s="1"/>
  <c r="A83819" i="1" s="1"/>
  <c r="A83820" i="1" s="1"/>
  <c r="A83821" i="1" s="1"/>
  <c r="A83822" i="1" s="1"/>
  <c r="A83823" i="1" s="1"/>
  <c r="A83824" i="1" s="1"/>
  <c r="A83825" i="1" s="1"/>
  <c r="A83826" i="1" s="1"/>
  <c r="A83827" i="1" s="1"/>
  <c r="A83828" i="1" s="1"/>
  <c r="A83829" i="1" s="1"/>
  <c r="A83830" i="1" s="1"/>
  <c r="A83831" i="1" s="1"/>
  <c r="A83832" i="1" s="1"/>
  <c r="A83833" i="1" s="1"/>
  <c r="A83834" i="1" s="1"/>
  <c r="A83835" i="1" s="1"/>
  <c r="A83836" i="1" s="1"/>
  <c r="A83837" i="1" s="1"/>
  <c r="A83838" i="1" s="1"/>
  <c r="A83839" i="1" s="1"/>
  <c r="A83840" i="1" s="1"/>
  <c r="A83841" i="1" s="1"/>
  <c r="A83842" i="1" s="1"/>
  <c r="A83843" i="1" s="1"/>
  <c r="A83844" i="1" s="1"/>
  <c r="A83845" i="1" s="1"/>
  <c r="A83846" i="1" s="1"/>
  <c r="A83847" i="1" s="1"/>
  <c r="A83848" i="1" s="1"/>
  <c r="A83849" i="1" s="1"/>
  <c r="A83850" i="1" s="1"/>
  <c r="A83851" i="1" s="1"/>
  <c r="A83852" i="1" s="1"/>
  <c r="A83853" i="1" s="1"/>
  <c r="A83854" i="1" s="1"/>
  <c r="A83855" i="1" s="1"/>
  <c r="A83856" i="1" s="1"/>
  <c r="A83857" i="1" s="1"/>
  <c r="A83858" i="1" s="1"/>
  <c r="A83859" i="1" s="1"/>
  <c r="A83860" i="1" s="1"/>
  <c r="A83861" i="1" s="1"/>
  <c r="A83862" i="1" s="1"/>
  <c r="A83863" i="1" s="1"/>
  <c r="A83864" i="1" s="1"/>
  <c r="A83865" i="1" s="1"/>
  <c r="A83866" i="1" s="1"/>
  <c r="A83867" i="1" s="1"/>
  <c r="A83868" i="1" s="1"/>
  <c r="A83869" i="1" s="1"/>
  <c r="A83870" i="1" s="1"/>
  <c r="A83871" i="1" s="1"/>
  <c r="A83872" i="1" s="1"/>
  <c r="A83873" i="1" s="1"/>
  <c r="A83874" i="1" s="1"/>
  <c r="A83875" i="1" s="1"/>
  <c r="A83876" i="1" s="1"/>
  <c r="A83877" i="1" s="1"/>
  <c r="A83878" i="1" s="1"/>
  <c r="A83879" i="1" s="1"/>
  <c r="A83880" i="1" s="1"/>
  <c r="A83881" i="1" s="1"/>
  <c r="A83882" i="1" s="1"/>
  <c r="A83883" i="1" s="1"/>
  <c r="A83884" i="1" s="1"/>
  <c r="A83885" i="1" s="1"/>
  <c r="A83886" i="1" s="1"/>
  <c r="A83887" i="1" s="1"/>
  <c r="A83888" i="1" s="1"/>
  <c r="A83889" i="1" s="1"/>
  <c r="A83890" i="1" s="1"/>
  <c r="A83891" i="1" s="1"/>
  <c r="A83892" i="1" s="1"/>
  <c r="A83893" i="1" s="1"/>
  <c r="A83894" i="1" s="1"/>
  <c r="A83895" i="1" s="1"/>
  <c r="A83896" i="1" s="1"/>
  <c r="A83897" i="1" s="1"/>
  <c r="A83898" i="1" s="1"/>
  <c r="A83899" i="1" s="1"/>
  <c r="A83900" i="1" s="1"/>
  <c r="A83901" i="1" s="1"/>
  <c r="A83902" i="1" s="1"/>
  <c r="A83903" i="1" s="1"/>
  <c r="A83904" i="1" s="1"/>
  <c r="A83905" i="1" s="1"/>
  <c r="A83906" i="1" s="1"/>
  <c r="A83907" i="1" s="1"/>
  <c r="A83908" i="1" s="1"/>
  <c r="A83909" i="1" s="1"/>
  <c r="A83910" i="1" s="1"/>
  <c r="A83911" i="1" s="1"/>
  <c r="A83912" i="1" s="1"/>
  <c r="A83913" i="1" s="1"/>
  <c r="A83914" i="1" s="1"/>
  <c r="A83915" i="1" s="1"/>
  <c r="A83916" i="1" s="1"/>
  <c r="A83917" i="1" s="1"/>
  <c r="A83918" i="1" s="1"/>
  <c r="A83919" i="1" s="1"/>
  <c r="A83920" i="1" s="1"/>
  <c r="A83921" i="1" s="1"/>
  <c r="A83922" i="1" s="1"/>
  <c r="A83923" i="1" s="1"/>
  <c r="A83924" i="1" s="1"/>
  <c r="A83925" i="1" s="1"/>
  <c r="A83926" i="1" s="1"/>
  <c r="A83927" i="1" s="1"/>
  <c r="A83928" i="1" s="1"/>
  <c r="A83929" i="1" s="1"/>
  <c r="A83930" i="1" s="1"/>
  <c r="A83931" i="1" s="1"/>
  <c r="A83932" i="1" s="1"/>
  <c r="A83933" i="1" s="1"/>
  <c r="A83934" i="1" s="1"/>
  <c r="A83935" i="1" s="1"/>
  <c r="A83936" i="1" s="1"/>
  <c r="A83937" i="1" s="1"/>
  <c r="A83938" i="1" s="1"/>
  <c r="A83939" i="1" s="1"/>
  <c r="A83940" i="1" s="1"/>
  <c r="A83941" i="1" s="1"/>
  <c r="A83942" i="1" s="1"/>
  <c r="A83943" i="1" s="1"/>
  <c r="A83944" i="1" s="1"/>
  <c r="A83945" i="1" s="1"/>
  <c r="A83946" i="1" s="1"/>
  <c r="A83947" i="1" s="1"/>
  <c r="A83948" i="1" s="1"/>
  <c r="A83949" i="1" s="1"/>
  <c r="A83950" i="1" s="1"/>
  <c r="A83951" i="1" s="1"/>
  <c r="A83952" i="1" s="1"/>
  <c r="A83953" i="1" s="1"/>
  <c r="A83954" i="1" s="1"/>
  <c r="A83955" i="1" s="1"/>
  <c r="A83956" i="1" s="1"/>
  <c r="A83957" i="1" s="1"/>
  <c r="A83958" i="1" s="1"/>
  <c r="A83959" i="1" s="1"/>
  <c r="A83960" i="1" s="1"/>
  <c r="A83961" i="1" s="1"/>
  <c r="A83962" i="1" s="1"/>
  <c r="A83963" i="1" s="1"/>
  <c r="A83964" i="1" s="1"/>
  <c r="A83965" i="1" s="1"/>
  <c r="A83966" i="1" s="1"/>
  <c r="A83967" i="1" s="1"/>
  <c r="A83968" i="1" s="1"/>
  <c r="A83969" i="1" s="1"/>
  <c r="A83970" i="1" s="1"/>
  <c r="A83971" i="1" s="1"/>
  <c r="A83972" i="1" s="1"/>
  <c r="A83973" i="1" s="1"/>
  <c r="A83974" i="1" s="1"/>
  <c r="A83975" i="1" s="1"/>
  <c r="A83976" i="1" s="1"/>
  <c r="A83977" i="1" s="1"/>
  <c r="A83978" i="1" s="1"/>
  <c r="A83979" i="1" s="1"/>
  <c r="A83980" i="1" s="1"/>
  <c r="A83981" i="1" s="1"/>
  <c r="A83982" i="1" s="1"/>
  <c r="A83983" i="1" s="1"/>
  <c r="A83984" i="1" s="1"/>
  <c r="A83985" i="1" s="1"/>
  <c r="A83986" i="1" s="1"/>
  <c r="A83987" i="1" s="1"/>
  <c r="A83988" i="1" s="1"/>
  <c r="A83989" i="1" s="1"/>
  <c r="A83990" i="1" s="1"/>
  <c r="A83991" i="1" s="1"/>
  <c r="A83992" i="1" s="1"/>
  <c r="A83993" i="1" s="1"/>
  <c r="A83994" i="1" s="1"/>
  <c r="A83995" i="1" s="1"/>
  <c r="A83996" i="1" s="1"/>
  <c r="A83997" i="1" s="1"/>
  <c r="A83998" i="1" s="1"/>
  <c r="A83999" i="1" s="1"/>
  <c r="A84000" i="1" s="1"/>
  <c r="A84001" i="1" s="1"/>
  <c r="A84002" i="1" s="1"/>
  <c r="A84003" i="1" s="1"/>
  <c r="A84004" i="1" s="1"/>
  <c r="A84005" i="1" s="1"/>
  <c r="A84006" i="1" s="1"/>
  <c r="A84007" i="1" s="1"/>
  <c r="A84008" i="1" s="1"/>
  <c r="A84009" i="1" s="1"/>
  <c r="A84010" i="1" s="1"/>
  <c r="A84011" i="1" s="1"/>
  <c r="A84012" i="1" s="1"/>
  <c r="A84013" i="1" s="1"/>
  <c r="A84014" i="1" s="1"/>
  <c r="A84015" i="1" s="1"/>
  <c r="A84016" i="1" s="1"/>
  <c r="A84017" i="1" s="1"/>
  <c r="A84018" i="1" s="1"/>
  <c r="A84019" i="1" s="1"/>
  <c r="A84020" i="1" s="1"/>
  <c r="A84021" i="1" s="1"/>
  <c r="A84022" i="1" s="1"/>
  <c r="A84023" i="1" s="1"/>
  <c r="A84024" i="1" s="1"/>
  <c r="A84025" i="1" s="1"/>
  <c r="A84026" i="1" s="1"/>
  <c r="A84027" i="1" s="1"/>
  <c r="A84028" i="1" s="1"/>
  <c r="A84029" i="1" s="1"/>
  <c r="A84030" i="1" s="1"/>
  <c r="A84031" i="1" s="1"/>
  <c r="A84032" i="1" s="1"/>
  <c r="A84033" i="1" s="1"/>
  <c r="A84034" i="1" s="1"/>
  <c r="A84035" i="1" s="1"/>
  <c r="A84036" i="1" s="1"/>
  <c r="A84037" i="1" s="1"/>
  <c r="A84038" i="1" s="1"/>
  <c r="A84039" i="1" s="1"/>
  <c r="A84040" i="1" s="1"/>
  <c r="A84041" i="1" s="1"/>
  <c r="A84042" i="1" s="1"/>
  <c r="A84043" i="1" s="1"/>
  <c r="A84044" i="1" s="1"/>
  <c r="A84045" i="1" s="1"/>
  <c r="A84046" i="1" s="1"/>
  <c r="A84047" i="1" s="1"/>
  <c r="A84048" i="1" s="1"/>
  <c r="A84049" i="1" s="1"/>
  <c r="A84050" i="1" s="1"/>
  <c r="A84051" i="1" s="1"/>
  <c r="A84052" i="1" s="1"/>
  <c r="A84053" i="1" s="1"/>
  <c r="A84054" i="1" s="1"/>
  <c r="A84055" i="1" s="1"/>
  <c r="A84056" i="1" s="1"/>
  <c r="A84057" i="1" s="1"/>
  <c r="A84058" i="1" s="1"/>
  <c r="A84059" i="1" s="1"/>
  <c r="A84060" i="1" s="1"/>
  <c r="A84061" i="1" s="1"/>
  <c r="A84062" i="1" s="1"/>
  <c r="A84063" i="1" s="1"/>
  <c r="A84064" i="1" s="1"/>
  <c r="A84065" i="1" s="1"/>
  <c r="A84066" i="1" s="1"/>
  <c r="A84067" i="1" s="1"/>
  <c r="A84068" i="1" s="1"/>
  <c r="A84069" i="1" s="1"/>
  <c r="A84070" i="1" s="1"/>
  <c r="A84071" i="1" s="1"/>
  <c r="A84072" i="1" s="1"/>
  <c r="A84073" i="1" s="1"/>
  <c r="A84074" i="1" s="1"/>
  <c r="A84075" i="1" s="1"/>
  <c r="A84076" i="1" s="1"/>
  <c r="A84077" i="1" s="1"/>
  <c r="A84078" i="1" s="1"/>
  <c r="A84079" i="1" s="1"/>
  <c r="A84080" i="1" s="1"/>
  <c r="A84081" i="1" s="1"/>
  <c r="A84082" i="1" s="1"/>
  <c r="A84083" i="1" s="1"/>
  <c r="A84084" i="1" s="1"/>
  <c r="A84085" i="1" s="1"/>
  <c r="A84086" i="1" s="1"/>
  <c r="A84087" i="1" s="1"/>
  <c r="A84088" i="1" s="1"/>
  <c r="A84089" i="1" s="1"/>
  <c r="A84090" i="1" s="1"/>
  <c r="A84091" i="1" s="1"/>
  <c r="A84092" i="1" s="1"/>
  <c r="A84093" i="1" s="1"/>
  <c r="A84094" i="1" s="1"/>
  <c r="A84095" i="1" s="1"/>
  <c r="A84096" i="1" s="1"/>
  <c r="A84097" i="1" s="1"/>
  <c r="A84098" i="1" s="1"/>
  <c r="A84099" i="1" s="1"/>
  <c r="A84100" i="1" s="1"/>
  <c r="A84101" i="1" s="1"/>
  <c r="A84102" i="1" s="1"/>
  <c r="A84103" i="1" s="1"/>
  <c r="A84104" i="1" s="1"/>
  <c r="A84105" i="1" s="1"/>
  <c r="A84106" i="1" s="1"/>
  <c r="A84107" i="1" s="1"/>
  <c r="A84108" i="1" s="1"/>
  <c r="A84109" i="1" s="1"/>
  <c r="A84110" i="1" s="1"/>
  <c r="A84111" i="1" s="1"/>
  <c r="A84112" i="1" s="1"/>
  <c r="A84113" i="1" s="1"/>
  <c r="A84114" i="1" s="1"/>
  <c r="A84115" i="1" s="1"/>
  <c r="A84116" i="1" s="1"/>
  <c r="A84117" i="1" s="1"/>
  <c r="A84118" i="1" s="1"/>
  <c r="A84119" i="1" s="1"/>
  <c r="A84120" i="1" s="1"/>
  <c r="A84121" i="1" s="1"/>
  <c r="A84122" i="1" s="1"/>
  <c r="A84123" i="1" s="1"/>
  <c r="A84124" i="1" s="1"/>
  <c r="A84125" i="1" s="1"/>
  <c r="A84126" i="1" s="1"/>
  <c r="A84127" i="1" s="1"/>
  <c r="A84128" i="1" s="1"/>
  <c r="A84129" i="1" s="1"/>
  <c r="A84130" i="1" s="1"/>
  <c r="A84131" i="1" s="1"/>
  <c r="A84132" i="1" s="1"/>
  <c r="A84133" i="1" s="1"/>
  <c r="A84134" i="1" s="1"/>
  <c r="A84135" i="1" s="1"/>
  <c r="A84136" i="1" s="1"/>
  <c r="A84137" i="1" s="1"/>
  <c r="A84138" i="1" s="1"/>
  <c r="A84139" i="1" s="1"/>
  <c r="A84140" i="1" s="1"/>
  <c r="A84141" i="1" s="1"/>
  <c r="A84142" i="1" s="1"/>
  <c r="A84143" i="1" s="1"/>
  <c r="A84144" i="1" s="1"/>
  <c r="A84145" i="1" s="1"/>
  <c r="A84146" i="1" s="1"/>
  <c r="A84147" i="1" s="1"/>
  <c r="A84148" i="1" s="1"/>
  <c r="A84149" i="1" s="1"/>
  <c r="A84150" i="1" s="1"/>
  <c r="A84151" i="1" s="1"/>
  <c r="A84152" i="1" s="1"/>
  <c r="A84153" i="1" s="1"/>
  <c r="A84154" i="1" s="1"/>
  <c r="A84155" i="1" s="1"/>
  <c r="A84156" i="1" s="1"/>
  <c r="A84157" i="1" s="1"/>
  <c r="A84158" i="1" s="1"/>
  <c r="A84159" i="1" s="1"/>
  <c r="A84160" i="1" s="1"/>
  <c r="A84161" i="1" s="1"/>
  <c r="A84162" i="1" s="1"/>
  <c r="A84163" i="1" s="1"/>
  <c r="A84164" i="1" s="1"/>
  <c r="A84165" i="1" s="1"/>
  <c r="A84166" i="1" s="1"/>
  <c r="A84167" i="1" s="1"/>
  <c r="A84168" i="1" s="1"/>
  <c r="A84169" i="1" s="1"/>
  <c r="A84170" i="1" s="1"/>
  <c r="A84171" i="1" s="1"/>
  <c r="A84172" i="1" s="1"/>
  <c r="A84173" i="1" s="1"/>
  <c r="A84174" i="1" s="1"/>
  <c r="A84175" i="1" s="1"/>
  <c r="A84176" i="1" s="1"/>
  <c r="A84177" i="1" s="1"/>
  <c r="A84178" i="1" s="1"/>
  <c r="A84179" i="1" s="1"/>
  <c r="A84180" i="1" s="1"/>
  <c r="A84181" i="1" s="1"/>
  <c r="A84182" i="1" s="1"/>
  <c r="A84183" i="1" s="1"/>
  <c r="A84184" i="1" s="1"/>
  <c r="A84185" i="1" s="1"/>
  <c r="A84186" i="1" s="1"/>
  <c r="A84187" i="1" s="1"/>
  <c r="A84188" i="1" s="1"/>
  <c r="A84189" i="1" s="1"/>
  <c r="A84190" i="1" s="1"/>
  <c r="A84191" i="1" s="1"/>
  <c r="A84192" i="1" s="1"/>
  <c r="A84193" i="1" s="1"/>
  <c r="A84194" i="1" s="1"/>
  <c r="A84195" i="1" s="1"/>
  <c r="A84196" i="1" s="1"/>
  <c r="A84197" i="1" s="1"/>
  <c r="A84198" i="1" s="1"/>
  <c r="A84199" i="1" s="1"/>
  <c r="A84200" i="1" s="1"/>
  <c r="A84201" i="1" s="1"/>
  <c r="A84202" i="1" s="1"/>
  <c r="A84203" i="1" s="1"/>
  <c r="A84204" i="1" s="1"/>
  <c r="A84205" i="1" s="1"/>
  <c r="A84206" i="1" s="1"/>
  <c r="A84207" i="1" s="1"/>
  <c r="A84208" i="1" s="1"/>
  <c r="A84209" i="1" s="1"/>
  <c r="A84210" i="1" s="1"/>
  <c r="A84211" i="1" s="1"/>
  <c r="A84212" i="1" s="1"/>
  <c r="A84213" i="1" s="1"/>
  <c r="A84214" i="1" s="1"/>
  <c r="A84215" i="1" s="1"/>
  <c r="A84216" i="1" s="1"/>
  <c r="A84217" i="1" s="1"/>
  <c r="A84218" i="1" s="1"/>
  <c r="A84219" i="1" s="1"/>
  <c r="A84220" i="1" s="1"/>
  <c r="A84221" i="1" s="1"/>
  <c r="A84222" i="1" s="1"/>
  <c r="A84223" i="1" s="1"/>
  <c r="A84224" i="1" s="1"/>
  <c r="A84225" i="1" s="1"/>
  <c r="A84226" i="1" s="1"/>
  <c r="A84227" i="1" s="1"/>
  <c r="A84228" i="1" s="1"/>
  <c r="A84229" i="1" s="1"/>
  <c r="A84230" i="1" s="1"/>
  <c r="A84231" i="1" s="1"/>
  <c r="A84232" i="1" s="1"/>
  <c r="A84233" i="1" s="1"/>
  <c r="A84234" i="1" s="1"/>
  <c r="A84235" i="1" s="1"/>
  <c r="A84236" i="1" s="1"/>
  <c r="A84237" i="1" s="1"/>
  <c r="A84238" i="1" s="1"/>
  <c r="A84239" i="1" s="1"/>
  <c r="A84240" i="1" s="1"/>
  <c r="A84241" i="1" s="1"/>
  <c r="A84242" i="1" s="1"/>
  <c r="A84243" i="1" s="1"/>
  <c r="A84244" i="1" s="1"/>
  <c r="A84245" i="1" s="1"/>
  <c r="A84246" i="1" s="1"/>
  <c r="A84247" i="1" s="1"/>
  <c r="A84248" i="1" s="1"/>
  <c r="A84249" i="1" s="1"/>
  <c r="A84250" i="1" s="1"/>
  <c r="A84251" i="1" s="1"/>
  <c r="A84252" i="1" s="1"/>
  <c r="A84253" i="1" s="1"/>
  <c r="A84254" i="1" s="1"/>
  <c r="A84255" i="1" s="1"/>
  <c r="A84256" i="1" s="1"/>
  <c r="A84257" i="1" s="1"/>
  <c r="A84258" i="1" s="1"/>
  <c r="A84259" i="1" s="1"/>
  <c r="A84260" i="1" s="1"/>
  <c r="A84261" i="1" s="1"/>
  <c r="A84262" i="1" s="1"/>
  <c r="A84263" i="1" s="1"/>
  <c r="A84264" i="1" s="1"/>
  <c r="A84265" i="1" s="1"/>
  <c r="A84266" i="1" s="1"/>
  <c r="A84267" i="1" s="1"/>
  <c r="A84268" i="1" s="1"/>
  <c r="A84269" i="1" s="1"/>
  <c r="A84270" i="1" s="1"/>
  <c r="A84271" i="1" s="1"/>
  <c r="A84272" i="1" s="1"/>
  <c r="A84273" i="1" s="1"/>
  <c r="A84274" i="1" s="1"/>
  <c r="A84275" i="1" s="1"/>
  <c r="A84276" i="1" s="1"/>
  <c r="A84277" i="1" s="1"/>
  <c r="A84278" i="1" s="1"/>
  <c r="A84279" i="1" s="1"/>
  <c r="A84280" i="1" s="1"/>
  <c r="A84281" i="1" s="1"/>
  <c r="A84282" i="1" s="1"/>
  <c r="A84283" i="1" s="1"/>
  <c r="A84284" i="1" s="1"/>
  <c r="A84285" i="1" s="1"/>
  <c r="A84286" i="1" s="1"/>
  <c r="A84287" i="1" s="1"/>
  <c r="A84288" i="1" s="1"/>
  <c r="A84289" i="1" s="1"/>
  <c r="A84290" i="1" s="1"/>
  <c r="A84291" i="1" s="1"/>
  <c r="A84292" i="1" s="1"/>
  <c r="A84293" i="1" s="1"/>
  <c r="A84294" i="1" s="1"/>
  <c r="A84295" i="1" s="1"/>
  <c r="A84296" i="1" s="1"/>
  <c r="A84297" i="1" s="1"/>
  <c r="A84298" i="1" s="1"/>
  <c r="A84299" i="1" s="1"/>
  <c r="A84300" i="1" s="1"/>
  <c r="A84301" i="1" s="1"/>
  <c r="A84302" i="1" s="1"/>
  <c r="A84303" i="1" s="1"/>
  <c r="A84304" i="1" s="1"/>
  <c r="A84305" i="1" s="1"/>
  <c r="A84306" i="1" s="1"/>
  <c r="A84307" i="1" s="1"/>
  <c r="A84308" i="1" s="1"/>
  <c r="A84309" i="1" s="1"/>
  <c r="A84310" i="1" s="1"/>
  <c r="A84311" i="1" s="1"/>
  <c r="A84312" i="1" s="1"/>
  <c r="A84313" i="1" s="1"/>
  <c r="A84314" i="1" s="1"/>
  <c r="A84315" i="1" s="1"/>
  <c r="A84316" i="1" s="1"/>
  <c r="A84317" i="1" s="1"/>
  <c r="A84318" i="1" s="1"/>
  <c r="A84319" i="1" s="1"/>
  <c r="A84320" i="1" s="1"/>
  <c r="A84321" i="1" s="1"/>
  <c r="A84322" i="1" s="1"/>
  <c r="A84323" i="1" s="1"/>
  <c r="A84324" i="1" s="1"/>
  <c r="A84325" i="1" s="1"/>
  <c r="A84326" i="1" s="1"/>
  <c r="A84327" i="1" s="1"/>
  <c r="A84328" i="1" s="1"/>
  <c r="A84329" i="1" s="1"/>
  <c r="A84330" i="1" s="1"/>
  <c r="A84331" i="1" s="1"/>
  <c r="A84332" i="1" s="1"/>
  <c r="A84333" i="1" s="1"/>
  <c r="A84334" i="1" s="1"/>
  <c r="A84335" i="1" s="1"/>
  <c r="A84336" i="1" s="1"/>
  <c r="A84337" i="1" s="1"/>
  <c r="A84338" i="1" s="1"/>
  <c r="A84339" i="1" s="1"/>
  <c r="A84340" i="1" s="1"/>
  <c r="A84341" i="1" s="1"/>
  <c r="A84342" i="1" s="1"/>
  <c r="A84343" i="1" s="1"/>
  <c r="A84344" i="1" s="1"/>
  <c r="A84345" i="1" s="1"/>
  <c r="A84346" i="1" s="1"/>
  <c r="A84347" i="1" s="1"/>
  <c r="A84348" i="1" s="1"/>
  <c r="A84349" i="1" s="1"/>
  <c r="A84350" i="1" s="1"/>
  <c r="A84351" i="1" s="1"/>
  <c r="A84352" i="1" s="1"/>
  <c r="A84353" i="1" s="1"/>
  <c r="A84354" i="1" s="1"/>
  <c r="A84355" i="1" s="1"/>
  <c r="A84356" i="1" s="1"/>
  <c r="A84357" i="1" s="1"/>
  <c r="A84358" i="1" s="1"/>
  <c r="A84359" i="1" s="1"/>
  <c r="A84360" i="1" s="1"/>
  <c r="A84361" i="1" s="1"/>
  <c r="A84362" i="1" s="1"/>
  <c r="A84363" i="1" s="1"/>
  <c r="A84364" i="1" s="1"/>
  <c r="A84365" i="1" s="1"/>
  <c r="A84366" i="1" s="1"/>
  <c r="A84367" i="1" s="1"/>
  <c r="A84368" i="1" s="1"/>
  <c r="A84369" i="1" s="1"/>
  <c r="A84370" i="1" s="1"/>
  <c r="A84371" i="1" s="1"/>
  <c r="A84372" i="1" s="1"/>
  <c r="A84373" i="1" s="1"/>
  <c r="A84374" i="1" s="1"/>
  <c r="A84375" i="1" s="1"/>
  <c r="A84376" i="1" s="1"/>
  <c r="A84377" i="1" s="1"/>
  <c r="A84378" i="1" s="1"/>
  <c r="A84379" i="1" s="1"/>
  <c r="A84380" i="1" s="1"/>
  <c r="A84381" i="1" s="1"/>
  <c r="A84382" i="1" s="1"/>
  <c r="A84383" i="1" s="1"/>
  <c r="A84384" i="1" s="1"/>
  <c r="A84385" i="1" s="1"/>
  <c r="A84386" i="1" s="1"/>
  <c r="A84387" i="1" s="1"/>
  <c r="A84388" i="1" s="1"/>
  <c r="A84389" i="1" s="1"/>
  <c r="A84390" i="1" s="1"/>
  <c r="A84391" i="1" s="1"/>
  <c r="A84392" i="1" s="1"/>
  <c r="A84393" i="1" s="1"/>
  <c r="A84394" i="1" s="1"/>
  <c r="A84395" i="1" s="1"/>
  <c r="A84396" i="1" s="1"/>
  <c r="A84397" i="1" s="1"/>
  <c r="A84398" i="1" s="1"/>
  <c r="A84399" i="1" s="1"/>
  <c r="A84400" i="1" s="1"/>
  <c r="A84401" i="1" s="1"/>
  <c r="A84402" i="1" s="1"/>
  <c r="A84403" i="1" s="1"/>
  <c r="A84404" i="1" s="1"/>
  <c r="A84405" i="1" s="1"/>
  <c r="A84406" i="1" s="1"/>
  <c r="A84407" i="1" s="1"/>
  <c r="A84408" i="1" s="1"/>
  <c r="A84409" i="1" s="1"/>
  <c r="A84410" i="1" s="1"/>
  <c r="A84411" i="1" s="1"/>
  <c r="A84412" i="1" s="1"/>
  <c r="A84413" i="1" s="1"/>
  <c r="A84414" i="1" s="1"/>
  <c r="A84415" i="1" s="1"/>
  <c r="A84416" i="1" s="1"/>
  <c r="A84417" i="1" s="1"/>
  <c r="A84418" i="1" s="1"/>
  <c r="A84419" i="1" s="1"/>
  <c r="A84420" i="1" s="1"/>
  <c r="A84421" i="1" s="1"/>
  <c r="A84422" i="1" s="1"/>
  <c r="A84423" i="1" s="1"/>
  <c r="A84424" i="1" s="1"/>
  <c r="A84425" i="1" s="1"/>
  <c r="A84426" i="1" s="1"/>
  <c r="A84427" i="1" s="1"/>
  <c r="A84428" i="1" s="1"/>
  <c r="A84429" i="1" s="1"/>
  <c r="A84430" i="1" s="1"/>
  <c r="A84431" i="1" s="1"/>
  <c r="A84432" i="1" s="1"/>
  <c r="A84433" i="1" s="1"/>
  <c r="A84434" i="1" s="1"/>
  <c r="A84435" i="1" s="1"/>
  <c r="A84436" i="1" s="1"/>
  <c r="A84437" i="1" s="1"/>
  <c r="A84438" i="1" s="1"/>
  <c r="A84439" i="1" s="1"/>
  <c r="A84440" i="1" s="1"/>
  <c r="A84441" i="1" s="1"/>
  <c r="A84442" i="1" s="1"/>
  <c r="A84443" i="1" s="1"/>
  <c r="A84444" i="1" s="1"/>
  <c r="A84445" i="1" s="1"/>
  <c r="A84446" i="1" s="1"/>
  <c r="A84447" i="1" s="1"/>
  <c r="A84448" i="1" s="1"/>
  <c r="A84449" i="1" s="1"/>
  <c r="A84450" i="1" s="1"/>
  <c r="A84451" i="1" s="1"/>
  <c r="A84452" i="1" s="1"/>
  <c r="A84453" i="1" s="1"/>
  <c r="A84454" i="1" s="1"/>
  <c r="A84455" i="1" s="1"/>
  <c r="A84456" i="1" s="1"/>
  <c r="A84457" i="1" s="1"/>
  <c r="A84458" i="1" s="1"/>
  <c r="A84459" i="1" s="1"/>
  <c r="A84460" i="1" s="1"/>
  <c r="A84461" i="1" s="1"/>
  <c r="A84462" i="1" s="1"/>
  <c r="A84463" i="1" s="1"/>
  <c r="A84464" i="1" s="1"/>
  <c r="A84465" i="1" s="1"/>
  <c r="A84466" i="1" s="1"/>
  <c r="A84467" i="1" s="1"/>
  <c r="A84468" i="1" s="1"/>
  <c r="A84469" i="1" s="1"/>
  <c r="A84470" i="1" s="1"/>
  <c r="A84471" i="1" s="1"/>
  <c r="A84472" i="1" s="1"/>
  <c r="A84473" i="1" s="1"/>
  <c r="A84474" i="1" s="1"/>
  <c r="A84475" i="1" s="1"/>
  <c r="A84476" i="1" s="1"/>
  <c r="A84477" i="1" s="1"/>
  <c r="A84478" i="1" s="1"/>
  <c r="A84479" i="1" s="1"/>
  <c r="A84480" i="1" s="1"/>
  <c r="A84481" i="1" s="1"/>
  <c r="A84482" i="1" s="1"/>
  <c r="A84483" i="1" s="1"/>
  <c r="A84484" i="1" s="1"/>
  <c r="A84485" i="1" s="1"/>
  <c r="A84486" i="1" s="1"/>
  <c r="A84487" i="1" s="1"/>
  <c r="A84488" i="1" s="1"/>
  <c r="A84489" i="1" s="1"/>
  <c r="A84490" i="1" s="1"/>
  <c r="A84491" i="1" s="1"/>
  <c r="A84492" i="1" s="1"/>
  <c r="A84493" i="1" s="1"/>
  <c r="A84494" i="1" s="1"/>
  <c r="A84495" i="1" s="1"/>
  <c r="A84496" i="1" s="1"/>
  <c r="A84497" i="1" s="1"/>
  <c r="A84498" i="1" s="1"/>
  <c r="A84499" i="1" s="1"/>
  <c r="A84500" i="1" s="1"/>
  <c r="A84501" i="1" s="1"/>
  <c r="A84502" i="1" s="1"/>
  <c r="A84503" i="1" s="1"/>
  <c r="A84504" i="1" s="1"/>
  <c r="A84505" i="1" s="1"/>
  <c r="A84506" i="1" s="1"/>
  <c r="A84507" i="1" s="1"/>
  <c r="A84508" i="1" s="1"/>
  <c r="A84509" i="1" s="1"/>
  <c r="A84510" i="1" s="1"/>
  <c r="A84511" i="1" s="1"/>
  <c r="A84512" i="1" s="1"/>
  <c r="A84513" i="1" s="1"/>
  <c r="A84514" i="1" s="1"/>
  <c r="A84515" i="1" s="1"/>
  <c r="A84516" i="1" s="1"/>
  <c r="A84517" i="1" s="1"/>
  <c r="A84518" i="1" s="1"/>
  <c r="A84519" i="1" s="1"/>
  <c r="A84520" i="1" s="1"/>
  <c r="A84521" i="1" s="1"/>
  <c r="A84522" i="1" s="1"/>
  <c r="A84523" i="1" s="1"/>
  <c r="A84524" i="1" s="1"/>
  <c r="A84525" i="1" s="1"/>
  <c r="A84526" i="1" s="1"/>
  <c r="A84527" i="1" s="1"/>
  <c r="A84528" i="1" s="1"/>
  <c r="A84529" i="1" s="1"/>
  <c r="A84530" i="1" s="1"/>
  <c r="A84531" i="1" s="1"/>
  <c r="A84532" i="1" s="1"/>
  <c r="A84533" i="1" s="1"/>
  <c r="A84534" i="1" s="1"/>
  <c r="A84535" i="1" s="1"/>
  <c r="A84536" i="1" s="1"/>
  <c r="A84537" i="1" s="1"/>
  <c r="A84538" i="1" s="1"/>
  <c r="A84539" i="1" s="1"/>
  <c r="A84540" i="1" s="1"/>
  <c r="A84541" i="1" s="1"/>
  <c r="A84542" i="1" s="1"/>
  <c r="A84543" i="1" s="1"/>
  <c r="A84544" i="1" s="1"/>
  <c r="A84545" i="1" s="1"/>
  <c r="A84546" i="1" s="1"/>
  <c r="A84547" i="1" s="1"/>
  <c r="A84548" i="1" s="1"/>
  <c r="A84549" i="1" s="1"/>
  <c r="A84550" i="1" s="1"/>
  <c r="A84551" i="1" s="1"/>
  <c r="A84552" i="1" s="1"/>
  <c r="A84553" i="1" s="1"/>
  <c r="A84554" i="1" s="1"/>
  <c r="A84555" i="1" s="1"/>
  <c r="A84556" i="1" s="1"/>
  <c r="A84557" i="1" s="1"/>
  <c r="A84558" i="1" s="1"/>
  <c r="A84559" i="1" s="1"/>
  <c r="A84560" i="1" s="1"/>
  <c r="A84561" i="1" s="1"/>
  <c r="A84562" i="1" s="1"/>
  <c r="A84563" i="1" s="1"/>
  <c r="A84564" i="1" s="1"/>
  <c r="A84565" i="1" s="1"/>
  <c r="A84566" i="1" s="1"/>
  <c r="A84567" i="1" s="1"/>
  <c r="A84568" i="1" s="1"/>
  <c r="A84569" i="1" s="1"/>
  <c r="A84570" i="1" s="1"/>
  <c r="A84571" i="1" s="1"/>
  <c r="A84572" i="1" s="1"/>
  <c r="A84573" i="1" s="1"/>
  <c r="A84574" i="1" s="1"/>
  <c r="A84575" i="1" s="1"/>
  <c r="A84576" i="1" s="1"/>
  <c r="A84577" i="1" s="1"/>
  <c r="A84578" i="1" s="1"/>
  <c r="A84579" i="1" s="1"/>
  <c r="A84580" i="1" s="1"/>
  <c r="A84581" i="1" s="1"/>
  <c r="A84582" i="1" s="1"/>
  <c r="A84583" i="1" s="1"/>
  <c r="A84584" i="1" s="1"/>
  <c r="A84585" i="1" s="1"/>
  <c r="A84586" i="1" s="1"/>
  <c r="A84587" i="1" s="1"/>
  <c r="A84588" i="1" s="1"/>
  <c r="A84589" i="1" s="1"/>
  <c r="A84590" i="1" s="1"/>
  <c r="A84591" i="1" s="1"/>
  <c r="A84592" i="1" s="1"/>
  <c r="A84593" i="1" s="1"/>
  <c r="A84594" i="1" s="1"/>
  <c r="A84595" i="1" s="1"/>
  <c r="A84596" i="1" s="1"/>
  <c r="A84597" i="1" s="1"/>
  <c r="A84598" i="1" s="1"/>
  <c r="A84599" i="1" s="1"/>
  <c r="A84600" i="1" s="1"/>
  <c r="A84601" i="1" s="1"/>
  <c r="A84602" i="1" s="1"/>
  <c r="A84603" i="1" s="1"/>
  <c r="A84604" i="1" s="1"/>
  <c r="A84605" i="1" s="1"/>
  <c r="A84606" i="1" s="1"/>
  <c r="A84607" i="1" s="1"/>
  <c r="A84608" i="1" s="1"/>
  <c r="A84609" i="1" s="1"/>
  <c r="A84610" i="1" s="1"/>
  <c r="A84611" i="1" s="1"/>
  <c r="A84612" i="1" s="1"/>
  <c r="A84613" i="1" s="1"/>
  <c r="A84614" i="1" s="1"/>
  <c r="A84615" i="1" s="1"/>
  <c r="A84616" i="1" s="1"/>
  <c r="A84617" i="1" s="1"/>
  <c r="A84618" i="1" s="1"/>
  <c r="A84619" i="1" s="1"/>
  <c r="A84620" i="1" s="1"/>
  <c r="A84621" i="1" s="1"/>
  <c r="A84622" i="1" s="1"/>
  <c r="A84623" i="1" s="1"/>
  <c r="A84624" i="1" s="1"/>
  <c r="A84625" i="1" s="1"/>
  <c r="A84626" i="1" s="1"/>
  <c r="A84627" i="1" s="1"/>
  <c r="A84628" i="1" s="1"/>
  <c r="A84629" i="1" s="1"/>
  <c r="A84630" i="1" s="1"/>
  <c r="A84631" i="1" s="1"/>
  <c r="A84632" i="1" s="1"/>
  <c r="A84633" i="1" s="1"/>
  <c r="A84634" i="1" s="1"/>
  <c r="A84635" i="1" s="1"/>
  <c r="A84636" i="1" s="1"/>
  <c r="A84637" i="1" s="1"/>
  <c r="A84638" i="1" s="1"/>
  <c r="A84639" i="1" s="1"/>
  <c r="A84640" i="1" s="1"/>
  <c r="A84641" i="1" s="1"/>
  <c r="A84642" i="1" s="1"/>
  <c r="A84643" i="1" s="1"/>
  <c r="A84644" i="1" s="1"/>
  <c r="A84645" i="1" s="1"/>
  <c r="A84646" i="1" s="1"/>
  <c r="A84647" i="1" s="1"/>
  <c r="A84648" i="1" s="1"/>
  <c r="A84649" i="1" s="1"/>
  <c r="A84650" i="1" s="1"/>
  <c r="A84651" i="1" s="1"/>
  <c r="A84652" i="1" s="1"/>
  <c r="A84653" i="1" s="1"/>
  <c r="A84654" i="1" s="1"/>
  <c r="A84655" i="1" s="1"/>
  <c r="A84656" i="1" s="1"/>
  <c r="A84657" i="1" s="1"/>
  <c r="A84658" i="1" s="1"/>
  <c r="A84659" i="1" s="1"/>
  <c r="A84660" i="1" s="1"/>
  <c r="A84661" i="1" s="1"/>
  <c r="A84662" i="1" s="1"/>
  <c r="A84663" i="1" s="1"/>
  <c r="A84664" i="1" s="1"/>
  <c r="A84665" i="1" s="1"/>
  <c r="A84666" i="1" s="1"/>
  <c r="A84667" i="1" s="1"/>
  <c r="A84668" i="1" s="1"/>
  <c r="A84669" i="1" s="1"/>
  <c r="A84670" i="1" s="1"/>
  <c r="A84671" i="1" s="1"/>
  <c r="A84672" i="1" s="1"/>
  <c r="A84673" i="1" s="1"/>
  <c r="A84674" i="1" s="1"/>
  <c r="A84675" i="1" s="1"/>
  <c r="A84676" i="1" s="1"/>
  <c r="A84677" i="1" s="1"/>
  <c r="A84678" i="1" s="1"/>
  <c r="A84679" i="1" s="1"/>
  <c r="A84680" i="1" s="1"/>
  <c r="A84681" i="1" s="1"/>
  <c r="A84682" i="1" s="1"/>
  <c r="A84683" i="1" s="1"/>
  <c r="A84684" i="1" s="1"/>
  <c r="A84685" i="1" s="1"/>
  <c r="A84686" i="1" s="1"/>
  <c r="A84687" i="1" s="1"/>
  <c r="A84688" i="1" s="1"/>
  <c r="A84689" i="1" s="1"/>
  <c r="A84690" i="1" s="1"/>
  <c r="A84691" i="1" s="1"/>
  <c r="A84692" i="1" s="1"/>
  <c r="A84693" i="1" s="1"/>
  <c r="A84694" i="1" s="1"/>
  <c r="A84695" i="1" s="1"/>
  <c r="A84696" i="1" s="1"/>
  <c r="A84697" i="1" s="1"/>
  <c r="A84698" i="1" s="1"/>
  <c r="A84699" i="1" s="1"/>
  <c r="A84700" i="1" s="1"/>
  <c r="A84701" i="1" s="1"/>
  <c r="A84702" i="1" s="1"/>
  <c r="A84703" i="1" s="1"/>
  <c r="A84704" i="1" s="1"/>
  <c r="A84705" i="1" s="1"/>
  <c r="A84706" i="1" s="1"/>
  <c r="A84707" i="1" s="1"/>
  <c r="A84708" i="1" s="1"/>
  <c r="A84709" i="1" s="1"/>
  <c r="A84710" i="1" s="1"/>
  <c r="A84711" i="1" s="1"/>
  <c r="A84712" i="1" s="1"/>
  <c r="A84713" i="1" s="1"/>
  <c r="A84714" i="1" s="1"/>
  <c r="A84715" i="1" s="1"/>
  <c r="A84716" i="1" s="1"/>
  <c r="A84717" i="1" s="1"/>
  <c r="A84718" i="1" s="1"/>
  <c r="A84719" i="1" s="1"/>
  <c r="A84720" i="1" s="1"/>
  <c r="A84721" i="1" s="1"/>
  <c r="A84722" i="1" s="1"/>
  <c r="A84723" i="1" s="1"/>
  <c r="A84724" i="1" s="1"/>
  <c r="A84725" i="1" s="1"/>
  <c r="A84726" i="1" s="1"/>
  <c r="A84727" i="1" s="1"/>
  <c r="A84728" i="1" s="1"/>
  <c r="A84729" i="1" s="1"/>
  <c r="A84730" i="1" s="1"/>
  <c r="A84731" i="1" s="1"/>
  <c r="A84732" i="1" s="1"/>
  <c r="A84733" i="1" s="1"/>
  <c r="A84734" i="1" s="1"/>
  <c r="A84735" i="1" s="1"/>
  <c r="A84736" i="1" s="1"/>
  <c r="A84737" i="1" s="1"/>
  <c r="A84738" i="1" s="1"/>
  <c r="A84739" i="1" s="1"/>
  <c r="A84740" i="1" s="1"/>
  <c r="A84741" i="1" s="1"/>
  <c r="A84742" i="1" s="1"/>
  <c r="A84743" i="1" s="1"/>
  <c r="A84744" i="1" s="1"/>
  <c r="A84745" i="1" s="1"/>
  <c r="A84746" i="1" s="1"/>
  <c r="A84747" i="1" s="1"/>
  <c r="A84748" i="1" s="1"/>
  <c r="A84749" i="1" s="1"/>
  <c r="A84750" i="1" s="1"/>
  <c r="A84751" i="1" s="1"/>
  <c r="A84752" i="1" s="1"/>
  <c r="A84753" i="1" s="1"/>
  <c r="A84754" i="1" s="1"/>
  <c r="A84755" i="1" s="1"/>
  <c r="A84756" i="1" s="1"/>
  <c r="A84757" i="1" s="1"/>
  <c r="A84758" i="1" s="1"/>
  <c r="A84759" i="1" s="1"/>
  <c r="A84760" i="1" s="1"/>
  <c r="A84761" i="1" s="1"/>
  <c r="A84762" i="1" s="1"/>
  <c r="A84763" i="1" s="1"/>
  <c r="A84764" i="1" s="1"/>
  <c r="A84765" i="1" s="1"/>
  <c r="A84766" i="1" s="1"/>
  <c r="A84767" i="1" s="1"/>
  <c r="A84768" i="1" s="1"/>
  <c r="A84769" i="1" s="1"/>
  <c r="A84770" i="1" s="1"/>
  <c r="A84771" i="1" s="1"/>
  <c r="A84772" i="1" s="1"/>
  <c r="A84773" i="1" s="1"/>
  <c r="A84774" i="1" s="1"/>
  <c r="A84775" i="1" s="1"/>
  <c r="A84776" i="1" s="1"/>
  <c r="A84777" i="1" s="1"/>
  <c r="A84778" i="1" s="1"/>
  <c r="A84779" i="1" s="1"/>
  <c r="A84780" i="1" s="1"/>
  <c r="A84781" i="1" s="1"/>
  <c r="A84782" i="1" s="1"/>
  <c r="A84783" i="1" s="1"/>
  <c r="A84784" i="1" s="1"/>
  <c r="A84785" i="1" s="1"/>
  <c r="A84786" i="1" s="1"/>
  <c r="A84787" i="1" s="1"/>
  <c r="A84788" i="1" s="1"/>
  <c r="A84789" i="1" s="1"/>
  <c r="A84790" i="1" s="1"/>
  <c r="A84791" i="1" s="1"/>
  <c r="A84792" i="1" s="1"/>
  <c r="A84793" i="1" s="1"/>
  <c r="A84794" i="1" s="1"/>
  <c r="A84795" i="1" s="1"/>
  <c r="A84796" i="1" s="1"/>
  <c r="A84797" i="1" s="1"/>
  <c r="A84798" i="1" s="1"/>
  <c r="A84799" i="1" s="1"/>
  <c r="A84800" i="1" s="1"/>
  <c r="A84801" i="1" s="1"/>
  <c r="A84802" i="1" s="1"/>
  <c r="A84803" i="1" s="1"/>
  <c r="A84804" i="1" s="1"/>
  <c r="A84805" i="1" s="1"/>
  <c r="A84806" i="1" s="1"/>
  <c r="A84807" i="1" s="1"/>
  <c r="A84808" i="1" s="1"/>
  <c r="A84809" i="1" s="1"/>
  <c r="A84810" i="1" s="1"/>
  <c r="A84811" i="1" s="1"/>
  <c r="A84812" i="1" s="1"/>
  <c r="A84813" i="1" s="1"/>
  <c r="A84814" i="1" s="1"/>
  <c r="A84815" i="1" s="1"/>
  <c r="A84816" i="1" s="1"/>
  <c r="A84817" i="1" s="1"/>
  <c r="A84818" i="1" s="1"/>
  <c r="A84819" i="1" s="1"/>
  <c r="A84820" i="1" s="1"/>
  <c r="A84821" i="1" s="1"/>
  <c r="A84822" i="1" s="1"/>
  <c r="A84823" i="1" s="1"/>
  <c r="A84824" i="1" s="1"/>
  <c r="A84825" i="1" s="1"/>
  <c r="A84826" i="1" s="1"/>
  <c r="A84827" i="1" s="1"/>
  <c r="A84828" i="1" s="1"/>
  <c r="A84829" i="1" s="1"/>
  <c r="A84830" i="1" s="1"/>
  <c r="A84831" i="1" s="1"/>
  <c r="A84832" i="1" s="1"/>
  <c r="A84833" i="1" s="1"/>
  <c r="A84834" i="1" s="1"/>
  <c r="A84835" i="1" s="1"/>
  <c r="A84836" i="1" s="1"/>
  <c r="A84837" i="1" s="1"/>
  <c r="A84838" i="1" s="1"/>
  <c r="A84839" i="1" s="1"/>
  <c r="A84840" i="1" s="1"/>
  <c r="A84841" i="1" s="1"/>
  <c r="A84842" i="1" s="1"/>
  <c r="A84843" i="1" s="1"/>
  <c r="A84844" i="1" s="1"/>
  <c r="A84845" i="1" s="1"/>
  <c r="A84846" i="1" s="1"/>
  <c r="A84847" i="1" s="1"/>
  <c r="A84848" i="1" s="1"/>
  <c r="A84849" i="1" s="1"/>
  <c r="A84850" i="1" s="1"/>
  <c r="A84851" i="1" s="1"/>
  <c r="A84852" i="1" s="1"/>
  <c r="A84853" i="1" s="1"/>
  <c r="A84854" i="1" s="1"/>
  <c r="A84855" i="1" s="1"/>
  <c r="A84856" i="1" s="1"/>
  <c r="A84857" i="1" s="1"/>
  <c r="A84858" i="1" s="1"/>
  <c r="A84859" i="1" s="1"/>
  <c r="A84860" i="1" s="1"/>
  <c r="A84861" i="1" s="1"/>
  <c r="A84862" i="1" s="1"/>
  <c r="A84863" i="1" s="1"/>
  <c r="A84864" i="1" s="1"/>
  <c r="A84865" i="1" s="1"/>
  <c r="A84866" i="1" s="1"/>
  <c r="A84867" i="1" s="1"/>
  <c r="A84868" i="1" s="1"/>
  <c r="A84869" i="1" s="1"/>
  <c r="A84870" i="1" s="1"/>
  <c r="A84871" i="1" s="1"/>
  <c r="A84872" i="1" s="1"/>
  <c r="A84873" i="1" s="1"/>
  <c r="A84874" i="1" s="1"/>
  <c r="A84875" i="1" s="1"/>
  <c r="A84876" i="1" s="1"/>
  <c r="A84877" i="1" s="1"/>
  <c r="A84878" i="1" s="1"/>
  <c r="A84879" i="1" s="1"/>
  <c r="A84880" i="1" s="1"/>
  <c r="A84881" i="1" s="1"/>
  <c r="A84882" i="1" s="1"/>
  <c r="A84883" i="1" s="1"/>
  <c r="A84884" i="1" s="1"/>
  <c r="A84885" i="1" s="1"/>
  <c r="A84886" i="1" s="1"/>
  <c r="A84887" i="1" s="1"/>
  <c r="A84888" i="1" s="1"/>
  <c r="A84889" i="1" s="1"/>
  <c r="A84890" i="1" s="1"/>
  <c r="A84891" i="1" s="1"/>
  <c r="A84892" i="1" s="1"/>
  <c r="A84893" i="1" s="1"/>
  <c r="A84894" i="1" s="1"/>
  <c r="A84895" i="1" s="1"/>
  <c r="A84896" i="1" s="1"/>
  <c r="A84897" i="1" s="1"/>
  <c r="A84898" i="1" s="1"/>
  <c r="A84899" i="1" s="1"/>
  <c r="A84900" i="1" s="1"/>
  <c r="A84901" i="1" s="1"/>
  <c r="A84902" i="1" s="1"/>
  <c r="A84903" i="1" s="1"/>
  <c r="A84904" i="1" s="1"/>
  <c r="A84905" i="1" s="1"/>
  <c r="A84906" i="1" s="1"/>
  <c r="A84907" i="1" s="1"/>
  <c r="A84908" i="1" s="1"/>
  <c r="A84909" i="1" s="1"/>
  <c r="A84910" i="1" s="1"/>
  <c r="A84911" i="1" s="1"/>
  <c r="A84912" i="1" s="1"/>
  <c r="A84913" i="1" s="1"/>
  <c r="A84914" i="1" s="1"/>
  <c r="A84915" i="1" s="1"/>
  <c r="A84916" i="1" s="1"/>
  <c r="A84917" i="1" s="1"/>
  <c r="A84918" i="1" s="1"/>
  <c r="A84919" i="1" s="1"/>
  <c r="A84920" i="1" s="1"/>
  <c r="A84921" i="1" s="1"/>
  <c r="A84922" i="1" s="1"/>
  <c r="A84923" i="1" s="1"/>
  <c r="A84924" i="1" s="1"/>
  <c r="A84925" i="1" s="1"/>
  <c r="A84926" i="1" s="1"/>
  <c r="A84927" i="1" s="1"/>
  <c r="A84928" i="1" s="1"/>
  <c r="A84929" i="1" s="1"/>
  <c r="A84930" i="1" s="1"/>
  <c r="A84931" i="1" s="1"/>
  <c r="A84932" i="1" s="1"/>
  <c r="A84933" i="1" s="1"/>
  <c r="A84934" i="1" s="1"/>
  <c r="A84935" i="1" s="1"/>
  <c r="A84936" i="1" s="1"/>
  <c r="A84937" i="1" s="1"/>
  <c r="A84938" i="1" s="1"/>
  <c r="A84939" i="1" s="1"/>
  <c r="A84940" i="1" s="1"/>
  <c r="A84941" i="1" s="1"/>
  <c r="A84942" i="1" s="1"/>
  <c r="A84943" i="1" s="1"/>
  <c r="A84944" i="1" s="1"/>
  <c r="A84945" i="1" s="1"/>
  <c r="A84946" i="1" s="1"/>
  <c r="A84947" i="1" s="1"/>
  <c r="A84948" i="1" s="1"/>
  <c r="A84949" i="1" s="1"/>
  <c r="A84950" i="1" s="1"/>
  <c r="A84951" i="1" s="1"/>
  <c r="A84952" i="1" s="1"/>
  <c r="A84953" i="1" s="1"/>
  <c r="A84954" i="1" s="1"/>
  <c r="A84955" i="1" s="1"/>
  <c r="A84956" i="1" s="1"/>
  <c r="A84957" i="1" s="1"/>
  <c r="A84958" i="1" s="1"/>
  <c r="A84959" i="1" s="1"/>
  <c r="A84960" i="1" s="1"/>
  <c r="A84961" i="1" s="1"/>
  <c r="A84962" i="1" s="1"/>
  <c r="A84963" i="1" s="1"/>
  <c r="A84964" i="1" s="1"/>
  <c r="A84965" i="1" s="1"/>
  <c r="A84966" i="1" s="1"/>
  <c r="A84967" i="1" s="1"/>
  <c r="A84968" i="1" s="1"/>
  <c r="A84969" i="1" s="1"/>
  <c r="A84970" i="1" s="1"/>
  <c r="A84971" i="1" s="1"/>
  <c r="A84972" i="1" s="1"/>
  <c r="A84973" i="1" s="1"/>
  <c r="A84974" i="1" s="1"/>
  <c r="A84975" i="1" s="1"/>
  <c r="A84976" i="1" s="1"/>
  <c r="A84977" i="1" s="1"/>
  <c r="A84978" i="1" s="1"/>
  <c r="A84979" i="1" s="1"/>
  <c r="A84980" i="1" s="1"/>
  <c r="A84981" i="1" s="1"/>
  <c r="A84982" i="1" s="1"/>
  <c r="A84983" i="1" s="1"/>
  <c r="A84984" i="1" s="1"/>
  <c r="A84985" i="1" s="1"/>
  <c r="A84986" i="1" s="1"/>
  <c r="A84987" i="1" s="1"/>
  <c r="A84988" i="1" s="1"/>
  <c r="A84989" i="1" s="1"/>
  <c r="A84990" i="1" s="1"/>
  <c r="A84991" i="1" s="1"/>
  <c r="A84992" i="1" s="1"/>
  <c r="A84993" i="1" s="1"/>
  <c r="A84994" i="1" s="1"/>
  <c r="A84995" i="1" s="1"/>
  <c r="A84996" i="1" s="1"/>
  <c r="A84997" i="1" s="1"/>
  <c r="A84998" i="1" s="1"/>
  <c r="A84999" i="1" s="1"/>
  <c r="A85000" i="1" s="1"/>
  <c r="A85001" i="1" s="1"/>
  <c r="A85002" i="1" s="1"/>
  <c r="A85003" i="1" s="1"/>
  <c r="A85004" i="1" s="1"/>
  <c r="A85005" i="1" s="1"/>
  <c r="A85006" i="1" s="1"/>
  <c r="A85007" i="1" s="1"/>
  <c r="A85008" i="1" s="1"/>
  <c r="A85009" i="1" s="1"/>
  <c r="A85010" i="1" s="1"/>
  <c r="A85011" i="1" s="1"/>
  <c r="A85012" i="1" s="1"/>
  <c r="A85013" i="1" s="1"/>
  <c r="A85014" i="1" s="1"/>
  <c r="A85015" i="1" s="1"/>
  <c r="A85016" i="1" s="1"/>
  <c r="A85017" i="1" s="1"/>
  <c r="A85018" i="1" s="1"/>
  <c r="A85019" i="1" s="1"/>
  <c r="A85020" i="1" s="1"/>
  <c r="A85021" i="1" s="1"/>
  <c r="A85022" i="1" s="1"/>
  <c r="A85023" i="1" s="1"/>
  <c r="A85024" i="1" s="1"/>
  <c r="A85025" i="1" s="1"/>
  <c r="A85026" i="1" s="1"/>
  <c r="A85027" i="1" s="1"/>
  <c r="A85028" i="1" s="1"/>
  <c r="A85029" i="1" s="1"/>
  <c r="A85030" i="1" s="1"/>
  <c r="A85031" i="1" s="1"/>
  <c r="A85032" i="1" s="1"/>
  <c r="A85033" i="1" s="1"/>
  <c r="A85034" i="1" s="1"/>
  <c r="A85035" i="1" s="1"/>
  <c r="A85036" i="1" s="1"/>
  <c r="A85037" i="1" s="1"/>
  <c r="A85038" i="1" s="1"/>
  <c r="A85039" i="1" s="1"/>
  <c r="A85040" i="1" s="1"/>
  <c r="A85041" i="1" s="1"/>
  <c r="A85042" i="1" s="1"/>
  <c r="A85043" i="1" s="1"/>
  <c r="A85044" i="1" s="1"/>
  <c r="A85045" i="1" s="1"/>
  <c r="A85046" i="1" s="1"/>
  <c r="A85047" i="1" s="1"/>
  <c r="A85048" i="1" s="1"/>
  <c r="A85049" i="1" s="1"/>
  <c r="A85050" i="1" s="1"/>
  <c r="A85051" i="1" s="1"/>
  <c r="A85052" i="1" s="1"/>
  <c r="A85053" i="1" s="1"/>
  <c r="A85054" i="1" s="1"/>
  <c r="A85055" i="1" s="1"/>
  <c r="A85056" i="1" s="1"/>
  <c r="A85057" i="1" s="1"/>
  <c r="A85058" i="1" s="1"/>
  <c r="A85059" i="1" s="1"/>
  <c r="A85060" i="1" s="1"/>
  <c r="A85061" i="1" s="1"/>
  <c r="A85062" i="1" s="1"/>
  <c r="A85063" i="1" s="1"/>
  <c r="A85064" i="1" s="1"/>
  <c r="A85065" i="1" s="1"/>
  <c r="A85066" i="1" s="1"/>
  <c r="A85067" i="1" s="1"/>
  <c r="A85068" i="1" s="1"/>
  <c r="A85069" i="1" s="1"/>
  <c r="A85070" i="1" s="1"/>
  <c r="A85071" i="1" s="1"/>
  <c r="A85072" i="1" s="1"/>
  <c r="A85073" i="1" s="1"/>
  <c r="A85074" i="1" s="1"/>
  <c r="A85075" i="1" s="1"/>
  <c r="A85076" i="1" s="1"/>
  <c r="A85077" i="1" s="1"/>
  <c r="A85078" i="1" s="1"/>
  <c r="A85079" i="1" s="1"/>
  <c r="A85080" i="1" s="1"/>
  <c r="A85081" i="1" s="1"/>
  <c r="A85082" i="1" s="1"/>
  <c r="A85083" i="1" s="1"/>
  <c r="A85084" i="1" s="1"/>
  <c r="A85085" i="1" s="1"/>
  <c r="A85086" i="1" s="1"/>
  <c r="A85087" i="1" s="1"/>
  <c r="A85088" i="1" s="1"/>
  <c r="A85089" i="1" s="1"/>
  <c r="A85090" i="1" s="1"/>
  <c r="A85091" i="1" s="1"/>
  <c r="A85092" i="1" s="1"/>
  <c r="A85093" i="1" s="1"/>
  <c r="A85094" i="1" s="1"/>
  <c r="A85095" i="1" s="1"/>
  <c r="A85096" i="1" s="1"/>
  <c r="A85097" i="1" s="1"/>
  <c r="A85098" i="1" s="1"/>
  <c r="A85099" i="1" s="1"/>
  <c r="A85100" i="1" s="1"/>
  <c r="A85101" i="1" s="1"/>
  <c r="A85102" i="1" s="1"/>
  <c r="A85103" i="1" s="1"/>
  <c r="A85104" i="1" s="1"/>
  <c r="A85105" i="1" s="1"/>
  <c r="A85106" i="1" s="1"/>
  <c r="A85107" i="1" s="1"/>
  <c r="A85108" i="1" s="1"/>
  <c r="A85109" i="1" s="1"/>
  <c r="A85110" i="1" s="1"/>
  <c r="A85111" i="1" s="1"/>
  <c r="A85112" i="1" s="1"/>
  <c r="A85113" i="1" s="1"/>
  <c r="A85114" i="1" s="1"/>
  <c r="A85115" i="1" s="1"/>
  <c r="A85116" i="1" s="1"/>
  <c r="A85117" i="1" s="1"/>
  <c r="A85118" i="1" s="1"/>
  <c r="A85119" i="1" s="1"/>
  <c r="A85120" i="1" s="1"/>
  <c r="A85121" i="1" s="1"/>
  <c r="A85122" i="1" s="1"/>
  <c r="A85123" i="1" s="1"/>
  <c r="A85124" i="1" s="1"/>
  <c r="A85125" i="1" s="1"/>
  <c r="A85126" i="1" s="1"/>
  <c r="A85127" i="1" s="1"/>
  <c r="A85128" i="1" s="1"/>
  <c r="A85129" i="1" s="1"/>
  <c r="A85130" i="1" s="1"/>
  <c r="A85131" i="1" s="1"/>
  <c r="A85132" i="1" s="1"/>
  <c r="A85133" i="1" s="1"/>
  <c r="A85134" i="1" s="1"/>
  <c r="A85135" i="1" s="1"/>
  <c r="A85136" i="1" s="1"/>
  <c r="A85137" i="1" s="1"/>
  <c r="A85138" i="1" s="1"/>
  <c r="A85139" i="1" s="1"/>
  <c r="A85140" i="1" s="1"/>
  <c r="A85141" i="1" s="1"/>
  <c r="A85142" i="1" s="1"/>
  <c r="A85143" i="1" s="1"/>
  <c r="A85144" i="1" s="1"/>
  <c r="A85145" i="1" s="1"/>
  <c r="A85146" i="1" s="1"/>
  <c r="A85147" i="1" s="1"/>
  <c r="A85148" i="1" s="1"/>
  <c r="A85149" i="1" s="1"/>
  <c r="A85150" i="1" s="1"/>
  <c r="A85151" i="1" s="1"/>
  <c r="A85152" i="1" s="1"/>
  <c r="A85153" i="1" s="1"/>
  <c r="A85154" i="1" s="1"/>
  <c r="A85155" i="1" s="1"/>
  <c r="A85156" i="1" s="1"/>
  <c r="A85157" i="1" s="1"/>
  <c r="A85158" i="1" s="1"/>
  <c r="A85159" i="1" s="1"/>
  <c r="A85160" i="1" s="1"/>
  <c r="A85161" i="1" s="1"/>
  <c r="A85162" i="1" s="1"/>
  <c r="A85163" i="1" s="1"/>
  <c r="A85164" i="1" s="1"/>
  <c r="A85165" i="1" s="1"/>
  <c r="A85166" i="1" s="1"/>
  <c r="A85167" i="1" s="1"/>
  <c r="A85168" i="1" s="1"/>
  <c r="A85169" i="1" s="1"/>
  <c r="A85170" i="1" s="1"/>
  <c r="A85171" i="1" s="1"/>
  <c r="A85172" i="1" s="1"/>
  <c r="A85173" i="1" s="1"/>
  <c r="A85174" i="1" s="1"/>
  <c r="A85175" i="1" s="1"/>
  <c r="A85176" i="1" s="1"/>
  <c r="A85177" i="1" s="1"/>
  <c r="A85178" i="1" s="1"/>
  <c r="A85179" i="1" s="1"/>
  <c r="A85180" i="1" s="1"/>
  <c r="A85181" i="1" s="1"/>
  <c r="A85182" i="1" s="1"/>
  <c r="A85183" i="1" s="1"/>
  <c r="A85184" i="1" s="1"/>
  <c r="A85185" i="1" s="1"/>
  <c r="A85186" i="1" s="1"/>
  <c r="A85187" i="1" s="1"/>
  <c r="A85188" i="1" s="1"/>
  <c r="A85189" i="1" s="1"/>
  <c r="A85190" i="1" s="1"/>
  <c r="A85191" i="1" s="1"/>
  <c r="A85192" i="1" s="1"/>
  <c r="A85193" i="1" s="1"/>
  <c r="A85194" i="1" s="1"/>
  <c r="A85195" i="1" s="1"/>
  <c r="A85196" i="1" s="1"/>
  <c r="A85197" i="1" s="1"/>
  <c r="A85198" i="1" s="1"/>
  <c r="A85199" i="1" s="1"/>
  <c r="A85200" i="1" s="1"/>
  <c r="A85201" i="1" s="1"/>
  <c r="A85202" i="1" s="1"/>
  <c r="A85203" i="1" s="1"/>
  <c r="A85204" i="1" s="1"/>
  <c r="A85205" i="1" s="1"/>
  <c r="A85206" i="1" s="1"/>
  <c r="A85207" i="1" s="1"/>
  <c r="A85208" i="1" s="1"/>
  <c r="A85209" i="1" s="1"/>
  <c r="A85210" i="1" s="1"/>
  <c r="A85211" i="1" s="1"/>
  <c r="A85212" i="1" s="1"/>
  <c r="A85213" i="1" s="1"/>
  <c r="A85214" i="1" s="1"/>
  <c r="A85215" i="1" s="1"/>
  <c r="A85216" i="1" s="1"/>
  <c r="A85217" i="1" s="1"/>
  <c r="A85218" i="1" s="1"/>
  <c r="A85219" i="1" s="1"/>
  <c r="A85220" i="1" s="1"/>
  <c r="A85221" i="1" s="1"/>
  <c r="A85222" i="1" s="1"/>
  <c r="A85223" i="1" s="1"/>
  <c r="A85224" i="1" s="1"/>
  <c r="A85225" i="1" s="1"/>
  <c r="A85226" i="1" s="1"/>
  <c r="A85227" i="1" s="1"/>
  <c r="A85228" i="1" s="1"/>
  <c r="A85229" i="1" s="1"/>
  <c r="A85230" i="1" s="1"/>
  <c r="A85231" i="1" s="1"/>
  <c r="A85232" i="1" s="1"/>
  <c r="A85233" i="1" s="1"/>
  <c r="A85234" i="1" s="1"/>
  <c r="A85235" i="1" s="1"/>
  <c r="A85236" i="1" s="1"/>
  <c r="A85237" i="1" s="1"/>
  <c r="A85238" i="1" s="1"/>
  <c r="A85239" i="1" s="1"/>
  <c r="A85240" i="1" s="1"/>
  <c r="A85241" i="1" s="1"/>
  <c r="A85242" i="1" s="1"/>
  <c r="A85243" i="1" s="1"/>
  <c r="A85244" i="1" s="1"/>
  <c r="A85245" i="1" s="1"/>
  <c r="A85246" i="1" s="1"/>
  <c r="A85247" i="1" s="1"/>
  <c r="A85248" i="1" s="1"/>
  <c r="A85249" i="1" s="1"/>
  <c r="A85250" i="1" s="1"/>
  <c r="A85251" i="1" s="1"/>
  <c r="A85252" i="1" s="1"/>
  <c r="A85253" i="1" s="1"/>
  <c r="A85254" i="1" s="1"/>
  <c r="A85255" i="1" s="1"/>
  <c r="A85256" i="1" s="1"/>
  <c r="A85257" i="1" s="1"/>
  <c r="A85258" i="1" s="1"/>
  <c r="A85259" i="1" s="1"/>
  <c r="A85260" i="1" s="1"/>
  <c r="A85261" i="1" s="1"/>
  <c r="A85262" i="1" s="1"/>
  <c r="A85263" i="1" s="1"/>
  <c r="A85264" i="1" s="1"/>
  <c r="A85265" i="1" s="1"/>
  <c r="A85266" i="1" s="1"/>
  <c r="A85267" i="1" s="1"/>
  <c r="A85268" i="1" s="1"/>
  <c r="A85269" i="1" s="1"/>
  <c r="A85270" i="1" s="1"/>
  <c r="A85271" i="1" s="1"/>
  <c r="A85272" i="1" s="1"/>
  <c r="A85273" i="1" s="1"/>
  <c r="A85274" i="1" s="1"/>
  <c r="A85275" i="1" s="1"/>
  <c r="A85276" i="1" s="1"/>
  <c r="A85277" i="1" s="1"/>
  <c r="A85278" i="1" s="1"/>
  <c r="A85279" i="1" s="1"/>
  <c r="A85280" i="1" s="1"/>
  <c r="A85281" i="1" s="1"/>
  <c r="A85282" i="1" s="1"/>
  <c r="A85283" i="1" s="1"/>
  <c r="A85284" i="1" s="1"/>
  <c r="A85285" i="1" s="1"/>
  <c r="A85286" i="1" s="1"/>
  <c r="A85287" i="1" s="1"/>
  <c r="A85288" i="1" s="1"/>
  <c r="A85289" i="1" s="1"/>
  <c r="A85290" i="1" s="1"/>
  <c r="A85291" i="1" s="1"/>
  <c r="A85292" i="1" s="1"/>
  <c r="A85293" i="1" s="1"/>
  <c r="A85294" i="1" s="1"/>
  <c r="A85295" i="1" s="1"/>
  <c r="A85296" i="1" s="1"/>
  <c r="A85297" i="1" s="1"/>
  <c r="A85298" i="1" s="1"/>
  <c r="A85299" i="1" s="1"/>
  <c r="A85300" i="1" s="1"/>
  <c r="A85301" i="1" s="1"/>
  <c r="A85302" i="1" s="1"/>
  <c r="A85303" i="1" s="1"/>
  <c r="A85304" i="1" s="1"/>
  <c r="A85305" i="1" s="1"/>
  <c r="A85306" i="1" s="1"/>
  <c r="A85307" i="1" s="1"/>
  <c r="A85308" i="1" s="1"/>
  <c r="A85309" i="1" s="1"/>
  <c r="A85310" i="1" s="1"/>
  <c r="A85311" i="1" s="1"/>
  <c r="A85312" i="1" s="1"/>
  <c r="A85313" i="1" s="1"/>
  <c r="A85314" i="1" s="1"/>
  <c r="A85315" i="1" s="1"/>
  <c r="A85316" i="1" s="1"/>
  <c r="A85317" i="1" s="1"/>
  <c r="A85318" i="1" s="1"/>
  <c r="A85319" i="1" s="1"/>
  <c r="A85320" i="1" s="1"/>
  <c r="A85321" i="1" s="1"/>
  <c r="A85322" i="1" s="1"/>
  <c r="A85323" i="1" s="1"/>
  <c r="A85324" i="1" s="1"/>
  <c r="A85325" i="1" s="1"/>
  <c r="A85326" i="1" s="1"/>
  <c r="A85327" i="1" s="1"/>
  <c r="A85328" i="1" s="1"/>
  <c r="A85329" i="1" s="1"/>
  <c r="A85330" i="1" s="1"/>
  <c r="A85331" i="1" s="1"/>
  <c r="A85332" i="1" s="1"/>
  <c r="A85333" i="1" s="1"/>
  <c r="A85334" i="1" s="1"/>
  <c r="A85335" i="1" s="1"/>
  <c r="A85336" i="1" s="1"/>
  <c r="A85337" i="1" s="1"/>
  <c r="A85338" i="1" s="1"/>
  <c r="A85339" i="1" s="1"/>
  <c r="A85340" i="1" s="1"/>
  <c r="A85341" i="1" s="1"/>
  <c r="A85342" i="1" s="1"/>
  <c r="A85343" i="1" s="1"/>
  <c r="A85344" i="1" s="1"/>
  <c r="A85345" i="1" s="1"/>
  <c r="A85346" i="1" s="1"/>
  <c r="A85347" i="1" s="1"/>
  <c r="A85348" i="1" s="1"/>
  <c r="A85349" i="1" s="1"/>
  <c r="A85350" i="1" s="1"/>
  <c r="A85351" i="1" s="1"/>
  <c r="A85352" i="1" s="1"/>
  <c r="A85353" i="1" s="1"/>
  <c r="A85354" i="1" s="1"/>
  <c r="A85355" i="1" s="1"/>
  <c r="A85356" i="1" s="1"/>
  <c r="A85357" i="1" s="1"/>
  <c r="A85358" i="1" s="1"/>
  <c r="A85359" i="1" s="1"/>
  <c r="A85360" i="1" s="1"/>
  <c r="A85361" i="1" s="1"/>
  <c r="A85362" i="1" s="1"/>
  <c r="A85363" i="1" s="1"/>
  <c r="A85364" i="1" s="1"/>
  <c r="A85365" i="1" s="1"/>
  <c r="A85366" i="1" s="1"/>
  <c r="A85367" i="1" s="1"/>
  <c r="A85368" i="1" s="1"/>
  <c r="A85369" i="1" s="1"/>
  <c r="A85370" i="1" s="1"/>
  <c r="A85371" i="1" s="1"/>
  <c r="A85372" i="1" s="1"/>
  <c r="A85373" i="1" s="1"/>
  <c r="A85374" i="1" s="1"/>
  <c r="A85375" i="1" s="1"/>
  <c r="A85376" i="1" s="1"/>
  <c r="A85377" i="1" s="1"/>
  <c r="A85378" i="1" s="1"/>
  <c r="A85379" i="1" s="1"/>
  <c r="A85380" i="1" s="1"/>
  <c r="A85381" i="1" s="1"/>
  <c r="A85382" i="1" s="1"/>
  <c r="A85383" i="1" s="1"/>
  <c r="A85384" i="1" s="1"/>
  <c r="A85385" i="1" s="1"/>
  <c r="A85386" i="1" s="1"/>
  <c r="A85387" i="1" s="1"/>
  <c r="A85388" i="1" s="1"/>
  <c r="A85389" i="1" s="1"/>
  <c r="A85390" i="1" s="1"/>
  <c r="A85391" i="1" s="1"/>
  <c r="A85392" i="1" s="1"/>
  <c r="A85393" i="1" s="1"/>
  <c r="A85394" i="1" s="1"/>
  <c r="A85395" i="1" s="1"/>
  <c r="A85396" i="1" s="1"/>
  <c r="A85397" i="1" s="1"/>
  <c r="A85398" i="1" s="1"/>
  <c r="A85399" i="1" s="1"/>
  <c r="A85400" i="1" s="1"/>
  <c r="A85401" i="1" s="1"/>
  <c r="A85402" i="1" s="1"/>
  <c r="A85403" i="1" s="1"/>
  <c r="A85404" i="1" s="1"/>
  <c r="A85405" i="1" s="1"/>
  <c r="A85406" i="1" s="1"/>
  <c r="A85407" i="1" s="1"/>
  <c r="A85408" i="1" s="1"/>
  <c r="A85409" i="1" s="1"/>
  <c r="A85410" i="1" s="1"/>
  <c r="A85411" i="1" s="1"/>
  <c r="A85412" i="1" s="1"/>
  <c r="A85413" i="1" s="1"/>
  <c r="A85414" i="1" s="1"/>
  <c r="A85415" i="1" s="1"/>
  <c r="A85416" i="1" s="1"/>
  <c r="A85417" i="1" s="1"/>
  <c r="A85418" i="1" s="1"/>
  <c r="A85419" i="1" s="1"/>
  <c r="A85420" i="1" s="1"/>
  <c r="A85421" i="1" s="1"/>
  <c r="A85422" i="1" s="1"/>
  <c r="A85423" i="1" s="1"/>
  <c r="A85424" i="1" s="1"/>
  <c r="A85425" i="1" s="1"/>
  <c r="A85426" i="1" s="1"/>
  <c r="A85427" i="1" s="1"/>
  <c r="A85428" i="1" s="1"/>
  <c r="A85429" i="1" s="1"/>
  <c r="A85430" i="1" s="1"/>
  <c r="A85431" i="1" s="1"/>
  <c r="A85432" i="1" s="1"/>
  <c r="A85433" i="1" s="1"/>
  <c r="A85434" i="1" s="1"/>
  <c r="A85435" i="1" s="1"/>
  <c r="A85436" i="1" s="1"/>
  <c r="A85437" i="1" s="1"/>
  <c r="A85438" i="1" s="1"/>
  <c r="A85439" i="1" s="1"/>
  <c r="A85440" i="1" s="1"/>
  <c r="A85441" i="1" s="1"/>
  <c r="A85442" i="1" s="1"/>
  <c r="A85443" i="1" s="1"/>
  <c r="A85444" i="1" s="1"/>
  <c r="A85445" i="1" s="1"/>
  <c r="A85446" i="1" s="1"/>
  <c r="A85447" i="1" s="1"/>
  <c r="A85448" i="1" s="1"/>
  <c r="A85449" i="1" s="1"/>
  <c r="A85450" i="1" s="1"/>
  <c r="A85451" i="1" s="1"/>
  <c r="A85452" i="1" s="1"/>
  <c r="A85453" i="1" s="1"/>
  <c r="A85454" i="1" s="1"/>
  <c r="A85455" i="1" s="1"/>
  <c r="A85456" i="1" s="1"/>
  <c r="A85457" i="1" s="1"/>
  <c r="A85458" i="1" s="1"/>
  <c r="A85459" i="1" s="1"/>
  <c r="A85460" i="1" s="1"/>
  <c r="A85461" i="1" s="1"/>
  <c r="A85462" i="1" s="1"/>
  <c r="A85463" i="1" s="1"/>
  <c r="A85464" i="1" s="1"/>
  <c r="A85465" i="1" s="1"/>
  <c r="A85466" i="1" s="1"/>
  <c r="A85467" i="1" s="1"/>
  <c r="A85468" i="1" s="1"/>
  <c r="A85469" i="1" s="1"/>
  <c r="A85470" i="1" s="1"/>
  <c r="A85471" i="1" s="1"/>
  <c r="A85472" i="1" s="1"/>
  <c r="A85473" i="1" s="1"/>
  <c r="A85474" i="1" s="1"/>
  <c r="A85475" i="1" s="1"/>
  <c r="A85476" i="1" s="1"/>
  <c r="A85477" i="1" s="1"/>
  <c r="A85478" i="1" s="1"/>
  <c r="A85479" i="1" s="1"/>
  <c r="A85480" i="1" s="1"/>
  <c r="A85481" i="1" s="1"/>
  <c r="A85482" i="1" s="1"/>
  <c r="A85483" i="1" s="1"/>
  <c r="A85484" i="1" s="1"/>
  <c r="A85485" i="1" s="1"/>
  <c r="A85486" i="1" s="1"/>
  <c r="A85487" i="1" s="1"/>
  <c r="A85488" i="1" s="1"/>
  <c r="A85489" i="1" s="1"/>
  <c r="A85490" i="1" s="1"/>
  <c r="A85491" i="1" s="1"/>
  <c r="A85492" i="1" s="1"/>
  <c r="A85493" i="1" s="1"/>
  <c r="A85494" i="1" s="1"/>
  <c r="A85495" i="1" s="1"/>
  <c r="A85496" i="1" s="1"/>
  <c r="A85497" i="1" s="1"/>
  <c r="A85498" i="1" s="1"/>
  <c r="A85499" i="1" s="1"/>
  <c r="A85500" i="1" s="1"/>
  <c r="A85501" i="1" s="1"/>
  <c r="A85502" i="1" s="1"/>
  <c r="A85503" i="1" s="1"/>
  <c r="A85504" i="1" s="1"/>
  <c r="A85505" i="1" s="1"/>
  <c r="A85506" i="1" s="1"/>
  <c r="A85507" i="1" s="1"/>
  <c r="A85508" i="1" s="1"/>
  <c r="A85509" i="1" s="1"/>
  <c r="A85510" i="1" s="1"/>
  <c r="A85511" i="1" s="1"/>
  <c r="A85512" i="1" s="1"/>
  <c r="A85513" i="1" s="1"/>
  <c r="A85514" i="1" s="1"/>
  <c r="A85515" i="1" s="1"/>
  <c r="A85516" i="1" s="1"/>
  <c r="A85517" i="1" s="1"/>
  <c r="A85518" i="1" s="1"/>
  <c r="A85519" i="1" s="1"/>
  <c r="A85520" i="1" s="1"/>
  <c r="A85521" i="1" s="1"/>
  <c r="A85522" i="1" s="1"/>
  <c r="A85523" i="1" s="1"/>
  <c r="A85524" i="1" s="1"/>
  <c r="A85525" i="1" s="1"/>
  <c r="A85526" i="1" s="1"/>
  <c r="A85527" i="1" s="1"/>
  <c r="A85528" i="1" s="1"/>
  <c r="A85529" i="1" s="1"/>
  <c r="A85530" i="1" s="1"/>
  <c r="A85531" i="1" s="1"/>
  <c r="A85532" i="1" s="1"/>
  <c r="A85533" i="1" s="1"/>
  <c r="A85534" i="1" s="1"/>
  <c r="A85535" i="1" s="1"/>
  <c r="A85536" i="1" s="1"/>
  <c r="A85537" i="1" s="1"/>
  <c r="A85538" i="1" s="1"/>
  <c r="A85539" i="1" s="1"/>
  <c r="A85540" i="1" s="1"/>
  <c r="A85541" i="1" s="1"/>
  <c r="A85542" i="1" s="1"/>
  <c r="A85543" i="1" s="1"/>
  <c r="A85544" i="1" s="1"/>
  <c r="A85545" i="1" s="1"/>
  <c r="A85546" i="1" s="1"/>
  <c r="A85547" i="1" s="1"/>
  <c r="A85548" i="1" s="1"/>
  <c r="A85549" i="1" s="1"/>
  <c r="A85550" i="1" s="1"/>
  <c r="A85551" i="1" s="1"/>
  <c r="A85552" i="1" s="1"/>
  <c r="A85553" i="1" s="1"/>
  <c r="A85554" i="1" s="1"/>
  <c r="A85555" i="1" s="1"/>
  <c r="A85556" i="1" s="1"/>
  <c r="A85557" i="1" s="1"/>
  <c r="A85558" i="1" s="1"/>
  <c r="A85559" i="1" s="1"/>
  <c r="A85560" i="1" s="1"/>
  <c r="A85561" i="1" s="1"/>
  <c r="A85562" i="1" s="1"/>
  <c r="A85563" i="1" s="1"/>
  <c r="A85564" i="1" s="1"/>
  <c r="A85565" i="1" s="1"/>
  <c r="A85566" i="1" s="1"/>
  <c r="A85567" i="1" s="1"/>
  <c r="A85568" i="1" s="1"/>
  <c r="A85569" i="1" s="1"/>
  <c r="A85570" i="1" s="1"/>
  <c r="A85571" i="1" s="1"/>
  <c r="A85572" i="1" s="1"/>
  <c r="A85573" i="1" s="1"/>
  <c r="A85574" i="1" s="1"/>
  <c r="A85575" i="1" s="1"/>
  <c r="A85576" i="1" s="1"/>
  <c r="A85577" i="1" s="1"/>
  <c r="A85578" i="1" s="1"/>
  <c r="A85579" i="1" s="1"/>
  <c r="A85580" i="1" s="1"/>
  <c r="A85581" i="1" s="1"/>
  <c r="A85582" i="1" s="1"/>
  <c r="A85583" i="1" s="1"/>
  <c r="A85584" i="1" s="1"/>
  <c r="A85585" i="1" s="1"/>
  <c r="A85586" i="1" s="1"/>
  <c r="A85587" i="1" s="1"/>
  <c r="A85588" i="1" s="1"/>
  <c r="A85589" i="1" s="1"/>
  <c r="A85590" i="1" s="1"/>
  <c r="A85591" i="1" s="1"/>
  <c r="A85592" i="1" s="1"/>
  <c r="A85593" i="1" s="1"/>
  <c r="A85594" i="1" s="1"/>
  <c r="A85595" i="1" s="1"/>
  <c r="A85596" i="1" s="1"/>
  <c r="A85597" i="1" s="1"/>
  <c r="A85598" i="1" s="1"/>
  <c r="A85599" i="1" s="1"/>
  <c r="A85600" i="1" s="1"/>
  <c r="A85601" i="1" s="1"/>
  <c r="A85602" i="1" s="1"/>
  <c r="A85603" i="1" s="1"/>
  <c r="A85604" i="1" s="1"/>
  <c r="A85605" i="1" s="1"/>
  <c r="A85606" i="1" s="1"/>
  <c r="A85607" i="1" s="1"/>
  <c r="A85608" i="1" s="1"/>
  <c r="A85609" i="1" s="1"/>
  <c r="A85610" i="1" s="1"/>
  <c r="A85611" i="1" s="1"/>
  <c r="A85612" i="1" s="1"/>
  <c r="A85613" i="1" s="1"/>
  <c r="A85614" i="1" s="1"/>
  <c r="A85615" i="1" s="1"/>
  <c r="A85616" i="1" s="1"/>
  <c r="A85617" i="1" s="1"/>
  <c r="A85618" i="1" s="1"/>
  <c r="A85619" i="1" s="1"/>
  <c r="A85620" i="1" s="1"/>
  <c r="A85621" i="1" s="1"/>
  <c r="A85622" i="1" s="1"/>
  <c r="A85623" i="1" s="1"/>
  <c r="A85624" i="1" s="1"/>
  <c r="A85625" i="1" s="1"/>
  <c r="A85626" i="1" s="1"/>
  <c r="A85627" i="1" s="1"/>
  <c r="A85628" i="1" s="1"/>
  <c r="A85629" i="1" s="1"/>
  <c r="A85630" i="1" s="1"/>
  <c r="A85631" i="1" s="1"/>
  <c r="A85632" i="1" s="1"/>
  <c r="A85633" i="1" s="1"/>
  <c r="A85634" i="1" s="1"/>
  <c r="A85635" i="1" s="1"/>
  <c r="A85636" i="1" s="1"/>
  <c r="A85637" i="1" s="1"/>
  <c r="A85638" i="1" s="1"/>
  <c r="A85639" i="1" s="1"/>
  <c r="A85640" i="1" s="1"/>
  <c r="A85641" i="1" s="1"/>
  <c r="A85642" i="1" s="1"/>
  <c r="A85643" i="1" s="1"/>
  <c r="A85644" i="1" s="1"/>
  <c r="A85645" i="1" s="1"/>
  <c r="A85646" i="1" s="1"/>
  <c r="A85647" i="1" s="1"/>
  <c r="A85648" i="1" s="1"/>
  <c r="A85649" i="1" s="1"/>
  <c r="A85650" i="1" s="1"/>
  <c r="A85651" i="1" s="1"/>
  <c r="A85652" i="1" s="1"/>
  <c r="A85653" i="1" s="1"/>
  <c r="A85654" i="1" s="1"/>
  <c r="A85655" i="1" s="1"/>
  <c r="A85656" i="1" s="1"/>
  <c r="A85657" i="1" s="1"/>
  <c r="A85658" i="1" s="1"/>
  <c r="A85659" i="1" s="1"/>
  <c r="A85660" i="1" s="1"/>
  <c r="A85661" i="1" s="1"/>
  <c r="A85662" i="1" s="1"/>
  <c r="A85663" i="1" s="1"/>
  <c r="A85664" i="1" s="1"/>
  <c r="A85665" i="1" s="1"/>
  <c r="A85666" i="1" s="1"/>
  <c r="A85667" i="1" s="1"/>
  <c r="A85668" i="1" s="1"/>
  <c r="A85669" i="1" s="1"/>
  <c r="A85670" i="1" s="1"/>
  <c r="A85671" i="1" s="1"/>
  <c r="A85672" i="1" s="1"/>
  <c r="A85673" i="1" s="1"/>
  <c r="A85674" i="1" s="1"/>
  <c r="A85675" i="1" s="1"/>
  <c r="A85676" i="1" s="1"/>
  <c r="A85677" i="1" s="1"/>
  <c r="A85678" i="1" s="1"/>
  <c r="A85679" i="1" s="1"/>
  <c r="A85680" i="1" s="1"/>
  <c r="A85681" i="1" s="1"/>
  <c r="A85682" i="1" s="1"/>
  <c r="A85683" i="1" s="1"/>
  <c r="A85684" i="1" s="1"/>
  <c r="A85685" i="1" s="1"/>
  <c r="A85686" i="1" s="1"/>
  <c r="A85687" i="1" s="1"/>
  <c r="A85688" i="1" s="1"/>
  <c r="A85689" i="1" s="1"/>
  <c r="A85690" i="1" s="1"/>
  <c r="A85691" i="1" s="1"/>
  <c r="A85692" i="1" s="1"/>
  <c r="A85693" i="1" s="1"/>
  <c r="A85694" i="1" s="1"/>
  <c r="A85695" i="1" s="1"/>
  <c r="A85696" i="1" s="1"/>
  <c r="A85697" i="1" s="1"/>
  <c r="A85698" i="1" s="1"/>
  <c r="A85699" i="1" s="1"/>
  <c r="A85700" i="1" s="1"/>
  <c r="A85701" i="1" s="1"/>
  <c r="A85702" i="1" s="1"/>
  <c r="A85703" i="1" s="1"/>
  <c r="A85704" i="1" s="1"/>
  <c r="A85705" i="1" s="1"/>
  <c r="A85706" i="1" s="1"/>
  <c r="A85707" i="1" s="1"/>
  <c r="A85708" i="1" s="1"/>
  <c r="A85709" i="1" s="1"/>
  <c r="A85710" i="1" s="1"/>
  <c r="A85711" i="1" s="1"/>
  <c r="A85712" i="1" s="1"/>
  <c r="A85713" i="1" s="1"/>
  <c r="A85714" i="1" s="1"/>
  <c r="A85715" i="1" s="1"/>
  <c r="A85716" i="1" s="1"/>
  <c r="A85717" i="1" s="1"/>
  <c r="A85718" i="1" s="1"/>
  <c r="A85719" i="1" s="1"/>
  <c r="A85720" i="1" s="1"/>
  <c r="A85721" i="1" s="1"/>
  <c r="A85722" i="1" s="1"/>
  <c r="A85723" i="1" s="1"/>
  <c r="A85724" i="1" s="1"/>
  <c r="A85725" i="1" s="1"/>
  <c r="A85726" i="1" s="1"/>
  <c r="A85727" i="1" s="1"/>
  <c r="A85728" i="1" s="1"/>
  <c r="A85729" i="1" s="1"/>
  <c r="A85730" i="1" s="1"/>
  <c r="A85731" i="1" s="1"/>
  <c r="A85732" i="1" s="1"/>
  <c r="A85733" i="1" s="1"/>
  <c r="A85734" i="1" s="1"/>
  <c r="A85735" i="1" s="1"/>
  <c r="A85736" i="1" s="1"/>
  <c r="A85737" i="1" s="1"/>
  <c r="A85738" i="1" s="1"/>
  <c r="A85739" i="1" s="1"/>
  <c r="A85740" i="1" s="1"/>
  <c r="A85741" i="1" s="1"/>
  <c r="A85742" i="1" s="1"/>
  <c r="A85743" i="1" s="1"/>
  <c r="A85744" i="1" s="1"/>
  <c r="A85745" i="1" s="1"/>
  <c r="A85746" i="1" s="1"/>
  <c r="A85747" i="1" s="1"/>
  <c r="A85748" i="1" s="1"/>
  <c r="A85749" i="1" s="1"/>
  <c r="A85750" i="1" s="1"/>
  <c r="A85751" i="1" s="1"/>
  <c r="A85752" i="1" s="1"/>
  <c r="A85753" i="1" s="1"/>
  <c r="A85754" i="1" s="1"/>
  <c r="A85755" i="1" s="1"/>
  <c r="A85756" i="1" s="1"/>
  <c r="A85757" i="1" s="1"/>
  <c r="A85758" i="1" s="1"/>
  <c r="A85759" i="1" s="1"/>
  <c r="A85760" i="1" s="1"/>
  <c r="A85761" i="1" s="1"/>
  <c r="A85762" i="1" s="1"/>
  <c r="A85763" i="1" s="1"/>
  <c r="A85764" i="1" s="1"/>
  <c r="A85765" i="1" s="1"/>
  <c r="A85766" i="1" s="1"/>
  <c r="A85767" i="1" s="1"/>
  <c r="A85768" i="1" s="1"/>
  <c r="A85769" i="1" s="1"/>
  <c r="A85770" i="1" s="1"/>
  <c r="A85771" i="1" s="1"/>
  <c r="A85772" i="1" s="1"/>
  <c r="A85773" i="1" s="1"/>
  <c r="A85774" i="1" s="1"/>
  <c r="A85775" i="1" s="1"/>
  <c r="A85776" i="1" s="1"/>
  <c r="A85777" i="1" s="1"/>
  <c r="A85778" i="1" s="1"/>
  <c r="A85779" i="1" s="1"/>
  <c r="A85780" i="1" s="1"/>
  <c r="A85781" i="1" s="1"/>
  <c r="A85782" i="1" s="1"/>
  <c r="A85783" i="1" s="1"/>
  <c r="A85784" i="1" s="1"/>
  <c r="A85785" i="1" s="1"/>
  <c r="A85786" i="1" s="1"/>
  <c r="A85787" i="1" s="1"/>
  <c r="A85788" i="1" s="1"/>
  <c r="A85789" i="1" s="1"/>
  <c r="A85790" i="1" s="1"/>
  <c r="A85791" i="1" s="1"/>
  <c r="A85792" i="1" s="1"/>
  <c r="A85793" i="1" s="1"/>
  <c r="A85794" i="1" s="1"/>
  <c r="A85795" i="1" s="1"/>
  <c r="A85796" i="1" s="1"/>
  <c r="A85797" i="1" s="1"/>
  <c r="A85798" i="1" s="1"/>
  <c r="A85799" i="1" s="1"/>
  <c r="A85800" i="1" s="1"/>
  <c r="A85801" i="1" s="1"/>
  <c r="A85802" i="1" s="1"/>
  <c r="A85803" i="1" s="1"/>
  <c r="A85804" i="1" s="1"/>
  <c r="A85805" i="1" s="1"/>
  <c r="A85806" i="1" s="1"/>
  <c r="A85807" i="1" s="1"/>
  <c r="A85808" i="1" s="1"/>
  <c r="A85809" i="1" s="1"/>
  <c r="A85810" i="1" s="1"/>
  <c r="A85811" i="1" s="1"/>
  <c r="A85812" i="1" s="1"/>
  <c r="A85813" i="1" s="1"/>
  <c r="A85814" i="1" s="1"/>
  <c r="A85815" i="1" s="1"/>
  <c r="A85816" i="1" s="1"/>
  <c r="A85817" i="1" s="1"/>
  <c r="A85818" i="1" s="1"/>
  <c r="A85819" i="1" s="1"/>
  <c r="A85820" i="1" s="1"/>
  <c r="A85821" i="1" s="1"/>
  <c r="A85822" i="1" s="1"/>
  <c r="A85823" i="1" s="1"/>
  <c r="A85824" i="1" s="1"/>
  <c r="A85825" i="1" s="1"/>
  <c r="A85826" i="1" s="1"/>
  <c r="A85827" i="1" s="1"/>
  <c r="A85828" i="1" s="1"/>
  <c r="A85829" i="1" s="1"/>
  <c r="A85830" i="1" s="1"/>
  <c r="A85831" i="1" s="1"/>
  <c r="A85832" i="1" s="1"/>
  <c r="A85833" i="1" s="1"/>
  <c r="A85834" i="1" s="1"/>
  <c r="A85835" i="1" s="1"/>
  <c r="A85836" i="1" s="1"/>
  <c r="A85837" i="1" s="1"/>
  <c r="A85838" i="1" s="1"/>
  <c r="A85839" i="1" s="1"/>
  <c r="A85840" i="1" s="1"/>
  <c r="A85841" i="1" s="1"/>
  <c r="A85842" i="1" s="1"/>
  <c r="A85843" i="1" s="1"/>
  <c r="A85844" i="1" s="1"/>
  <c r="A85845" i="1" s="1"/>
  <c r="A85846" i="1" s="1"/>
  <c r="A85847" i="1" s="1"/>
  <c r="A85848" i="1" s="1"/>
  <c r="A85849" i="1" s="1"/>
  <c r="A85850" i="1" s="1"/>
  <c r="A85851" i="1" s="1"/>
  <c r="A85852" i="1" s="1"/>
  <c r="A85853" i="1" s="1"/>
  <c r="A85854" i="1" s="1"/>
  <c r="A85855" i="1" s="1"/>
  <c r="A85856" i="1" s="1"/>
  <c r="A85857" i="1" s="1"/>
  <c r="A85858" i="1" s="1"/>
  <c r="A85859" i="1" s="1"/>
  <c r="A85860" i="1" s="1"/>
  <c r="A85861" i="1" s="1"/>
  <c r="A85862" i="1" s="1"/>
  <c r="A85863" i="1" s="1"/>
  <c r="A85864" i="1" s="1"/>
  <c r="A85865" i="1" s="1"/>
  <c r="A85866" i="1" s="1"/>
  <c r="A85867" i="1" s="1"/>
  <c r="A85868" i="1" s="1"/>
  <c r="A85869" i="1" s="1"/>
  <c r="A85870" i="1" s="1"/>
  <c r="A85871" i="1" s="1"/>
  <c r="A85872" i="1" s="1"/>
  <c r="A85873" i="1" s="1"/>
  <c r="A85874" i="1" s="1"/>
  <c r="A85875" i="1" s="1"/>
  <c r="A85876" i="1" s="1"/>
  <c r="A85877" i="1" s="1"/>
  <c r="A85878" i="1" s="1"/>
  <c r="A85879" i="1" s="1"/>
  <c r="A85880" i="1" s="1"/>
  <c r="A85881" i="1" s="1"/>
  <c r="A85882" i="1" s="1"/>
  <c r="A85883" i="1" s="1"/>
  <c r="A85884" i="1" s="1"/>
  <c r="A85885" i="1" s="1"/>
  <c r="A85886" i="1" s="1"/>
  <c r="A85887" i="1" s="1"/>
  <c r="A85888" i="1" s="1"/>
  <c r="A85889" i="1" s="1"/>
  <c r="A85890" i="1" s="1"/>
  <c r="A85891" i="1" s="1"/>
  <c r="A85892" i="1" s="1"/>
  <c r="A85893" i="1" s="1"/>
  <c r="A85894" i="1" s="1"/>
  <c r="A85895" i="1" s="1"/>
  <c r="A85896" i="1" s="1"/>
  <c r="A85897" i="1" s="1"/>
  <c r="A85898" i="1" s="1"/>
  <c r="A85899" i="1" s="1"/>
  <c r="A85900" i="1" s="1"/>
  <c r="A85901" i="1" s="1"/>
  <c r="A85902" i="1" s="1"/>
  <c r="A85903" i="1" s="1"/>
  <c r="A85904" i="1" s="1"/>
  <c r="A85905" i="1" s="1"/>
  <c r="A85906" i="1" s="1"/>
  <c r="A85907" i="1" s="1"/>
  <c r="A85908" i="1" s="1"/>
  <c r="A85909" i="1" s="1"/>
  <c r="A85910" i="1" s="1"/>
  <c r="A85911" i="1" s="1"/>
  <c r="A85912" i="1" s="1"/>
  <c r="A85913" i="1" s="1"/>
  <c r="A85914" i="1" s="1"/>
  <c r="A85915" i="1" s="1"/>
  <c r="A85916" i="1" s="1"/>
  <c r="A85917" i="1" s="1"/>
  <c r="A85918" i="1" s="1"/>
  <c r="A85919" i="1" s="1"/>
  <c r="A85920" i="1" s="1"/>
  <c r="A85921" i="1" s="1"/>
  <c r="A85922" i="1" s="1"/>
  <c r="A85923" i="1" s="1"/>
  <c r="A85924" i="1" s="1"/>
  <c r="A85925" i="1" s="1"/>
  <c r="A85926" i="1" s="1"/>
  <c r="A85927" i="1" s="1"/>
  <c r="A85928" i="1" s="1"/>
  <c r="A85929" i="1" s="1"/>
  <c r="A85930" i="1" s="1"/>
  <c r="A85931" i="1" s="1"/>
  <c r="A85932" i="1" s="1"/>
  <c r="A85933" i="1" s="1"/>
  <c r="A85934" i="1" s="1"/>
  <c r="A85935" i="1" s="1"/>
  <c r="A85936" i="1" s="1"/>
  <c r="A85937" i="1" s="1"/>
  <c r="A85938" i="1" s="1"/>
  <c r="A85939" i="1" s="1"/>
  <c r="A85940" i="1" s="1"/>
  <c r="A85941" i="1" s="1"/>
  <c r="A85942" i="1" s="1"/>
  <c r="A85943" i="1" s="1"/>
  <c r="A85944" i="1" s="1"/>
  <c r="A85945" i="1" s="1"/>
  <c r="A85946" i="1" s="1"/>
  <c r="A85947" i="1" s="1"/>
  <c r="A85948" i="1" s="1"/>
  <c r="A85949" i="1" s="1"/>
  <c r="A85950" i="1" s="1"/>
  <c r="A85951" i="1" s="1"/>
  <c r="A85952" i="1" s="1"/>
  <c r="A85953" i="1" s="1"/>
  <c r="A85954" i="1" s="1"/>
  <c r="A85955" i="1" s="1"/>
  <c r="A85956" i="1" s="1"/>
  <c r="A85957" i="1" s="1"/>
  <c r="A85958" i="1" s="1"/>
  <c r="A85959" i="1" s="1"/>
  <c r="A85960" i="1" s="1"/>
  <c r="A85961" i="1" s="1"/>
  <c r="A85962" i="1" s="1"/>
  <c r="A85963" i="1" s="1"/>
  <c r="A85964" i="1" s="1"/>
  <c r="A85965" i="1" s="1"/>
  <c r="A85966" i="1" s="1"/>
  <c r="A85967" i="1" s="1"/>
  <c r="A85968" i="1" s="1"/>
  <c r="A85969" i="1" s="1"/>
  <c r="A85970" i="1" s="1"/>
  <c r="A85971" i="1" s="1"/>
  <c r="A85972" i="1" s="1"/>
  <c r="A85973" i="1" s="1"/>
  <c r="A85974" i="1" s="1"/>
  <c r="A85975" i="1" s="1"/>
  <c r="A85976" i="1" s="1"/>
  <c r="A85977" i="1" s="1"/>
  <c r="A85978" i="1" s="1"/>
  <c r="A85979" i="1" s="1"/>
  <c r="A85980" i="1" s="1"/>
  <c r="A85981" i="1" s="1"/>
  <c r="A85982" i="1" s="1"/>
  <c r="A85983" i="1" s="1"/>
  <c r="A85984" i="1" s="1"/>
  <c r="A85985" i="1" s="1"/>
  <c r="A85986" i="1" s="1"/>
  <c r="A85987" i="1" s="1"/>
  <c r="A85988" i="1" s="1"/>
  <c r="A85989" i="1" s="1"/>
  <c r="A85990" i="1" s="1"/>
  <c r="A85991" i="1" s="1"/>
  <c r="A85992" i="1" s="1"/>
  <c r="A85993" i="1" s="1"/>
  <c r="A85994" i="1" s="1"/>
  <c r="A85995" i="1" s="1"/>
  <c r="A85996" i="1" s="1"/>
  <c r="A85997" i="1" s="1"/>
  <c r="A85998" i="1" s="1"/>
  <c r="A85999" i="1" s="1"/>
  <c r="A86000" i="1" s="1"/>
  <c r="A86001" i="1" s="1"/>
  <c r="A86002" i="1" s="1"/>
  <c r="A86003" i="1" s="1"/>
  <c r="A86004" i="1" s="1"/>
  <c r="A86005" i="1" s="1"/>
  <c r="A86006" i="1" s="1"/>
  <c r="A86007" i="1" s="1"/>
  <c r="A86008" i="1" s="1"/>
  <c r="A86009" i="1" s="1"/>
  <c r="A86010" i="1" s="1"/>
  <c r="A86011" i="1" s="1"/>
  <c r="A86012" i="1" s="1"/>
  <c r="A86013" i="1" s="1"/>
  <c r="A86014" i="1" s="1"/>
  <c r="A86015" i="1" s="1"/>
  <c r="A86016" i="1" s="1"/>
  <c r="A86017" i="1" s="1"/>
  <c r="A86018" i="1" s="1"/>
  <c r="A86019" i="1" s="1"/>
  <c r="A86020" i="1" s="1"/>
  <c r="A86021" i="1" s="1"/>
  <c r="A86022" i="1" s="1"/>
  <c r="A86023" i="1" s="1"/>
  <c r="A86024" i="1" s="1"/>
  <c r="A86025" i="1" s="1"/>
  <c r="A86026" i="1" s="1"/>
  <c r="A86027" i="1" s="1"/>
  <c r="A86028" i="1" s="1"/>
  <c r="A86029" i="1" s="1"/>
  <c r="A86030" i="1" s="1"/>
  <c r="A86031" i="1" s="1"/>
  <c r="A86032" i="1" s="1"/>
  <c r="A86033" i="1" s="1"/>
  <c r="A86034" i="1" s="1"/>
  <c r="A86035" i="1" s="1"/>
  <c r="A86036" i="1" s="1"/>
  <c r="A86037" i="1" s="1"/>
  <c r="A86038" i="1" s="1"/>
  <c r="A86039" i="1" s="1"/>
  <c r="A86040" i="1" s="1"/>
  <c r="A86041" i="1" s="1"/>
  <c r="A86042" i="1" s="1"/>
  <c r="A86043" i="1" s="1"/>
  <c r="A86044" i="1" s="1"/>
  <c r="A86045" i="1" s="1"/>
  <c r="A86046" i="1" s="1"/>
  <c r="A86047" i="1" s="1"/>
  <c r="A86048" i="1" s="1"/>
  <c r="A86049" i="1" s="1"/>
  <c r="A86050" i="1" s="1"/>
  <c r="A86051" i="1" s="1"/>
  <c r="A86052" i="1" s="1"/>
  <c r="A86053" i="1" s="1"/>
  <c r="A86054" i="1" s="1"/>
  <c r="A86055" i="1" s="1"/>
  <c r="A86056" i="1" s="1"/>
  <c r="A86057" i="1" s="1"/>
  <c r="A86058" i="1" s="1"/>
  <c r="A86059" i="1" s="1"/>
  <c r="A86060" i="1" s="1"/>
  <c r="A86061" i="1" s="1"/>
  <c r="A86062" i="1" s="1"/>
  <c r="A86063" i="1" s="1"/>
  <c r="A86064" i="1" s="1"/>
  <c r="A86065" i="1" s="1"/>
  <c r="A86066" i="1" s="1"/>
  <c r="A86067" i="1" s="1"/>
  <c r="A86068" i="1" s="1"/>
  <c r="A86069" i="1" s="1"/>
  <c r="A86070" i="1" s="1"/>
  <c r="A86071" i="1" s="1"/>
  <c r="A86072" i="1" s="1"/>
  <c r="A86073" i="1" s="1"/>
  <c r="A86074" i="1" s="1"/>
  <c r="A86075" i="1" s="1"/>
  <c r="A86076" i="1" s="1"/>
  <c r="A86077" i="1" s="1"/>
  <c r="A86078" i="1" s="1"/>
  <c r="A86079" i="1" s="1"/>
  <c r="A86080" i="1" s="1"/>
  <c r="A86081" i="1" s="1"/>
  <c r="A86082" i="1" s="1"/>
  <c r="A86083" i="1" s="1"/>
  <c r="A86084" i="1" s="1"/>
  <c r="A86085" i="1" s="1"/>
  <c r="A86086" i="1" s="1"/>
  <c r="A86087" i="1" s="1"/>
  <c r="A86088" i="1" s="1"/>
  <c r="A86089" i="1" s="1"/>
  <c r="A86090" i="1" s="1"/>
  <c r="A86091" i="1" s="1"/>
  <c r="A86092" i="1" s="1"/>
  <c r="A86093" i="1" s="1"/>
  <c r="A86094" i="1" s="1"/>
  <c r="A86095" i="1" s="1"/>
  <c r="A86096" i="1" s="1"/>
  <c r="A86097" i="1" s="1"/>
  <c r="A86098" i="1" s="1"/>
  <c r="A86099" i="1" s="1"/>
  <c r="A86100" i="1" s="1"/>
  <c r="A86101" i="1" s="1"/>
  <c r="A86102" i="1" s="1"/>
  <c r="A86103" i="1" s="1"/>
  <c r="A86104" i="1" s="1"/>
  <c r="A86105" i="1" s="1"/>
  <c r="A86106" i="1" s="1"/>
  <c r="A86107" i="1" s="1"/>
  <c r="A86108" i="1" s="1"/>
  <c r="A86109" i="1" s="1"/>
  <c r="A86110" i="1" s="1"/>
  <c r="A86111" i="1" s="1"/>
  <c r="A86112" i="1" s="1"/>
  <c r="A86113" i="1" s="1"/>
  <c r="A86114" i="1" s="1"/>
  <c r="A86115" i="1" s="1"/>
  <c r="A86116" i="1" s="1"/>
  <c r="A86117" i="1" s="1"/>
  <c r="A86118" i="1" s="1"/>
  <c r="A86119" i="1" s="1"/>
  <c r="A86120" i="1" s="1"/>
  <c r="A86121" i="1" s="1"/>
  <c r="A86122" i="1" s="1"/>
  <c r="A86123" i="1" s="1"/>
  <c r="A86124" i="1" s="1"/>
  <c r="A86125" i="1" s="1"/>
  <c r="A86126" i="1" s="1"/>
  <c r="A86127" i="1" s="1"/>
  <c r="A86128" i="1" s="1"/>
  <c r="A86129" i="1" s="1"/>
  <c r="A86130" i="1" s="1"/>
  <c r="A86131" i="1" s="1"/>
  <c r="A86132" i="1" s="1"/>
  <c r="A86133" i="1" s="1"/>
  <c r="A86134" i="1" s="1"/>
  <c r="A86135" i="1" s="1"/>
  <c r="A86136" i="1" s="1"/>
  <c r="A86137" i="1" s="1"/>
  <c r="A86138" i="1" s="1"/>
  <c r="A86139" i="1" s="1"/>
  <c r="A86140" i="1" s="1"/>
  <c r="A86141" i="1" s="1"/>
  <c r="A86142" i="1" s="1"/>
  <c r="A86143" i="1" s="1"/>
  <c r="A86144" i="1" s="1"/>
  <c r="A86145" i="1" s="1"/>
  <c r="A86146" i="1" s="1"/>
  <c r="A86147" i="1" s="1"/>
  <c r="A86148" i="1" s="1"/>
  <c r="A86149" i="1" s="1"/>
  <c r="A86150" i="1" s="1"/>
  <c r="A86151" i="1" s="1"/>
  <c r="A86152" i="1" s="1"/>
  <c r="A86153" i="1" s="1"/>
  <c r="A86154" i="1" s="1"/>
  <c r="A86155" i="1" s="1"/>
  <c r="A86156" i="1" s="1"/>
  <c r="A86157" i="1" s="1"/>
  <c r="A86158" i="1" s="1"/>
  <c r="A86159" i="1" s="1"/>
  <c r="A86160" i="1" s="1"/>
  <c r="A86161" i="1" s="1"/>
  <c r="A86162" i="1" s="1"/>
  <c r="A86163" i="1" s="1"/>
  <c r="A86164" i="1" s="1"/>
  <c r="A86165" i="1" s="1"/>
  <c r="A86166" i="1" s="1"/>
  <c r="A86167" i="1" s="1"/>
  <c r="A86168" i="1" s="1"/>
  <c r="A86169" i="1" s="1"/>
  <c r="A86170" i="1" s="1"/>
  <c r="A86171" i="1" s="1"/>
  <c r="A86172" i="1" s="1"/>
  <c r="A86173" i="1" s="1"/>
  <c r="A86174" i="1" s="1"/>
  <c r="A86175" i="1" s="1"/>
  <c r="A86176" i="1" s="1"/>
  <c r="A86177" i="1" s="1"/>
  <c r="A86178" i="1" s="1"/>
  <c r="A86179" i="1" s="1"/>
  <c r="A86180" i="1" s="1"/>
  <c r="A86181" i="1" s="1"/>
  <c r="A86182" i="1" s="1"/>
  <c r="A86183" i="1" s="1"/>
  <c r="A86184" i="1" s="1"/>
  <c r="A86185" i="1" s="1"/>
  <c r="A86186" i="1" s="1"/>
  <c r="A86187" i="1" s="1"/>
  <c r="A86188" i="1" s="1"/>
  <c r="A86189" i="1" s="1"/>
  <c r="A86190" i="1" s="1"/>
  <c r="A86191" i="1" s="1"/>
  <c r="A86192" i="1" s="1"/>
  <c r="A86193" i="1" s="1"/>
  <c r="A86194" i="1" s="1"/>
  <c r="A86195" i="1" s="1"/>
  <c r="A86196" i="1" s="1"/>
  <c r="A86197" i="1" s="1"/>
  <c r="A86198" i="1" s="1"/>
  <c r="A86199" i="1" s="1"/>
  <c r="A86200" i="1" s="1"/>
  <c r="A86201" i="1" s="1"/>
  <c r="A86202" i="1" s="1"/>
  <c r="A86203" i="1" s="1"/>
  <c r="A86204" i="1" s="1"/>
  <c r="A86205" i="1" s="1"/>
  <c r="A86206" i="1" s="1"/>
  <c r="A86207" i="1" s="1"/>
  <c r="A86208" i="1" s="1"/>
  <c r="A86209" i="1" s="1"/>
  <c r="A86210" i="1" s="1"/>
  <c r="A86211" i="1" s="1"/>
  <c r="A86212" i="1" s="1"/>
  <c r="A86213" i="1" s="1"/>
  <c r="A86214" i="1" s="1"/>
  <c r="A86215" i="1" s="1"/>
  <c r="A86216" i="1" s="1"/>
  <c r="A86217" i="1" s="1"/>
  <c r="A86218" i="1" s="1"/>
  <c r="A86219" i="1" s="1"/>
  <c r="A86220" i="1" s="1"/>
  <c r="A86221" i="1" s="1"/>
  <c r="A86222" i="1" s="1"/>
  <c r="A86223" i="1" s="1"/>
  <c r="A86224" i="1" s="1"/>
  <c r="A86225" i="1" s="1"/>
  <c r="A86226" i="1" s="1"/>
  <c r="A86227" i="1" s="1"/>
  <c r="A86228" i="1" s="1"/>
  <c r="A86229" i="1" s="1"/>
  <c r="A86230" i="1" s="1"/>
  <c r="A86231" i="1" s="1"/>
  <c r="A86232" i="1" s="1"/>
  <c r="A86233" i="1" s="1"/>
  <c r="A86234" i="1" s="1"/>
  <c r="A86235" i="1" s="1"/>
  <c r="A86236" i="1" s="1"/>
  <c r="A86237" i="1" s="1"/>
  <c r="A86238" i="1" s="1"/>
  <c r="A86239" i="1" s="1"/>
  <c r="A86240" i="1" s="1"/>
  <c r="A86241" i="1" s="1"/>
  <c r="A86242" i="1" s="1"/>
  <c r="A86243" i="1" s="1"/>
  <c r="A86244" i="1" s="1"/>
  <c r="A86245" i="1" s="1"/>
  <c r="A86246" i="1" s="1"/>
  <c r="A86247" i="1" s="1"/>
  <c r="A86248" i="1" s="1"/>
  <c r="A86249" i="1" s="1"/>
  <c r="A86250" i="1" s="1"/>
  <c r="A86251" i="1" s="1"/>
  <c r="A86252" i="1" s="1"/>
  <c r="A86253" i="1" s="1"/>
  <c r="A86254" i="1" s="1"/>
  <c r="A86255" i="1" s="1"/>
  <c r="A86256" i="1" s="1"/>
  <c r="A86257" i="1" s="1"/>
  <c r="A86258" i="1" s="1"/>
  <c r="A86259" i="1" s="1"/>
  <c r="A86260" i="1" s="1"/>
  <c r="A86261" i="1" s="1"/>
  <c r="A86262" i="1" s="1"/>
  <c r="A86263" i="1" s="1"/>
  <c r="A86264" i="1" s="1"/>
  <c r="A86265" i="1" s="1"/>
  <c r="A86266" i="1" s="1"/>
  <c r="A86267" i="1" s="1"/>
  <c r="A86268" i="1" s="1"/>
  <c r="A86269" i="1" s="1"/>
  <c r="A86270" i="1" s="1"/>
  <c r="A86271" i="1" s="1"/>
  <c r="A86272" i="1" s="1"/>
  <c r="A86273" i="1" s="1"/>
  <c r="A86274" i="1" s="1"/>
  <c r="A86275" i="1" s="1"/>
  <c r="A86276" i="1" s="1"/>
  <c r="A86277" i="1" s="1"/>
  <c r="A86278" i="1" s="1"/>
  <c r="A86279" i="1" s="1"/>
  <c r="A86280" i="1" s="1"/>
  <c r="A86281" i="1" s="1"/>
  <c r="A86282" i="1" s="1"/>
  <c r="A86283" i="1" s="1"/>
  <c r="A86284" i="1" s="1"/>
  <c r="A86285" i="1" s="1"/>
  <c r="A86286" i="1" s="1"/>
  <c r="A86287" i="1" s="1"/>
  <c r="A86288" i="1" s="1"/>
  <c r="A86289" i="1" s="1"/>
  <c r="A86290" i="1" s="1"/>
  <c r="A86291" i="1" s="1"/>
  <c r="A86292" i="1" s="1"/>
  <c r="A86293" i="1" s="1"/>
  <c r="A86294" i="1" s="1"/>
  <c r="A86295" i="1" s="1"/>
  <c r="A86296" i="1" s="1"/>
  <c r="A86297" i="1" s="1"/>
  <c r="A86298" i="1" s="1"/>
  <c r="A86299" i="1" s="1"/>
  <c r="A86300" i="1" s="1"/>
  <c r="A86301" i="1" s="1"/>
  <c r="A86302" i="1" s="1"/>
  <c r="A86303" i="1" s="1"/>
  <c r="A86304" i="1" s="1"/>
  <c r="A86305" i="1" s="1"/>
  <c r="A86306" i="1" s="1"/>
  <c r="A86307" i="1" s="1"/>
  <c r="A86308" i="1" s="1"/>
  <c r="A86309" i="1" s="1"/>
  <c r="A86310" i="1" s="1"/>
  <c r="A86311" i="1" s="1"/>
  <c r="A86312" i="1" s="1"/>
  <c r="A86313" i="1" s="1"/>
  <c r="A86314" i="1" s="1"/>
  <c r="A86315" i="1" s="1"/>
  <c r="A86316" i="1" s="1"/>
  <c r="A86317" i="1" s="1"/>
  <c r="A86318" i="1" s="1"/>
  <c r="A86319" i="1" s="1"/>
  <c r="A86320" i="1" s="1"/>
  <c r="A86321" i="1" s="1"/>
  <c r="A86322" i="1" s="1"/>
  <c r="A86323" i="1" s="1"/>
  <c r="A86324" i="1" s="1"/>
  <c r="A86325" i="1" s="1"/>
  <c r="A86326" i="1" s="1"/>
  <c r="A86327" i="1" s="1"/>
  <c r="A86328" i="1" s="1"/>
  <c r="A86329" i="1" s="1"/>
  <c r="A86330" i="1" s="1"/>
  <c r="A86331" i="1" s="1"/>
  <c r="A86332" i="1" s="1"/>
  <c r="A86333" i="1" s="1"/>
  <c r="A86334" i="1" s="1"/>
  <c r="A86335" i="1" s="1"/>
  <c r="A86336" i="1" s="1"/>
  <c r="A86337" i="1" s="1"/>
  <c r="A86338" i="1" s="1"/>
  <c r="A86339" i="1" s="1"/>
  <c r="A86340" i="1" s="1"/>
  <c r="A86341" i="1" s="1"/>
  <c r="A86342" i="1" s="1"/>
  <c r="A86343" i="1" s="1"/>
  <c r="A86344" i="1" s="1"/>
  <c r="A86345" i="1" s="1"/>
  <c r="A86346" i="1" s="1"/>
  <c r="A86347" i="1" s="1"/>
  <c r="A86348" i="1" s="1"/>
  <c r="A86349" i="1" s="1"/>
  <c r="A86350" i="1" s="1"/>
  <c r="A86351" i="1" s="1"/>
  <c r="A86352" i="1" s="1"/>
  <c r="A86353" i="1" s="1"/>
  <c r="A86354" i="1" s="1"/>
  <c r="A86355" i="1" s="1"/>
  <c r="A86356" i="1" s="1"/>
  <c r="A86357" i="1" s="1"/>
  <c r="A86358" i="1" s="1"/>
  <c r="A86359" i="1" s="1"/>
  <c r="A86360" i="1" s="1"/>
  <c r="A86361" i="1" s="1"/>
  <c r="A86362" i="1" s="1"/>
  <c r="A86363" i="1" s="1"/>
  <c r="A86364" i="1" s="1"/>
  <c r="A86365" i="1" s="1"/>
  <c r="A86366" i="1" s="1"/>
  <c r="A86367" i="1" s="1"/>
  <c r="A86368" i="1" s="1"/>
  <c r="A86369" i="1" s="1"/>
  <c r="A86370" i="1" s="1"/>
  <c r="A86371" i="1" s="1"/>
  <c r="A86372" i="1" s="1"/>
  <c r="A86373" i="1" s="1"/>
  <c r="A86374" i="1" s="1"/>
  <c r="A86375" i="1" s="1"/>
  <c r="A86376" i="1" s="1"/>
  <c r="A86377" i="1" s="1"/>
  <c r="A86378" i="1" s="1"/>
  <c r="A86379" i="1" s="1"/>
  <c r="A86380" i="1" s="1"/>
  <c r="A86381" i="1" s="1"/>
  <c r="A86382" i="1" s="1"/>
  <c r="A86383" i="1" s="1"/>
  <c r="A86384" i="1" s="1"/>
  <c r="A86385" i="1" s="1"/>
  <c r="A86386" i="1" s="1"/>
  <c r="A86387" i="1" s="1"/>
  <c r="A86388" i="1" s="1"/>
  <c r="A86389" i="1" s="1"/>
  <c r="A86390" i="1" s="1"/>
  <c r="A86391" i="1" s="1"/>
  <c r="A86392" i="1" s="1"/>
  <c r="A86393" i="1" s="1"/>
  <c r="A86394" i="1" s="1"/>
  <c r="A86395" i="1" s="1"/>
  <c r="A86396" i="1" s="1"/>
  <c r="A86397" i="1" s="1"/>
  <c r="A86398" i="1" s="1"/>
  <c r="A86399" i="1" s="1"/>
  <c r="A86400" i="1" s="1"/>
  <c r="A86401" i="1" s="1"/>
  <c r="A86402" i="1" s="1"/>
  <c r="A86403" i="1" s="1"/>
  <c r="A86404" i="1" s="1"/>
  <c r="A86405" i="1" s="1"/>
  <c r="A86406" i="1" s="1"/>
  <c r="A86407" i="1" s="1"/>
  <c r="A86408" i="1" s="1"/>
  <c r="A86409" i="1" s="1"/>
  <c r="A86410" i="1" s="1"/>
  <c r="A86411" i="1" s="1"/>
  <c r="A86412" i="1" s="1"/>
  <c r="A86413" i="1" s="1"/>
  <c r="A86414" i="1" s="1"/>
  <c r="A86415" i="1" s="1"/>
  <c r="A86416" i="1" s="1"/>
  <c r="A86417" i="1" s="1"/>
  <c r="A86418" i="1" s="1"/>
  <c r="A86419" i="1" s="1"/>
  <c r="A86420" i="1" s="1"/>
  <c r="A86421" i="1" s="1"/>
  <c r="A86422" i="1" s="1"/>
  <c r="A86423" i="1" s="1"/>
  <c r="A86424" i="1" s="1"/>
  <c r="A86425" i="1" s="1"/>
  <c r="A86426" i="1" s="1"/>
  <c r="A86427" i="1" s="1"/>
  <c r="A86428" i="1" s="1"/>
  <c r="A86429" i="1" s="1"/>
  <c r="A86430" i="1" s="1"/>
  <c r="A86431" i="1" s="1"/>
  <c r="A86432" i="1" s="1"/>
  <c r="A86433" i="1" s="1"/>
  <c r="A86434" i="1" s="1"/>
  <c r="A86435" i="1" s="1"/>
  <c r="A86436" i="1" s="1"/>
  <c r="A86437" i="1" s="1"/>
  <c r="A86438" i="1" s="1"/>
  <c r="A86439" i="1" s="1"/>
  <c r="A86440" i="1" s="1"/>
  <c r="A86441" i="1" s="1"/>
  <c r="A86442" i="1" s="1"/>
  <c r="A86443" i="1" s="1"/>
  <c r="A86444" i="1" s="1"/>
  <c r="A86445" i="1" s="1"/>
  <c r="A86446" i="1" s="1"/>
  <c r="A86447" i="1" s="1"/>
  <c r="A86448" i="1" s="1"/>
  <c r="A86449" i="1" s="1"/>
  <c r="A86450" i="1" s="1"/>
  <c r="A86451" i="1" s="1"/>
  <c r="A86452" i="1" s="1"/>
  <c r="A86453" i="1" s="1"/>
  <c r="A86454" i="1" s="1"/>
  <c r="A86455" i="1" s="1"/>
  <c r="A86456" i="1" s="1"/>
  <c r="A86457" i="1" s="1"/>
  <c r="A86458" i="1" s="1"/>
  <c r="A86459" i="1" s="1"/>
  <c r="A86460" i="1" s="1"/>
  <c r="A86461" i="1" s="1"/>
  <c r="A86462" i="1" s="1"/>
  <c r="A86463" i="1" s="1"/>
  <c r="A86464" i="1" s="1"/>
  <c r="A86465" i="1" s="1"/>
  <c r="A86466" i="1" s="1"/>
  <c r="A86467" i="1" s="1"/>
  <c r="A86468" i="1" s="1"/>
  <c r="A86469" i="1" s="1"/>
  <c r="A86470" i="1" s="1"/>
  <c r="A86471" i="1" s="1"/>
  <c r="A86472" i="1" s="1"/>
  <c r="A86473" i="1" s="1"/>
  <c r="A86474" i="1" s="1"/>
  <c r="A86475" i="1" s="1"/>
  <c r="A86476" i="1" s="1"/>
  <c r="A86477" i="1" s="1"/>
  <c r="A86478" i="1" s="1"/>
  <c r="A86479" i="1" s="1"/>
  <c r="A86480" i="1" s="1"/>
  <c r="A86481" i="1" s="1"/>
  <c r="A86482" i="1" s="1"/>
  <c r="A86483" i="1" s="1"/>
  <c r="A86484" i="1" s="1"/>
  <c r="A86485" i="1" s="1"/>
  <c r="A86486" i="1" s="1"/>
  <c r="A86487" i="1" s="1"/>
  <c r="A86488" i="1" s="1"/>
  <c r="A86489" i="1" s="1"/>
  <c r="A86490" i="1" s="1"/>
  <c r="A86491" i="1" s="1"/>
  <c r="A86492" i="1" s="1"/>
  <c r="A86493" i="1" s="1"/>
  <c r="A86494" i="1" s="1"/>
  <c r="A86495" i="1" s="1"/>
  <c r="A86496" i="1" s="1"/>
  <c r="A86497" i="1" s="1"/>
  <c r="A86498" i="1" s="1"/>
  <c r="A86499" i="1" s="1"/>
  <c r="A86500" i="1" s="1"/>
  <c r="A86501" i="1" s="1"/>
  <c r="A86502" i="1" s="1"/>
  <c r="A86503" i="1" s="1"/>
  <c r="A86504" i="1" s="1"/>
  <c r="A86505" i="1" s="1"/>
  <c r="A86506" i="1" s="1"/>
  <c r="A86507" i="1" s="1"/>
  <c r="A86508" i="1" s="1"/>
  <c r="A86509" i="1" s="1"/>
  <c r="A86510" i="1" s="1"/>
  <c r="A86511" i="1" s="1"/>
  <c r="A86512" i="1" s="1"/>
  <c r="A86513" i="1" s="1"/>
  <c r="A86514" i="1" s="1"/>
  <c r="A86515" i="1" s="1"/>
  <c r="A86516" i="1" s="1"/>
  <c r="A86517" i="1" s="1"/>
  <c r="A86518" i="1" s="1"/>
  <c r="A86519" i="1" s="1"/>
  <c r="A86520" i="1" s="1"/>
  <c r="A86521" i="1" s="1"/>
  <c r="A86522" i="1" s="1"/>
  <c r="A86523" i="1" s="1"/>
  <c r="A86524" i="1" s="1"/>
  <c r="A86525" i="1" s="1"/>
  <c r="A86526" i="1" s="1"/>
  <c r="A86527" i="1" s="1"/>
  <c r="A86528" i="1" s="1"/>
  <c r="A86529" i="1" s="1"/>
  <c r="A86530" i="1" s="1"/>
  <c r="A86531" i="1" s="1"/>
  <c r="A86532" i="1" s="1"/>
  <c r="A86533" i="1" s="1"/>
  <c r="A86534" i="1" s="1"/>
  <c r="A86535" i="1" s="1"/>
  <c r="A86536" i="1" s="1"/>
  <c r="A86537" i="1" s="1"/>
  <c r="A86538" i="1" s="1"/>
  <c r="A86539" i="1" s="1"/>
  <c r="A86540" i="1" s="1"/>
  <c r="A86541" i="1" s="1"/>
  <c r="A86542" i="1" s="1"/>
  <c r="A86543" i="1" s="1"/>
  <c r="A86544" i="1" s="1"/>
  <c r="A86545" i="1" s="1"/>
  <c r="A86546" i="1" s="1"/>
  <c r="A86547" i="1" s="1"/>
  <c r="A86548" i="1" s="1"/>
  <c r="A86549" i="1" s="1"/>
  <c r="A86550" i="1" s="1"/>
  <c r="A86551" i="1" s="1"/>
  <c r="A86552" i="1" s="1"/>
  <c r="A86553" i="1" s="1"/>
  <c r="A86554" i="1" s="1"/>
  <c r="A86555" i="1" s="1"/>
  <c r="A86556" i="1" s="1"/>
  <c r="A86557" i="1" s="1"/>
  <c r="A86558" i="1" s="1"/>
  <c r="A86559" i="1" s="1"/>
  <c r="A86560" i="1" s="1"/>
  <c r="A86561" i="1" s="1"/>
  <c r="A86562" i="1" s="1"/>
  <c r="A86563" i="1" s="1"/>
  <c r="A86564" i="1" s="1"/>
  <c r="A86565" i="1" s="1"/>
  <c r="A86566" i="1" s="1"/>
  <c r="A86567" i="1" s="1"/>
  <c r="A86568" i="1" s="1"/>
  <c r="A86569" i="1" s="1"/>
  <c r="A86570" i="1" s="1"/>
  <c r="A86571" i="1" s="1"/>
  <c r="A86572" i="1" s="1"/>
  <c r="A86573" i="1" s="1"/>
  <c r="A86574" i="1" s="1"/>
  <c r="A86575" i="1" s="1"/>
  <c r="A86576" i="1" s="1"/>
  <c r="A86577" i="1" s="1"/>
  <c r="A86578" i="1" s="1"/>
  <c r="A86579" i="1" s="1"/>
  <c r="A86580" i="1" s="1"/>
  <c r="A86581" i="1" s="1"/>
  <c r="A86582" i="1" s="1"/>
  <c r="A86583" i="1" s="1"/>
  <c r="A86584" i="1" s="1"/>
  <c r="A86585" i="1" s="1"/>
  <c r="A86586" i="1" s="1"/>
  <c r="A86587" i="1" s="1"/>
  <c r="A86588" i="1" s="1"/>
  <c r="A86589" i="1" s="1"/>
  <c r="A86590" i="1" s="1"/>
  <c r="A86591" i="1" s="1"/>
  <c r="A86592" i="1" s="1"/>
  <c r="A86593" i="1" s="1"/>
  <c r="A86594" i="1" s="1"/>
  <c r="A86595" i="1" s="1"/>
  <c r="A86596" i="1" s="1"/>
  <c r="A86597" i="1" s="1"/>
  <c r="A86598" i="1" s="1"/>
  <c r="A86599" i="1" s="1"/>
  <c r="A86600" i="1" s="1"/>
  <c r="A86601" i="1" s="1"/>
  <c r="A86602" i="1" s="1"/>
  <c r="A86603" i="1" s="1"/>
  <c r="A86604" i="1" s="1"/>
  <c r="A86605" i="1" s="1"/>
  <c r="A86606" i="1" s="1"/>
  <c r="A86607" i="1" s="1"/>
  <c r="A86608" i="1" s="1"/>
  <c r="A86609" i="1" s="1"/>
  <c r="A86610" i="1" s="1"/>
  <c r="A86611" i="1" s="1"/>
  <c r="A86612" i="1" s="1"/>
  <c r="A86613" i="1" s="1"/>
  <c r="A86614" i="1" s="1"/>
  <c r="A86615" i="1" s="1"/>
  <c r="A86616" i="1" s="1"/>
  <c r="A86617" i="1" s="1"/>
  <c r="A86618" i="1" s="1"/>
  <c r="A86619" i="1" s="1"/>
  <c r="A86620" i="1" s="1"/>
  <c r="A86621" i="1" s="1"/>
  <c r="A86622" i="1" s="1"/>
  <c r="A86623" i="1" s="1"/>
  <c r="A86624" i="1" s="1"/>
  <c r="A86625" i="1" s="1"/>
  <c r="A86626" i="1" s="1"/>
  <c r="A86627" i="1" s="1"/>
  <c r="A86628" i="1" s="1"/>
  <c r="A86629" i="1" s="1"/>
  <c r="A86630" i="1" s="1"/>
  <c r="A86631" i="1" s="1"/>
  <c r="A86632" i="1" s="1"/>
  <c r="A86633" i="1" s="1"/>
  <c r="A86634" i="1" s="1"/>
  <c r="A86635" i="1" s="1"/>
  <c r="A86636" i="1" s="1"/>
  <c r="A86637" i="1" s="1"/>
  <c r="A86638" i="1" s="1"/>
  <c r="A86639" i="1" s="1"/>
  <c r="A86640" i="1" s="1"/>
  <c r="A86641" i="1" s="1"/>
  <c r="A86642" i="1" s="1"/>
  <c r="A86643" i="1" s="1"/>
  <c r="A86644" i="1" s="1"/>
  <c r="A86645" i="1" s="1"/>
  <c r="A86646" i="1" s="1"/>
  <c r="A86647" i="1" s="1"/>
  <c r="A86648" i="1" s="1"/>
  <c r="A86649" i="1" s="1"/>
  <c r="A86650" i="1" s="1"/>
  <c r="A86651" i="1" s="1"/>
  <c r="A86652" i="1" s="1"/>
  <c r="A86653" i="1" s="1"/>
  <c r="A86654" i="1" s="1"/>
  <c r="A86655" i="1" s="1"/>
  <c r="A86656" i="1" s="1"/>
  <c r="A86657" i="1" s="1"/>
  <c r="A86658" i="1" s="1"/>
  <c r="A86659" i="1" s="1"/>
  <c r="A86660" i="1" s="1"/>
  <c r="A86661" i="1" s="1"/>
  <c r="A86662" i="1" s="1"/>
  <c r="A86663" i="1" s="1"/>
  <c r="A86664" i="1" s="1"/>
  <c r="A86665" i="1" s="1"/>
  <c r="A86666" i="1" s="1"/>
  <c r="A86667" i="1" s="1"/>
  <c r="A86668" i="1" s="1"/>
  <c r="A86669" i="1" s="1"/>
  <c r="A86670" i="1" s="1"/>
  <c r="A86671" i="1" s="1"/>
  <c r="A86672" i="1" s="1"/>
  <c r="A86673" i="1" s="1"/>
  <c r="A86674" i="1" s="1"/>
  <c r="A86675" i="1" s="1"/>
  <c r="A86676" i="1" s="1"/>
  <c r="A86677" i="1" s="1"/>
  <c r="A86678" i="1" s="1"/>
  <c r="A86679" i="1" s="1"/>
  <c r="A86680" i="1" s="1"/>
  <c r="A86681" i="1" s="1"/>
  <c r="A86682" i="1" s="1"/>
  <c r="A86683" i="1" s="1"/>
  <c r="A86684" i="1" s="1"/>
  <c r="A86685" i="1" s="1"/>
  <c r="A86686" i="1" s="1"/>
  <c r="A86687" i="1" s="1"/>
  <c r="A86688" i="1" s="1"/>
  <c r="A86689" i="1" s="1"/>
  <c r="A86690" i="1" s="1"/>
  <c r="A86691" i="1" s="1"/>
  <c r="A86692" i="1" s="1"/>
  <c r="A86693" i="1" s="1"/>
  <c r="A86694" i="1" s="1"/>
  <c r="A86695" i="1" s="1"/>
  <c r="A86696" i="1" s="1"/>
  <c r="A86697" i="1" s="1"/>
  <c r="A86698" i="1" s="1"/>
  <c r="A86699" i="1" s="1"/>
  <c r="A86700" i="1" s="1"/>
  <c r="A86701" i="1" s="1"/>
  <c r="A86702" i="1" s="1"/>
  <c r="A86703" i="1" s="1"/>
  <c r="A86704" i="1" s="1"/>
  <c r="A86705" i="1" s="1"/>
  <c r="A86706" i="1" s="1"/>
  <c r="A86707" i="1" s="1"/>
  <c r="A86708" i="1" s="1"/>
  <c r="A86709" i="1" s="1"/>
  <c r="A86710" i="1" s="1"/>
  <c r="A86711" i="1" s="1"/>
  <c r="A86712" i="1" s="1"/>
  <c r="A86713" i="1" s="1"/>
  <c r="A86714" i="1" s="1"/>
  <c r="A86715" i="1" s="1"/>
  <c r="A86716" i="1" s="1"/>
  <c r="A86717" i="1" s="1"/>
  <c r="A86718" i="1" s="1"/>
  <c r="A86719" i="1" s="1"/>
  <c r="A86720" i="1" s="1"/>
  <c r="A86721" i="1" s="1"/>
  <c r="A86722" i="1" s="1"/>
  <c r="A86723" i="1" s="1"/>
  <c r="A86724" i="1" s="1"/>
  <c r="A86725" i="1" s="1"/>
  <c r="A86726" i="1" s="1"/>
  <c r="A86727" i="1" s="1"/>
  <c r="A86728" i="1" s="1"/>
  <c r="A86729" i="1" s="1"/>
  <c r="A86730" i="1" s="1"/>
  <c r="A86731" i="1" s="1"/>
  <c r="A86732" i="1" s="1"/>
  <c r="A86733" i="1" s="1"/>
  <c r="A86734" i="1" s="1"/>
  <c r="A86735" i="1" s="1"/>
  <c r="A86736" i="1" s="1"/>
  <c r="A86737" i="1" s="1"/>
  <c r="A86738" i="1" s="1"/>
  <c r="A86739" i="1" s="1"/>
  <c r="A86740" i="1" s="1"/>
  <c r="A86741" i="1" s="1"/>
  <c r="A86742" i="1" s="1"/>
  <c r="A86743" i="1" s="1"/>
  <c r="A86744" i="1" s="1"/>
  <c r="A86745" i="1" s="1"/>
  <c r="A86746" i="1" s="1"/>
  <c r="A86747" i="1" s="1"/>
  <c r="A86748" i="1" s="1"/>
  <c r="A86749" i="1" s="1"/>
  <c r="A86750" i="1" s="1"/>
  <c r="A86751" i="1" s="1"/>
  <c r="A86752" i="1" s="1"/>
  <c r="A86753" i="1" s="1"/>
  <c r="A86754" i="1" s="1"/>
  <c r="A86755" i="1" s="1"/>
  <c r="A86756" i="1" s="1"/>
  <c r="A86757" i="1" s="1"/>
  <c r="A86758" i="1" s="1"/>
  <c r="A86759" i="1" s="1"/>
  <c r="A86760" i="1" s="1"/>
  <c r="A86761" i="1" s="1"/>
  <c r="A86762" i="1" s="1"/>
  <c r="A86763" i="1" s="1"/>
  <c r="A86764" i="1" s="1"/>
  <c r="A86765" i="1" s="1"/>
  <c r="A86766" i="1" s="1"/>
  <c r="A86767" i="1" s="1"/>
  <c r="A86768" i="1" s="1"/>
  <c r="A86769" i="1" s="1"/>
  <c r="A86770" i="1" s="1"/>
  <c r="A86771" i="1" s="1"/>
  <c r="A86772" i="1" s="1"/>
  <c r="A86773" i="1" s="1"/>
  <c r="A86774" i="1" s="1"/>
  <c r="A86775" i="1" s="1"/>
  <c r="A86776" i="1" s="1"/>
  <c r="A86777" i="1" s="1"/>
  <c r="A86778" i="1" s="1"/>
  <c r="A86779" i="1" s="1"/>
  <c r="A86780" i="1" s="1"/>
  <c r="A86781" i="1" s="1"/>
  <c r="A86782" i="1" s="1"/>
  <c r="A86783" i="1" s="1"/>
  <c r="A86784" i="1" s="1"/>
  <c r="A86785" i="1" s="1"/>
  <c r="A86786" i="1" s="1"/>
  <c r="A86787" i="1" s="1"/>
  <c r="A86788" i="1" s="1"/>
  <c r="A86789" i="1" s="1"/>
  <c r="A86790" i="1" s="1"/>
  <c r="A86791" i="1" s="1"/>
  <c r="A86792" i="1" s="1"/>
  <c r="A86793" i="1" s="1"/>
  <c r="A86794" i="1" s="1"/>
  <c r="A86795" i="1" s="1"/>
  <c r="A86796" i="1" s="1"/>
  <c r="A86797" i="1" s="1"/>
  <c r="A86798" i="1" s="1"/>
  <c r="A86799" i="1" s="1"/>
  <c r="A86800" i="1" s="1"/>
  <c r="A86801" i="1" s="1"/>
  <c r="A86802" i="1" s="1"/>
  <c r="A86803" i="1" s="1"/>
  <c r="A86804" i="1" s="1"/>
  <c r="A86805" i="1" s="1"/>
  <c r="A86806" i="1" s="1"/>
  <c r="A86807" i="1" s="1"/>
  <c r="A86808" i="1" s="1"/>
  <c r="A86809" i="1" s="1"/>
  <c r="A86810" i="1" s="1"/>
  <c r="A86811" i="1" s="1"/>
  <c r="A86812" i="1" s="1"/>
  <c r="A86813" i="1" s="1"/>
  <c r="A86814" i="1" s="1"/>
  <c r="A86815" i="1" s="1"/>
  <c r="A86816" i="1" s="1"/>
  <c r="A86817" i="1" s="1"/>
  <c r="A86818" i="1" s="1"/>
  <c r="A86819" i="1" s="1"/>
  <c r="A86820" i="1" s="1"/>
  <c r="A86821" i="1" s="1"/>
  <c r="A86822" i="1" s="1"/>
  <c r="A86823" i="1" s="1"/>
  <c r="A86824" i="1" s="1"/>
  <c r="A86825" i="1" s="1"/>
  <c r="A86826" i="1" s="1"/>
  <c r="A86827" i="1" s="1"/>
  <c r="A86828" i="1" s="1"/>
  <c r="A86829" i="1" s="1"/>
  <c r="A86830" i="1" s="1"/>
  <c r="A86831" i="1" s="1"/>
  <c r="A86832" i="1" s="1"/>
  <c r="A86833" i="1" s="1"/>
  <c r="A86834" i="1" s="1"/>
  <c r="A86835" i="1" s="1"/>
  <c r="A86836" i="1" s="1"/>
  <c r="A86837" i="1" s="1"/>
  <c r="A86838" i="1" s="1"/>
  <c r="A86839" i="1" s="1"/>
  <c r="A86840" i="1" s="1"/>
  <c r="A86841" i="1" s="1"/>
  <c r="A86842" i="1" s="1"/>
  <c r="A86843" i="1" s="1"/>
  <c r="A86844" i="1" s="1"/>
  <c r="A86845" i="1" s="1"/>
  <c r="A86846" i="1" s="1"/>
  <c r="A86847" i="1" s="1"/>
  <c r="A86848" i="1" s="1"/>
  <c r="A86849" i="1" s="1"/>
  <c r="A86850" i="1" s="1"/>
  <c r="A86851" i="1" s="1"/>
  <c r="A86852" i="1" s="1"/>
  <c r="A86853" i="1" s="1"/>
  <c r="A86854" i="1" s="1"/>
  <c r="A86855" i="1" s="1"/>
  <c r="A86856" i="1" s="1"/>
  <c r="A86857" i="1" s="1"/>
  <c r="A86858" i="1" s="1"/>
  <c r="A86859" i="1" s="1"/>
  <c r="A86860" i="1" s="1"/>
  <c r="A86861" i="1" s="1"/>
  <c r="A86862" i="1" s="1"/>
  <c r="A86863" i="1" s="1"/>
  <c r="A86864" i="1" s="1"/>
  <c r="A86865" i="1" s="1"/>
  <c r="A86866" i="1" s="1"/>
  <c r="A86867" i="1" s="1"/>
  <c r="A86868" i="1" s="1"/>
  <c r="A86869" i="1" s="1"/>
  <c r="A86870" i="1" s="1"/>
  <c r="A86871" i="1" s="1"/>
  <c r="A86872" i="1" s="1"/>
  <c r="A86873" i="1" s="1"/>
  <c r="A86874" i="1" s="1"/>
  <c r="A86875" i="1" s="1"/>
  <c r="A86876" i="1" s="1"/>
  <c r="A86877" i="1" s="1"/>
  <c r="A86878" i="1" s="1"/>
  <c r="A86879" i="1" s="1"/>
  <c r="A86880" i="1" s="1"/>
  <c r="A86881" i="1" s="1"/>
  <c r="A86882" i="1" s="1"/>
  <c r="A86883" i="1" s="1"/>
  <c r="A86884" i="1" s="1"/>
  <c r="A86885" i="1" s="1"/>
  <c r="A86886" i="1" s="1"/>
  <c r="A86887" i="1" s="1"/>
  <c r="A86888" i="1" s="1"/>
  <c r="A86889" i="1" s="1"/>
  <c r="A86890" i="1" s="1"/>
  <c r="A86891" i="1" s="1"/>
  <c r="A86892" i="1" s="1"/>
  <c r="A86893" i="1" s="1"/>
  <c r="A86894" i="1" s="1"/>
  <c r="A86895" i="1" s="1"/>
  <c r="A86896" i="1" s="1"/>
  <c r="A86897" i="1" s="1"/>
  <c r="A86898" i="1" s="1"/>
  <c r="A86899" i="1" s="1"/>
  <c r="A86900" i="1" s="1"/>
  <c r="A86901" i="1" s="1"/>
  <c r="A86902" i="1" s="1"/>
  <c r="A86903" i="1" s="1"/>
  <c r="A86904" i="1" s="1"/>
  <c r="A86905" i="1" s="1"/>
  <c r="A86906" i="1" s="1"/>
  <c r="A86907" i="1" s="1"/>
  <c r="A86908" i="1" s="1"/>
  <c r="A86909" i="1" s="1"/>
  <c r="A86910" i="1" s="1"/>
  <c r="A86911" i="1" s="1"/>
  <c r="A86912" i="1" s="1"/>
  <c r="A86913" i="1" s="1"/>
  <c r="A86914" i="1" s="1"/>
  <c r="A86915" i="1" s="1"/>
  <c r="A86916" i="1" s="1"/>
  <c r="A86917" i="1" s="1"/>
  <c r="A86918" i="1" s="1"/>
  <c r="A86919" i="1" s="1"/>
  <c r="A86920" i="1" s="1"/>
  <c r="A86921" i="1" s="1"/>
  <c r="A86922" i="1" s="1"/>
  <c r="A86923" i="1" s="1"/>
  <c r="A86924" i="1" s="1"/>
  <c r="A86925" i="1" s="1"/>
  <c r="A86926" i="1" s="1"/>
  <c r="A86927" i="1" s="1"/>
  <c r="A86928" i="1" s="1"/>
  <c r="A86929" i="1" s="1"/>
  <c r="A86930" i="1" s="1"/>
  <c r="A86931" i="1" s="1"/>
  <c r="A86932" i="1" s="1"/>
  <c r="A86933" i="1" s="1"/>
  <c r="A86934" i="1" s="1"/>
  <c r="A86935" i="1" s="1"/>
  <c r="A86936" i="1" s="1"/>
  <c r="A86937" i="1" s="1"/>
  <c r="A86938" i="1" s="1"/>
  <c r="A86939" i="1" s="1"/>
  <c r="A86940" i="1" s="1"/>
  <c r="A86941" i="1" s="1"/>
  <c r="A86942" i="1" s="1"/>
  <c r="A86943" i="1" s="1"/>
  <c r="A86944" i="1" s="1"/>
  <c r="A86945" i="1" s="1"/>
  <c r="A86946" i="1" s="1"/>
  <c r="A86947" i="1" s="1"/>
  <c r="A86948" i="1" s="1"/>
  <c r="A86949" i="1" s="1"/>
  <c r="A86950" i="1" s="1"/>
  <c r="A86951" i="1" s="1"/>
  <c r="A86952" i="1" s="1"/>
  <c r="A86953" i="1" s="1"/>
  <c r="A86954" i="1" s="1"/>
  <c r="A86955" i="1" s="1"/>
  <c r="A86956" i="1" s="1"/>
  <c r="A86957" i="1" s="1"/>
  <c r="A86958" i="1" s="1"/>
  <c r="A86959" i="1" s="1"/>
  <c r="A86960" i="1" s="1"/>
  <c r="A86961" i="1" s="1"/>
  <c r="A86962" i="1" s="1"/>
  <c r="A86963" i="1" s="1"/>
  <c r="A86964" i="1" s="1"/>
  <c r="A86965" i="1" s="1"/>
  <c r="A86966" i="1" s="1"/>
  <c r="A86967" i="1" s="1"/>
  <c r="A86968" i="1" s="1"/>
  <c r="A86969" i="1" s="1"/>
  <c r="A86970" i="1" s="1"/>
  <c r="A86971" i="1" s="1"/>
  <c r="A86972" i="1" s="1"/>
  <c r="A86973" i="1" s="1"/>
  <c r="A86974" i="1" s="1"/>
  <c r="A86975" i="1" s="1"/>
  <c r="A86976" i="1" s="1"/>
  <c r="A86977" i="1" s="1"/>
  <c r="A86978" i="1" s="1"/>
  <c r="A86979" i="1" s="1"/>
  <c r="A86980" i="1" s="1"/>
  <c r="A86981" i="1" s="1"/>
  <c r="A86982" i="1" s="1"/>
  <c r="A86983" i="1" s="1"/>
  <c r="A86984" i="1" s="1"/>
  <c r="A86985" i="1" s="1"/>
  <c r="A86986" i="1" s="1"/>
  <c r="A86987" i="1" s="1"/>
  <c r="A86988" i="1" s="1"/>
  <c r="A86989" i="1" s="1"/>
  <c r="A86990" i="1" s="1"/>
  <c r="A86991" i="1" s="1"/>
  <c r="A86992" i="1" s="1"/>
  <c r="A86993" i="1" s="1"/>
  <c r="A86994" i="1" s="1"/>
  <c r="A86995" i="1" s="1"/>
  <c r="A86996" i="1" s="1"/>
  <c r="A86997" i="1" s="1"/>
  <c r="A86998" i="1" s="1"/>
  <c r="A86999" i="1" s="1"/>
  <c r="A87000" i="1" s="1"/>
  <c r="A87001" i="1" s="1"/>
  <c r="A87002" i="1" s="1"/>
  <c r="A87003" i="1" s="1"/>
  <c r="A87004" i="1" s="1"/>
  <c r="A87005" i="1" s="1"/>
  <c r="A87006" i="1" s="1"/>
  <c r="A87007" i="1" s="1"/>
  <c r="A87008" i="1" s="1"/>
  <c r="A87009" i="1" s="1"/>
  <c r="A87010" i="1" s="1"/>
  <c r="A87011" i="1" s="1"/>
  <c r="A87012" i="1" s="1"/>
  <c r="A87013" i="1" s="1"/>
  <c r="A87014" i="1" s="1"/>
  <c r="A87015" i="1" s="1"/>
  <c r="A87016" i="1" s="1"/>
  <c r="A87017" i="1" s="1"/>
  <c r="A87018" i="1" s="1"/>
  <c r="A87019" i="1" s="1"/>
  <c r="A87020" i="1" s="1"/>
  <c r="A87021" i="1" s="1"/>
  <c r="A87022" i="1" s="1"/>
  <c r="A87023" i="1" s="1"/>
  <c r="A87024" i="1" s="1"/>
  <c r="A87025" i="1" s="1"/>
  <c r="A87026" i="1" s="1"/>
  <c r="A87027" i="1" s="1"/>
  <c r="A87028" i="1" s="1"/>
  <c r="A87029" i="1" s="1"/>
  <c r="A87030" i="1" s="1"/>
  <c r="A87031" i="1" s="1"/>
  <c r="A87032" i="1" s="1"/>
  <c r="A87033" i="1" s="1"/>
  <c r="A87034" i="1" s="1"/>
  <c r="A87035" i="1" s="1"/>
  <c r="A87036" i="1" s="1"/>
  <c r="A87037" i="1" s="1"/>
  <c r="A87038" i="1" s="1"/>
  <c r="A87039" i="1" s="1"/>
  <c r="A87040" i="1" s="1"/>
  <c r="A87041" i="1" s="1"/>
  <c r="A87042" i="1" s="1"/>
  <c r="A87043" i="1" s="1"/>
  <c r="A87044" i="1" s="1"/>
  <c r="A87045" i="1" s="1"/>
  <c r="A87046" i="1" s="1"/>
  <c r="A87047" i="1" s="1"/>
  <c r="A87048" i="1" s="1"/>
  <c r="A87049" i="1" s="1"/>
  <c r="A87050" i="1" s="1"/>
  <c r="A87051" i="1" s="1"/>
  <c r="A87052" i="1" s="1"/>
  <c r="A87053" i="1" s="1"/>
  <c r="A87054" i="1" s="1"/>
  <c r="A87055" i="1" s="1"/>
  <c r="A87056" i="1" s="1"/>
  <c r="A87057" i="1" s="1"/>
  <c r="A87058" i="1" s="1"/>
  <c r="A87059" i="1" s="1"/>
  <c r="A87060" i="1" s="1"/>
  <c r="A87061" i="1" s="1"/>
  <c r="A87062" i="1" s="1"/>
  <c r="A87063" i="1" s="1"/>
  <c r="A87064" i="1" s="1"/>
  <c r="A87065" i="1" s="1"/>
  <c r="A87066" i="1" s="1"/>
  <c r="A87067" i="1" s="1"/>
  <c r="A87068" i="1" s="1"/>
  <c r="A87069" i="1" s="1"/>
  <c r="A87070" i="1" s="1"/>
  <c r="A87071" i="1" s="1"/>
  <c r="A87072" i="1" s="1"/>
  <c r="A87073" i="1" s="1"/>
  <c r="A87074" i="1" s="1"/>
  <c r="A87075" i="1" s="1"/>
  <c r="A87076" i="1" s="1"/>
  <c r="A87077" i="1" s="1"/>
  <c r="A87078" i="1" s="1"/>
  <c r="A87079" i="1" s="1"/>
  <c r="A87080" i="1" s="1"/>
  <c r="A87081" i="1" s="1"/>
  <c r="A87082" i="1" s="1"/>
  <c r="A87083" i="1" s="1"/>
  <c r="A87084" i="1" s="1"/>
  <c r="A87085" i="1" s="1"/>
  <c r="A87086" i="1" s="1"/>
  <c r="A87087" i="1" s="1"/>
  <c r="A87088" i="1" s="1"/>
  <c r="A87089" i="1" s="1"/>
  <c r="A87090" i="1" s="1"/>
  <c r="A87091" i="1" s="1"/>
  <c r="A87092" i="1" s="1"/>
  <c r="A87093" i="1" s="1"/>
  <c r="A87094" i="1" s="1"/>
  <c r="A87095" i="1" s="1"/>
  <c r="A87096" i="1" s="1"/>
  <c r="A87097" i="1" s="1"/>
  <c r="A87098" i="1" s="1"/>
  <c r="A87099" i="1" s="1"/>
  <c r="A87100" i="1" s="1"/>
  <c r="A87101" i="1" s="1"/>
  <c r="A87102" i="1" s="1"/>
  <c r="A87103" i="1" s="1"/>
  <c r="A87104" i="1" s="1"/>
  <c r="A87105" i="1" s="1"/>
  <c r="A87106" i="1" s="1"/>
  <c r="A87107" i="1" s="1"/>
  <c r="A87108" i="1" s="1"/>
  <c r="A87109" i="1" s="1"/>
  <c r="A87110" i="1" s="1"/>
  <c r="A87111" i="1" s="1"/>
  <c r="A87112" i="1" s="1"/>
  <c r="A87113" i="1" s="1"/>
  <c r="A87114" i="1" s="1"/>
  <c r="A87115" i="1" s="1"/>
  <c r="A87116" i="1" s="1"/>
  <c r="A87117" i="1" s="1"/>
  <c r="A87118" i="1" s="1"/>
  <c r="A87119" i="1" s="1"/>
  <c r="A87120" i="1" s="1"/>
  <c r="A87121" i="1" s="1"/>
  <c r="A87122" i="1" s="1"/>
  <c r="A87123" i="1" s="1"/>
  <c r="A87124" i="1" s="1"/>
  <c r="A87125" i="1" s="1"/>
  <c r="A87126" i="1" s="1"/>
  <c r="A87127" i="1" s="1"/>
  <c r="A87128" i="1" s="1"/>
  <c r="A87129" i="1" s="1"/>
  <c r="A87130" i="1" s="1"/>
  <c r="A87131" i="1" s="1"/>
  <c r="A87132" i="1" s="1"/>
  <c r="A87133" i="1" s="1"/>
  <c r="A87134" i="1" s="1"/>
  <c r="A87135" i="1" s="1"/>
  <c r="A87136" i="1" s="1"/>
  <c r="A87137" i="1" s="1"/>
  <c r="A87138" i="1" s="1"/>
  <c r="A87139" i="1" s="1"/>
  <c r="A87140" i="1" s="1"/>
  <c r="A87141" i="1" s="1"/>
  <c r="A87142" i="1" s="1"/>
  <c r="A87143" i="1" s="1"/>
  <c r="A87144" i="1" s="1"/>
  <c r="A87145" i="1" s="1"/>
  <c r="A87146" i="1" s="1"/>
  <c r="A87147" i="1" s="1"/>
  <c r="A87148" i="1" s="1"/>
  <c r="A87149" i="1" s="1"/>
  <c r="A87150" i="1" s="1"/>
  <c r="A87151" i="1" s="1"/>
  <c r="A87152" i="1" s="1"/>
  <c r="A87153" i="1" s="1"/>
  <c r="A87154" i="1" s="1"/>
  <c r="A87155" i="1" s="1"/>
  <c r="A87156" i="1" s="1"/>
  <c r="A87157" i="1" s="1"/>
  <c r="A87158" i="1" s="1"/>
  <c r="A87159" i="1" s="1"/>
  <c r="A87160" i="1" s="1"/>
  <c r="A87161" i="1" s="1"/>
  <c r="A87162" i="1" s="1"/>
  <c r="A87163" i="1" s="1"/>
  <c r="A87164" i="1" s="1"/>
  <c r="A87165" i="1" s="1"/>
  <c r="A87166" i="1" s="1"/>
  <c r="A87167" i="1" s="1"/>
  <c r="A87168" i="1" s="1"/>
  <c r="A87169" i="1" s="1"/>
  <c r="A87170" i="1" s="1"/>
  <c r="A87171" i="1" s="1"/>
  <c r="A87172" i="1" s="1"/>
  <c r="A87173" i="1" s="1"/>
  <c r="A87174" i="1" s="1"/>
  <c r="A87175" i="1" s="1"/>
  <c r="A87176" i="1" s="1"/>
  <c r="A87177" i="1" s="1"/>
  <c r="A87178" i="1" s="1"/>
  <c r="A87179" i="1" s="1"/>
  <c r="A87180" i="1" s="1"/>
  <c r="A87181" i="1" s="1"/>
  <c r="A87182" i="1" s="1"/>
  <c r="A87183" i="1" s="1"/>
  <c r="A87184" i="1" s="1"/>
  <c r="A87185" i="1" s="1"/>
  <c r="A87186" i="1" s="1"/>
  <c r="A87187" i="1" s="1"/>
  <c r="A87188" i="1" s="1"/>
  <c r="A87189" i="1" s="1"/>
  <c r="A87190" i="1" s="1"/>
  <c r="A87191" i="1" s="1"/>
  <c r="A87192" i="1" s="1"/>
  <c r="A87193" i="1" s="1"/>
  <c r="A87194" i="1" s="1"/>
  <c r="A87195" i="1" s="1"/>
  <c r="A87196" i="1" s="1"/>
  <c r="A87197" i="1" s="1"/>
  <c r="A87198" i="1" s="1"/>
  <c r="A87199" i="1" s="1"/>
  <c r="A87200" i="1" s="1"/>
  <c r="A87201" i="1" s="1"/>
  <c r="A87202" i="1" s="1"/>
  <c r="A87203" i="1" s="1"/>
  <c r="A87204" i="1" s="1"/>
  <c r="A87205" i="1" s="1"/>
  <c r="A87206" i="1" s="1"/>
  <c r="A87207" i="1" s="1"/>
  <c r="A87208" i="1" s="1"/>
  <c r="A87209" i="1" s="1"/>
  <c r="A87210" i="1" s="1"/>
  <c r="A87211" i="1" s="1"/>
  <c r="A87212" i="1" s="1"/>
  <c r="A87213" i="1" s="1"/>
  <c r="A87214" i="1" s="1"/>
  <c r="A87215" i="1" s="1"/>
  <c r="A87216" i="1" s="1"/>
  <c r="A87217" i="1" s="1"/>
  <c r="A87218" i="1" s="1"/>
  <c r="A87219" i="1" s="1"/>
  <c r="A87220" i="1" s="1"/>
  <c r="A87221" i="1" s="1"/>
  <c r="A87222" i="1" s="1"/>
  <c r="A87223" i="1" s="1"/>
  <c r="A87224" i="1" s="1"/>
  <c r="A87225" i="1" s="1"/>
  <c r="A87226" i="1" s="1"/>
  <c r="A87227" i="1" s="1"/>
  <c r="A87228" i="1" s="1"/>
  <c r="A87229" i="1" s="1"/>
  <c r="A87230" i="1" s="1"/>
  <c r="A87231" i="1" s="1"/>
  <c r="A87232" i="1" s="1"/>
  <c r="A87233" i="1" s="1"/>
  <c r="A87234" i="1" s="1"/>
  <c r="A87235" i="1" s="1"/>
  <c r="A87236" i="1" s="1"/>
  <c r="A87237" i="1" s="1"/>
  <c r="A87238" i="1" s="1"/>
  <c r="A87239" i="1" s="1"/>
  <c r="A87240" i="1" s="1"/>
  <c r="A87241" i="1" s="1"/>
  <c r="A87242" i="1" s="1"/>
  <c r="A87243" i="1" s="1"/>
  <c r="A87244" i="1" s="1"/>
  <c r="A87245" i="1" s="1"/>
  <c r="A87246" i="1" s="1"/>
  <c r="A87247" i="1" s="1"/>
  <c r="A87248" i="1" s="1"/>
  <c r="A87249" i="1" s="1"/>
  <c r="A87250" i="1" s="1"/>
  <c r="A87251" i="1" s="1"/>
  <c r="A87252" i="1" s="1"/>
  <c r="A87253" i="1" s="1"/>
  <c r="A87254" i="1" s="1"/>
  <c r="A87255" i="1" s="1"/>
  <c r="A87256" i="1" s="1"/>
  <c r="A87257" i="1" s="1"/>
  <c r="A87258" i="1" s="1"/>
  <c r="A87259" i="1" s="1"/>
  <c r="A87260" i="1" s="1"/>
  <c r="A87261" i="1" s="1"/>
  <c r="A87262" i="1" s="1"/>
  <c r="A87263" i="1" s="1"/>
  <c r="A87264" i="1" s="1"/>
  <c r="A87265" i="1" s="1"/>
  <c r="A87266" i="1" s="1"/>
  <c r="A87267" i="1" s="1"/>
  <c r="A87268" i="1" s="1"/>
  <c r="A87269" i="1" s="1"/>
  <c r="A87270" i="1" s="1"/>
  <c r="A87271" i="1" s="1"/>
  <c r="A87272" i="1" s="1"/>
  <c r="A87273" i="1" s="1"/>
  <c r="A87274" i="1" s="1"/>
  <c r="A87275" i="1" s="1"/>
  <c r="A87276" i="1" s="1"/>
  <c r="A87277" i="1" s="1"/>
  <c r="A87278" i="1" s="1"/>
  <c r="A87279" i="1" s="1"/>
  <c r="A87280" i="1" s="1"/>
  <c r="A87281" i="1" s="1"/>
  <c r="A87282" i="1" s="1"/>
  <c r="A87283" i="1" s="1"/>
  <c r="A87284" i="1" s="1"/>
  <c r="A87285" i="1" s="1"/>
  <c r="A87286" i="1" s="1"/>
  <c r="A87287" i="1" s="1"/>
  <c r="A87288" i="1" s="1"/>
  <c r="A87289" i="1" s="1"/>
  <c r="A87290" i="1" s="1"/>
  <c r="A87291" i="1" s="1"/>
  <c r="A87292" i="1" s="1"/>
  <c r="A87293" i="1" s="1"/>
  <c r="A87294" i="1" s="1"/>
  <c r="A87295" i="1" s="1"/>
  <c r="A87296" i="1" s="1"/>
  <c r="A87297" i="1" s="1"/>
  <c r="A87298" i="1" s="1"/>
  <c r="A87299" i="1" s="1"/>
  <c r="A87300" i="1" s="1"/>
  <c r="A87301" i="1" s="1"/>
  <c r="A87302" i="1" s="1"/>
  <c r="A87303" i="1" s="1"/>
  <c r="A87304" i="1" s="1"/>
  <c r="A87305" i="1" s="1"/>
  <c r="A87306" i="1" s="1"/>
  <c r="A87307" i="1" s="1"/>
  <c r="A87308" i="1" s="1"/>
  <c r="A87309" i="1" s="1"/>
  <c r="A87310" i="1" s="1"/>
  <c r="A87311" i="1" s="1"/>
  <c r="A87312" i="1" s="1"/>
  <c r="A87313" i="1" s="1"/>
  <c r="A87314" i="1" s="1"/>
  <c r="A87315" i="1" s="1"/>
  <c r="A87316" i="1" s="1"/>
  <c r="A87317" i="1" s="1"/>
  <c r="A87318" i="1" s="1"/>
  <c r="A87319" i="1" s="1"/>
  <c r="A87320" i="1" s="1"/>
  <c r="A87321" i="1" s="1"/>
  <c r="A87322" i="1" s="1"/>
  <c r="A87323" i="1" s="1"/>
  <c r="A87324" i="1" s="1"/>
  <c r="A87325" i="1" s="1"/>
  <c r="A87326" i="1" s="1"/>
  <c r="A87327" i="1" s="1"/>
  <c r="A87328" i="1" s="1"/>
  <c r="A87329" i="1" s="1"/>
  <c r="A87330" i="1" s="1"/>
  <c r="A87331" i="1" s="1"/>
  <c r="A87332" i="1" s="1"/>
  <c r="A87333" i="1" s="1"/>
  <c r="A87334" i="1" s="1"/>
  <c r="A87335" i="1" s="1"/>
  <c r="A87336" i="1" s="1"/>
  <c r="A87337" i="1" s="1"/>
  <c r="A87338" i="1" s="1"/>
  <c r="A87339" i="1" s="1"/>
  <c r="A87340" i="1" s="1"/>
  <c r="A87341" i="1" s="1"/>
  <c r="A87342" i="1" s="1"/>
  <c r="A87343" i="1" s="1"/>
  <c r="A87344" i="1" s="1"/>
  <c r="A87345" i="1" s="1"/>
  <c r="A87346" i="1" s="1"/>
  <c r="A87347" i="1" s="1"/>
  <c r="A87348" i="1" s="1"/>
  <c r="A87349" i="1" s="1"/>
  <c r="A87350" i="1" s="1"/>
  <c r="A87351" i="1" s="1"/>
  <c r="A87352" i="1" s="1"/>
  <c r="A87353" i="1" s="1"/>
  <c r="A87354" i="1" s="1"/>
  <c r="A87355" i="1" s="1"/>
  <c r="A87356" i="1" s="1"/>
  <c r="A87357" i="1" s="1"/>
  <c r="A87358" i="1" s="1"/>
  <c r="A87359" i="1" s="1"/>
  <c r="A87360" i="1" s="1"/>
  <c r="A87361" i="1" s="1"/>
  <c r="A87362" i="1" s="1"/>
  <c r="A87363" i="1" s="1"/>
  <c r="A87364" i="1" s="1"/>
  <c r="A87365" i="1" s="1"/>
  <c r="A87366" i="1" s="1"/>
  <c r="A87367" i="1" s="1"/>
  <c r="A87368" i="1" s="1"/>
  <c r="A87369" i="1" s="1"/>
  <c r="A87370" i="1" s="1"/>
  <c r="A87371" i="1" s="1"/>
  <c r="A87372" i="1" s="1"/>
  <c r="A87373" i="1" s="1"/>
  <c r="A87374" i="1" s="1"/>
  <c r="A87375" i="1" s="1"/>
  <c r="A87376" i="1" s="1"/>
  <c r="A87377" i="1" s="1"/>
  <c r="A87378" i="1" s="1"/>
  <c r="A87379" i="1" s="1"/>
  <c r="A87380" i="1" s="1"/>
  <c r="A87381" i="1" s="1"/>
  <c r="A87382" i="1" s="1"/>
  <c r="A87383" i="1" s="1"/>
  <c r="A87384" i="1" s="1"/>
  <c r="A87385" i="1" s="1"/>
  <c r="A87386" i="1" s="1"/>
  <c r="A87387" i="1" s="1"/>
  <c r="A87388" i="1" s="1"/>
  <c r="A87389" i="1" s="1"/>
  <c r="A87390" i="1" s="1"/>
  <c r="A87391" i="1" s="1"/>
  <c r="A87392" i="1" s="1"/>
  <c r="A87393" i="1" s="1"/>
  <c r="A87394" i="1" s="1"/>
  <c r="A87395" i="1" s="1"/>
  <c r="A87396" i="1" s="1"/>
  <c r="A87397" i="1" s="1"/>
  <c r="A87398" i="1" s="1"/>
  <c r="A87399" i="1" s="1"/>
  <c r="A87400" i="1" s="1"/>
  <c r="A87401" i="1" s="1"/>
  <c r="A87402" i="1" s="1"/>
  <c r="A87403" i="1" s="1"/>
  <c r="A87404" i="1" s="1"/>
  <c r="A87405" i="1" s="1"/>
  <c r="A87406" i="1" s="1"/>
  <c r="A87407" i="1" s="1"/>
  <c r="A87408" i="1" s="1"/>
  <c r="A87409" i="1" s="1"/>
  <c r="A87410" i="1" s="1"/>
  <c r="A87411" i="1" s="1"/>
  <c r="A87412" i="1" s="1"/>
  <c r="A87413" i="1" s="1"/>
  <c r="A87414" i="1" s="1"/>
  <c r="A87415" i="1" s="1"/>
  <c r="A87416" i="1" s="1"/>
  <c r="A87417" i="1" s="1"/>
  <c r="A87418" i="1" s="1"/>
  <c r="A87419" i="1" s="1"/>
  <c r="A87420" i="1" s="1"/>
  <c r="A87421" i="1" s="1"/>
  <c r="A87422" i="1" s="1"/>
  <c r="A87423" i="1" s="1"/>
  <c r="A87424" i="1" s="1"/>
  <c r="A87425" i="1" s="1"/>
  <c r="A87426" i="1" s="1"/>
  <c r="A87427" i="1" s="1"/>
  <c r="A87428" i="1" s="1"/>
  <c r="A87429" i="1" s="1"/>
  <c r="A87430" i="1" s="1"/>
  <c r="A87431" i="1" s="1"/>
  <c r="A87432" i="1" s="1"/>
  <c r="A87433" i="1" s="1"/>
  <c r="A87434" i="1" s="1"/>
  <c r="A87435" i="1" s="1"/>
  <c r="A87436" i="1" s="1"/>
  <c r="A87437" i="1" s="1"/>
  <c r="A87438" i="1" s="1"/>
  <c r="A87439" i="1" s="1"/>
  <c r="A87440" i="1" s="1"/>
  <c r="A87441" i="1" s="1"/>
  <c r="A87442" i="1" s="1"/>
  <c r="A87443" i="1" s="1"/>
  <c r="A87444" i="1" s="1"/>
  <c r="A87445" i="1" s="1"/>
  <c r="A87446" i="1" s="1"/>
  <c r="A87447" i="1" s="1"/>
  <c r="A87448" i="1" s="1"/>
  <c r="A87449" i="1" s="1"/>
  <c r="A87450" i="1" s="1"/>
  <c r="A87451" i="1" s="1"/>
  <c r="A87452" i="1" s="1"/>
  <c r="A87453" i="1" s="1"/>
  <c r="A87454" i="1" s="1"/>
  <c r="A87455" i="1" s="1"/>
  <c r="A87456" i="1" s="1"/>
  <c r="A87457" i="1" s="1"/>
  <c r="A87458" i="1" s="1"/>
  <c r="A87459" i="1" s="1"/>
  <c r="A87460" i="1" s="1"/>
  <c r="A87461" i="1" s="1"/>
  <c r="A87462" i="1" s="1"/>
  <c r="A87463" i="1" s="1"/>
  <c r="A87464" i="1" s="1"/>
  <c r="A87465" i="1" s="1"/>
  <c r="A87466" i="1" s="1"/>
  <c r="A87467" i="1" s="1"/>
  <c r="A87468" i="1" s="1"/>
  <c r="A87469" i="1" s="1"/>
  <c r="A87470" i="1" s="1"/>
  <c r="A87471" i="1" s="1"/>
  <c r="A87472" i="1" s="1"/>
  <c r="A87473" i="1" s="1"/>
  <c r="A87474" i="1" s="1"/>
  <c r="A87475" i="1" s="1"/>
  <c r="A87476" i="1" s="1"/>
  <c r="A87477" i="1" s="1"/>
  <c r="A87478" i="1" s="1"/>
  <c r="A87479" i="1" s="1"/>
  <c r="A87480" i="1" s="1"/>
  <c r="A87481" i="1" s="1"/>
  <c r="A87482" i="1" s="1"/>
  <c r="A87483" i="1" s="1"/>
  <c r="A87484" i="1" s="1"/>
  <c r="A87485" i="1" s="1"/>
  <c r="A87486" i="1" s="1"/>
  <c r="A87487" i="1" s="1"/>
  <c r="A87488" i="1" s="1"/>
  <c r="A87489" i="1" s="1"/>
  <c r="A87490" i="1" s="1"/>
  <c r="A87491" i="1" s="1"/>
  <c r="A87492" i="1" s="1"/>
  <c r="A87493" i="1" s="1"/>
  <c r="A87494" i="1" s="1"/>
  <c r="A87495" i="1" s="1"/>
  <c r="A87496" i="1" s="1"/>
  <c r="A87497" i="1" s="1"/>
  <c r="A87498" i="1" s="1"/>
  <c r="A87499" i="1" s="1"/>
  <c r="A87500" i="1" s="1"/>
  <c r="A87501" i="1" s="1"/>
  <c r="A87502" i="1" s="1"/>
  <c r="A87503" i="1" s="1"/>
  <c r="A87504" i="1" s="1"/>
  <c r="A87505" i="1" s="1"/>
  <c r="A87506" i="1" s="1"/>
  <c r="A87507" i="1" s="1"/>
  <c r="A87508" i="1" s="1"/>
  <c r="A87509" i="1" s="1"/>
  <c r="A87510" i="1" s="1"/>
  <c r="A87511" i="1" s="1"/>
  <c r="A87512" i="1" s="1"/>
  <c r="A87513" i="1" s="1"/>
  <c r="A87514" i="1" s="1"/>
  <c r="A87515" i="1" s="1"/>
  <c r="A87516" i="1" s="1"/>
  <c r="A87517" i="1" s="1"/>
  <c r="A87518" i="1" s="1"/>
  <c r="A87519" i="1" s="1"/>
  <c r="A87520" i="1" s="1"/>
  <c r="A87521" i="1" s="1"/>
  <c r="A87522" i="1" s="1"/>
  <c r="A87523" i="1" s="1"/>
  <c r="A87524" i="1" s="1"/>
  <c r="A87525" i="1" s="1"/>
  <c r="A87526" i="1" s="1"/>
  <c r="A87527" i="1" s="1"/>
  <c r="A87528" i="1" s="1"/>
  <c r="A87529" i="1" s="1"/>
  <c r="A87530" i="1" s="1"/>
  <c r="A87531" i="1" s="1"/>
  <c r="A87532" i="1" s="1"/>
  <c r="A87533" i="1" s="1"/>
  <c r="A87534" i="1" s="1"/>
  <c r="A87535" i="1" s="1"/>
  <c r="A87536" i="1" s="1"/>
  <c r="A87537" i="1" s="1"/>
  <c r="A87538" i="1" s="1"/>
  <c r="A87539" i="1" s="1"/>
  <c r="A87540" i="1" s="1"/>
  <c r="A87541" i="1" s="1"/>
  <c r="A87542" i="1" s="1"/>
  <c r="A87543" i="1" s="1"/>
  <c r="A87544" i="1" s="1"/>
  <c r="A87545" i="1" s="1"/>
  <c r="A87546" i="1" s="1"/>
  <c r="A87547" i="1" s="1"/>
  <c r="A87548" i="1" s="1"/>
  <c r="A87549" i="1" s="1"/>
  <c r="A87550" i="1" s="1"/>
  <c r="A87551" i="1" s="1"/>
  <c r="A87552" i="1" s="1"/>
  <c r="A87553" i="1" s="1"/>
  <c r="A87554" i="1" s="1"/>
  <c r="A87555" i="1" s="1"/>
  <c r="A87556" i="1" s="1"/>
  <c r="A87557" i="1" s="1"/>
  <c r="A87558" i="1" s="1"/>
  <c r="A87559" i="1" s="1"/>
  <c r="A87560" i="1" s="1"/>
  <c r="A87561" i="1" s="1"/>
  <c r="A87562" i="1" s="1"/>
  <c r="A87563" i="1" s="1"/>
  <c r="A87564" i="1" s="1"/>
  <c r="A87565" i="1" s="1"/>
  <c r="A87566" i="1" s="1"/>
  <c r="A87567" i="1" s="1"/>
  <c r="A87568" i="1" s="1"/>
  <c r="A87569" i="1" s="1"/>
  <c r="A87570" i="1" s="1"/>
  <c r="A87571" i="1" s="1"/>
  <c r="A87572" i="1" s="1"/>
  <c r="A87573" i="1" s="1"/>
  <c r="A87574" i="1" s="1"/>
  <c r="A87575" i="1" s="1"/>
  <c r="A87576" i="1" s="1"/>
  <c r="A87577" i="1" s="1"/>
  <c r="A87578" i="1" s="1"/>
  <c r="A87579" i="1" s="1"/>
  <c r="A87580" i="1" s="1"/>
  <c r="A87581" i="1" s="1"/>
  <c r="A87582" i="1" s="1"/>
  <c r="A87583" i="1" s="1"/>
  <c r="A87584" i="1" s="1"/>
  <c r="A87585" i="1" s="1"/>
  <c r="A87586" i="1" s="1"/>
  <c r="A87587" i="1" s="1"/>
  <c r="A87588" i="1" s="1"/>
  <c r="A87589" i="1" s="1"/>
  <c r="A87590" i="1" s="1"/>
  <c r="A87591" i="1" s="1"/>
  <c r="A87592" i="1" s="1"/>
  <c r="A87593" i="1" s="1"/>
  <c r="A87594" i="1" s="1"/>
  <c r="A87595" i="1" s="1"/>
  <c r="A87596" i="1" s="1"/>
  <c r="A87597" i="1" s="1"/>
  <c r="A87598" i="1" s="1"/>
  <c r="A87599" i="1" s="1"/>
  <c r="A87600" i="1" s="1"/>
  <c r="A87601" i="1" s="1"/>
  <c r="A87602" i="1" s="1"/>
  <c r="A87603" i="1" s="1"/>
  <c r="A87604" i="1" s="1"/>
  <c r="A87605" i="1" s="1"/>
  <c r="A87606" i="1" s="1"/>
  <c r="A87607" i="1" s="1"/>
  <c r="A87608" i="1" s="1"/>
  <c r="A87609" i="1" s="1"/>
  <c r="A87610" i="1" s="1"/>
  <c r="A87611" i="1" s="1"/>
  <c r="A87612" i="1" s="1"/>
  <c r="A87613" i="1" s="1"/>
  <c r="A87614" i="1" s="1"/>
  <c r="A87615" i="1" s="1"/>
  <c r="A87616" i="1" s="1"/>
  <c r="A87617" i="1" s="1"/>
  <c r="A87618" i="1" s="1"/>
  <c r="A87619" i="1" s="1"/>
  <c r="A87620" i="1" s="1"/>
  <c r="A87621" i="1" s="1"/>
  <c r="A87622" i="1" s="1"/>
  <c r="A87623" i="1" s="1"/>
  <c r="A87624" i="1" s="1"/>
  <c r="A87625" i="1" s="1"/>
  <c r="A87626" i="1" s="1"/>
  <c r="A87627" i="1" s="1"/>
  <c r="A87628" i="1" s="1"/>
  <c r="A87629" i="1" s="1"/>
  <c r="A87630" i="1" s="1"/>
  <c r="A87631" i="1" s="1"/>
  <c r="A87632" i="1" s="1"/>
  <c r="A87633" i="1" s="1"/>
  <c r="A87634" i="1" s="1"/>
  <c r="A87635" i="1" s="1"/>
  <c r="A87636" i="1" s="1"/>
  <c r="A87637" i="1" s="1"/>
  <c r="A87638" i="1" s="1"/>
  <c r="A87639" i="1" s="1"/>
  <c r="A87640" i="1" s="1"/>
  <c r="A87641" i="1" s="1"/>
  <c r="A87642" i="1" s="1"/>
  <c r="A87643" i="1" s="1"/>
  <c r="A87644" i="1" s="1"/>
  <c r="A87645" i="1" s="1"/>
  <c r="A87646" i="1" s="1"/>
  <c r="A87647" i="1" s="1"/>
  <c r="A87648" i="1" s="1"/>
  <c r="A87649" i="1" s="1"/>
  <c r="A87650" i="1" s="1"/>
  <c r="A87651" i="1" s="1"/>
  <c r="A87652" i="1" s="1"/>
  <c r="A87653" i="1" s="1"/>
  <c r="A87654" i="1" s="1"/>
  <c r="A87655" i="1" s="1"/>
  <c r="A87656" i="1" s="1"/>
  <c r="A87657" i="1" s="1"/>
  <c r="A87658" i="1" s="1"/>
  <c r="A87659" i="1" s="1"/>
  <c r="A87660" i="1" s="1"/>
  <c r="A87661" i="1" s="1"/>
  <c r="A87662" i="1" s="1"/>
  <c r="A87663" i="1" s="1"/>
  <c r="A87664" i="1" s="1"/>
  <c r="A87665" i="1" s="1"/>
  <c r="A87666" i="1" s="1"/>
  <c r="A87667" i="1" s="1"/>
  <c r="A87668" i="1" s="1"/>
  <c r="A87669" i="1" s="1"/>
  <c r="A87670" i="1" s="1"/>
  <c r="A87671" i="1" s="1"/>
  <c r="A87672" i="1" s="1"/>
  <c r="A87673" i="1" s="1"/>
  <c r="A87674" i="1" s="1"/>
  <c r="A87675" i="1" s="1"/>
  <c r="A87676" i="1" s="1"/>
  <c r="A87677" i="1" s="1"/>
  <c r="A87678" i="1" s="1"/>
  <c r="A87679" i="1" s="1"/>
  <c r="A87680" i="1" s="1"/>
  <c r="A87681" i="1" s="1"/>
  <c r="A87682" i="1" s="1"/>
  <c r="A87683" i="1" s="1"/>
  <c r="A87684" i="1" s="1"/>
  <c r="A87685" i="1" s="1"/>
  <c r="A87686" i="1" s="1"/>
  <c r="A87687" i="1" s="1"/>
  <c r="A87688" i="1" s="1"/>
  <c r="A87689" i="1" s="1"/>
  <c r="A87690" i="1" s="1"/>
  <c r="A87691" i="1" s="1"/>
  <c r="A87692" i="1" s="1"/>
  <c r="A87693" i="1" s="1"/>
  <c r="A87694" i="1" s="1"/>
  <c r="A87695" i="1" s="1"/>
  <c r="A87696" i="1" s="1"/>
  <c r="A87697" i="1" s="1"/>
  <c r="A87698" i="1" s="1"/>
  <c r="A87699" i="1" s="1"/>
  <c r="A87700" i="1" s="1"/>
  <c r="A87701" i="1" s="1"/>
  <c r="A87702" i="1" s="1"/>
  <c r="A87703" i="1" s="1"/>
  <c r="A87704" i="1" s="1"/>
  <c r="A87705" i="1" s="1"/>
  <c r="A87706" i="1" s="1"/>
  <c r="A87707" i="1" s="1"/>
  <c r="A87708" i="1" s="1"/>
  <c r="A87709" i="1" s="1"/>
  <c r="A87710" i="1" s="1"/>
  <c r="A87711" i="1" s="1"/>
  <c r="A87712" i="1" s="1"/>
  <c r="A87713" i="1" s="1"/>
  <c r="A87714" i="1" s="1"/>
  <c r="A87715" i="1" s="1"/>
  <c r="A87716" i="1" s="1"/>
  <c r="A87717" i="1" s="1"/>
  <c r="A87718" i="1" s="1"/>
  <c r="A87719" i="1" s="1"/>
  <c r="A87720" i="1" s="1"/>
  <c r="A87721" i="1" s="1"/>
  <c r="A87722" i="1" s="1"/>
  <c r="A87723" i="1" s="1"/>
  <c r="A87724" i="1" s="1"/>
  <c r="A87725" i="1" s="1"/>
  <c r="A87726" i="1" s="1"/>
  <c r="A87727" i="1" s="1"/>
  <c r="A87728" i="1" s="1"/>
  <c r="A87729" i="1" s="1"/>
  <c r="A87730" i="1" s="1"/>
  <c r="A87731" i="1" s="1"/>
  <c r="A87732" i="1" s="1"/>
  <c r="A87733" i="1" s="1"/>
  <c r="A87734" i="1" s="1"/>
  <c r="A87735" i="1" s="1"/>
  <c r="A87736" i="1" s="1"/>
  <c r="A87737" i="1" s="1"/>
  <c r="A87738" i="1" s="1"/>
  <c r="A87739" i="1" s="1"/>
  <c r="A87740" i="1" s="1"/>
  <c r="A87741" i="1" s="1"/>
  <c r="A87742" i="1" s="1"/>
  <c r="A87743" i="1" s="1"/>
  <c r="A87744" i="1" s="1"/>
  <c r="A87745" i="1" s="1"/>
  <c r="A87746" i="1" s="1"/>
  <c r="A87747" i="1" s="1"/>
  <c r="A87748" i="1" s="1"/>
  <c r="A87749" i="1" s="1"/>
  <c r="A87750" i="1" s="1"/>
  <c r="A87751" i="1" s="1"/>
  <c r="A87752" i="1" s="1"/>
  <c r="A87753" i="1" s="1"/>
  <c r="A87754" i="1" s="1"/>
  <c r="A87755" i="1" s="1"/>
  <c r="A87756" i="1" s="1"/>
  <c r="A87757" i="1" s="1"/>
  <c r="A87758" i="1" s="1"/>
  <c r="A87759" i="1" s="1"/>
  <c r="A87760" i="1" s="1"/>
  <c r="A87761" i="1" s="1"/>
  <c r="A87762" i="1" s="1"/>
  <c r="A87763" i="1" s="1"/>
  <c r="A87764" i="1" s="1"/>
  <c r="A87765" i="1" s="1"/>
  <c r="A87766" i="1" s="1"/>
  <c r="A87767" i="1" s="1"/>
  <c r="A87768" i="1" s="1"/>
  <c r="A87769" i="1" s="1"/>
  <c r="A87770" i="1" s="1"/>
  <c r="A87771" i="1" s="1"/>
  <c r="A87772" i="1" s="1"/>
  <c r="A87773" i="1" s="1"/>
  <c r="A87774" i="1" s="1"/>
  <c r="A87775" i="1" s="1"/>
  <c r="A87776" i="1" s="1"/>
  <c r="A87777" i="1" s="1"/>
  <c r="A87778" i="1" s="1"/>
  <c r="A87779" i="1" s="1"/>
  <c r="A87780" i="1" s="1"/>
  <c r="A87781" i="1" s="1"/>
  <c r="A87782" i="1" s="1"/>
  <c r="A87783" i="1" s="1"/>
  <c r="A87784" i="1" s="1"/>
  <c r="A87785" i="1" s="1"/>
  <c r="A87786" i="1" s="1"/>
  <c r="A87787" i="1" s="1"/>
  <c r="A87788" i="1" s="1"/>
  <c r="A87789" i="1" s="1"/>
  <c r="A87790" i="1" s="1"/>
  <c r="A87791" i="1" s="1"/>
  <c r="A87792" i="1" s="1"/>
  <c r="A87793" i="1" s="1"/>
  <c r="A87794" i="1" s="1"/>
  <c r="A87795" i="1" s="1"/>
  <c r="A87796" i="1" s="1"/>
  <c r="A87797" i="1" s="1"/>
  <c r="A87798" i="1" s="1"/>
  <c r="A87799" i="1" s="1"/>
  <c r="A87800" i="1" s="1"/>
  <c r="A87801" i="1" s="1"/>
  <c r="A87802" i="1" s="1"/>
  <c r="A87803" i="1" s="1"/>
  <c r="A87804" i="1" s="1"/>
  <c r="A87805" i="1" s="1"/>
  <c r="A87806" i="1" s="1"/>
  <c r="A87807" i="1" s="1"/>
  <c r="A87808" i="1" s="1"/>
  <c r="A87809" i="1" s="1"/>
  <c r="A87810" i="1" s="1"/>
  <c r="A87811" i="1" s="1"/>
  <c r="A87812" i="1" s="1"/>
  <c r="A87813" i="1" s="1"/>
  <c r="A87814" i="1" s="1"/>
  <c r="A87815" i="1" s="1"/>
  <c r="A87816" i="1" s="1"/>
  <c r="A87817" i="1" s="1"/>
  <c r="A87818" i="1" s="1"/>
  <c r="A87819" i="1" s="1"/>
  <c r="A87820" i="1" s="1"/>
  <c r="A87821" i="1" s="1"/>
  <c r="A87822" i="1" s="1"/>
  <c r="A87823" i="1" s="1"/>
  <c r="A87824" i="1" s="1"/>
  <c r="A87825" i="1" s="1"/>
  <c r="A87826" i="1" s="1"/>
  <c r="A87827" i="1" s="1"/>
  <c r="A87828" i="1" s="1"/>
  <c r="A87829" i="1" s="1"/>
  <c r="A87830" i="1" s="1"/>
  <c r="A87831" i="1" s="1"/>
  <c r="A87832" i="1" s="1"/>
  <c r="A87833" i="1" s="1"/>
  <c r="A87834" i="1" s="1"/>
  <c r="A87835" i="1" s="1"/>
  <c r="A87836" i="1" s="1"/>
  <c r="A87837" i="1" s="1"/>
  <c r="A87838" i="1" s="1"/>
  <c r="A87839" i="1" s="1"/>
  <c r="A87840" i="1" s="1"/>
  <c r="A87841" i="1" s="1"/>
  <c r="A87842" i="1" s="1"/>
  <c r="A87843" i="1" s="1"/>
  <c r="A87844" i="1" s="1"/>
  <c r="A87845" i="1" s="1"/>
  <c r="A87846" i="1" s="1"/>
  <c r="A87847" i="1" s="1"/>
  <c r="A87848" i="1" s="1"/>
  <c r="A87849" i="1" s="1"/>
  <c r="A87850" i="1" s="1"/>
  <c r="A87851" i="1" s="1"/>
  <c r="A87852" i="1" s="1"/>
  <c r="A87853" i="1" s="1"/>
  <c r="A87854" i="1" s="1"/>
  <c r="A87855" i="1" s="1"/>
  <c r="A87856" i="1" s="1"/>
  <c r="A87857" i="1" s="1"/>
  <c r="A87858" i="1" s="1"/>
  <c r="A87859" i="1" s="1"/>
  <c r="A87860" i="1" s="1"/>
  <c r="A87861" i="1" s="1"/>
  <c r="A87862" i="1" s="1"/>
  <c r="A87863" i="1" s="1"/>
  <c r="A87864" i="1" s="1"/>
  <c r="A87865" i="1" s="1"/>
  <c r="A87866" i="1" s="1"/>
  <c r="A87867" i="1" s="1"/>
  <c r="A87868" i="1" s="1"/>
  <c r="A87869" i="1" s="1"/>
  <c r="A87870" i="1" s="1"/>
  <c r="A87871" i="1" s="1"/>
  <c r="A87872" i="1" s="1"/>
  <c r="A87873" i="1" s="1"/>
  <c r="A87874" i="1" s="1"/>
  <c r="A87875" i="1" s="1"/>
  <c r="A87876" i="1" s="1"/>
  <c r="A87877" i="1" s="1"/>
  <c r="A87878" i="1" s="1"/>
  <c r="A87879" i="1" s="1"/>
  <c r="A87880" i="1" s="1"/>
  <c r="A87881" i="1" s="1"/>
  <c r="A87882" i="1" s="1"/>
  <c r="A87883" i="1" s="1"/>
  <c r="A87884" i="1" s="1"/>
  <c r="A87885" i="1" s="1"/>
  <c r="A87886" i="1" s="1"/>
  <c r="A87887" i="1" s="1"/>
  <c r="A87888" i="1" s="1"/>
  <c r="A87889" i="1" s="1"/>
  <c r="A87890" i="1" s="1"/>
  <c r="A87891" i="1" s="1"/>
  <c r="A87892" i="1" s="1"/>
  <c r="A87893" i="1" s="1"/>
  <c r="A87894" i="1" s="1"/>
  <c r="A87895" i="1" s="1"/>
  <c r="A87896" i="1" s="1"/>
  <c r="A87897" i="1" s="1"/>
  <c r="A87898" i="1" s="1"/>
  <c r="A87899" i="1" s="1"/>
  <c r="A87900" i="1" s="1"/>
  <c r="A87901" i="1" s="1"/>
  <c r="A87902" i="1" s="1"/>
  <c r="A87903" i="1" s="1"/>
  <c r="A87904" i="1" s="1"/>
  <c r="A87905" i="1" s="1"/>
  <c r="A87906" i="1" s="1"/>
  <c r="A87907" i="1" s="1"/>
  <c r="A87908" i="1" s="1"/>
  <c r="A87909" i="1" s="1"/>
  <c r="A87910" i="1" s="1"/>
  <c r="A87911" i="1" s="1"/>
  <c r="A87912" i="1" s="1"/>
  <c r="A87913" i="1" s="1"/>
  <c r="A87914" i="1" s="1"/>
  <c r="A87915" i="1" s="1"/>
  <c r="A87916" i="1" s="1"/>
  <c r="A87917" i="1" s="1"/>
  <c r="A87918" i="1" s="1"/>
  <c r="A87919" i="1" s="1"/>
  <c r="A87920" i="1" s="1"/>
  <c r="A87921" i="1" s="1"/>
  <c r="A87922" i="1" s="1"/>
  <c r="A87923" i="1" s="1"/>
  <c r="A87924" i="1" s="1"/>
  <c r="A87925" i="1" s="1"/>
  <c r="A87926" i="1" s="1"/>
  <c r="A87927" i="1" s="1"/>
  <c r="A87928" i="1" s="1"/>
  <c r="A87929" i="1" s="1"/>
  <c r="A87930" i="1" s="1"/>
  <c r="A87931" i="1" s="1"/>
  <c r="A87932" i="1" s="1"/>
  <c r="A87933" i="1" s="1"/>
  <c r="A87934" i="1" s="1"/>
  <c r="A87935" i="1" s="1"/>
  <c r="A87936" i="1" s="1"/>
  <c r="A87937" i="1" s="1"/>
  <c r="A87938" i="1" s="1"/>
  <c r="A87939" i="1" s="1"/>
  <c r="A87940" i="1" s="1"/>
  <c r="A87941" i="1" s="1"/>
  <c r="A87942" i="1" s="1"/>
  <c r="A87943" i="1" s="1"/>
  <c r="A87944" i="1" s="1"/>
  <c r="A87945" i="1" s="1"/>
  <c r="A87946" i="1" s="1"/>
  <c r="A87947" i="1" s="1"/>
  <c r="A87948" i="1" s="1"/>
  <c r="A87949" i="1" s="1"/>
  <c r="A87950" i="1" s="1"/>
  <c r="A87951" i="1" s="1"/>
  <c r="A87952" i="1" s="1"/>
  <c r="A87953" i="1" s="1"/>
  <c r="A87954" i="1" s="1"/>
  <c r="A87955" i="1" s="1"/>
  <c r="A87956" i="1" s="1"/>
  <c r="A87957" i="1" s="1"/>
  <c r="A87958" i="1" s="1"/>
  <c r="A87959" i="1" s="1"/>
  <c r="A87960" i="1" s="1"/>
  <c r="A87961" i="1" s="1"/>
  <c r="A87962" i="1" s="1"/>
  <c r="A87963" i="1" s="1"/>
  <c r="A87964" i="1" s="1"/>
  <c r="A87965" i="1" s="1"/>
  <c r="A87966" i="1" s="1"/>
  <c r="A87967" i="1" s="1"/>
  <c r="A87968" i="1" s="1"/>
  <c r="A87969" i="1" s="1"/>
  <c r="A87970" i="1" s="1"/>
  <c r="A87971" i="1" s="1"/>
  <c r="A87972" i="1" s="1"/>
  <c r="A87973" i="1" s="1"/>
  <c r="A87974" i="1" s="1"/>
  <c r="A87975" i="1" s="1"/>
  <c r="A87976" i="1" s="1"/>
  <c r="A87977" i="1" s="1"/>
  <c r="A87978" i="1" s="1"/>
  <c r="A87979" i="1" s="1"/>
  <c r="A87980" i="1" s="1"/>
  <c r="A87981" i="1" s="1"/>
  <c r="A87982" i="1" s="1"/>
  <c r="A87983" i="1" s="1"/>
  <c r="A87984" i="1" s="1"/>
  <c r="A87985" i="1" s="1"/>
  <c r="A87986" i="1" s="1"/>
  <c r="A87987" i="1" s="1"/>
  <c r="A87988" i="1" s="1"/>
  <c r="A87989" i="1" s="1"/>
  <c r="A87990" i="1" s="1"/>
  <c r="A87991" i="1" s="1"/>
  <c r="A87992" i="1" s="1"/>
  <c r="A87993" i="1" s="1"/>
  <c r="A87994" i="1" s="1"/>
  <c r="A87995" i="1" s="1"/>
  <c r="A87996" i="1" s="1"/>
  <c r="A87997" i="1" s="1"/>
  <c r="A87998" i="1" s="1"/>
  <c r="A87999" i="1" s="1"/>
  <c r="A88000" i="1" s="1"/>
  <c r="A88001" i="1" s="1"/>
  <c r="A88002" i="1" s="1"/>
  <c r="A88003" i="1" s="1"/>
  <c r="A88004" i="1" s="1"/>
  <c r="A88005" i="1" s="1"/>
  <c r="A88006" i="1" s="1"/>
  <c r="A88007" i="1" s="1"/>
  <c r="A88008" i="1" s="1"/>
  <c r="A88009" i="1" s="1"/>
  <c r="A88010" i="1" s="1"/>
  <c r="A88011" i="1" s="1"/>
  <c r="A88012" i="1" s="1"/>
  <c r="A88013" i="1" s="1"/>
  <c r="A88014" i="1" s="1"/>
  <c r="A88015" i="1" s="1"/>
  <c r="A88016" i="1" s="1"/>
  <c r="A88017" i="1" s="1"/>
  <c r="A88018" i="1" s="1"/>
  <c r="A88019" i="1" s="1"/>
  <c r="A88020" i="1" s="1"/>
  <c r="A88021" i="1" s="1"/>
  <c r="A88022" i="1" s="1"/>
  <c r="A88023" i="1" s="1"/>
  <c r="A88024" i="1" s="1"/>
  <c r="A88025" i="1" s="1"/>
  <c r="A88026" i="1" s="1"/>
  <c r="A88027" i="1" s="1"/>
  <c r="A88028" i="1" s="1"/>
  <c r="A88029" i="1" s="1"/>
  <c r="A88030" i="1" s="1"/>
  <c r="A88031" i="1" s="1"/>
  <c r="A88032" i="1" s="1"/>
  <c r="A88033" i="1" s="1"/>
  <c r="A88034" i="1" s="1"/>
  <c r="A88035" i="1" s="1"/>
  <c r="A88036" i="1" s="1"/>
  <c r="A88037" i="1" s="1"/>
  <c r="A88038" i="1" s="1"/>
  <c r="A88039" i="1" s="1"/>
  <c r="A88040" i="1" s="1"/>
  <c r="A88041" i="1" s="1"/>
  <c r="A88042" i="1" s="1"/>
  <c r="A88043" i="1" s="1"/>
  <c r="A88044" i="1" s="1"/>
  <c r="A88045" i="1" s="1"/>
  <c r="A88046" i="1" s="1"/>
  <c r="A88047" i="1" s="1"/>
  <c r="A88048" i="1" s="1"/>
  <c r="A88049" i="1" s="1"/>
  <c r="A88050" i="1" s="1"/>
  <c r="A88051" i="1" s="1"/>
  <c r="A88052" i="1" s="1"/>
  <c r="A88053" i="1" s="1"/>
  <c r="A88054" i="1" s="1"/>
  <c r="A88055" i="1" s="1"/>
  <c r="A88056" i="1" s="1"/>
  <c r="A88057" i="1" s="1"/>
  <c r="A88058" i="1" s="1"/>
  <c r="A88059" i="1" s="1"/>
  <c r="A88060" i="1" s="1"/>
  <c r="A88061" i="1" s="1"/>
  <c r="A88062" i="1" s="1"/>
  <c r="A88063" i="1" s="1"/>
  <c r="A88064" i="1" s="1"/>
  <c r="A88065" i="1" s="1"/>
  <c r="A88066" i="1" s="1"/>
  <c r="A88067" i="1" s="1"/>
  <c r="A88068" i="1" s="1"/>
  <c r="A88069" i="1" s="1"/>
  <c r="A88070" i="1" s="1"/>
  <c r="A88071" i="1" s="1"/>
  <c r="A88072" i="1" s="1"/>
  <c r="A88073" i="1" s="1"/>
  <c r="A88074" i="1" s="1"/>
  <c r="A88075" i="1" s="1"/>
  <c r="A88076" i="1" s="1"/>
  <c r="A88077" i="1" s="1"/>
  <c r="A88078" i="1" s="1"/>
  <c r="A88079" i="1" s="1"/>
  <c r="A88080" i="1" s="1"/>
  <c r="A88081" i="1" s="1"/>
  <c r="A88082" i="1" s="1"/>
  <c r="A88083" i="1" s="1"/>
  <c r="A88084" i="1" s="1"/>
  <c r="A88085" i="1" s="1"/>
  <c r="A88086" i="1" s="1"/>
  <c r="A88087" i="1" s="1"/>
  <c r="A88088" i="1" s="1"/>
  <c r="A88089" i="1" s="1"/>
  <c r="A88090" i="1" s="1"/>
  <c r="A88091" i="1" s="1"/>
  <c r="A88092" i="1" s="1"/>
  <c r="A88093" i="1" s="1"/>
  <c r="A88094" i="1" s="1"/>
  <c r="A88095" i="1" s="1"/>
  <c r="A88096" i="1" s="1"/>
  <c r="A88097" i="1" s="1"/>
  <c r="A88098" i="1" s="1"/>
  <c r="A88099" i="1" s="1"/>
  <c r="A88100" i="1" s="1"/>
  <c r="A88101" i="1" s="1"/>
  <c r="A88102" i="1" s="1"/>
  <c r="A88103" i="1" s="1"/>
  <c r="A88104" i="1" s="1"/>
  <c r="A88105" i="1" s="1"/>
  <c r="A88106" i="1" s="1"/>
  <c r="A88107" i="1" s="1"/>
  <c r="A88108" i="1" s="1"/>
  <c r="A88109" i="1" s="1"/>
  <c r="A88110" i="1" s="1"/>
  <c r="A88111" i="1" s="1"/>
  <c r="A88112" i="1" s="1"/>
  <c r="A88113" i="1" s="1"/>
  <c r="A88114" i="1" s="1"/>
  <c r="A88115" i="1" s="1"/>
  <c r="A88116" i="1" s="1"/>
  <c r="A88117" i="1" s="1"/>
  <c r="A88118" i="1" s="1"/>
  <c r="A88119" i="1" s="1"/>
  <c r="A88120" i="1" s="1"/>
  <c r="A88121" i="1" s="1"/>
  <c r="A88122" i="1" s="1"/>
  <c r="A88123" i="1" s="1"/>
  <c r="A88124" i="1" s="1"/>
  <c r="A88125" i="1" s="1"/>
  <c r="A88126" i="1" s="1"/>
  <c r="A88127" i="1" s="1"/>
  <c r="A88128" i="1" s="1"/>
  <c r="A88129" i="1" s="1"/>
  <c r="A88130" i="1" s="1"/>
  <c r="A88131" i="1" s="1"/>
  <c r="A88132" i="1" s="1"/>
  <c r="A88133" i="1" s="1"/>
  <c r="A88134" i="1" s="1"/>
  <c r="A88135" i="1" s="1"/>
  <c r="A88136" i="1" s="1"/>
  <c r="A88137" i="1" s="1"/>
  <c r="A88138" i="1" s="1"/>
  <c r="A88139" i="1" s="1"/>
  <c r="A88140" i="1" s="1"/>
  <c r="A88141" i="1" s="1"/>
  <c r="A88142" i="1" s="1"/>
  <c r="A88143" i="1" s="1"/>
  <c r="A88144" i="1" s="1"/>
  <c r="A88145" i="1" s="1"/>
  <c r="A88146" i="1" s="1"/>
  <c r="A88147" i="1" s="1"/>
  <c r="A88148" i="1" s="1"/>
  <c r="A88149" i="1" s="1"/>
  <c r="A88150" i="1" s="1"/>
  <c r="A88151" i="1" s="1"/>
  <c r="A88152" i="1" s="1"/>
  <c r="A88153" i="1" s="1"/>
  <c r="A88154" i="1" s="1"/>
  <c r="A88155" i="1" s="1"/>
  <c r="A88156" i="1" s="1"/>
  <c r="A88157" i="1" s="1"/>
  <c r="A88158" i="1" s="1"/>
  <c r="A88159" i="1" s="1"/>
  <c r="A88160" i="1" s="1"/>
  <c r="A88161" i="1" s="1"/>
  <c r="A88162" i="1" s="1"/>
  <c r="A88163" i="1" s="1"/>
  <c r="A88164" i="1" s="1"/>
  <c r="A88165" i="1" s="1"/>
  <c r="A88166" i="1" s="1"/>
  <c r="A88167" i="1" s="1"/>
  <c r="A88168" i="1" s="1"/>
  <c r="A88169" i="1" s="1"/>
  <c r="A88170" i="1" s="1"/>
  <c r="A88171" i="1" s="1"/>
  <c r="A88172" i="1" s="1"/>
  <c r="A88173" i="1" s="1"/>
  <c r="A88174" i="1" s="1"/>
  <c r="A88175" i="1" s="1"/>
  <c r="A88176" i="1" s="1"/>
  <c r="A88177" i="1" s="1"/>
  <c r="A88178" i="1" s="1"/>
  <c r="A88179" i="1" s="1"/>
  <c r="A88180" i="1" s="1"/>
  <c r="A88181" i="1" s="1"/>
  <c r="A88182" i="1" s="1"/>
  <c r="A88183" i="1" s="1"/>
  <c r="A88184" i="1" s="1"/>
  <c r="A88185" i="1" s="1"/>
  <c r="A88186" i="1" s="1"/>
  <c r="A88187" i="1" s="1"/>
  <c r="A88188" i="1" s="1"/>
  <c r="A88189" i="1" s="1"/>
  <c r="A88190" i="1" s="1"/>
  <c r="A88191" i="1" s="1"/>
  <c r="A88192" i="1" s="1"/>
  <c r="A88193" i="1" s="1"/>
  <c r="A88194" i="1" s="1"/>
  <c r="A88195" i="1" s="1"/>
  <c r="A88196" i="1" s="1"/>
  <c r="A88197" i="1" s="1"/>
  <c r="A88198" i="1" s="1"/>
  <c r="A88199" i="1" s="1"/>
  <c r="A88200" i="1" s="1"/>
  <c r="A88201" i="1" s="1"/>
  <c r="A88202" i="1" s="1"/>
  <c r="A88203" i="1" s="1"/>
  <c r="A88204" i="1" s="1"/>
  <c r="A88205" i="1" s="1"/>
  <c r="A88206" i="1" s="1"/>
  <c r="A88207" i="1" s="1"/>
  <c r="A88208" i="1" s="1"/>
  <c r="A88209" i="1" s="1"/>
  <c r="A88210" i="1" s="1"/>
  <c r="A88211" i="1" s="1"/>
  <c r="A88212" i="1" s="1"/>
  <c r="A88213" i="1" s="1"/>
  <c r="A88214" i="1" s="1"/>
  <c r="A88215" i="1" s="1"/>
  <c r="A88216" i="1" s="1"/>
  <c r="A88217" i="1" s="1"/>
  <c r="A88218" i="1" s="1"/>
  <c r="A88219" i="1" s="1"/>
  <c r="A88220" i="1" s="1"/>
  <c r="A88221" i="1" s="1"/>
  <c r="A88222" i="1" s="1"/>
  <c r="A88223" i="1" s="1"/>
  <c r="A88224" i="1" s="1"/>
  <c r="A88225" i="1" s="1"/>
  <c r="A88226" i="1" s="1"/>
  <c r="A88227" i="1" s="1"/>
  <c r="A88228" i="1" s="1"/>
  <c r="A88229" i="1" s="1"/>
  <c r="A88230" i="1" s="1"/>
  <c r="A88231" i="1" s="1"/>
  <c r="A88232" i="1" s="1"/>
  <c r="A88233" i="1" s="1"/>
  <c r="A88234" i="1" s="1"/>
  <c r="A88235" i="1" s="1"/>
  <c r="A88236" i="1" s="1"/>
  <c r="A88237" i="1" s="1"/>
  <c r="A88238" i="1" s="1"/>
  <c r="A88239" i="1" s="1"/>
  <c r="A88240" i="1" s="1"/>
  <c r="A88241" i="1" s="1"/>
  <c r="A88242" i="1" s="1"/>
  <c r="A88243" i="1" s="1"/>
  <c r="A88244" i="1" s="1"/>
  <c r="A88245" i="1" s="1"/>
  <c r="A88246" i="1" s="1"/>
  <c r="A88247" i="1" s="1"/>
  <c r="A88248" i="1" s="1"/>
  <c r="A88249" i="1" s="1"/>
  <c r="A88250" i="1" s="1"/>
  <c r="A88251" i="1" s="1"/>
  <c r="A88252" i="1" s="1"/>
  <c r="A88253" i="1" s="1"/>
  <c r="A88254" i="1" s="1"/>
  <c r="A88255" i="1" s="1"/>
  <c r="A88256" i="1" s="1"/>
  <c r="A88257" i="1" s="1"/>
  <c r="A88258" i="1" s="1"/>
  <c r="A88259" i="1" s="1"/>
  <c r="A88260" i="1" s="1"/>
  <c r="A88261" i="1" s="1"/>
  <c r="A88262" i="1" s="1"/>
  <c r="A88263" i="1" s="1"/>
  <c r="A88264" i="1" s="1"/>
  <c r="A88265" i="1" s="1"/>
  <c r="A88266" i="1" s="1"/>
  <c r="A88267" i="1" s="1"/>
  <c r="A88268" i="1" s="1"/>
  <c r="A88269" i="1" s="1"/>
  <c r="A88270" i="1" s="1"/>
  <c r="A88271" i="1" s="1"/>
  <c r="A88272" i="1" s="1"/>
  <c r="A88273" i="1" s="1"/>
  <c r="A88274" i="1" s="1"/>
  <c r="A88275" i="1" s="1"/>
  <c r="A88276" i="1" s="1"/>
  <c r="A88277" i="1" s="1"/>
  <c r="A88278" i="1" s="1"/>
  <c r="A88279" i="1" s="1"/>
  <c r="A88280" i="1" s="1"/>
  <c r="A88281" i="1" s="1"/>
  <c r="A88282" i="1" s="1"/>
  <c r="A88283" i="1" s="1"/>
  <c r="A88284" i="1" s="1"/>
  <c r="A88285" i="1" s="1"/>
  <c r="A88286" i="1" s="1"/>
  <c r="A88287" i="1" s="1"/>
  <c r="A88288" i="1" s="1"/>
  <c r="A88289" i="1" s="1"/>
  <c r="A88290" i="1" s="1"/>
  <c r="A88291" i="1" s="1"/>
  <c r="A88292" i="1" s="1"/>
  <c r="A88293" i="1" s="1"/>
  <c r="A88294" i="1" s="1"/>
  <c r="A88295" i="1" s="1"/>
  <c r="A88296" i="1" s="1"/>
  <c r="A88297" i="1" s="1"/>
  <c r="A88298" i="1" s="1"/>
  <c r="A88299" i="1" s="1"/>
  <c r="A88300" i="1" s="1"/>
  <c r="A88301" i="1" s="1"/>
  <c r="A88302" i="1" s="1"/>
  <c r="A88303" i="1" s="1"/>
  <c r="A88304" i="1" s="1"/>
  <c r="A88305" i="1" s="1"/>
  <c r="A88306" i="1" s="1"/>
  <c r="A88307" i="1" s="1"/>
  <c r="A88308" i="1" s="1"/>
  <c r="A88309" i="1" s="1"/>
  <c r="A88310" i="1" s="1"/>
  <c r="A88311" i="1" s="1"/>
  <c r="A88312" i="1" s="1"/>
  <c r="A88313" i="1" s="1"/>
  <c r="A88314" i="1" s="1"/>
  <c r="A88315" i="1" s="1"/>
  <c r="A88316" i="1" s="1"/>
  <c r="A88317" i="1" s="1"/>
  <c r="A88318" i="1" s="1"/>
  <c r="A88319" i="1" s="1"/>
  <c r="A88320" i="1" s="1"/>
  <c r="A88321" i="1" s="1"/>
  <c r="A88322" i="1" s="1"/>
  <c r="A88323" i="1" s="1"/>
  <c r="A88324" i="1" s="1"/>
  <c r="A88325" i="1" s="1"/>
  <c r="A88326" i="1" s="1"/>
  <c r="A88327" i="1" s="1"/>
  <c r="A88328" i="1" s="1"/>
  <c r="A88329" i="1" s="1"/>
  <c r="A88330" i="1" s="1"/>
  <c r="A88331" i="1" s="1"/>
  <c r="A88332" i="1" s="1"/>
  <c r="A88333" i="1" s="1"/>
  <c r="A88334" i="1" s="1"/>
  <c r="A88335" i="1" s="1"/>
  <c r="A88336" i="1" s="1"/>
  <c r="A88337" i="1" s="1"/>
  <c r="A88338" i="1" s="1"/>
  <c r="A88339" i="1" s="1"/>
  <c r="A88340" i="1" s="1"/>
  <c r="A88341" i="1" s="1"/>
  <c r="A88342" i="1" s="1"/>
  <c r="A88343" i="1" s="1"/>
  <c r="A88344" i="1" s="1"/>
  <c r="A88345" i="1" s="1"/>
  <c r="A88346" i="1" s="1"/>
  <c r="A88347" i="1" s="1"/>
  <c r="A88348" i="1" s="1"/>
  <c r="A88349" i="1" s="1"/>
  <c r="A88350" i="1" s="1"/>
  <c r="A88351" i="1" s="1"/>
  <c r="A88352" i="1" s="1"/>
  <c r="A88353" i="1" s="1"/>
  <c r="A88354" i="1" s="1"/>
  <c r="A88355" i="1" s="1"/>
  <c r="A88356" i="1" s="1"/>
  <c r="A88357" i="1" s="1"/>
  <c r="A88358" i="1" s="1"/>
  <c r="A88359" i="1" s="1"/>
  <c r="A88360" i="1" s="1"/>
  <c r="A88361" i="1" s="1"/>
  <c r="A88362" i="1" s="1"/>
  <c r="A88363" i="1" s="1"/>
  <c r="A88364" i="1" s="1"/>
  <c r="A88365" i="1" s="1"/>
  <c r="A88366" i="1" s="1"/>
  <c r="A88367" i="1" s="1"/>
  <c r="A88368" i="1" s="1"/>
  <c r="A88369" i="1" s="1"/>
  <c r="A88370" i="1" s="1"/>
  <c r="A88371" i="1" s="1"/>
  <c r="A88372" i="1" s="1"/>
  <c r="A88373" i="1" s="1"/>
  <c r="A88374" i="1" s="1"/>
  <c r="A88375" i="1" s="1"/>
  <c r="A88376" i="1" s="1"/>
  <c r="A88377" i="1" s="1"/>
  <c r="A88378" i="1" s="1"/>
  <c r="A88379" i="1" s="1"/>
  <c r="A88380" i="1" s="1"/>
  <c r="A88381" i="1" s="1"/>
  <c r="A88382" i="1" s="1"/>
  <c r="A88383" i="1" s="1"/>
  <c r="A88384" i="1" s="1"/>
  <c r="A88385" i="1" s="1"/>
  <c r="A88386" i="1" s="1"/>
  <c r="A88387" i="1" s="1"/>
  <c r="A88388" i="1" s="1"/>
  <c r="A88389" i="1" s="1"/>
  <c r="A88390" i="1" s="1"/>
  <c r="A88391" i="1" s="1"/>
  <c r="A88392" i="1" s="1"/>
  <c r="A88393" i="1" s="1"/>
  <c r="A88394" i="1" s="1"/>
  <c r="A88395" i="1" s="1"/>
  <c r="A88396" i="1" s="1"/>
  <c r="A88397" i="1" s="1"/>
  <c r="A88398" i="1" s="1"/>
  <c r="A88399" i="1" s="1"/>
  <c r="A88400" i="1" s="1"/>
  <c r="A88401" i="1" s="1"/>
  <c r="A88402" i="1" s="1"/>
  <c r="A88403" i="1" s="1"/>
  <c r="A88404" i="1" s="1"/>
  <c r="A88405" i="1" s="1"/>
  <c r="A88406" i="1" s="1"/>
  <c r="A88407" i="1" s="1"/>
  <c r="A88408" i="1" s="1"/>
  <c r="A88409" i="1" s="1"/>
  <c r="A88410" i="1" s="1"/>
  <c r="A88411" i="1" s="1"/>
  <c r="A88412" i="1" s="1"/>
  <c r="A88413" i="1" s="1"/>
  <c r="A88414" i="1" s="1"/>
  <c r="A88415" i="1" s="1"/>
  <c r="A88416" i="1" s="1"/>
  <c r="A88417" i="1" s="1"/>
  <c r="A88418" i="1" s="1"/>
  <c r="A88419" i="1" s="1"/>
  <c r="A88420" i="1" s="1"/>
  <c r="A88421" i="1" s="1"/>
  <c r="A88422" i="1" s="1"/>
  <c r="A88423" i="1" s="1"/>
  <c r="A88424" i="1" s="1"/>
  <c r="A88425" i="1" s="1"/>
  <c r="A88426" i="1" s="1"/>
  <c r="A88427" i="1" s="1"/>
  <c r="A88428" i="1" s="1"/>
  <c r="A88429" i="1" s="1"/>
  <c r="A88430" i="1" s="1"/>
  <c r="A88431" i="1" s="1"/>
  <c r="A88432" i="1" s="1"/>
  <c r="A88433" i="1" s="1"/>
  <c r="A88434" i="1" s="1"/>
  <c r="A88435" i="1" s="1"/>
  <c r="A88436" i="1" s="1"/>
  <c r="A88437" i="1" s="1"/>
  <c r="A88438" i="1" s="1"/>
  <c r="A88439" i="1" s="1"/>
  <c r="A88440" i="1" s="1"/>
  <c r="A88441" i="1" s="1"/>
  <c r="A88442" i="1" s="1"/>
  <c r="A88443" i="1" s="1"/>
  <c r="A88444" i="1" s="1"/>
  <c r="A88445" i="1" s="1"/>
  <c r="A88446" i="1" s="1"/>
  <c r="A88447" i="1" s="1"/>
  <c r="A88448" i="1" s="1"/>
  <c r="A88449" i="1" s="1"/>
  <c r="A88450" i="1" s="1"/>
  <c r="A88451" i="1" s="1"/>
  <c r="A88452" i="1" s="1"/>
  <c r="A88453" i="1" s="1"/>
  <c r="A88454" i="1" s="1"/>
  <c r="A88455" i="1" s="1"/>
  <c r="A88456" i="1" s="1"/>
  <c r="A88457" i="1" s="1"/>
  <c r="A88458" i="1" s="1"/>
  <c r="A88459" i="1" s="1"/>
  <c r="A88460" i="1" s="1"/>
  <c r="A88461" i="1" s="1"/>
  <c r="A88462" i="1" s="1"/>
  <c r="A88463" i="1" s="1"/>
  <c r="A88464" i="1" s="1"/>
  <c r="A88465" i="1" s="1"/>
  <c r="A88466" i="1" s="1"/>
  <c r="A88467" i="1" s="1"/>
  <c r="A88468" i="1" s="1"/>
  <c r="A88469" i="1" s="1"/>
  <c r="A88470" i="1" s="1"/>
  <c r="A88471" i="1" s="1"/>
  <c r="A88472" i="1" s="1"/>
  <c r="A88473" i="1" s="1"/>
  <c r="A88474" i="1" s="1"/>
  <c r="A88475" i="1" s="1"/>
  <c r="A88476" i="1" s="1"/>
  <c r="A88477" i="1" s="1"/>
  <c r="A88478" i="1" s="1"/>
  <c r="A88479" i="1" s="1"/>
  <c r="A88480" i="1" s="1"/>
  <c r="A88481" i="1" s="1"/>
  <c r="A88482" i="1" s="1"/>
  <c r="A88483" i="1" s="1"/>
  <c r="A88484" i="1" s="1"/>
  <c r="A88485" i="1" s="1"/>
  <c r="A88486" i="1" s="1"/>
  <c r="A88487" i="1" s="1"/>
  <c r="A88488" i="1" s="1"/>
  <c r="A88489" i="1" s="1"/>
  <c r="A88490" i="1" s="1"/>
  <c r="A88491" i="1" s="1"/>
  <c r="A88492" i="1" s="1"/>
  <c r="A88493" i="1" s="1"/>
  <c r="A88494" i="1" s="1"/>
  <c r="A88495" i="1" s="1"/>
  <c r="A88496" i="1" s="1"/>
  <c r="A88497" i="1" s="1"/>
  <c r="A88498" i="1" s="1"/>
  <c r="A88499" i="1" s="1"/>
  <c r="A88500" i="1" s="1"/>
  <c r="A88501" i="1" s="1"/>
  <c r="A88502" i="1" s="1"/>
  <c r="A88503" i="1" s="1"/>
  <c r="A88504" i="1" s="1"/>
  <c r="A88505" i="1" s="1"/>
  <c r="A88506" i="1" s="1"/>
  <c r="A88507" i="1" s="1"/>
  <c r="A88508" i="1" s="1"/>
  <c r="A88509" i="1" s="1"/>
  <c r="A88510" i="1" s="1"/>
  <c r="A88511" i="1" s="1"/>
  <c r="A88512" i="1" s="1"/>
  <c r="A88513" i="1" s="1"/>
  <c r="A88514" i="1" s="1"/>
  <c r="A88515" i="1" s="1"/>
  <c r="A88516" i="1" s="1"/>
  <c r="A88517" i="1" s="1"/>
  <c r="A88518" i="1" s="1"/>
  <c r="A88519" i="1" s="1"/>
  <c r="A88520" i="1" s="1"/>
  <c r="A88521" i="1" s="1"/>
  <c r="A88522" i="1" s="1"/>
  <c r="A88523" i="1" s="1"/>
  <c r="A88524" i="1" s="1"/>
  <c r="A88525" i="1" s="1"/>
  <c r="A88526" i="1" s="1"/>
  <c r="A88527" i="1" s="1"/>
  <c r="A88528" i="1" s="1"/>
  <c r="A88529" i="1" s="1"/>
  <c r="A88530" i="1" s="1"/>
  <c r="A88531" i="1" s="1"/>
  <c r="A88532" i="1" s="1"/>
  <c r="A88533" i="1" s="1"/>
  <c r="A88534" i="1" s="1"/>
  <c r="A88535" i="1" s="1"/>
  <c r="A88536" i="1" s="1"/>
  <c r="A88537" i="1" s="1"/>
  <c r="A88538" i="1" s="1"/>
  <c r="A88539" i="1" s="1"/>
  <c r="A88540" i="1" s="1"/>
  <c r="A88541" i="1" s="1"/>
  <c r="A88542" i="1" s="1"/>
  <c r="A88543" i="1" s="1"/>
  <c r="A88544" i="1" s="1"/>
  <c r="A88545" i="1" s="1"/>
  <c r="A88546" i="1" s="1"/>
  <c r="A88547" i="1" s="1"/>
  <c r="A88548" i="1" s="1"/>
  <c r="A88549" i="1" s="1"/>
  <c r="A88550" i="1" s="1"/>
  <c r="A88551" i="1" s="1"/>
  <c r="A88552" i="1" s="1"/>
  <c r="A88553" i="1" s="1"/>
  <c r="A88554" i="1" s="1"/>
  <c r="A88555" i="1" s="1"/>
  <c r="A88556" i="1" s="1"/>
  <c r="A88557" i="1" s="1"/>
  <c r="A88558" i="1" s="1"/>
  <c r="A88559" i="1" s="1"/>
  <c r="A88560" i="1" s="1"/>
  <c r="A88561" i="1" s="1"/>
  <c r="A88562" i="1" s="1"/>
  <c r="A88563" i="1" s="1"/>
  <c r="A88564" i="1" s="1"/>
  <c r="A88565" i="1" s="1"/>
  <c r="A88566" i="1" s="1"/>
  <c r="A88567" i="1" s="1"/>
  <c r="A88568" i="1" s="1"/>
  <c r="A88569" i="1" s="1"/>
  <c r="A88570" i="1" s="1"/>
  <c r="A88571" i="1" s="1"/>
  <c r="A88572" i="1" s="1"/>
  <c r="A88573" i="1" s="1"/>
  <c r="A88574" i="1" s="1"/>
  <c r="A88575" i="1" s="1"/>
  <c r="A88576" i="1" s="1"/>
  <c r="A88577" i="1" s="1"/>
  <c r="A88578" i="1" s="1"/>
  <c r="A88579" i="1" s="1"/>
  <c r="A88580" i="1" s="1"/>
  <c r="A88581" i="1" s="1"/>
  <c r="A88582" i="1" s="1"/>
  <c r="A88583" i="1" s="1"/>
  <c r="A88584" i="1" s="1"/>
  <c r="A88585" i="1" s="1"/>
  <c r="A88586" i="1" s="1"/>
  <c r="A88587" i="1" s="1"/>
  <c r="A88588" i="1" s="1"/>
  <c r="A88589" i="1" s="1"/>
  <c r="A88590" i="1" s="1"/>
  <c r="A88591" i="1" s="1"/>
  <c r="A88592" i="1" s="1"/>
  <c r="A88593" i="1" s="1"/>
  <c r="A88594" i="1" s="1"/>
  <c r="A88595" i="1" s="1"/>
  <c r="A88596" i="1" s="1"/>
  <c r="A88597" i="1" s="1"/>
  <c r="A88598" i="1" s="1"/>
  <c r="A88599" i="1" s="1"/>
  <c r="A88600" i="1" s="1"/>
  <c r="A88601" i="1" s="1"/>
  <c r="A88602" i="1" s="1"/>
  <c r="A88603" i="1" s="1"/>
  <c r="A88604" i="1" s="1"/>
  <c r="A88605" i="1" s="1"/>
  <c r="A88606" i="1" s="1"/>
  <c r="A88607" i="1" s="1"/>
  <c r="A88608" i="1" s="1"/>
  <c r="A88609" i="1" s="1"/>
  <c r="A88610" i="1" s="1"/>
  <c r="A88611" i="1" s="1"/>
  <c r="A88612" i="1" s="1"/>
  <c r="A88613" i="1" s="1"/>
  <c r="A88614" i="1" s="1"/>
  <c r="A88615" i="1" s="1"/>
  <c r="A88616" i="1" s="1"/>
  <c r="A88617" i="1" s="1"/>
  <c r="A88618" i="1" s="1"/>
  <c r="A88619" i="1" s="1"/>
  <c r="A88620" i="1" s="1"/>
  <c r="A88621" i="1" s="1"/>
  <c r="A88622" i="1" s="1"/>
  <c r="A88623" i="1" s="1"/>
  <c r="A88624" i="1" s="1"/>
  <c r="A88625" i="1" s="1"/>
  <c r="A88626" i="1" s="1"/>
  <c r="A88627" i="1" s="1"/>
  <c r="A88628" i="1" s="1"/>
  <c r="A88629" i="1" s="1"/>
  <c r="A88630" i="1" s="1"/>
  <c r="A88631" i="1" s="1"/>
  <c r="A88632" i="1" s="1"/>
  <c r="A88633" i="1" s="1"/>
  <c r="A88634" i="1" s="1"/>
  <c r="A88635" i="1" s="1"/>
  <c r="A88636" i="1" s="1"/>
  <c r="A88637" i="1" s="1"/>
  <c r="A88638" i="1" s="1"/>
  <c r="A88639" i="1" s="1"/>
  <c r="A88640" i="1" s="1"/>
  <c r="A88641" i="1" s="1"/>
  <c r="A88642" i="1" s="1"/>
  <c r="A88643" i="1" s="1"/>
  <c r="A88644" i="1" s="1"/>
  <c r="A88645" i="1" s="1"/>
  <c r="A88646" i="1" s="1"/>
  <c r="A88647" i="1" s="1"/>
  <c r="A88648" i="1" s="1"/>
  <c r="A88649" i="1" s="1"/>
  <c r="A88650" i="1" s="1"/>
  <c r="A88651" i="1" s="1"/>
  <c r="A88652" i="1" s="1"/>
  <c r="A88653" i="1" s="1"/>
  <c r="A88654" i="1" s="1"/>
  <c r="A88655" i="1" s="1"/>
  <c r="A88656" i="1" s="1"/>
  <c r="A88657" i="1" s="1"/>
  <c r="A88658" i="1" s="1"/>
  <c r="A88659" i="1" s="1"/>
  <c r="A88660" i="1" s="1"/>
  <c r="A88661" i="1" s="1"/>
  <c r="A88662" i="1" s="1"/>
  <c r="A88663" i="1" s="1"/>
  <c r="A88664" i="1" s="1"/>
  <c r="A88665" i="1" s="1"/>
  <c r="A88666" i="1" s="1"/>
  <c r="A88667" i="1" s="1"/>
  <c r="A88668" i="1" s="1"/>
  <c r="A88669" i="1" s="1"/>
  <c r="A88670" i="1" s="1"/>
  <c r="A88671" i="1" s="1"/>
  <c r="A88672" i="1" s="1"/>
  <c r="A88673" i="1" s="1"/>
  <c r="A88674" i="1" s="1"/>
  <c r="A88675" i="1" s="1"/>
  <c r="A88676" i="1" s="1"/>
  <c r="A88677" i="1" s="1"/>
  <c r="A88678" i="1" s="1"/>
  <c r="A88679" i="1" s="1"/>
  <c r="A88680" i="1" s="1"/>
  <c r="A88681" i="1" s="1"/>
  <c r="A88682" i="1" s="1"/>
  <c r="A88683" i="1" s="1"/>
  <c r="A88684" i="1" s="1"/>
  <c r="A88685" i="1" s="1"/>
  <c r="A88686" i="1" s="1"/>
  <c r="A88687" i="1" s="1"/>
  <c r="A88688" i="1" s="1"/>
  <c r="A88689" i="1" s="1"/>
  <c r="A88690" i="1" s="1"/>
  <c r="A88691" i="1" s="1"/>
  <c r="A88692" i="1" s="1"/>
  <c r="A88693" i="1" s="1"/>
  <c r="A88694" i="1" s="1"/>
  <c r="A88695" i="1" s="1"/>
  <c r="A88696" i="1" s="1"/>
  <c r="A88697" i="1" s="1"/>
  <c r="A88698" i="1" s="1"/>
  <c r="A88699" i="1" s="1"/>
  <c r="A88700" i="1" s="1"/>
  <c r="A88701" i="1" s="1"/>
  <c r="A88702" i="1" s="1"/>
  <c r="A88703" i="1" s="1"/>
  <c r="A88704" i="1" s="1"/>
  <c r="A88705" i="1" s="1"/>
  <c r="A88706" i="1" s="1"/>
  <c r="A88707" i="1" s="1"/>
  <c r="A88708" i="1" s="1"/>
  <c r="A88709" i="1" s="1"/>
  <c r="A88710" i="1" s="1"/>
  <c r="A88711" i="1" s="1"/>
  <c r="A88712" i="1" s="1"/>
  <c r="A88713" i="1" s="1"/>
  <c r="A88714" i="1" s="1"/>
  <c r="A88715" i="1" s="1"/>
  <c r="A88716" i="1" s="1"/>
  <c r="A88717" i="1" s="1"/>
  <c r="A88718" i="1" s="1"/>
  <c r="A88719" i="1" s="1"/>
  <c r="A88720" i="1" s="1"/>
  <c r="A88721" i="1" s="1"/>
  <c r="A88722" i="1" s="1"/>
  <c r="A88723" i="1" s="1"/>
  <c r="A88724" i="1" s="1"/>
  <c r="A88725" i="1" s="1"/>
  <c r="A88726" i="1" s="1"/>
  <c r="A88727" i="1" s="1"/>
  <c r="A88728" i="1" s="1"/>
  <c r="A88729" i="1" s="1"/>
  <c r="A88730" i="1" s="1"/>
  <c r="A88731" i="1" s="1"/>
  <c r="A88732" i="1" s="1"/>
  <c r="A88733" i="1" s="1"/>
  <c r="A88734" i="1" s="1"/>
  <c r="A88735" i="1" s="1"/>
  <c r="A88736" i="1" s="1"/>
  <c r="A88737" i="1" s="1"/>
  <c r="A88738" i="1" s="1"/>
  <c r="A88739" i="1" s="1"/>
  <c r="A88740" i="1" s="1"/>
  <c r="A88741" i="1" s="1"/>
  <c r="A88742" i="1" s="1"/>
  <c r="A88743" i="1" s="1"/>
  <c r="A88744" i="1" s="1"/>
  <c r="A88745" i="1" s="1"/>
  <c r="A88746" i="1" s="1"/>
  <c r="A88747" i="1" s="1"/>
  <c r="A88748" i="1" s="1"/>
  <c r="A88749" i="1" s="1"/>
  <c r="A88750" i="1" s="1"/>
  <c r="A88751" i="1" s="1"/>
  <c r="A88752" i="1" s="1"/>
  <c r="A88753" i="1" s="1"/>
  <c r="A88754" i="1" s="1"/>
  <c r="A88755" i="1" s="1"/>
  <c r="A88756" i="1" s="1"/>
  <c r="A88757" i="1" s="1"/>
  <c r="A88758" i="1" s="1"/>
  <c r="A88759" i="1" s="1"/>
  <c r="A88760" i="1" s="1"/>
  <c r="A88761" i="1" s="1"/>
  <c r="A88762" i="1" s="1"/>
  <c r="A88763" i="1" s="1"/>
  <c r="A88764" i="1" s="1"/>
  <c r="A88765" i="1" s="1"/>
  <c r="A88766" i="1" s="1"/>
  <c r="A88767" i="1" s="1"/>
  <c r="A88768" i="1" s="1"/>
  <c r="A88769" i="1" s="1"/>
  <c r="A88770" i="1" s="1"/>
  <c r="A88771" i="1" s="1"/>
  <c r="A88772" i="1" s="1"/>
  <c r="A88773" i="1" s="1"/>
  <c r="A88774" i="1" s="1"/>
  <c r="A88775" i="1" s="1"/>
  <c r="A88776" i="1" s="1"/>
  <c r="A88777" i="1" s="1"/>
  <c r="A88778" i="1" s="1"/>
  <c r="A88779" i="1" s="1"/>
  <c r="A88780" i="1" s="1"/>
  <c r="A88781" i="1" s="1"/>
  <c r="A88782" i="1" s="1"/>
  <c r="A88783" i="1" s="1"/>
  <c r="A88784" i="1" s="1"/>
  <c r="A88785" i="1" s="1"/>
  <c r="A88786" i="1" s="1"/>
  <c r="A88787" i="1" s="1"/>
  <c r="A88788" i="1" s="1"/>
  <c r="A88789" i="1" s="1"/>
  <c r="A88790" i="1" s="1"/>
  <c r="A88791" i="1" s="1"/>
  <c r="A88792" i="1" s="1"/>
  <c r="A88793" i="1" s="1"/>
  <c r="A88794" i="1" s="1"/>
  <c r="A88795" i="1" s="1"/>
  <c r="A88796" i="1" s="1"/>
  <c r="A88797" i="1" s="1"/>
  <c r="A88798" i="1" s="1"/>
  <c r="A88799" i="1" s="1"/>
  <c r="A88800" i="1" s="1"/>
  <c r="A88801" i="1" s="1"/>
  <c r="A88802" i="1" s="1"/>
  <c r="A88803" i="1" s="1"/>
  <c r="A88804" i="1" s="1"/>
  <c r="A88805" i="1" s="1"/>
  <c r="A88806" i="1" s="1"/>
  <c r="A88807" i="1" s="1"/>
  <c r="A88808" i="1" s="1"/>
  <c r="A88809" i="1" s="1"/>
  <c r="A88810" i="1" s="1"/>
  <c r="A88811" i="1" s="1"/>
  <c r="A88812" i="1" s="1"/>
  <c r="A88813" i="1" s="1"/>
  <c r="A88814" i="1" s="1"/>
  <c r="A88815" i="1" s="1"/>
  <c r="A88816" i="1" s="1"/>
  <c r="A88817" i="1" s="1"/>
  <c r="A88818" i="1" s="1"/>
  <c r="A88819" i="1" s="1"/>
  <c r="A88820" i="1" s="1"/>
  <c r="A88821" i="1" s="1"/>
  <c r="A88822" i="1" s="1"/>
  <c r="A88823" i="1" s="1"/>
  <c r="A88824" i="1" s="1"/>
  <c r="A88825" i="1" s="1"/>
  <c r="A88826" i="1" s="1"/>
  <c r="A88827" i="1" s="1"/>
  <c r="A88828" i="1" s="1"/>
  <c r="A88829" i="1" s="1"/>
  <c r="A88830" i="1" s="1"/>
  <c r="A88831" i="1" s="1"/>
  <c r="A88832" i="1" s="1"/>
  <c r="A88833" i="1" s="1"/>
  <c r="A88834" i="1" s="1"/>
  <c r="A88835" i="1" s="1"/>
  <c r="A88836" i="1" s="1"/>
  <c r="A88837" i="1" s="1"/>
  <c r="A88838" i="1" s="1"/>
  <c r="A88839" i="1" s="1"/>
  <c r="A88840" i="1" s="1"/>
  <c r="A88841" i="1" s="1"/>
  <c r="A88842" i="1" s="1"/>
  <c r="A88843" i="1" s="1"/>
  <c r="A88844" i="1" s="1"/>
  <c r="A88845" i="1" s="1"/>
  <c r="A88846" i="1" s="1"/>
  <c r="A88847" i="1" s="1"/>
  <c r="A88848" i="1" s="1"/>
  <c r="A88849" i="1" s="1"/>
  <c r="A88850" i="1" s="1"/>
  <c r="A88851" i="1" s="1"/>
  <c r="A88852" i="1" s="1"/>
  <c r="A88853" i="1" s="1"/>
  <c r="A88854" i="1" s="1"/>
  <c r="A88855" i="1" s="1"/>
  <c r="A88856" i="1" s="1"/>
  <c r="A88857" i="1" s="1"/>
  <c r="A88858" i="1" s="1"/>
  <c r="A88859" i="1" s="1"/>
  <c r="A88860" i="1" s="1"/>
  <c r="A88861" i="1" s="1"/>
  <c r="A88862" i="1" s="1"/>
  <c r="A88863" i="1" s="1"/>
  <c r="A88864" i="1" s="1"/>
  <c r="A88865" i="1" s="1"/>
  <c r="A88866" i="1" s="1"/>
  <c r="A88867" i="1" s="1"/>
  <c r="A88868" i="1" s="1"/>
  <c r="A88869" i="1" s="1"/>
  <c r="A88870" i="1" s="1"/>
  <c r="A88871" i="1" s="1"/>
  <c r="A88872" i="1" s="1"/>
  <c r="A88873" i="1" s="1"/>
  <c r="A88874" i="1" s="1"/>
  <c r="A88875" i="1" s="1"/>
  <c r="A88876" i="1" s="1"/>
  <c r="A88877" i="1" s="1"/>
  <c r="A88878" i="1" s="1"/>
  <c r="A88879" i="1" s="1"/>
  <c r="A88880" i="1" s="1"/>
  <c r="A88881" i="1" s="1"/>
  <c r="A88882" i="1" s="1"/>
  <c r="A88883" i="1" s="1"/>
  <c r="A88884" i="1" s="1"/>
  <c r="A88885" i="1" s="1"/>
  <c r="A88886" i="1" s="1"/>
  <c r="A88887" i="1" s="1"/>
  <c r="A88888" i="1" s="1"/>
  <c r="A88889" i="1" s="1"/>
  <c r="A88890" i="1" s="1"/>
  <c r="A88891" i="1" s="1"/>
  <c r="A88892" i="1" s="1"/>
  <c r="A88893" i="1" s="1"/>
  <c r="A88894" i="1" s="1"/>
  <c r="A88895" i="1" s="1"/>
  <c r="A88896" i="1" s="1"/>
  <c r="A88897" i="1" s="1"/>
  <c r="A88898" i="1" s="1"/>
  <c r="A88899" i="1" s="1"/>
  <c r="A88900" i="1" s="1"/>
  <c r="A88901" i="1" s="1"/>
  <c r="A88902" i="1" s="1"/>
  <c r="A88903" i="1" s="1"/>
  <c r="A88904" i="1" s="1"/>
  <c r="A88905" i="1" s="1"/>
  <c r="A88906" i="1" s="1"/>
  <c r="A88907" i="1" s="1"/>
  <c r="A88908" i="1" s="1"/>
  <c r="A88909" i="1" s="1"/>
  <c r="A88910" i="1" s="1"/>
  <c r="A88911" i="1" s="1"/>
  <c r="A88912" i="1" s="1"/>
  <c r="A88913" i="1" s="1"/>
  <c r="A88914" i="1" s="1"/>
  <c r="A88915" i="1" s="1"/>
  <c r="A88916" i="1" s="1"/>
  <c r="A88917" i="1" s="1"/>
  <c r="A88918" i="1" s="1"/>
  <c r="A88919" i="1" s="1"/>
  <c r="A88920" i="1" s="1"/>
  <c r="A88921" i="1" s="1"/>
  <c r="A88922" i="1" s="1"/>
  <c r="A88923" i="1" s="1"/>
  <c r="A88924" i="1" s="1"/>
  <c r="A88925" i="1" s="1"/>
  <c r="A88926" i="1" s="1"/>
  <c r="A88927" i="1" s="1"/>
  <c r="A88928" i="1" s="1"/>
  <c r="A88929" i="1" s="1"/>
  <c r="A88930" i="1" s="1"/>
  <c r="A88931" i="1" s="1"/>
  <c r="A88932" i="1" s="1"/>
  <c r="A88933" i="1" s="1"/>
  <c r="A88934" i="1" s="1"/>
  <c r="A88935" i="1" s="1"/>
  <c r="A88936" i="1" s="1"/>
  <c r="A88937" i="1" s="1"/>
  <c r="A88938" i="1" s="1"/>
  <c r="A88939" i="1" s="1"/>
  <c r="A88940" i="1" s="1"/>
  <c r="A88941" i="1" s="1"/>
  <c r="A88942" i="1" s="1"/>
  <c r="A88943" i="1" s="1"/>
  <c r="A88944" i="1" s="1"/>
  <c r="A88945" i="1" s="1"/>
  <c r="A88946" i="1" s="1"/>
  <c r="A88947" i="1" s="1"/>
  <c r="A88948" i="1" s="1"/>
  <c r="A88949" i="1" s="1"/>
  <c r="A88950" i="1" s="1"/>
  <c r="A88951" i="1" s="1"/>
  <c r="A88952" i="1" s="1"/>
  <c r="A88953" i="1" s="1"/>
  <c r="A88954" i="1" s="1"/>
  <c r="A88955" i="1" s="1"/>
  <c r="A88956" i="1" s="1"/>
  <c r="A88957" i="1" s="1"/>
  <c r="A88958" i="1" s="1"/>
  <c r="A88959" i="1" s="1"/>
  <c r="A88960" i="1" s="1"/>
  <c r="A88961" i="1" s="1"/>
  <c r="A88962" i="1" s="1"/>
  <c r="A88963" i="1" s="1"/>
  <c r="A88964" i="1" s="1"/>
  <c r="A88965" i="1" s="1"/>
  <c r="A88966" i="1" s="1"/>
  <c r="A88967" i="1" s="1"/>
  <c r="A88968" i="1" s="1"/>
  <c r="A88969" i="1" s="1"/>
  <c r="A88970" i="1" s="1"/>
  <c r="A88971" i="1" s="1"/>
  <c r="A88972" i="1" s="1"/>
  <c r="A88973" i="1" s="1"/>
  <c r="A88974" i="1" s="1"/>
  <c r="A88975" i="1" s="1"/>
  <c r="A88976" i="1" s="1"/>
  <c r="A88977" i="1" s="1"/>
  <c r="A88978" i="1" s="1"/>
  <c r="A88979" i="1" s="1"/>
  <c r="A88980" i="1" s="1"/>
  <c r="A88981" i="1" s="1"/>
  <c r="A88982" i="1" s="1"/>
  <c r="A88983" i="1" s="1"/>
  <c r="A88984" i="1" s="1"/>
  <c r="A88985" i="1" s="1"/>
  <c r="A88986" i="1" s="1"/>
  <c r="A88987" i="1" s="1"/>
  <c r="A88988" i="1" s="1"/>
  <c r="A88989" i="1" s="1"/>
  <c r="A88990" i="1" s="1"/>
  <c r="A88991" i="1" s="1"/>
  <c r="A88992" i="1" s="1"/>
  <c r="A88993" i="1" s="1"/>
  <c r="A88994" i="1" s="1"/>
  <c r="A88995" i="1" s="1"/>
  <c r="A88996" i="1" s="1"/>
  <c r="A88997" i="1" s="1"/>
  <c r="A88998" i="1" s="1"/>
  <c r="A88999" i="1" s="1"/>
  <c r="A89000" i="1" s="1"/>
  <c r="A89001" i="1" s="1"/>
  <c r="A89002" i="1" s="1"/>
  <c r="A89003" i="1" s="1"/>
  <c r="A89004" i="1" s="1"/>
  <c r="A89005" i="1" s="1"/>
  <c r="A89006" i="1" s="1"/>
  <c r="A89007" i="1" s="1"/>
  <c r="A89008" i="1" s="1"/>
  <c r="A89009" i="1" s="1"/>
  <c r="A89010" i="1" s="1"/>
  <c r="A89011" i="1" s="1"/>
  <c r="A89012" i="1" s="1"/>
  <c r="A89013" i="1" s="1"/>
  <c r="A89014" i="1" s="1"/>
  <c r="A89015" i="1" s="1"/>
  <c r="A89016" i="1" s="1"/>
  <c r="A89017" i="1" s="1"/>
  <c r="A89018" i="1" s="1"/>
  <c r="A89019" i="1" s="1"/>
  <c r="A89020" i="1" s="1"/>
  <c r="A89021" i="1" s="1"/>
  <c r="A89022" i="1" s="1"/>
  <c r="A89023" i="1" s="1"/>
  <c r="A89024" i="1" s="1"/>
  <c r="A89025" i="1" s="1"/>
  <c r="A89026" i="1" s="1"/>
  <c r="A89027" i="1" s="1"/>
  <c r="A89028" i="1" s="1"/>
  <c r="A89029" i="1" s="1"/>
  <c r="A89030" i="1" s="1"/>
  <c r="A89031" i="1" s="1"/>
  <c r="A89032" i="1" s="1"/>
  <c r="A89033" i="1" s="1"/>
  <c r="A89034" i="1" s="1"/>
  <c r="A89035" i="1" s="1"/>
  <c r="A89036" i="1" s="1"/>
  <c r="A89037" i="1" s="1"/>
  <c r="A89038" i="1" s="1"/>
  <c r="A89039" i="1" s="1"/>
  <c r="A89040" i="1" s="1"/>
  <c r="A89041" i="1" s="1"/>
  <c r="A89042" i="1" s="1"/>
  <c r="A89043" i="1" s="1"/>
  <c r="A89044" i="1" s="1"/>
  <c r="A89045" i="1" s="1"/>
  <c r="A89046" i="1" s="1"/>
  <c r="A89047" i="1" s="1"/>
  <c r="A89048" i="1" s="1"/>
  <c r="A89049" i="1" s="1"/>
  <c r="A89050" i="1" s="1"/>
  <c r="A89051" i="1" s="1"/>
  <c r="A89052" i="1" s="1"/>
  <c r="A89053" i="1" s="1"/>
  <c r="A89054" i="1" s="1"/>
  <c r="A89055" i="1" s="1"/>
  <c r="A89056" i="1" s="1"/>
  <c r="A89057" i="1" s="1"/>
  <c r="A89058" i="1" s="1"/>
  <c r="A89059" i="1" s="1"/>
  <c r="A89060" i="1" s="1"/>
  <c r="A89061" i="1" s="1"/>
  <c r="A89062" i="1" s="1"/>
  <c r="A89063" i="1" s="1"/>
  <c r="A89064" i="1" s="1"/>
  <c r="A89065" i="1" s="1"/>
  <c r="A89066" i="1" s="1"/>
  <c r="A89067" i="1" s="1"/>
  <c r="A89068" i="1" s="1"/>
  <c r="A89069" i="1" s="1"/>
  <c r="A89070" i="1" s="1"/>
  <c r="A89071" i="1" s="1"/>
  <c r="A89072" i="1" s="1"/>
  <c r="A89073" i="1" s="1"/>
  <c r="A89074" i="1" s="1"/>
  <c r="A89075" i="1" s="1"/>
  <c r="A89076" i="1" s="1"/>
  <c r="A89077" i="1" s="1"/>
  <c r="A89078" i="1" s="1"/>
  <c r="A89079" i="1" s="1"/>
  <c r="A89080" i="1" s="1"/>
  <c r="A89081" i="1" s="1"/>
  <c r="A89082" i="1" s="1"/>
  <c r="A89083" i="1" s="1"/>
  <c r="A89084" i="1" s="1"/>
  <c r="A89085" i="1" s="1"/>
  <c r="A89086" i="1" s="1"/>
  <c r="A89087" i="1" s="1"/>
  <c r="A89088" i="1" s="1"/>
  <c r="A89089" i="1" s="1"/>
  <c r="A89090" i="1" s="1"/>
  <c r="A89091" i="1" s="1"/>
  <c r="A89092" i="1" s="1"/>
  <c r="A89093" i="1" s="1"/>
  <c r="A89094" i="1" s="1"/>
  <c r="A89095" i="1" s="1"/>
  <c r="A89096" i="1" s="1"/>
  <c r="A89097" i="1" s="1"/>
  <c r="A89098" i="1" s="1"/>
  <c r="A89099" i="1" s="1"/>
  <c r="A89100" i="1" s="1"/>
  <c r="A89101" i="1" s="1"/>
  <c r="A89102" i="1" s="1"/>
  <c r="A89103" i="1" s="1"/>
  <c r="A89104" i="1" s="1"/>
  <c r="A89105" i="1" s="1"/>
  <c r="A89106" i="1" s="1"/>
  <c r="A89107" i="1" s="1"/>
  <c r="A89108" i="1" s="1"/>
  <c r="A89109" i="1" s="1"/>
  <c r="A89110" i="1" s="1"/>
  <c r="A89111" i="1" s="1"/>
  <c r="A89112" i="1" s="1"/>
  <c r="A89113" i="1" s="1"/>
  <c r="A89114" i="1" s="1"/>
  <c r="A89115" i="1" s="1"/>
  <c r="A89116" i="1" s="1"/>
  <c r="A89117" i="1" s="1"/>
  <c r="A89118" i="1" s="1"/>
  <c r="A89119" i="1" s="1"/>
  <c r="A89120" i="1" s="1"/>
  <c r="A89121" i="1" s="1"/>
  <c r="A89122" i="1" s="1"/>
  <c r="A89123" i="1" s="1"/>
  <c r="A89124" i="1" s="1"/>
  <c r="A89125" i="1" s="1"/>
  <c r="A89126" i="1" s="1"/>
  <c r="A89127" i="1" s="1"/>
  <c r="A89128" i="1" s="1"/>
  <c r="A89129" i="1" s="1"/>
  <c r="A89130" i="1" s="1"/>
  <c r="A89131" i="1" s="1"/>
  <c r="A89132" i="1" s="1"/>
  <c r="A89133" i="1" s="1"/>
  <c r="A89134" i="1" s="1"/>
  <c r="A89135" i="1" s="1"/>
  <c r="A89136" i="1" s="1"/>
  <c r="A89137" i="1" s="1"/>
  <c r="A89138" i="1" s="1"/>
  <c r="A89139" i="1" s="1"/>
  <c r="A89140" i="1" s="1"/>
  <c r="A89141" i="1" s="1"/>
  <c r="A89142" i="1" s="1"/>
  <c r="A89143" i="1" s="1"/>
  <c r="A89144" i="1" s="1"/>
  <c r="A89145" i="1" s="1"/>
  <c r="A89146" i="1" s="1"/>
  <c r="A89147" i="1" s="1"/>
  <c r="A89148" i="1" s="1"/>
  <c r="A89149" i="1" s="1"/>
  <c r="A89150" i="1" s="1"/>
  <c r="A89151" i="1" s="1"/>
  <c r="A89152" i="1" s="1"/>
  <c r="A89153" i="1" s="1"/>
  <c r="A89154" i="1" s="1"/>
  <c r="A89155" i="1" s="1"/>
  <c r="A89156" i="1" s="1"/>
  <c r="A89157" i="1" s="1"/>
  <c r="A89158" i="1" s="1"/>
  <c r="A89159" i="1" s="1"/>
  <c r="A89160" i="1" s="1"/>
  <c r="A89161" i="1" s="1"/>
  <c r="A89162" i="1" s="1"/>
  <c r="A89163" i="1" s="1"/>
  <c r="A89164" i="1" s="1"/>
  <c r="A89165" i="1" s="1"/>
  <c r="A89166" i="1" s="1"/>
  <c r="A89167" i="1" s="1"/>
  <c r="A89168" i="1" s="1"/>
  <c r="A89169" i="1" s="1"/>
  <c r="A89170" i="1" s="1"/>
  <c r="A89171" i="1" s="1"/>
  <c r="A89172" i="1" s="1"/>
  <c r="A89173" i="1" s="1"/>
  <c r="A89174" i="1" s="1"/>
  <c r="A89175" i="1" s="1"/>
  <c r="A89176" i="1" s="1"/>
  <c r="A89177" i="1" s="1"/>
  <c r="A89178" i="1" s="1"/>
  <c r="A89179" i="1" s="1"/>
  <c r="A89180" i="1" s="1"/>
  <c r="A89181" i="1" s="1"/>
  <c r="A89182" i="1" s="1"/>
  <c r="A89183" i="1" s="1"/>
  <c r="A89184" i="1" s="1"/>
  <c r="A89185" i="1" s="1"/>
  <c r="A89186" i="1" s="1"/>
  <c r="A89187" i="1" s="1"/>
  <c r="A89188" i="1" s="1"/>
  <c r="A89189" i="1" s="1"/>
  <c r="A89190" i="1" s="1"/>
  <c r="A89191" i="1" s="1"/>
  <c r="A89192" i="1" s="1"/>
  <c r="A89193" i="1" s="1"/>
  <c r="A89194" i="1" s="1"/>
  <c r="A89195" i="1" s="1"/>
  <c r="A89196" i="1" s="1"/>
  <c r="A89197" i="1" s="1"/>
  <c r="A89198" i="1" s="1"/>
  <c r="A89199" i="1" s="1"/>
  <c r="A89200" i="1" s="1"/>
  <c r="A89201" i="1" s="1"/>
  <c r="A89202" i="1" s="1"/>
  <c r="A89203" i="1" s="1"/>
  <c r="A89204" i="1" s="1"/>
  <c r="A89205" i="1" s="1"/>
  <c r="A89206" i="1" s="1"/>
  <c r="A89207" i="1" s="1"/>
  <c r="A89208" i="1" s="1"/>
  <c r="A89209" i="1" s="1"/>
  <c r="A89210" i="1" s="1"/>
  <c r="A89211" i="1" s="1"/>
  <c r="A89212" i="1" s="1"/>
  <c r="A89213" i="1" s="1"/>
  <c r="A89214" i="1" s="1"/>
  <c r="A89215" i="1" s="1"/>
  <c r="A89216" i="1" s="1"/>
  <c r="A89217" i="1" s="1"/>
  <c r="A89218" i="1" s="1"/>
  <c r="A89219" i="1" s="1"/>
  <c r="A89220" i="1" s="1"/>
  <c r="A89221" i="1" s="1"/>
  <c r="A89222" i="1" s="1"/>
  <c r="A89223" i="1" s="1"/>
  <c r="A89224" i="1" s="1"/>
  <c r="A89225" i="1" s="1"/>
  <c r="A89226" i="1" s="1"/>
  <c r="A89227" i="1" s="1"/>
  <c r="A89228" i="1" s="1"/>
  <c r="A89229" i="1" s="1"/>
  <c r="A89230" i="1" s="1"/>
  <c r="A89231" i="1" s="1"/>
  <c r="A89232" i="1" s="1"/>
  <c r="A89233" i="1" s="1"/>
  <c r="A89234" i="1" s="1"/>
  <c r="A89235" i="1" s="1"/>
  <c r="A89236" i="1" s="1"/>
  <c r="A89237" i="1" s="1"/>
  <c r="A89238" i="1" s="1"/>
  <c r="A89239" i="1" s="1"/>
  <c r="A89240" i="1" s="1"/>
  <c r="A89241" i="1" s="1"/>
  <c r="A89242" i="1" s="1"/>
  <c r="A89243" i="1" s="1"/>
  <c r="A89244" i="1" s="1"/>
  <c r="A89245" i="1" s="1"/>
  <c r="A89246" i="1" s="1"/>
  <c r="A89247" i="1" s="1"/>
  <c r="A89248" i="1" s="1"/>
  <c r="A89249" i="1" s="1"/>
  <c r="A89250" i="1" s="1"/>
  <c r="A89251" i="1" s="1"/>
  <c r="A89252" i="1" s="1"/>
  <c r="A89253" i="1" s="1"/>
  <c r="A89254" i="1" s="1"/>
  <c r="A89255" i="1" s="1"/>
  <c r="A89256" i="1" s="1"/>
  <c r="A89257" i="1" s="1"/>
  <c r="A89258" i="1" s="1"/>
  <c r="A89259" i="1" s="1"/>
  <c r="A89260" i="1" s="1"/>
  <c r="A89261" i="1" s="1"/>
  <c r="A89262" i="1" s="1"/>
  <c r="A89263" i="1" s="1"/>
  <c r="A89264" i="1" s="1"/>
  <c r="A89265" i="1" s="1"/>
  <c r="A89266" i="1" s="1"/>
  <c r="A89267" i="1" s="1"/>
  <c r="A89268" i="1" s="1"/>
  <c r="A89269" i="1" s="1"/>
  <c r="A89270" i="1" s="1"/>
  <c r="A89271" i="1" s="1"/>
  <c r="A89272" i="1" s="1"/>
  <c r="A89273" i="1" s="1"/>
  <c r="A89274" i="1" s="1"/>
  <c r="A89275" i="1" s="1"/>
  <c r="A89276" i="1" s="1"/>
  <c r="A89277" i="1" s="1"/>
  <c r="A89278" i="1" s="1"/>
  <c r="A89279" i="1" s="1"/>
  <c r="A89280" i="1" s="1"/>
  <c r="A89281" i="1" s="1"/>
  <c r="A89282" i="1" s="1"/>
  <c r="A89283" i="1" s="1"/>
  <c r="A89284" i="1" s="1"/>
  <c r="A89285" i="1" s="1"/>
  <c r="A89286" i="1" s="1"/>
  <c r="A89287" i="1" s="1"/>
  <c r="A89288" i="1" s="1"/>
  <c r="A89289" i="1" s="1"/>
  <c r="A89290" i="1" s="1"/>
  <c r="A89291" i="1" s="1"/>
  <c r="A89292" i="1" s="1"/>
  <c r="A89293" i="1" s="1"/>
  <c r="A89294" i="1" s="1"/>
  <c r="A89295" i="1" s="1"/>
  <c r="A89296" i="1" s="1"/>
  <c r="A89297" i="1" s="1"/>
  <c r="A89298" i="1" s="1"/>
  <c r="A89299" i="1" s="1"/>
  <c r="A89300" i="1" s="1"/>
  <c r="A89301" i="1" s="1"/>
  <c r="A89302" i="1" s="1"/>
  <c r="A89303" i="1" s="1"/>
  <c r="A89304" i="1" s="1"/>
  <c r="A89305" i="1" s="1"/>
  <c r="A89306" i="1" s="1"/>
  <c r="A89307" i="1" s="1"/>
  <c r="A89308" i="1" s="1"/>
  <c r="A89309" i="1" s="1"/>
  <c r="A89310" i="1" s="1"/>
  <c r="A89311" i="1" s="1"/>
  <c r="A89312" i="1" s="1"/>
  <c r="A89313" i="1" s="1"/>
  <c r="A89314" i="1" s="1"/>
  <c r="A89315" i="1" s="1"/>
  <c r="A89316" i="1" s="1"/>
  <c r="A89317" i="1" s="1"/>
  <c r="A89318" i="1" s="1"/>
  <c r="A89319" i="1" s="1"/>
  <c r="A89320" i="1" s="1"/>
  <c r="A89321" i="1" s="1"/>
  <c r="A89322" i="1" s="1"/>
  <c r="A89323" i="1" s="1"/>
  <c r="A89324" i="1" s="1"/>
  <c r="A89325" i="1" s="1"/>
  <c r="A89326" i="1" s="1"/>
  <c r="A89327" i="1" s="1"/>
  <c r="A89328" i="1" s="1"/>
  <c r="A89329" i="1" s="1"/>
  <c r="A89330" i="1" s="1"/>
  <c r="A89331" i="1" s="1"/>
  <c r="A89332" i="1" s="1"/>
  <c r="A89333" i="1" s="1"/>
  <c r="A89334" i="1" s="1"/>
  <c r="A89335" i="1" s="1"/>
  <c r="A89336" i="1" s="1"/>
  <c r="A89337" i="1" s="1"/>
  <c r="A89338" i="1" s="1"/>
  <c r="A89339" i="1" s="1"/>
  <c r="A89340" i="1" s="1"/>
  <c r="A89341" i="1" s="1"/>
  <c r="A89342" i="1" s="1"/>
  <c r="A89343" i="1" s="1"/>
  <c r="A89344" i="1" s="1"/>
  <c r="A89345" i="1" s="1"/>
  <c r="A89346" i="1" s="1"/>
  <c r="A89347" i="1" s="1"/>
  <c r="A89348" i="1" s="1"/>
  <c r="A89349" i="1" s="1"/>
  <c r="A89350" i="1" s="1"/>
  <c r="A89351" i="1" s="1"/>
  <c r="A89352" i="1" s="1"/>
  <c r="A89353" i="1" s="1"/>
  <c r="A89354" i="1" s="1"/>
  <c r="A89355" i="1" s="1"/>
  <c r="A89356" i="1" s="1"/>
  <c r="A89357" i="1" s="1"/>
  <c r="A89358" i="1" s="1"/>
  <c r="A89359" i="1" s="1"/>
  <c r="A89360" i="1" s="1"/>
  <c r="A89361" i="1" s="1"/>
  <c r="A89362" i="1" s="1"/>
  <c r="A89363" i="1" s="1"/>
  <c r="A89364" i="1" s="1"/>
  <c r="A89365" i="1" s="1"/>
  <c r="A89366" i="1" s="1"/>
  <c r="A89367" i="1" s="1"/>
  <c r="A89368" i="1" s="1"/>
  <c r="A89369" i="1" s="1"/>
  <c r="A89370" i="1" s="1"/>
  <c r="A89371" i="1" s="1"/>
  <c r="A89372" i="1" s="1"/>
  <c r="A89373" i="1" s="1"/>
  <c r="A89374" i="1" s="1"/>
  <c r="A89375" i="1" s="1"/>
  <c r="A89376" i="1" s="1"/>
  <c r="A89377" i="1" s="1"/>
  <c r="A89378" i="1" s="1"/>
  <c r="A89379" i="1" s="1"/>
  <c r="A89380" i="1" s="1"/>
  <c r="A89381" i="1" s="1"/>
  <c r="A89382" i="1" s="1"/>
  <c r="A89383" i="1" s="1"/>
  <c r="A89384" i="1" s="1"/>
  <c r="A89385" i="1" s="1"/>
  <c r="A89386" i="1" s="1"/>
  <c r="A89387" i="1" s="1"/>
  <c r="A89388" i="1" s="1"/>
  <c r="A89389" i="1" s="1"/>
  <c r="A89390" i="1" s="1"/>
  <c r="A89391" i="1" s="1"/>
  <c r="A89392" i="1" s="1"/>
  <c r="A89393" i="1" s="1"/>
  <c r="A89394" i="1" s="1"/>
  <c r="A89395" i="1" s="1"/>
  <c r="A89396" i="1" s="1"/>
  <c r="A89397" i="1" s="1"/>
  <c r="A89398" i="1" s="1"/>
  <c r="A89399" i="1" s="1"/>
  <c r="A89400" i="1" s="1"/>
  <c r="A89401" i="1" s="1"/>
  <c r="A89402" i="1" s="1"/>
  <c r="A89403" i="1" s="1"/>
  <c r="A89404" i="1" s="1"/>
  <c r="A89405" i="1" s="1"/>
  <c r="A89406" i="1" s="1"/>
  <c r="A89407" i="1" s="1"/>
  <c r="A89408" i="1" s="1"/>
  <c r="A89409" i="1" s="1"/>
  <c r="A89410" i="1" s="1"/>
  <c r="A89411" i="1" s="1"/>
  <c r="A89412" i="1" s="1"/>
  <c r="A89413" i="1" s="1"/>
  <c r="A89414" i="1" s="1"/>
  <c r="A89415" i="1" s="1"/>
  <c r="A89416" i="1" s="1"/>
  <c r="A89417" i="1" s="1"/>
  <c r="A89418" i="1" s="1"/>
  <c r="A89419" i="1" s="1"/>
  <c r="A89420" i="1" s="1"/>
  <c r="A89421" i="1" s="1"/>
  <c r="A89422" i="1" s="1"/>
  <c r="A89423" i="1" s="1"/>
  <c r="A89424" i="1" s="1"/>
  <c r="A89425" i="1" s="1"/>
  <c r="A89426" i="1" s="1"/>
  <c r="A89427" i="1" s="1"/>
  <c r="A89428" i="1" s="1"/>
  <c r="A89429" i="1" s="1"/>
  <c r="A89430" i="1" s="1"/>
  <c r="A89431" i="1" s="1"/>
  <c r="A89432" i="1" s="1"/>
  <c r="A89433" i="1" s="1"/>
  <c r="A89434" i="1" s="1"/>
  <c r="A89435" i="1" s="1"/>
  <c r="A89436" i="1" s="1"/>
  <c r="A89437" i="1" s="1"/>
  <c r="A89438" i="1" s="1"/>
  <c r="A89439" i="1" s="1"/>
  <c r="A89440" i="1" s="1"/>
  <c r="A89441" i="1" s="1"/>
  <c r="A89442" i="1" s="1"/>
  <c r="A89443" i="1" s="1"/>
  <c r="A89444" i="1" s="1"/>
  <c r="A89445" i="1" s="1"/>
  <c r="A89446" i="1" s="1"/>
  <c r="A89447" i="1" s="1"/>
  <c r="A89448" i="1" s="1"/>
  <c r="A89449" i="1" s="1"/>
  <c r="A89450" i="1" s="1"/>
  <c r="A89451" i="1" s="1"/>
  <c r="A89452" i="1" s="1"/>
  <c r="A89453" i="1" s="1"/>
  <c r="A89454" i="1" s="1"/>
  <c r="A89455" i="1" s="1"/>
  <c r="A89456" i="1" s="1"/>
  <c r="A89457" i="1" s="1"/>
  <c r="A89458" i="1" s="1"/>
  <c r="A89459" i="1" s="1"/>
  <c r="A89460" i="1" s="1"/>
  <c r="A89461" i="1" s="1"/>
  <c r="A89462" i="1" s="1"/>
  <c r="A89463" i="1" s="1"/>
  <c r="A89464" i="1" s="1"/>
  <c r="A89465" i="1" s="1"/>
  <c r="A89466" i="1" s="1"/>
  <c r="A89467" i="1" s="1"/>
  <c r="A89468" i="1" s="1"/>
  <c r="A89469" i="1" s="1"/>
  <c r="A89470" i="1" s="1"/>
  <c r="A89471" i="1" s="1"/>
  <c r="A89472" i="1" s="1"/>
  <c r="A89473" i="1" s="1"/>
  <c r="A89474" i="1" s="1"/>
  <c r="A89475" i="1" s="1"/>
  <c r="A89476" i="1" s="1"/>
  <c r="A89477" i="1" s="1"/>
  <c r="A89478" i="1" s="1"/>
  <c r="A89479" i="1" s="1"/>
  <c r="A89480" i="1" s="1"/>
  <c r="A89481" i="1" s="1"/>
  <c r="A89482" i="1" s="1"/>
  <c r="A89483" i="1" s="1"/>
  <c r="A89484" i="1" s="1"/>
  <c r="A89485" i="1" s="1"/>
  <c r="A89486" i="1" s="1"/>
  <c r="A89487" i="1" s="1"/>
  <c r="A89488" i="1" s="1"/>
  <c r="A89489" i="1" s="1"/>
  <c r="A89490" i="1" s="1"/>
  <c r="A89491" i="1" s="1"/>
  <c r="A89492" i="1" s="1"/>
  <c r="A89493" i="1" s="1"/>
  <c r="A89494" i="1" s="1"/>
  <c r="A89495" i="1" s="1"/>
  <c r="A89496" i="1" s="1"/>
  <c r="A89497" i="1" s="1"/>
  <c r="A89498" i="1" s="1"/>
  <c r="A89499" i="1" s="1"/>
  <c r="A89500" i="1" s="1"/>
  <c r="A89501" i="1" s="1"/>
  <c r="A89502" i="1" s="1"/>
  <c r="A89503" i="1" s="1"/>
  <c r="A89504" i="1" s="1"/>
  <c r="A89505" i="1" s="1"/>
  <c r="A89506" i="1" s="1"/>
  <c r="A89507" i="1" s="1"/>
  <c r="A89508" i="1" s="1"/>
  <c r="A89509" i="1" s="1"/>
  <c r="A89510" i="1" s="1"/>
  <c r="A89511" i="1" s="1"/>
  <c r="A89512" i="1" s="1"/>
  <c r="A89513" i="1" s="1"/>
  <c r="A89514" i="1" s="1"/>
  <c r="A89515" i="1" s="1"/>
  <c r="A89516" i="1" s="1"/>
  <c r="A89517" i="1" s="1"/>
  <c r="A89518" i="1" s="1"/>
  <c r="A89519" i="1" s="1"/>
  <c r="A89520" i="1" s="1"/>
  <c r="A89521" i="1" s="1"/>
  <c r="A89522" i="1" s="1"/>
  <c r="A89523" i="1" s="1"/>
  <c r="A89524" i="1" s="1"/>
  <c r="A89525" i="1" s="1"/>
  <c r="A89526" i="1" s="1"/>
  <c r="A89527" i="1" s="1"/>
  <c r="A89528" i="1" s="1"/>
  <c r="A89529" i="1" s="1"/>
  <c r="A89530" i="1" s="1"/>
  <c r="A89531" i="1" s="1"/>
  <c r="A89532" i="1" s="1"/>
  <c r="A89533" i="1" s="1"/>
  <c r="A89534" i="1" s="1"/>
  <c r="A89535" i="1" s="1"/>
  <c r="A89536" i="1" s="1"/>
  <c r="A89537" i="1" s="1"/>
  <c r="A89538" i="1" s="1"/>
  <c r="A89539" i="1" s="1"/>
  <c r="A89540" i="1" s="1"/>
  <c r="A89541" i="1" s="1"/>
  <c r="A89542" i="1" s="1"/>
  <c r="A89543" i="1" s="1"/>
  <c r="A89544" i="1" s="1"/>
  <c r="A89545" i="1" s="1"/>
  <c r="A89546" i="1" s="1"/>
  <c r="A89547" i="1" s="1"/>
  <c r="A89548" i="1" s="1"/>
  <c r="A89549" i="1" s="1"/>
  <c r="A89550" i="1" s="1"/>
  <c r="A89551" i="1" s="1"/>
  <c r="A89552" i="1" s="1"/>
  <c r="A89553" i="1" s="1"/>
  <c r="A89554" i="1" s="1"/>
  <c r="A89555" i="1" s="1"/>
  <c r="A89556" i="1" s="1"/>
  <c r="A89557" i="1" s="1"/>
  <c r="A89558" i="1" s="1"/>
  <c r="A89559" i="1" s="1"/>
  <c r="A89560" i="1" s="1"/>
  <c r="A89561" i="1" s="1"/>
  <c r="A89562" i="1" s="1"/>
  <c r="A89563" i="1" s="1"/>
  <c r="A89564" i="1" s="1"/>
  <c r="A89565" i="1" s="1"/>
  <c r="A89566" i="1" s="1"/>
  <c r="A89567" i="1" s="1"/>
  <c r="A89568" i="1" s="1"/>
  <c r="A89569" i="1" s="1"/>
  <c r="A89570" i="1" s="1"/>
  <c r="A89571" i="1" s="1"/>
  <c r="A89572" i="1" s="1"/>
  <c r="A89573" i="1" s="1"/>
  <c r="A89574" i="1" s="1"/>
  <c r="A89575" i="1" s="1"/>
  <c r="A89576" i="1" s="1"/>
  <c r="A89577" i="1" s="1"/>
  <c r="A89578" i="1" s="1"/>
  <c r="A89579" i="1" s="1"/>
  <c r="A89580" i="1" s="1"/>
  <c r="A89581" i="1" s="1"/>
  <c r="A89582" i="1" s="1"/>
  <c r="A89583" i="1" s="1"/>
  <c r="A89584" i="1" s="1"/>
  <c r="A89585" i="1" s="1"/>
  <c r="A89586" i="1" s="1"/>
  <c r="A89587" i="1" s="1"/>
  <c r="A89588" i="1" s="1"/>
  <c r="A89589" i="1" s="1"/>
  <c r="A89590" i="1" s="1"/>
  <c r="A89591" i="1" s="1"/>
  <c r="A89592" i="1" s="1"/>
  <c r="A89593" i="1" s="1"/>
  <c r="A89594" i="1" s="1"/>
  <c r="A89595" i="1" s="1"/>
  <c r="A89596" i="1" s="1"/>
  <c r="A89597" i="1" s="1"/>
  <c r="A89598" i="1" s="1"/>
  <c r="A89599" i="1" s="1"/>
  <c r="A89600" i="1" s="1"/>
  <c r="A89601" i="1" s="1"/>
  <c r="A89602" i="1" s="1"/>
  <c r="A89603" i="1" s="1"/>
  <c r="A89604" i="1" s="1"/>
  <c r="A89605" i="1" s="1"/>
  <c r="A89606" i="1" s="1"/>
  <c r="A89607" i="1" s="1"/>
  <c r="A89608" i="1" s="1"/>
  <c r="A89609" i="1" s="1"/>
  <c r="A89610" i="1" s="1"/>
  <c r="A89611" i="1" s="1"/>
  <c r="A89612" i="1" s="1"/>
  <c r="A89613" i="1" s="1"/>
  <c r="A89614" i="1" s="1"/>
  <c r="A89615" i="1" s="1"/>
  <c r="A89616" i="1" s="1"/>
  <c r="A89617" i="1" s="1"/>
  <c r="A89618" i="1" s="1"/>
  <c r="A89619" i="1" s="1"/>
  <c r="A89620" i="1" s="1"/>
  <c r="A89621" i="1" s="1"/>
  <c r="A89622" i="1" s="1"/>
  <c r="A89623" i="1" s="1"/>
  <c r="A89624" i="1" s="1"/>
  <c r="A89625" i="1" s="1"/>
  <c r="A89626" i="1" s="1"/>
  <c r="A89627" i="1" s="1"/>
  <c r="A89628" i="1" s="1"/>
  <c r="A89629" i="1" s="1"/>
  <c r="A89630" i="1" s="1"/>
  <c r="A89631" i="1" s="1"/>
  <c r="A89632" i="1" s="1"/>
  <c r="A89633" i="1" s="1"/>
  <c r="A89634" i="1" s="1"/>
  <c r="A89635" i="1" s="1"/>
  <c r="A89636" i="1" s="1"/>
  <c r="A89637" i="1" s="1"/>
  <c r="A89638" i="1" s="1"/>
  <c r="A89639" i="1" s="1"/>
  <c r="A89640" i="1" s="1"/>
  <c r="A89641" i="1" s="1"/>
  <c r="A89642" i="1" s="1"/>
  <c r="A89643" i="1" s="1"/>
  <c r="A89644" i="1" s="1"/>
  <c r="A89645" i="1" s="1"/>
  <c r="A89646" i="1" s="1"/>
  <c r="A89647" i="1" s="1"/>
  <c r="A89648" i="1" s="1"/>
  <c r="A89649" i="1" s="1"/>
  <c r="A89650" i="1" s="1"/>
  <c r="A89651" i="1" s="1"/>
  <c r="A89652" i="1" s="1"/>
  <c r="A89653" i="1" s="1"/>
  <c r="A89654" i="1" s="1"/>
  <c r="A89655" i="1" s="1"/>
  <c r="A89656" i="1" s="1"/>
  <c r="A89657" i="1" s="1"/>
  <c r="A89658" i="1" s="1"/>
  <c r="A89659" i="1" s="1"/>
  <c r="A89660" i="1" s="1"/>
  <c r="A89661" i="1" s="1"/>
  <c r="A89662" i="1" s="1"/>
  <c r="A89663" i="1" s="1"/>
  <c r="A89664" i="1" s="1"/>
  <c r="A89665" i="1" s="1"/>
  <c r="A89666" i="1" s="1"/>
  <c r="A89667" i="1" s="1"/>
  <c r="A89668" i="1" s="1"/>
  <c r="A89669" i="1" s="1"/>
  <c r="A89670" i="1" s="1"/>
  <c r="A89671" i="1" s="1"/>
  <c r="A89672" i="1" s="1"/>
  <c r="A89673" i="1" s="1"/>
  <c r="A89674" i="1" s="1"/>
  <c r="A89675" i="1" s="1"/>
  <c r="A89676" i="1" s="1"/>
  <c r="A89677" i="1" s="1"/>
  <c r="A89678" i="1" s="1"/>
  <c r="A89679" i="1" s="1"/>
  <c r="A89680" i="1" s="1"/>
  <c r="A89681" i="1" s="1"/>
  <c r="A89682" i="1" s="1"/>
  <c r="A89683" i="1" s="1"/>
  <c r="A89684" i="1" s="1"/>
  <c r="A89685" i="1" s="1"/>
  <c r="A89686" i="1" s="1"/>
  <c r="A89687" i="1" s="1"/>
  <c r="A89688" i="1" s="1"/>
  <c r="A89689" i="1" s="1"/>
  <c r="A89690" i="1" s="1"/>
  <c r="A89691" i="1" s="1"/>
  <c r="A89692" i="1" s="1"/>
  <c r="A89693" i="1" s="1"/>
  <c r="A89694" i="1" s="1"/>
  <c r="A89695" i="1" s="1"/>
  <c r="A89696" i="1" s="1"/>
  <c r="A89697" i="1" s="1"/>
  <c r="A89698" i="1" s="1"/>
  <c r="A89699" i="1" s="1"/>
  <c r="A89700" i="1" s="1"/>
  <c r="A89701" i="1" s="1"/>
  <c r="A89702" i="1" s="1"/>
  <c r="A89703" i="1" s="1"/>
  <c r="A89704" i="1" s="1"/>
  <c r="A89705" i="1" s="1"/>
  <c r="A89706" i="1" s="1"/>
  <c r="A89707" i="1" s="1"/>
  <c r="A89708" i="1" s="1"/>
  <c r="A89709" i="1" s="1"/>
  <c r="A89710" i="1" s="1"/>
  <c r="A89711" i="1" s="1"/>
  <c r="A89712" i="1" s="1"/>
  <c r="A89713" i="1" s="1"/>
  <c r="A89714" i="1" s="1"/>
  <c r="A89715" i="1" s="1"/>
  <c r="A89716" i="1" s="1"/>
  <c r="A89717" i="1" s="1"/>
  <c r="A89718" i="1" s="1"/>
  <c r="A89719" i="1" s="1"/>
  <c r="A89720" i="1" s="1"/>
  <c r="A89721" i="1" s="1"/>
  <c r="A89722" i="1" s="1"/>
  <c r="A89723" i="1" s="1"/>
  <c r="A89724" i="1" s="1"/>
  <c r="A89725" i="1" s="1"/>
  <c r="A89726" i="1" s="1"/>
  <c r="A89727" i="1" s="1"/>
  <c r="A89728" i="1" s="1"/>
  <c r="A89729" i="1" s="1"/>
  <c r="A89730" i="1" s="1"/>
  <c r="A89731" i="1" s="1"/>
  <c r="A89732" i="1" s="1"/>
  <c r="A89733" i="1" s="1"/>
  <c r="A89734" i="1" s="1"/>
  <c r="A89735" i="1" s="1"/>
  <c r="A89736" i="1" s="1"/>
  <c r="A89737" i="1" s="1"/>
  <c r="A89738" i="1" s="1"/>
  <c r="A89739" i="1" s="1"/>
  <c r="A89740" i="1" s="1"/>
  <c r="A89741" i="1" s="1"/>
  <c r="A89742" i="1" s="1"/>
  <c r="A89743" i="1" s="1"/>
  <c r="A89744" i="1" s="1"/>
  <c r="A89745" i="1" s="1"/>
  <c r="A89746" i="1" s="1"/>
  <c r="A89747" i="1" s="1"/>
  <c r="A89748" i="1" s="1"/>
  <c r="A89749" i="1" s="1"/>
  <c r="A89750" i="1" s="1"/>
  <c r="A89751" i="1" s="1"/>
  <c r="A89752" i="1" s="1"/>
  <c r="A89753" i="1" s="1"/>
  <c r="A89754" i="1" s="1"/>
  <c r="A89755" i="1" s="1"/>
  <c r="A89756" i="1" s="1"/>
  <c r="A89757" i="1" s="1"/>
  <c r="A89758" i="1" s="1"/>
  <c r="A89759" i="1" s="1"/>
  <c r="A89760" i="1" s="1"/>
  <c r="A89761" i="1" s="1"/>
  <c r="A89762" i="1" s="1"/>
  <c r="A89763" i="1" s="1"/>
  <c r="A89764" i="1" s="1"/>
  <c r="A89765" i="1" s="1"/>
  <c r="A89766" i="1" s="1"/>
  <c r="A89767" i="1" s="1"/>
  <c r="A89768" i="1" s="1"/>
  <c r="A89769" i="1" s="1"/>
  <c r="A89770" i="1" s="1"/>
  <c r="A89771" i="1" s="1"/>
  <c r="A89772" i="1" s="1"/>
  <c r="A89773" i="1" s="1"/>
  <c r="A89774" i="1" s="1"/>
  <c r="A89775" i="1" s="1"/>
  <c r="A89776" i="1" s="1"/>
  <c r="A89777" i="1" s="1"/>
  <c r="A89778" i="1" s="1"/>
  <c r="A89779" i="1" s="1"/>
  <c r="A89780" i="1" s="1"/>
  <c r="A89781" i="1" s="1"/>
  <c r="A89782" i="1" s="1"/>
  <c r="A89783" i="1" s="1"/>
  <c r="A89784" i="1" s="1"/>
  <c r="A89785" i="1" s="1"/>
  <c r="A89786" i="1" s="1"/>
  <c r="A89787" i="1" s="1"/>
  <c r="A89788" i="1" s="1"/>
  <c r="A89789" i="1" s="1"/>
  <c r="A89790" i="1" s="1"/>
  <c r="A89791" i="1" s="1"/>
  <c r="A89792" i="1" s="1"/>
  <c r="A89793" i="1" s="1"/>
  <c r="A89794" i="1" s="1"/>
  <c r="A89795" i="1" s="1"/>
  <c r="A89796" i="1" s="1"/>
  <c r="A89797" i="1" s="1"/>
  <c r="A89798" i="1" s="1"/>
  <c r="A89799" i="1" s="1"/>
  <c r="A89800" i="1" s="1"/>
  <c r="A89801" i="1" s="1"/>
  <c r="A89802" i="1" s="1"/>
  <c r="A89803" i="1" s="1"/>
  <c r="A89804" i="1" s="1"/>
  <c r="A89805" i="1" s="1"/>
  <c r="A89806" i="1" s="1"/>
  <c r="A89807" i="1" s="1"/>
  <c r="A89808" i="1" s="1"/>
  <c r="A89809" i="1" s="1"/>
  <c r="A89810" i="1" s="1"/>
  <c r="A89811" i="1" s="1"/>
  <c r="A89812" i="1" s="1"/>
  <c r="A89813" i="1" s="1"/>
  <c r="A89814" i="1" s="1"/>
  <c r="A89815" i="1" s="1"/>
  <c r="A89816" i="1" s="1"/>
  <c r="A89817" i="1" s="1"/>
  <c r="A89818" i="1" s="1"/>
  <c r="A89819" i="1" s="1"/>
  <c r="A89820" i="1" s="1"/>
  <c r="A89821" i="1" s="1"/>
  <c r="A89822" i="1" s="1"/>
  <c r="A89823" i="1" s="1"/>
  <c r="A89824" i="1" s="1"/>
  <c r="A89825" i="1" s="1"/>
  <c r="A89826" i="1" s="1"/>
  <c r="A89827" i="1" s="1"/>
  <c r="A89828" i="1" s="1"/>
  <c r="A89829" i="1" s="1"/>
  <c r="A89830" i="1" s="1"/>
  <c r="A89831" i="1" s="1"/>
  <c r="A89832" i="1" s="1"/>
  <c r="A89833" i="1" s="1"/>
  <c r="A89834" i="1" s="1"/>
  <c r="A89835" i="1" s="1"/>
  <c r="A89836" i="1" s="1"/>
  <c r="A89837" i="1" s="1"/>
  <c r="A89838" i="1" s="1"/>
  <c r="A89839" i="1" s="1"/>
  <c r="A89840" i="1" s="1"/>
  <c r="A89841" i="1" s="1"/>
  <c r="A89842" i="1" s="1"/>
  <c r="A89843" i="1" s="1"/>
  <c r="A89844" i="1" s="1"/>
  <c r="A89845" i="1" s="1"/>
  <c r="A89846" i="1" s="1"/>
  <c r="A89847" i="1" s="1"/>
  <c r="A89848" i="1" s="1"/>
  <c r="A89849" i="1" s="1"/>
  <c r="A89850" i="1" s="1"/>
  <c r="A89851" i="1" s="1"/>
  <c r="A89852" i="1" s="1"/>
  <c r="A89853" i="1" s="1"/>
  <c r="A89854" i="1" s="1"/>
  <c r="A89855" i="1" s="1"/>
  <c r="A89856" i="1" s="1"/>
  <c r="A89857" i="1" s="1"/>
  <c r="A89858" i="1" s="1"/>
  <c r="A89859" i="1" s="1"/>
  <c r="A89860" i="1" s="1"/>
  <c r="A89861" i="1" s="1"/>
  <c r="A89862" i="1" s="1"/>
  <c r="A89863" i="1" s="1"/>
  <c r="A89864" i="1" s="1"/>
  <c r="A89865" i="1" s="1"/>
  <c r="A89866" i="1" s="1"/>
  <c r="A89867" i="1" s="1"/>
  <c r="A89868" i="1" s="1"/>
  <c r="A89869" i="1" s="1"/>
  <c r="A89870" i="1" s="1"/>
  <c r="A89871" i="1" s="1"/>
  <c r="A89872" i="1" s="1"/>
  <c r="A89873" i="1" s="1"/>
  <c r="A89874" i="1" s="1"/>
  <c r="A89875" i="1" s="1"/>
  <c r="A89876" i="1" s="1"/>
  <c r="A89877" i="1" s="1"/>
  <c r="A89878" i="1" s="1"/>
  <c r="A89879" i="1" s="1"/>
  <c r="A89880" i="1" s="1"/>
  <c r="A89881" i="1" s="1"/>
  <c r="A89882" i="1" s="1"/>
  <c r="A89883" i="1" s="1"/>
  <c r="A89884" i="1" s="1"/>
  <c r="A89885" i="1" s="1"/>
  <c r="A89886" i="1" s="1"/>
  <c r="A89887" i="1" s="1"/>
  <c r="A89888" i="1" s="1"/>
  <c r="A89889" i="1" s="1"/>
  <c r="A89890" i="1" s="1"/>
  <c r="A89891" i="1" s="1"/>
  <c r="A89892" i="1" s="1"/>
  <c r="A89893" i="1" s="1"/>
  <c r="A89894" i="1" s="1"/>
  <c r="A89895" i="1" s="1"/>
  <c r="A89896" i="1" s="1"/>
  <c r="A89897" i="1" s="1"/>
  <c r="A89898" i="1" s="1"/>
  <c r="A89899" i="1" s="1"/>
  <c r="A89900" i="1" s="1"/>
  <c r="A89901" i="1" s="1"/>
  <c r="A89902" i="1" s="1"/>
  <c r="A89903" i="1" s="1"/>
  <c r="A89904" i="1" s="1"/>
  <c r="A89905" i="1" s="1"/>
  <c r="A89906" i="1" s="1"/>
  <c r="A89907" i="1" s="1"/>
  <c r="A89908" i="1" s="1"/>
  <c r="A89909" i="1" s="1"/>
  <c r="A89910" i="1" s="1"/>
  <c r="A89911" i="1" s="1"/>
  <c r="A89912" i="1" s="1"/>
  <c r="A89913" i="1" s="1"/>
  <c r="A89914" i="1" s="1"/>
  <c r="A89915" i="1" s="1"/>
  <c r="A89916" i="1" s="1"/>
  <c r="A89917" i="1" s="1"/>
  <c r="A89918" i="1" s="1"/>
  <c r="A89919" i="1" s="1"/>
  <c r="A89920" i="1" s="1"/>
  <c r="A89921" i="1" s="1"/>
  <c r="A89922" i="1" s="1"/>
  <c r="A89923" i="1" s="1"/>
  <c r="A89924" i="1" s="1"/>
  <c r="A89925" i="1" s="1"/>
  <c r="A89926" i="1" s="1"/>
  <c r="A89927" i="1" s="1"/>
  <c r="A89928" i="1" s="1"/>
  <c r="A89929" i="1" s="1"/>
  <c r="A89930" i="1" s="1"/>
  <c r="A89931" i="1" s="1"/>
  <c r="A89932" i="1" s="1"/>
  <c r="A89933" i="1" s="1"/>
  <c r="A89934" i="1" s="1"/>
  <c r="A89935" i="1" s="1"/>
  <c r="A89936" i="1" s="1"/>
  <c r="A89937" i="1" s="1"/>
  <c r="A89938" i="1" s="1"/>
  <c r="A89939" i="1" s="1"/>
  <c r="A89940" i="1" s="1"/>
  <c r="A89941" i="1" s="1"/>
  <c r="A89942" i="1" s="1"/>
  <c r="A89943" i="1" s="1"/>
  <c r="A89944" i="1" s="1"/>
  <c r="A89945" i="1" s="1"/>
  <c r="A89946" i="1" s="1"/>
  <c r="A89947" i="1" s="1"/>
  <c r="A89948" i="1" s="1"/>
  <c r="A89949" i="1" s="1"/>
  <c r="A89950" i="1" s="1"/>
  <c r="A89951" i="1" s="1"/>
  <c r="A89952" i="1" s="1"/>
  <c r="A89953" i="1" s="1"/>
  <c r="A89954" i="1" s="1"/>
  <c r="A89955" i="1" s="1"/>
  <c r="A89956" i="1" s="1"/>
  <c r="A89957" i="1" s="1"/>
  <c r="A89958" i="1" s="1"/>
  <c r="A89959" i="1" s="1"/>
  <c r="A89960" i="1" s="1"/>
  <c r="A89961" i="1" s="1"/>
  <c r="A89962" i="1" s="1"/>
  <c r="A89963" i="1" s="1"/>
  <c r="A89964" i="1" s="1"/>
  <c r="A89965" i="1" s="1"/>
  <c r="A89966" i="1" s="1"/>
  <c r="A89967" i="1" s="1"/>
  <c r="A89968" i="1" s="1"/>
  <c r="A89969" i="1" s="1"/>
  <c r="A89970" i="1" s="1"/>
  <c r="A89971" i="1" s="1"/>
  <c r="A89972" i="1" s="1"/>
  <c r="A89973" i="1" s="1"/>
  <c r="A89974" i="1" s="1"/>
  <c r="A89975" i="1" s="1"/>
  <c r="A89976" i="1" s="1"/>
  <c r="A89977" i="1" s="1"/>
  <c r="A89978" i="1" s="1"/>
  <c r="A89979" i="1" s="1"/>
  <c r="A89980" i="1" s="1"/>
  <c r="A89981" i="1" s="1"/>
  <c r="A89982" i="1" s="1"/>
  <c r="A89983" i="1" s="1"/>
  <c r="A89984" i="1" s="1"/>
  <c r="A89985" i="1" s="1"/>
  <c r="A89986" i="1" s="1"/>
  <c r="A89987" i="1" s="1"/>
  <c r="A89988" i="1" s="1"/>
  <c r="A89989" i="1" s="1"/>
  <c r="A89990" i="1" s="1"/>
  <c r="A89991" i="1" s="1"/>
  <c r="A89992" i="1" s="1"/>
  <c r="A89993" i="1" s="1"/>
  <c r="A89994" i="1" s="1"/>
  <c r="A89995" i="1" s="1"/>
  <c r="A89996" i="1" s="1"/>
  <c r="A89997" i="1" s="1"/>
  <c r="A89998" i="1" s="1"/>
  <c r="A89999" i="1" s="1"/>
  <c r="A90000" i="1" s="1"/>
  <c r="A90001" i="1" s="1"/>
  <c r="A90002" i="1" s="1"/>
  <c r="A90003" i="1" s="1"/>
  <c r="A90004" i="1" s="1"/>
  <c r="A90005" i="1" s="1"/>
  <c r="A90006" i="1" s="1"/>
  <c r="A90007" i="1" s="1"/>
  <c r="A90008" i="1" s="1"/>
  <c r="A90009" i="1" s="1"/>
  <c r="A90010" i="1" s="1"/>
  <c r="A90011" i="1" s="1"/>
  <c r="A90012" i="1" s="1"/>
  <c r="A90013" i="1" s="1"/>
  <c r="A90014" i="1" s="1"/>
  <c r="A90015" i="1" s="1"/>
  <c r="A90016" i="1" s="1"/>
  <c r="A90017" i="1" s="1"/>
  <c r="A90018" i="1" s="1"/>
  <c r="A90019" i="1" s="1"/>
  <c r="A90020" i="1" s="1"/>
  <c r="A90021" i="1" s="1"/>
  <c r="A90022" i="1" s="1"/>
  <c r="A90023" i="1" s="1"/>
  <c r="A90024" i="1" s="1"/>
  <c r="A90025" i="1" s="1"/>
  <c r="A90026" i="1" s="1"/>
  <c r="A90027" i="1" s="1"/>
  <c r="A90028" i="1" s="1"/>
  <c r="A90029" i="1" s="1"/>
  <c r="A90030" i="1" s="1"/>
  <c r="A90031" i="1" s="1"/>
  <c r="A90032" i="1" s="1"/>
  <c r="A90033" i="1" s="1"/>
  <c r="A90034" i="1" s="1"/>
  <c r="A90035" i="1" s="1"/>
  <c r="A90036" i="1" s="1"/>
  <c r="A90037" i="1" s="1"/>
  <c r="A90038" i="1" s="1"/>
  <c r="A90039" i="1" s="1"/>
  <c r="A90040" i="1" s="1"/>
  <c r="A90041" i="1" s="1"/>
  <c r="A90042" i="1" s="1"/>
  <c r="A90043" i="1" s="1"/>
  <c r="A90044" i="1" s="1"/>
  <c r="A90045" i="1" s="1"/>
  <c r="A90046" i="1" s="1"/>
  <c r="A90047" i="1" s="1"/>
  <c r="A90048" i="1" s="1"/>
  <c r="A90049" i="1" s="1"/>
  <c r="A90050" i="1" s="1"/>
  <c r="A90051" i="1" s="1"/>
  <c r="A90052" i="1" s="1"/>
  <c r="A90053" i="1" s="1"/>
  <c r="A90054" i="1" s="1"/>
  <c r="A90055" i="1" s="1"/>
  <c r="A90056" i="1" s="1"/>
  <c r="A90057" i="1" s="1"/>
  <c r="A90058" i="1" s="1"/>
  <c r="A90059" i="1" s="1"/>
  <c r="A90060" i="1" s="1"/>
  <c r="A90061" i="1" s="1"/>
  <c r="A90062" i="1" s="1"/>
  <c r="A90063" i="1" s="1"/>
  <c r="A90064" i="1" s="1"/>
  <c r="A90065" i="1" s="1"/>
  <c r="A90066" i="1" s="1"/>
  <c r="A90067" i="1" s="1"/>
  <c r="A90068" i="1" s="1"/>
  <c r="A90069" i="1" s="1"/>
  <c r="A90070" i="1" s="1"/>
  <c r="A90071" i="1" s="1"/>
  <c r="A90072" i="1" s="1"/>
  <c r="A90073" i="1" s="1"/>
  <c r="A90074" i="1" s="1"/>
  <c r="A90075" i="1" s="1"/>
  <c r="A90076" i="1" s="1"/>
  <c r="A90077" i="1" s="1"/>
  <c r="A90078" i="1" s="1"/>
  <c r="A90079" i="1" s="1"/>
  <c r="A90080" i="1" s="1"/>
  <c r="A90081" i="1" s="1"/>
  <c r="A90082" i="1" s="1"/>
  <c r="A90083" i="1" s="1"/>
  <c r="A90084" i="1" s="1"/>
  <c r="A90085" i="1" s="1"/>
  <c r="A90086" i="1" s="1"/>
  <c r="A90087" i="1" s="1"/>
  <c r="A90088" i="1" s="1"/>
  <c r="A90089" i="1" s="1"/>
  <c r="A90090" i="1" s="1"/>
  <c r="A90091" i="1" s="1"/>
  <c r="A90092" i="1" s="1"/>
  <c r="A90093" i="1" s="1"/>
  <c r="A90094" i="1" s="1"/>
  <c r="A90095" i="1" s="1"/>
  <c r="A90096" i="1" s="1"/>
  <c r="A90097" i="1" s="1"/>
  <c r="A90098" i="1" s="1"/>
  <c r="A90099" i="1" s="1"/>
  <c r="A90100" i="1" s="1"/>
  <c r="A90101" i="1" s="1"/>
  <c r="A90102" i="1" s="1"/>
  <c r="A90103" i="1" s="1"/>
  <c r="A90104" i="1" s="1"/>
  <c r="A90105" i="1" s="1"/>
  <c r="A90106" i="1" s="1"/>
  <c r="A90107" i="1" s="1"/>
  <c r="A90108" i="1" s="1"/>
  <c r="A90109" i="1" s="1"/>
  <c r="A90110" i="1" s="1"/>
  <c r="A90111" i="1" s="1"/>
  <c r="A90112" i="1" s="1"/>
  <c r="A90113" i="1" s="1"/>
  <c r="A90114" i="1" s="1"/>
  <c r="A90115" i="1" s="1"/>
  <c r="A90116" i="1" s="1"/>
  <c r="A90117" i="1" s="1"/>
  <c r="A90118" i="1" s="1"/>
  <c r="A90119" i="1" s="1"/>
  <c r="A90120" i="1" s="1"/>
  <c r="A90121" i="1" s="1"/>
  <c r="A90122" i="1" s="1"/>
  <c r="A90123" i="1" s="1"/>
  <c r="A90124" i="1" s="1"/>
  <c r="A90125" i="1" s="1"/>
  <c r="A90126" i="1" s="1"/>
  <c r="A90127" i="1" s="1"/>
  <c r="A90128" i="1" s="1"/>
  <c r="A90129" i="1" s="1"/>
  <c r="A90130" i="1" s="1"/>
  <c r="A90131" i="1" s="1"/>
  <c r="A90132" i="1" s="1"/>
  <c r="A90133" i="1" s="1"/>
  <c r="A90134" i="1" s="1"/>
  <c r="A90135" i="1" s="1"/>
  <c r="A90136" i="1" s="1"/>
  <c r="A90137" i="1" s="1"/>
  <c r="A90138" i="1" s="1"/>
  <c r="A90139" i="1" s="1"/>
  <c r="A90140" i="1" s="1"/>
  <c r="A90141" i="1" s="1"/>
  <c r="A90142" i="1" s="1"/>
  <c r="A90143" i="1" s="1"/>
  <c r="A90144" i="1" s="1"/>
  <c r="A90145" i="1" s="1"/>
  <c r="A90146" i="1" s="1"/>
  <c r="A90147" i="1" s="1"/>
  <c r="A90148" i="1" s="1"/>
  <c r="A90149" i="1" s="1"/>
  <c r="A90150" i="1" s="1"/>
  <c r="A90151" i="1" s="1"/>
  <c r="A90152" i="1" s="1"/>
  <c r="A90153" i="1" s="1"/>
  <c r="A90154" i="1" s="1"/>
  <c r="A90155" i="1" s="1"/>
  <c r="A90156" i="1" s="1"/>
  <c r="A90157" i="1" s="1"/>
  <c r="A90158" i="1" s="1"/>
  <c r="A90159" i="1" s="1"/>
  <c r="A90160" i="1" s="1"/>
  <c r="A90161" i="1" s="1"/>
  <c r="A90162" i="1" s="1"/>
  <c r="A90163" i="1" s="1"/>
  <c r="A90164" i="1" s="1"/>
  <c r="A90165" i="1" s="1"/>
  <c r="A90166" i="1" s="1"/>
  <c r="A90167" i="1" s="1"/>
  <c r="A90168" i="1" s="1"/>
  <c r="A90169" i="1" s="1"/>
  <c r="A90170" i="1" s="1"/>
  <c r="A90171" i="1" s="1"/>
  <c r="A90172" i="1" s="1"/>
  <c r="A90173" i="1" s="1"/>
  <c r="A90174" i="1" s="1"/>
  <c r="A90175" i="1" s="1"/>
  <c r="A90176" i="1" s="1"/>
  <c r="A90177" i="1" s="1"/>
  <c r="A90178" i="1" s="1"/>
  <c r="A90179" i="1" s="1"/>
  <c r="A90180" i="1" s="1"/>
  <c r="A90181" i="1" s="1"/>
  <c r="A90182" i="1" s="1"/>
  <c r="A90183" i="1" s="1"/>
  <c r="A90184" i="1" s="1"/>
  <c r="A90185" i="1" s="1"/>
  <c r="A90186" i="1" s="1"/>
  <c r="A90187" i="1" s="1"/>
  <c r="A90188" i="1" s="1"/>
  <c r="A90189" i="1" s="1"/>
  <c r="A90190" i="1" s="1"/>
  <c r="A90191" i="1" s="1"/>
  <c r="A90192" i="1" s="1"/>
  <c r="A90193" i="1" s="1"/>
  <c r="A90194" i="1" s="1"/>
  <c r="A90195" i="1" s="1"/>
  <c r="A90196" i="1" s="1"/>
  <c r="A90197" i="1" s="1"/>
  <c r="A90198" i="1" s="1"/>
  <c r="A90199" i="1" s="1"/>
  <c r="A90200" i="1" s="1"/>
  <c r="A90201" i="1" s="1"/>
  <c r="A90202" i="1" s="1"/>
  <c r="A90203" i="1" s="1"/>
  <c r="A90204" i="1" s="1"/>
  <c r="A90205" i="1" s="1"/>
  <c r="A90206" i="1" s="1"/>
  <c r="A90207" i="1" s="1"/>
  <c r="A90208" i="1" s="1"/>
  <c r="A90209" i="1" s="1"/>
  <c r="A90210" i="1" s="1"/>
  <c r="A90211" i="1" s="1"/>
  <c r="A90212" i="1" s="1"/>
  <c r="A90213" i="1" s="1"/>
  <c r="A90214" i="1" s="1"/>
  <c r="A90215" i="1" s="1"/>
  <c r="A90216" i="1" s="1"/>
  <c r="A90217" i="1" s="1"/>
  <c r="A90218" i="1" s="1"/>
  <c r="A90219" i="1" s="1"/>
  <c r="A90220" i="1" s="1"/>
  <c r="A90221" i="1" s="1"/>
  <c r="A90222" i="1" s="1"/>
  <c r="A90223" i="1" s="1"/>
  <c r="A90224" i="1" s="1"/>
  <c r="A90225" i="1" s="1"/>
  <c r="A90226" i="1" s="1"/>
  <c r="A90227" i="1" s="1"/>
  <c r="A90228" i="1" s="1"/>
  <c r="A90229" i="1" s="1"/>
  <c r="A90230" i="1" s="1"/>
  <c r="A90231" i="1" s="1"/>
  <c r="A90232" i="1" s="1"/>
  <c r="A90233" i="1" s="1"/>
  <c r="A90234" i="1" s="1"/>
  <c r="A90235" i="1" s="1"/>
  <c r="A90236" i="1" s="1"/>
  <c r="A90237" i="1" s="1"/>
  <c r="A90238" i="1" s="1"/>
  <c r="A90239" i="1" s="1"/>
  <c r="A90240" i="1" s="1"/>
  <c r="A90241" i="1" s="1"/>
  <c r="A90242" i="1" s="1"/>
  <c r="A90243" i="1" s="1"/>
  <c r="A90244" i="1" s="1"/>
  <c r="A90245" i="1" s="1"/>
  <c r="A90246" i="1" s="1"/>
  <c r="A90247" i="1" s="1"/>
  <c r="A90248" i="1" s="1"/>
  <c r="A90249" i="1" s="1"/>
  <c r="A90250" i="1" s="1"/>
  <c r="A90251" i="1" s="1"/>
  <c r="A90252" i="1" s="1"/>
  <c r="A90253" i="1" s="1"/>
  <c r="A90254" i="1" s="1"/>
  <c r="A90255" i="1" s="1"/>
  <c r="A90256" i="1" s="1"/>
  <c r="A90257" i="1" s="1"/>
  <c r="A90258" i="1" s="1"/>
  <c r="A90259" i="1" s="1"/>
  <c r="A90260" i="1" s="1"/>
  <c r="A90261" i="1" s="1"/>
  <c r="A90262" i="1" s="1"/>
  <c r="A90263" i="1" s="1"/>
  <c r="A90264" i="1" s="1"/>
  <c r="A90265" i="1" s="1"/>
  <c r="A90266" i="1" s="1"/>
  <c r="A90267" i="1" s="1"/>
  <c r="A90268" i="1" s="1"/>
  <c r="A90269" i="1" s="1"/>
  <c r="A90270" i="1" s="1"/>
  <c r="A90271" i="1" s="1"/>
  <c r="A90272" i="1" s="1"/>
  <c r="A90273" i="1" s="1"/>
  <c r="A90274" i="1" s="1"/>
  <c r="A90275" i="1" s="1"/>
  <c r="A90276" i="1" s="1"/>
  <c r="A90277" i="1" s="1"/>
  <c r="A90278" i="1" s="1"/>
  <c r="A90279" i="1" s="1"/>
  <c r="A90280" i="1" s="1"/>
  <c r="A90281" i="1" s="1"/>
  <c r="A90282" i="1" s="1"/>
  <c r="A90283" i="1" s="1"/>
  <c r="A90284" i="1" s="1"/>
  <c r="A90285" i="1" s="1"/>
  <c r="A90286" i="1" s="1"/>
  <c r="A90287" i="1" s="1"/>
  <c r="A90288" i="1" s="1"/>
  <c r="A90289" i="1" s="1"/>
  <c r="A90290" i="1" s="1"/>
  <c r="A90291" i="1" s="1"/>
  <c r="A90292" i="1" s="1"/>
  <c r="A90293" i="1" s="1"/>
  <c r="A90294" i="1" s="1"/>
  <c r="A90295" i="1" s="1"/>
  <c r="A90296" i="1" s="1"/>
  <c r="A90297" i="1" s="1"/>
  <c r="A90298" i="1" s="1"/>
  <c r="A90299" i="1" s="1"/>
  <c r="A90300" i="1" s="1"/>
  <c r="A90301" i="1" s="1"/>
  <c r="A90302" i="1" s="1"/>
  <c r="A90303" i="1" s="1"/>
  <c r="A90304" i="1" s="1"/>
  <c r="A90305" i="1" s="1"/>
  <c r="A90306" i="1" s="1"/>
  <c r="A90307" i="1" s="1"/>
  <c r="A90308" i="1" s="1"/>
  <c r="A90309" i="1" s="1"/>
  <c r="A90310" i="1" s="1"/>
  <c r="A90311" i="1" s="1"/>
  <c r="A90312" i="1" s="1"/>
  <c r="A90313" i="1" s="1"/>
  <c r="A90314" i="1" s="1"/>
  <c r="A90315" i="1" s="1"/>
  <c r="A90316" i="1" s="1"/>
  <c r="A90317" i="1" s="1"/>
  <c r="A90318" i="1" s="1"/>
  <c r="A90319" i="1" s="1"/>
  <c r="A90320" i="1" s="1"/>
  <c r="A90321" i="1" s="1"/>
  <c r="A90322" i="1" s="1"/>
  <c r="A90323" i="1" s="1"/>
  <c r="A90324" i="1" s="1"/>
  <c r="A90325" i="1" s="1"/>
  <c r="A90326" i="1" s="1"/>
  <c r="A90327" i="1" s="1"/>
  <c r="A90328" i="1" s="1"/>
  <c r="A90329" i="1" s="1"/>
  <c r="A90330" i="1" s="1"/>
  <c r="A90331" i="1" s="1"/>
  <c r="A90332" i="1" s="1"/>
  <c r="A90333" i="1" s="1"/>
  <c r="A90334" i="1" s="1"/>
  <c r="A90335" i="1" s="1"/>
  <c r="A90336" i="1" s="1"/>
  <c r="A90337" i="1" s="1"/>
  <c r="A90338" i="1" s="1"/>
  <c r="A90339" i="1" s="1"/>
  <c r="A90340" i="1" s="1"/>
  <c r="A90341" i="1" s="1"/>
  <c r="A90342" i="1" s="1"/>
  <c r="A90343" i="1" s="1"/>
  <c r="A90344" i="1" s="1"/>
  <c r="A90345" i="1" s="1"/>
  <c r="A90346" i="1" s="1"/>
  <c r="A90347" i="1" s="1"/>
  <c r="A90348" i="1" s="1"/>
  <c r="A90349" i="1" s="1"/>
  <c r="A90350" i="1" s="1"/>
  <c r="A90351" i="1" s="1"/>
  <c r="A90352" i="1" s="1"/>
  <c r="A90353" i="1" s="1"/>
  <c r="A90354" i="1" s="1"/>
  <c r="A90355" i="1" s="1"/>
  <c r="A90356" i="1" s="1"/>
  <c r="A90357" i="1" s="1"/>
  <c r="A90358" i="1" s="1"/>
  <c r="A90359" i="1" s="1"/>
  <c r="A90360" i="1" s="1"/>
  <c r="A90361" i="1" s="1"/>
  <c r="A90362" i="1" s="1"/>
  <c r="A90363" i="1" s="1"/>
  <c r="A90364" i="1" s="1"/>
  <c r="A90365" i="1" s="1"/>
  <c r="A90366" i="1" s="1"/>
  <c r="A90367" i="1" s="1"/>
  <c r="A90368" i="1" s="1"/>
  <c r="A90369" i="1" s="1"/>
  <c r="A90370" i="1" s="1"/>
  <c r="A90371" i="1" s="1"/>
  <c r="A90372" i="1" s="1"/>
  <c r="A90373" i="1" s="1"/>
  <c r="A90374" i="1" s="1"/>
  <c r="A90375" i="1" s="1"/>
  <c r="A90376" i="1" s="1"/>
  <c r="A90377" i="1" s="1"/>
  <c r="A90378" i="1" s="1"/>
  <c r="A90379" i="1" s="1"/>
  <c r="A90380" i="1" s="1"/>
  <c r="A90381" i="1" s="1"/>
  <c r="A90382" i="1" s="1"/>
  <c r="A90383" i="1" s="1"/>
  <c r="A90384" i="1" s="1"/>
  <c r="A90385" i="1" s="1"/>
  <c r="A90386" i="1" s="1"/>
  <c r="A90387" i="1" s="1"/>
  <c r="A90388" i="1" s="1"/>
  <c r="A90389" i="1" s="1"/>
  <c r="A90390" i="1" s="1"/>
  <c r="A90391" i="1" s="1"/>
  <c r="A90392" i="1" s="1"/>
  <c r="A90393" i="1" s="1"/>
  <c r="A90394" i="1" s="1"/>
  <c r="A90395" i="1" s="1"/>
  <c r="A90396" i="1" s="1"/>
  <c r="A90397" i="1" s="1"/>
  <c r="A90398" i="1" s="1"/>
  <c r="A90399" i="1" s="1"/>
  <c r="A90400" i="1" s="1"/>
  <c r="A90401" i="1" s="1"/>
  <c r="A90402" i="1" s="1"/>
  <c r="A90403" i="1" s="1"/>
  <c r="A90404" i="1" s="1"/>
  <c r="A90405" i="1" s="1"/>
  <c r="A90406" i="1" s="1"/>
  <c r="A90407" i="1" s="1"/>
  <c r="A90408" i="1" s="1"/>
  <c r="A90409" i="1" s="1"/>
  <c r="A90410" i="1" s="1"/>
  <c r="A90411" i="1" s="1"/>
  <c r="A90412" i="1" s="1"/>
  <c r="A90413" i="1" s="1"/>
  <c r="A90414" i="1" s="1"/>
  <c r="A90415" i="1" s="1"/>
  <c r="A90416" i="1" s="1"/>
  <c r="A90417" i="1" s="1"/>
  <c r="A90418" i="1" s="1"/>
  <c r="A90419" i="1" s="1"/>
  <c r="A90420" i="1" s="1"/>
  <c r="A90421" i="1" s="1"/>
  <c r="A90422" i="1" s="1"/>
  <c r="A90423" i="1" s="1"/>
  <c r="A90424" i="1" s="1"/>
  <c r="A90425" i="1" s="1"/>
  <c r="A90426" i="1" s="1"/>
  <c r="A90427" i="1" s="1"/>
  <c r="A90428" i="1" s="1"/>
  <c r="A90429" i="1" s="1"/>
  <c r="A90430" i="1" s="1"/>
  <c r="A90431" i="1" s="1"/>
  <c r="A90432" i="1" s="1"/>
  <c r="A90433" i="1" s="1"/>
  <c r="A90434" i="1" s="1"/>
  <c r="A90435" i="1" s="1"/>
  <c r="A90436" i="1" s="1"/>
  <c r="A90437" i="1" s="1"/>
  <c r="A90438" i="1" s="1"/>
  <c r="A90439" i="1" s="1"/>
  <c r="A90440" i="1" s="1"/>
  <c r="A90441" i="1" s="1"/>
  <c r="A90442" i="1" s="1"/>
  <c r="A90443" i="1" s="1"/>
  <c r="A90444" i="1" s="1"/>
  <c r="A90445" i="1" s="1"/>
  <c r="A90446" i="1" s="1"/>
  <c r="A90447" i="1" s="1"/>
  <c r="A90448" i="1" s="1"/>
  <c r="A90449" i="1" s="1"/>
  <c r="A90450" i="1" s="1"/>
  <c r="A90451" i="1" s="1"/>
  <c r="A90452" i="1" s="1"/>
  <c r="A90453" i="1" s="1"/>
  <c r="A90454" i="1" s="1"/>
  <c r="A90455" i="1" s="1"/>
  <c r="A90456" i="1" s="1"/>
  <c r="A90457" i="1" s="1"/>
  <c r="A90458" i="1" s="1"/>
  <c r="A90459" i="1" s="1"/>
  <c r="A90460" i="1" s="1"/>
  <c r="A90461" i="1" s="1"/>
  <c r="A90462" i="1" s="1"/>
  <c r="A90463" i="1" s="1"/>
  <c r="A90464" i="1" s="1"/>
  <c r="A90465" i="1" s="1"/>
  <c r="A90466" i="1" s="1"/>
  <c r="A90467" i="1" s="1"/>
  <c r="A90468" i="1" s="1"/>
  <c r="A90469" i="1" s="1"/>
  <c r="A90470" i="1" s="1"/>
  <c r="A90471" i="1" s="1"/>
  <c r="A90472" i="1" s="1"/>
  <c r="A90473" i="1" s="1"/>
  <c r="A90474" i="1" s="1"/>
  <c r="A90475" i="1" s="1"/>
  <c r="A90476" i="1" s="1"/>
  <c r="A90477" i="1" s="1"/>
  <c r="A90478" i="1" s="1"/>
  <c r="A90479" i="1" s="1"/>
  <c r="A90480" i="1" s="1"/>
  <c r="A90481" i="1" s="1"/>
  <c r="A90482" i="1" s="1"/>
  <c r="A90483" i="1" s="1"/>
  <c r="A90484" i="1" s="1"/>
  <c r="A90485" i="1" s="1"/>
  <c r="A90486" i="1" s="1"/>
  <c r="A90487" i="1" s="1"/>
  <c r="A90488" i="1" s="1"/>
  <c r="A90489" i="1" s="1"/>
  <c r="A90490" i="1" s="1"/>
  <c r="A90491" i="1" s="1"/>
  <c r="A90492" i="1" s="1"/>
  <c r="A90493" i="1" s="1"/>
  <c r="A90494" i="1" s="1"/>
  <c r="A90495" i="1" s="1"/>
  <c r="A90496" i="1" s="1"/>
  <c r="A90497" i="1" s="1"/>
  <c r="A90498" i="1" s="1"/>
  <c r="A90499" i="1" s="1"/>
  <c r="A90500" i="1" s="1"/>
  <c r="A90501" i="1" s="1"/>
  <c r="A90502" i="1" s="1"/>
  <c r="A90503" i="1" s="1"/>
  <c r="A90504" i="1" s="1"/>
  <c r="A90505" i="1" s="1"/>
  <c r="A90506" i="1" s="1"/>
  <c r="A90507" i="1" s="1"/>
  <c r="A90508" i="1" s="1"/>
  <c r="A90509" i="1" s="1"/>
  <c r="A90510" i="1" s="1"/>
  <c r="A90511" i="1" s="1"/>
  <c r="A90512" i="1" s="1"/>
  <c r="A90513" i="1" s="1"/>
  <c r="A90514" i="1" s="1"/>
  <c r="A90515" i="1" s="1"/>
  <c r="A90516" i="1" s="1"/>
  <c r="A90517" i="1" s="1"/>
  <c r="A90518" i="1" s="1"/>
  <c r="A90519" i="1" s="1"/>
  <c r="A90520" i="1" s="1"/>
  <c r="A90521" i="1" s="1"/>
  <c r="A90522" i="1" s="1"/>
  <c r="A90523" i="1" s="1"/>
  <c r="A90524" i="1" s="1"/>
  <c r="A90525" i="1" s="1"/>
  <c r="A90526" i="1" s="1"/>
  <c r="A90527" i="1" s="1"/>
  <c r="A90528" i="1" s="1"/>
  <c r="A90529" i="1" s="1"/>
  <c r="A90530" i="1" s="1"/>
  <c r="A90531" i="1" s="1"/>
  <c r="A90532" i="1" s="1"/>
  <c r="A90533" i="1" s="1"/>
  <c r="A90534" i="1" s="1"/>
  <c r="A90535" i="1" s="1"/>
  <c r="A90536" i="1" s="1"/>
  <c r="A90537" i="1" s="1"/>
  <c r="A90538" i="1" s="1"/>
  <c r="A90539" i="1" s="1"/>
  <c r="A90540" i="1" s="1"/>
  <c r="A90541" i="1" s="1"/>
  <c r="A90542" i="1" s="1"/>
  <c r="A90543" i="1" s="1"/>
  <c r="A90544" i="1" s="1"/>
  <c r="A90545" i="1" s="1"/>
  <c r="A90546" i="1" s="1"/>
  <c r="A90547" i="1" s="1"/>
  <c r="A90548" i="1" s="1"/>
  <c r="A90549" i="1" s="1"/>
  <c r="A90550" i="1" s="1"/>
  <c r="A90551" i="1" s="1"/>
  <c r="A90552" i="1" s="1"/>
  <c r="A90553" i="1" s="1"/>
  <c r="A90554" i="1" s="1"/>
  <c r="A90555" i="1" s="1"/>
  <c r="A90556" i="1" s="1"/>
  <c r="A90557" i="1" s="1"/>
  <c r="A90558" i="1" s="1"/>
  <c r="A90559" i="1" s="1"/>
  <c r="A90560" i="1" s="1"/>
  <c r="A90561" i="1" s="1"/>
  <c r="A90562" i="1" s="1"/>
  <c r="A90563" i="1" s="1"/>
  <c r="A90564" i="1" s="1"/>
  <c r="A90565" i="1" s="1"/>
  <c r="A90566" i="1" s="1"/>
  <c r="A90567" i="1" s="1"/>
  <c r="A90568" i="1" s="1"/>
  <c r="A90569" i="1" s="1"/>
  <c r="A90570" i="1" s="1"/>
  <c r="A90571" i="1" s="1"/>
  <c r="A90572" i="1" s="1"/>
  <c r="A90573" i="1" s="1"/>
  <c r="A90574" i="1" s="1"/>
  <c r="A90575" i="1" s="1"/>
  <c r="A90576" i="1" s="1"/>
  <c r="A90577" i="1" s="1"/>
  <c r="A90578" i="1" s="1"/>
  <c r="A90579" i="1" s="1"/>
  <c r="A90580" i="1" s="1"/>
  <c r="A90581" i="1" s="1"/>
  <c r="A90582" i="1" s="1"/>
  <c r="A90583" i="1" s="1"/>
  <c r="A90584" i="1" s="1"/>
  <c r="A90585" i="1" s="1"/>
  <c r="A90586" i="1" s="1"/>
  <c r="A90587" i="1" s="1"/>
  <c r="A90588" i="1" s="1"/>
  <c r="A90589" i="1" s="1"/>
  <c r="A90590" i="1" s="1"/>
  <c r="A90591" i="1" s="1"/>
  <c r="A90592" i="1" s="1"/>
  <c r="A90593" i="1" s="1"/>
  <c r="A90594" i="1" s="1"/>
  <c r="A90595" i="1" s="1"/>
  <c r="A90596" i="1" s="1"/>
  <c r="A90597" i="1" s="1"/>
  <c r="A90598" i="1" s="1"/>
  <c r="A90599" i="1" s="1"/>
  <c r="A90600" i="1" s="1"/>
  <c r="A90601" i="1" s="1"/>
  <c r="A90602" i="1" s="1"/>
  <c r="A90603" i="1" s="1"/>
  <c r="A90604" i="1" s="1"/>
  <c r="A90605" i="1" s="1"/>
  <c r="A90606" i="1" s="1"/>
  <c r="A90607" i="1" s="1"/>
  <c r="A90608" i="1" s="1"/>
  <c r="A90609" i="1" s="1"/>
  <c r="A90610" i="1" s="1"/>
  <c r="A90611" i="1" s="1"/>
  <c r="A90612" i="1" s="1"/>
  <c r="A90613" i="1" s="1"/>
  <c r="A90614" i="1" s="1"/>
  <c r="A90615" i="1" s="1"/>
  <c r="A90616" i="1" s="1"/>
  <c r="A90617" i="1" s="1"/>
  <c r="A90618" i="1" s="1"/>
  <c r="A90619" i="1" s="1"/>
  <c r="A90620" i="1" s="1"/>
  <c r="A90621" i="1" s="1"/>
  <c r="A90622" i="1" s="1"/>
  <c r="A90623" i="1" s="1"/>
  <c r="A90624" i="1" s="1"/>
  <c r="A90625" i="1" s="1"/>
  <c r="A90626" i="1" s="1"/>
  <c r="A90627" i="1" s="1"/>
  <c r="A90628" i="1" s="1"/>
  <c r="A90629" i="1" s="1"/>
  <c r="A90630" i="1" s="1"/>
  <c r="A90631" i="1" s="1"/>
  <c r="A90632" i="1" s="1"/>
  <c r="A90633" i="1" s="1"/>
  <c r="A90634" i="1" s="1"/>
  <c r="A90635" i="1" s="1"/>
  <c r="A90636" i="1" s="1"/>
  <c r="A90637" i="1" s="1"/>
  <c r="A90638" i="1" s="1"/>
  <c r="A90639" i="1" s="1"/>
  <c r="A90640" i="1" s="1"/>
  <c r="A90641" i="1" s="1"/>
  <c r="A90642" i="1" s="1"/>
  <c r="A90643" i="1" s="1"/>
  <c r="A90644" i="1" s="1"/>
  <c r="A90645" i="1" s="1"/>
  <c r="A90646" i="1" s="1"/>
  <c r="A90647" i="1" s="1"/>
  <c r="A90648" i="1" s="1"/>
  <c r="A90649" i="1" s="1"/>
  <c r="A90650" i="1" s="1"/>
  <c r="A90651" i="1" s="1"/>
  <c r="A90652" i="1" s="1"/>
  <c r="A90653" i="1" s="1"/>
  <c r="A90654" i="1" s="1"/>
  <c r="A90655" i="1" s="1"/>
  <c r="A90656" i="1" s="1"/>
  <c r="A90657" i="1" s="1"/>
  <c r="A90658" i="1" s="1"/>
  <c r="A90659" i="1" s="1"/>
  <c r="A90660" i="1" s="1"/>
  <c r="A90661" i="1" s="1"/>
  <c r="A90662" i="1" s="1"/>
  <c r="A90663" i="1" s="1"/>
  <c r="A90664" i="1" s="1"/>
  <c r="A90665" i="1" s="1"/>
  <c r="A90666" i="1" s="1"/>
  <c r="A90667" i="1" s="1"/>
  <c r="A90668" i="1" s="1"/>
  <c r="A90669" i="1" s="1"/>
  <c r="A90670" i="1" s="1"/>
  <c r="A90671" i="1" s="1"/>
  <c r="A90672" i="1" s="1"/>
  <c r="A90673" i="1" s="1"/>
  <c r="A90674" i="1" s="1"/>
  <c r="A90675" i="1" s="1"/>
  <c r="A90676" i="1" s="1"/>
  <c r="A90677" i="1" s="1"/>
  <c r="A90678" i="1" s="1"/>
  <c r="A90679" i="1" s="1"/>
  <c r="A90680" i="1" s="1"/>
  <c r="A90681" i="1" s="1"/>
  <c r="A90682" i="1" s="1"/>
  <c r="A90683" i="1" s="1"/>
  <c r="A90684" i="1" s="1"/>
  <c r="A90685" i="1" s="1"/>
  <c r="A90686" i="1" s="1"/>
  <c r="A90687" i="1" s="1"/>
  <c r="A90688" i="1" s="1"/>
  <c r="A90689" i="1" s="1"/>
  <c r="A90690" i="1" s="1"/>
  <c r="A90691" i="1" s="1"/>
  <c r="A90692" i="1" s="1"/>
  <c r="A90693" i="1" s="1"/>
  <c r="A90694" i="1" s="1"/>
  <c r="A90695" i="1" s="1"/>
  <c r="A90696" i="1" s="1"/>
  <c r="A90697" i="1" s="1"/>
  <c r="A90698" i="1" s="1"/>
  <c r="A90699" i="1" s="1"/>
  <c r="A90700" i="1" s="1"/>
  <c r="A90701" i="1" s="1"/>
  <c r="A90702" i="1" s="1"/>
  <c r="A90703" i="1" s="1"/>
  <c r="A90704" i="1" s="1"/>
  <c r="A90705" i="1" s="1"/>
  <c r="A90706" i="1" s="1"/>
  <c r="A90707" i="1" s="1"/>
  <c r="A90708" i="1" s="1"/>
  <c r="A90709" i="1" s="1"/>
  <c r="A90710" i="1" s="1"/>
  <c r="A90711" i="1" s="1"/>
  <c r="A90712" i="1" s="1"/>
  <c r="A90713" i="1" s="1"/>
  <c r="A90714" i="1" s="1"/>
  <c r="A90715" i="1" s="1"/>
  <c r="A90716" i="1" s="1"/>
  <c r="A90717" i="1" s="1"/>
  <c r="A90718" i="1" s="1"/>
  <c r="A90719" i="1" s="1"/>
  <c r="A90720" i="1" s="1"/>
  <c r="A90721" i="1" s="1"/>
  <c r="A90722" i="1" s="1"/>
  <c r="A90723" i="1" s="1"/>
  <c r="A90724" i="1" s="1"/>
  <c r="A90725" i="1" s="1"/>
  <c r="A90726" i="1" s="1"/>
  <c r="A90727" i="1" s="1"/>
  <c r="A90728" i="1" s="1"/>
  <c r="A90729" i="1" s="1"/>
  <c r="A90730" i="1" s="1"/>
  <c r="A90731" i="1" s="1"/>
  <c r="A90732" i="1" s="1"/>
  <c r="A90733" i="1" s="1"/>
  <c r="A90734" i="1" s="1"/>
  <c r="A90735" i="1" s="1"/>
  <c r="A90736" i="1" s="1"/>
  <c r="A90737" i="1" s="1"/>
  <c r="A90738" i="1" s="1"/>
  <c r="A90739" i="1" s="1"/>
  <c r="A90740" i="1" s="1"/>
  <c r="A90741" i="1" s="1"/>
  <c r="A90742" i="1" s="1"/>
  <c r="A90743" i="1" s="1"/>
  <c r="A90744" i="1" s="1"/>
  <c r="A90745" i="1" s="1"/>
  <c r="A90746" i="1" s="1"/>
  <c r="A90747" i="1" s="1"/>
  <c r="A90748" i="1" s="1"/>
  <c r="A90749" i="1" s="1"/>
  <c r="A90750" i="1" s="1"/>
  <c r="A90751" i="1" s="1"/>
  <c r="A90752" i="1" s="1"/>
  <c r="A90753" i="1" s="1"/>
  <c r="A90754" i="1" s="1"/>
  <c r="A90755" i="1" s="1"/>
  <c r="A90756" i="1" s="1"/>
  <c r="A90757" i="1" s="1"/>
  <c r="A90758" i="1" s="1"/>
  <c r="A90759" i="1" s="1"/>
  <c r="A90760" i="1" s="1"/>
  <c r="A90761" i="1" s="1"/>
  <c r="A90762" i="1" s="1"/>
  <c r="A90763" i="1" s="1"/>
  <c r="A90764" i="1" s="1"/>
  <c r="A90765" i="1" s="1"/>
  <c r="A90766" i="1" s="1"/>
  <c r="A90767" i="1" s="1"/>
  <c r="A90768" i="1" s="1"/>
  <c r="A90769" i="1" s="1"/>
  <c r="A90770" i="1" s="1"/>
  <c r="A90771" i="1" s="1"/>
  <c r="A90772" i="1" s="1"/>
  <c r="A90773" i="1" s="1"/>
  <c r="A90774" i="1" s="1"/>
  <c r="A90775" i="1" s="1"/>
  <c r="A90776" i="1" s="1"/>
  <c r="A90777" i="1" s="1"/>
  <c r="A90778" i="1" s="1"/>
  <c r="A90779" i="1" s="1"/>
  <c r="A90780" i="1" s="1"/>
  <c r="A90781" i="1" s="1"/>
  <c r="A90782" i="1" s="1"/>
  <c r="A90783" i="1" s="1"/>
  <c r="A90784" i="1" s="1"/>
  <c r="A90785" i="1" s="1"/>
  <c r="A90786" i="1" s="1"/>
  <c r="A90787" i="1" s="1"/>
  <c r="A90788" i="1" s="1"/>
  <c r="A90789" i="1" s="1"/>
  <c r="A90790" i="1" s="1"/>
  <c r="A90791" i="1" s="1"/>
  <c r="A90792" i="1" s="1"/>
  <c r="A90793" i="1" s="1"/>
  <c r="A90794" i="1" s="1"/>
  <c r="A90795" i="1" s="1"/>
  <c r="A90796" i="1" s="1"/>
  <c r="A90797" i="1" s="1"/>
  <c r="A90798" i="1" s="1"/>
  <c r="A90799" i="1" s="1"/>
  <c r="A90800" i="1" s="1"/>
  <c r="A90801" i="1" s="1"/>
  <c r="A90802" i="1" s="1"/>
  <c r="A90803" i="1" s="1"/>
  <c r="A90804" i="1" s="1"/>
  <c r="A90805" i="1" s="1"/>
  <c r="A90806" i="1" s="1"/>
  <c r="A90807" i="1" s="1"/>
  <c r="A90808" i="1" s="1"/>
  <c r="A90809" i="1" s="1"/>
  <c r="A90810" i="1" s="1"/>
  <c r="A90811" i="1" s="1"/>
  <c r="A90812" i="1" s="1"/>
  <c r="A90813" i="1" s="1"/>
  <c r="A90814" i="1" s="1"/>
  <c r="A90815" i="1" s="1"/>
  <c r="A90816" i="1" s="1"/>
  <c r="A90817" i="1" s="1"/>
  <c r="A90818" i="1" s="1"/>
  <c r="A90819" i="1" s="1"/>
  <c r="A90820" i="1" s="1"/>
  <c r="A90821" i="1" s="1"/>
  <c r="A90822" i="1" s="1"/>
  <c r="A90823" i="1" s="1"/>
  <c r="A90824" i="1" s="1"/>
  <c r="A90825" i="1" s="1"/>
  <c r="A90826" i="1" s="1"/>
  <c r="A90827" i="1" s="1"/>
  <c r="A90828" i="1" s="1"/>
  <c r="A90829" i="1" s="1"/>
  <c r="A90830" i="1" s="1"/>
  <c r="A90831" i="1" s="1"/>
  <c r="A90832" i="1" s="1"/>
  <c r="A90833" i="1" s="1"/>
  <c r="A90834" i="1" s="1"/>
  <c r="A90835" i="1" s="1"/>
  <c r="A90836" i="1" s="1"/>
  <c r="A90837" i="1" s="1"/>
  <c r="A90838" i="1" s="1"/>
  <c r="A90839" i="1" s="1"/>
  <c r="A90840" i="1" s="1"/>
  <c r="A90841" i="1" s="1"/>
  <c r="A90842" i="1" s="1"/>
  <c r="A90843" i="1" s="1"/>
  <c r="A90844" i="1" s="1"/>
  <c r="A90845" i="1" s="1"/>
  <c r="A90846" i="1" s="1"/>
  <c r="A90847" i="1" s="1"/>
  <c r="A90848" i="1" s="1"/>
  <c r="A90849" i="1" s="1"/>
  <c r="A90850" i="1" s="1"/>
  <c r="A90851" i="1" s="1"/>
  <c r="A90852" i="1" s="1"/>
  <c r="A90853" i="1" s="1"/>
  <c r="A90854" i="1" s="1"/>
  <c r="A90855" i="1" s="1"/>
  <c r="A90856" i="1" s="1"/>
  <c r="A90857" i="1" s="1"/>
  <c r="A90858" i="1" s="1"/>
  <c r="A90859" i="1" s="1"/>
  <c r="A90860" i="1" s="1"/>
  <c r="A90861" i="1" s="1"/>
  <c r="A90862" i="1" s="1"/>
  <c r="A90863" i="1" s="1"/>
  <c r="A90864" i="1" s="1"/>
  <c r="A90865" i="1" s="1"/>
  <c r="A90866" i="1" s="1"/>
  <c r="A90867" i="1" s="1"/>
  <c r="A90868" i="1" s="1"/>
  <c r="A90869" i="1" s="1"/>
  <c r="A90870" i="1" s="1"/>
  <c r="A90871" i="1" s="1"/>
  <c r="A90872" i="1" s="1"/>
  <c r="A90873" i="1" s="1"/>
  <c r="A90874" i="1" s="1"/>
  <c r="A90875" i="1" s="1"/>
  <c r="A90876" i="1" s="1"/>
  <c r="A90877" i="1" s="1"/>
  <c r="A90878" i="1" s="1"/>
  <c r="A90879" i="1" s="1"/>
  <c r="A90880" i="1" s="1"/>
  <c r="A90881" i="1" s="1"/>
  <c r="A90882" i="1" s="1"/>
  <c r="A90883" i="1" s="1"/>
  <c r="A90884" i="1" s="1"/>
  <c r="A90885" i="1" s="1"/>
  <c r="A90886" i="1" s="1"/>
  <c r="A90887" i="1" s="1"/>
  <c r="A90888" i="1" s="1"/>
  <c r="A90889" i="1" s="1"/>
  <c r="A90890" i="1" s="1"/>
  <c r="A90891" i="1" s="1"/>
  <c r="A90892" i="1" s="1"/>
  <c r="A90893" i="1" s="1"/>
  <c r="A90894" i="1" s="1"/>
  <c r="A90895" i="1" s="1"/>
  <c r="A90896" i="1" s="1"/>
  <c r="A90897" i="1" s="1"/>
  <c r="A90898" i="1" s="1"/>
  <c r="A90899" i="1" s="1"/>
  <c r="A90900" i="1" s="1"/>
  <c r="A90901" i="1" s="1"/>
  <c r="A90902" i="1" s="1"/>
  <c r="A90903" i="1" s="1"/>
  <c r="A90904" i="1" s="1"/>
  <c r="A90905" i="1" s="1"/>
  <c r="A90906" i="1" s="1"/>
  <c r="A90907" i="1" s="1"/>
  <c r="A90908" i="1" s="1"/>
  <c r="A90909" i="1" s="1"/>
  <c r="A90910" i="1" s="1"/>
  <c r="A90911" i="1" s="1"/>
  <c r="A90912" i="1" s="1"/>
  <c r="A90913" i="1" s="1"/>
  <c r="A90914" i="1" s="1"/>
  <c r="A90915" i="1" s="1"/>
  <c r="A90916" i="1" s="1"/>
  <c r="A90917" i="1" s="1"/>
  <c r="A90918" i="1" s="1"/>
  <c r="A90919" i="1" s="1"/>
  <c r="A90920" i="1" s="1"/>
  <c r="A90921" i="1" s="1"/>
  <c r="A90922" i="1" s="1"/>
  <c r="A90923" i="1" s="1"/>
  <c r="A90924" i="1" s="1"/>
  <c r="A90925" i="1" s="1"/>
  <c r="A90926" i="1" s="1"/>
  <c r="A90927" i="1" s="1"/>
  <c r="A90928" i="1" s="1"/>
  <c r="A90929" i="1" s="1"/>
  <c r="A90930" i="1" s="1"/>
  <c r="A90931" i="1" s="1"/>
  <c r="A90932" i="1" s="1"/>
  <c r="A90933" i="1" s="1"/>
  <c r="A90934" i="1" s="1"/>
  <c r="A90935" i="1" s="1"/>
  <c r="A90936" i="1" s="1"/>
  <c r="A90937" i="1" s="1"/>
  <c r="A90938" i="1" s="1"/>
  <c r="A90939" i="1" s="1"/>
  <c r="A90940" i="1" s="1"/>
  <c r="A90941" i="1" s="1"/>
  <c r="A90942" i="1" s="1"/>
  <c r="A90943" i="1" s="1"/>
  <c r="A90944" i="1" s="1"/>
  <c r="A90945" i="1" s="1"/>
  <c r="A90946" i="1" s="1"/>
  <c r="A90947" i="1" s="1"/>
  <c r="A90948" i="1" s="1"/>
  <c r="A90949" i="1" s="1"/>
  <c r="A90950" i="1" s="1"/>
  <c r="A90951" i="1" s="1"/>
  <c r="A90952" i="1" s="1"/>
  <c r="A90953" i="1" s="1"/>
  <c r="A90954" i="1" s="1"/>
  <c r="A90955" i="1" s="1"/>
  <c r="A90956" i="1" s="1"/>
  <c r="A90957" i="1" s="1"/>
  <c r="A90958" i="1" s="1"/>
  <c r="A90959" i="1" s="1"/>
  <c r="A90960" i="1" s="1"/>
  <c r="A90961" i="1" s="1"/>
  <c r="A90962" i="1" s="1"/>
  <c r="A90963" i="1" s="1"/>
  <c r="A90964" i="1" s="1"/>
  <c r="A90965" i="1" s="1"/>
  <c r="A90966" i="1" s="1"/>
  <c r="A90967" i="1" s="1"/>
  <c r="A90968" i="1" s="1"/>
  <c r="A90969" i="1" s="1"/>
  <c r="A90970" i="1" s="1"/>
  <c r="A90971" i="1" s="1"/>
  <c r="A90972" i="1" s="1"/>
  <c r="A90973" i="1" s="1"/>
  <c r="A90974" i="1" s="1"/>
  <c r="A90975" i="1" s="1"/>
  <c r="A90976" i="1" s="1"/>
  <c r="A90977" i="1" s="1"/>
  <c r="A90978" i="1" s="1"/>
  <c r="A90979" i="1" s="1"/>
  <c r="A90980" i="1" s="1"/>
  <c r="A90981" i="1" s="1"/>
  <c r="A90982" i="1" s="1"/>
  <c r="A90983" i="1" s="1"/>
  <c r="A90984" i="1" s="1"/>
  <c r="A90985" i="1" s="1"/>
  <c r="A90986" i="1" s="1"/>
  <c r="A90987" i="1" s="1"/>
  <c r="A90988" i="1" s="1"/>
  <c r="A90989" i="1" s="1"/>
  <c r="A90990" i="1" s="1"/>
  <c r="A90991" i="1" s="1"/>
  <c r="A90992" i="1" s="1"/>
  <c r="A90993" i="1" s="1"/>
  <c r="A90994" i="1" s="1"/>
  <c r="A90995" i="1" s="1"/>
  <c r="A90996" i="1" s="1"/>
  <c r="A90997" i="1" s="1"/>
  <c r="A90998" i="1" s="1"/>
  <c r="A90999" i="1" s="1"/>
  <c r="A91000" i="1" s="1"/>
  <c r="A91001" i="1" s="1"/>
  <c r="A91002" i="1" s="1"/>
  <c r="A91003" i="1" s="1"/>
  <c r="A91004" i="1" s="1"/>
  <c r="A91005" i="1" s="1"/>
  <c r="A91006" i="1" s="1"/>
  <c r="A91007" i="1" s="1"/>
  <c r="A91008" i="1" s="1"/>
  <c r="A91009" i="1" s="1"/>
  <c r="A91010" i="1" s="1"/>
  <c r="A91011" i="1" s="1"/>
  <c r="A91012" i="1" s="1"/>
  <c r="A91013" i="1" s="1"/>
  <c r="A91014" i="1" s="1"/>
  <c r="A91015" i="1" s="1"/>
  <c r="A91016" i="1" s="1"/>
  <c r="A91017" i="1" s="1"/>
  <c r="A91018" i="1" s="1"/>
  <c r="A91019" i="1" s="1"/>
  <c r="A91020" i="1" s="1"/>
  <c r="A91021" i="1" s="1"/>
  <c r="A91022" i="1" s="1"/>
  <c r="A91023" i="1" s="1"/>
  <c r="A91024" i="1" s="1"/>
  <c r="A91025" i="1" s="1"/>
  <c r="A91026" i="1" s="1"/>
  <c r="A91027" i="1" s="1"/>
  <c r="A91028" i="1" s="1"/>
  <c r="A91029" i="1" s="1"/>
  <c r="A91030" i="1" s="1"/>
  <c r="A91031" i="1" s="1"/>
  <c r="A91032" i="1" s="1"/>
  <c r="A91033" i="1" s="1"/>
  <c r="A91034" i="1" s="1"/>
  <c r="A91035" i="1" s="1"/>
  <c r="A91036" i="1" s="1"/>
  <c r="A91037" i="1" s="1"/>
  <c r="A91038" i="1" s="1"/>
  <c r="A91039" i="1" s="1"/>
  <c r="A91040" i="1" s="1"/>
  <c r="A91041" i="1" s="1"/>
  <c r="A91042" i="1" s="1"/>
  <c r="A91043" i="1" s="1"/>
  <c r="A91044" i="1" s="1"/>
  <c r="A91045" i="1" s="1"/>
  <c r="A91046" i="1" s="1"/>
  <c r="A91047" i="1" s="1"/>
  <c r="A91048" i="1" s="1"/>
  <c r="A91049" i="1" s="1"/>
  <c r="A91050" i="1" s="1"/>
  <c r="A91051" i="1" s="1"/>
  <c r="A91052" i="1" s="1"/>
  <c r="A91053" i="1" s="1"/>
  <c r="A91054" i="1" s="1"/>
  <c r="A91055" i="1" s="1"/>
  <c r="A91056" i="1" s="1"/>
  <c r="A91057" i="1" s="1"/>
  <c r="A91058" i="1" s="1"/>
  <c r="A91059" i="1" s="1"/>
  <c r="A91060" i="1" s="1"/>
  <c r="A91061" i="1" s="1"/>
  <c r="A91062" i="1" s="1"/>
  <c r="A91063" i="1" s="1"/>
  <c r="A91064" i="1" s="1"/>
  <c r="A91065" i="1" s="1"/>
  <c r="A91066" i="1" s="1"/>
  <c r="A91067" i="1" s="1"/>
  <c r="A91068" i="1" s="1"/>
  <c r="A91069" i="1" s="1"/>
  <c r="A91070" i="1" s="1"/>
  <c r="A91071" i="1" s="1"/>
  <c r="A91072" i="1" s="1"/>
  <c r="A91073" i="1" s="1"/>
  <c r="A91074" i="1" s="1"/>
  <c r="A91075" i="1" s="1"/>
  <c r="A91076" i="1" s="1"/>
  <c r="A91077" i="1" s="1"/>
  <c r="A91078" i="1" s="1"/>
  <c r="A91079" i="1" s="1"/>
  <c r="A91080" i="1" s="1"/>
  <c r="A91081" i="1" s="1"/>
  <c r="A91082" i="1" s="1"/>
  <c r="A91083" i="1" s="1"/>
  <c r="A91084" i="1" s="1"/>
  <c r="A91085" i="1" s="1"/>
  <c r="A91086" i="1" s="1"/>
  <c r="A91087" i="1" s="1"/>
  <c r="A91088" i="1" s="1"/>
  <c r="A91089" i="1" s="1"/>
  <c r="A91090" i="1" s="1"/>
  <c r="A91091" i="1" s="1"/>
  <c r="A91092" i="1" s="1"/>
  <c r="A91093" i="1" s="1"/>
  <c r="A91094" i="1" s="1"/>
  <c r="A91095" i="1" s="1"/>
  <c r="A91096" i="1" s="1"/>
  <c r="A91097" i="1" s="1"/>
  <c r="A91098" i="1" s="1"/>
  <c r="A91099" i="1" s="1"/>
  <c r="A91100" i="1" s="1"/>
  <c r="A91101" i="1" s="1"/>
  <c r="A91102" i="1" s="1"/>
  <c r="A91103" i="1" s="1"/>
  <c r="A91104" i="1" s="1"/>
  <c r="A91105" i="1" s="1"/>
  <c r="A91106" i="1" s="1"/>
  <c r="A91107" i="1" s="1"/>
  <c r="A91108" i="1" s="1"/>
  <c r="A91109" i="1" s="1"/>
  <c r="A91110" i="1" s="1"/>
  <c r="A91111" i="1" s="1"/>
  <c r="A91112" i="1" s="1"/>
  <c r="A91113" i="1" s="1"/>
  <c r="A91114" i="1" s="1"/>
  <c r="A91115" i="1" s="1"/>
  <c r="A91116" i="1" s="1"/>
  <c r="A91117" i="1" s="1"/>
  <c r="A91118" i="1" s="1"/>
  <c r="A91119" i="1" s="1"/>
  <c r="A91120" i="1" s="1"/>
  <c r="A91121" i="1" s="1"/>
  <c r="A91122" i="1" s="1"/>
  <c r="A91123" i="1" s="1"/>
  <c r="A91124" i="1" s="1"/>
  <c r="A91125" i="1" s="1"/>
  <c r="A91126" i="1" s="1"/>
  <c r="A91127" i="1" s="1"/>
  <c r="A91128" i="1" s="1"/>
  <c r="A91129" i="1" s="1"/>
  <c r="A91130" i="1" s="1"/>
  <c r="A91131" i="1" s="1"/>
  <c r="A91132" i="1" s="1"/>
  <c r="A91133" i="1" s="1"/>
  <c r="A91134" i="1" s="1"/>
  <c r="A91135" i="1" s="1"/>
  <c r="A91136" i="1" s="1"/>
  <c r="A91137" i="1" s="1"/>
  <c r="A91138" i="1" s="1"/>
  <c r="A91139" i="1" s="1"/>
  <c r="A91140" i="1" s="1"/>
  <c r="A91141" i="1" s="1"/>
  <c r="A91142" i="1" s="1"/>
  <c r="A91143" i="1" s="1"/>
  <c r="A91144" i="1" s="1"/>
  <c r="A91145" i="1" s="1"/>
  <c r="A91146" i="1" s="1"/>
  <c r="A91147" i="1" s="1"/>
  <c r="A91148" i="1" s="1"/>
  <c r="A91149" i="1" s="1"/>
  <c r="A91150" i="1" s="1"/>
  <c r="A91151" i="1" s="1"/>
  <c r="A91152" i="1" s="1"/>
  <c r="A91153" i="1" s="1"/>
  <c r="A91154" i="1" s="1"/>
  <c r="A91155" i="1" s="1"/>
  <c r="A91156" i="1" s="1"/>
  <c r="A91157" i="1" s="1"/>
  <c r="A91158" i="1" s="1"/>
  <c r="A91159" i="1" s="1"/>
  <c r="A91160" i="1" s="1"/>
  <c r="A91161" i="1" s="1"/>
  <c r="A91162" i="1" s="1"/>
  <c r="A91163" i="1" s="1"/>
  <c r="A91164" i="1" s="1"/>
  <c r="A91165" i="1" s="1"/>
  <c r="A91166" i="1" s="1"/>
  <c r="A91167" i="1" s="1"/>
  <c r="A91168" i="1" s="1"/>
  <c r="A91169" i="1" s="1"/>
  <c r="A91170" i="1" s="1"/>
  <c r="A91171" i="1" s="1"/>
  <c r="A91172" i="1" s="1"/>
  <c r="A91173" i="1" s="1"/>
  <c r="A91174" i="1" s="1"/>
  <c r="A91175" i="1" s="1"/>
  <c r="A91176" i="1" s="1"/>
  <c r="A91177" i="1" s="1"/>
  <c r="A91178" i="1" s="1"/>
  <c r="A91179" i="1" s="1"/>
  <c r="A91180" i="1" s="1"/>
  <c r="A91181" i="1" s="1"/>
  <c r="A91182" i="1" s="1"/>
  <c r="A91183" i="1" s="1"/>
  <c r="A91184" i="1" s="1"/>
  <c r="A91185" i="1" s="1"/>
  <c r="A91186" i="1" s="1"/>
  <c r="A91187" i="1" s="1"/>
  <c r="A91188" i="1" s="1"/>
  <c r="A91189" i="1" s="1"/>
  <c r="A91190" i="1" s="1"/>
  <c r="A91191" i="1" s="1"/>
  <c r="A91192" i="1" s="1"/>
  <c r="A91193" i="1" s="1"/>
  <c r="A91194" i="1" s="1"/>
  <c r="A91195" i="1" s="1"/>
  <c r="A91196" i="1" s="1"/>
  <c r="A91197" i="1" s="1"/>
  <c r="A91198" i="1" s="1"/>
  <c r="A91199" i="1" s="1"/>
  <c r="A91200" i="1" s="1"/>
  <c r="A91201" i="1" s="1"/>
  <c r="A91202" i="1" s="1"/>
  <c r="A91203" i="1" s="1"/>
  <c r="A91204" i="1" s="1"/>
  <c r="A91205" i="1" s="1"/>
  <c r="A91206" i="1" s="1"/>
  <c r="A91207" i="1" s="1"/>
  <c r="A91208" i="1" s="1"/>
  <c r="A91209" i="1" s="1"/>
  <c r="A91210" i="1" s="1"/>
  <c r="A91211" i="1" s="1"/>
  <c r="A91212" i="1" s="1"/>
  <c r="A91213" i="1" s="1"/>
  <c r="A91214" i="1" s="1"/>
  <c r="A91215" i="1" s="1"/>
  <c r="A91216" i="1" s="1"/>
  <c r="A91217" i="1" s="1"/>
  <c r="A91218" i="1" s="1"/>
  <c r="A91219" i="1" s="1"/>
  <c r="A91220" i="1" s="1"/>
  <c r="A91221" i="1" s="1"/>
  <c r="A91222" i="1" s="1"/>
  <c r="A91223" i="1" s="1"/>
  <c r="A91224" i="1" s="1"/>
  <c r="A91225" i="1" s="1"/>
  <c r="A91226" i="1" s="1"/>
  <c r="A91227" i="1" s="1"/>
  <c r="A91228" i="1" s="1"/>
  <c r="A91229" i="1" s="1"/>
  <c r="A91230" i="1" s="1"/>
  <c r="A91231" i="1" s="1"/>
  <c r="A91232" i="1" s="1"/>
  <c r="A91233" i="1" s="1"/>
  <c r="A91234" i="1" s="1"/>
  <c r="A91235" i="1" s="1"/>
  <c r="A91236" i="1" s="1"/>
  <c r="A91237" i="1" s="1"/>
  <c r="A91238" i="1" s="1"/>
  <c r="A91239" i="1" s="1"/>
  <c r="A91240" i="1" s="1"/>
  <c r="A91241" i="1" s="1"/>
  <c r="A91242" i="1" s="1"/>
  <c r="A91243" i="1" s="1"/>
  <c r="A91244" i="1" s="1"/>
  <c r="A91245" i="1" s="1"/>
  <c r="A91246" i="1" s="1"/>
  <c r="A91247" i="1" s="1"/>
  <c r="A91248" i="1" s="1"/>
  <c r="A91249" i="1" s="1"/>
  <c r="A91250" i="1" s="1"/>
  <c r="A91251" i="1" s="1"/>
  <c r="A91252" i="1" s="1"/>
  <c r="A91253" i="1" s="1"/>
  <c r="A91254" i="1" s="1"/>
  <c r="A91255" i="1" s="1"/>
  <c r="A91256" i="1" s="1"/>
  <c r="A91257" i="1" s="1"/>
  <c r="A91258" i="1" s="1"/>
  <c r="A91259" i="1" s="1"/>
  <c r="A91260" i="1" s="1"/>
  <c r="A91261" i="1" s="1"/>
  <c r="A91262" i="1" s="1"/>
  <c r="A91263" i="1" s="1"/>
  <c r="A91264" i="1" s="1"/>
  <c r="A91265" i="1" s="1"/>
  <c r="A91266" i="1" s="1"/>
  <c r="A91267" i="1" s="1"/>
  <c r="A91268" i="1" s="1"/>
  <c r="A91269" i="1" s="1"/>
  <c r="A91270" i="1" s="1"/>
  <c r="A91271" i="1" s="1"/>
  <c r="A91272" i="1" s="1"/>
  <c r="A91273" i="1" s="1"/>
  <c r="A91274" i="1" s="1"/>
  <c r="A91275" i="1" s="1"/>
  <c r="A91276" i="1" s="1"/>
  <c r="A91277" i="1" s="1"/>
  <c r="A91278" i="1" s="1"/>
  <c r="A91279" i="1" s="1"/>
  <c r="A91280" i="1" s="1"/>
  <c r="A91281" i="1" s="1"/>
  <c r="A91282" i="1" s="1"/>
  <c r="A91283" i="1" s="1"/>
  <c r="A91284" i="1" s="1"/>
  <c r="A91285" i="1" s="1"/>
  <c r="A91286" i="1" s="1"/>
  <c r="A91287" i="1" s="1"/>
  <c r="A91288" i="1" s="1"/>
  <c r="A91289" i="1" s="1"/>
  <c r="A91290" i="1" s="1"/>
  <c r="A91291" i="1" s="1"/>
  <c r="A91292" i="1" s="1"/>
  <c r="A91293" i="1" s="1"/>
  <c r="A91294" i="1" s="1"/>
  <c r="A91295" i="1" s="1"/>
  <c r="A91296" i="1" s="1"/>
  <c r="A91297" i="1" s="1"/>
  <c r="A91298" i="1" s="1"/>
  <c r="A91299" i="1" s="1"/>
  <c r="A91300" i="1" s="1"/>
  <c r="A91301" i="1" s="1"/>
  <c r="A91302" i="1" s="1"/>
  <c r="A91303" i="1" s="1"/>
  <c r="A91304" i="1" s="1"/>
  <c r="A91305" i="1" s="1"/>
  <c r="A91306" i="1" s="1"/>
  <c r="A91307" i="1" s="1"/>
  <c r="A91308" i="1" s="1"/>
  <c r="A91309" i="1" s="1"/>
  <c r="A91310" i="1" s="1"/>
  <c r="A91311" i="1" s="1"/>
  <c r="A91312" i="1" s="1"/>
  <c r="A91313" i="1" s="1"/>
  <c r="A91314" i="1" s="1"/>
  <c r="A91315" i="1" s="1"/>
  <c r="A91316" i="1" s="1"/>
  <c r="A91317" i="1" s="1"/>
  <c r="A91318" i="1" s="1"/>
  <c r="A91319" i="1" s="1"/>
  <c r="A91320" i="1" s="1"/>
  <c r="A91321" i="1" s="1"/>
  <c r="A91322" i="1" s="1"/>
  <c r="A91323" i="1" s="1"/>
  <c r="A91324" i="1" s="1"/>
  <c r="A91325" i="1" s="1"/>
  <c r="A91326" i="1" s="1"/>
  <c r="A91327" i="1" s="1"/>
  <c r="A91328" i="1" s="1"/>
  <c r="A91329" i="1" s="1"/>
  <c r="A91330" i="1" s="1"/>
  <c r="A91331" i="1" s="1"/>
  <c r="A91332" i="1" s="1"/>
  <c r="A91333" i="1" s="1"/>
  <c r="A91334" i="1" s="1"/>
  <c r="A91335" i="1" s="1"/>
  <c r="A91336" i="1" s="1"/>
  <c r="A91337" i="1" s="1"/>
  <c r="A91338" i="1" s="1"/>
  <c r="A91339" i="1" s="1"/>
  <c r="A91340" i="1" s="1"/>
  <c r="A91341" i="1" s="1"/>
  <c r="A91342" i="1" s="1"/>
  <c r="A91343" i="1" s="1"/>
  <c r="A91344" i="1" s="1"/>
  <c r="A91345" i="1" s="1"/>
  <c r="A91346" i="1" s="1"/>
  <c r="A91347" i="1" s="1"/>
  <c r="A91348" i="1" s="1"/>
  <c r="A91349" i="1" s="1"/>
  <c r="A91350" i="1" s="1"/>
  <c r="A91351" i="1" s="1"/>
  <c r="A91352" i="1" s="1"/>
  <c r="A91353" i="1" s="1"/>
  <c r="A91354" i="1" s="1"/>
  <c r="A91355" i="1" s="1"/>
  <c r="A91356" i="1" s="1"/>
  <c r="A91357" i="1" s="1"/>
  <c r="A91358" i="1" s="1"/>
  <c r="A91359" i="1" s="1"/>
  <c r="A91360" i="1" s="1"/>
  <c r="A91361" i="1" s="1"/>
  <c r="A91362" i="1" s="1"/>
  <c r="A91363" i="1" s="1"/>
  <c r="A91364" i="1" s="1"/>
  <c r="A91365" i="1" s="1"/>
  <c r="A91366" i="1" s="1"/>
  <c r="A91367" i="1" s="1"/>
  <c r="A91368" i="1" s="1"/>
  <c r="A91369" i="1" s="1"/>
  <c r="A91370" i="1" s="1"/>
  <c r="A91371" i="1" s="1"/>
  <c r="A91372" i="1" s="1"/>
  <c r="A91373" i="1" s="1"/>
  <c r="A91374" i="1" s="1"/>
  <c r="A91375" i="1" s="1"/>
  <c r="A91376" i="1" s="1"/>
  <c r="A91377" i="1" s="1"/>
  <c r="A91378" i="1" s="1"/>
  <c r="A91379" i="1" s="1"/>
  <c r="A91380" i="1" s="1"/>
  <c r="A91381" i="1" s="1"/>
  <c r="A91382" i="1" s="1"/>
  <c r="A91383" i="1" s="1"/>
  <c r="A91384" i="1" s="1"/>
  <c r="A91385" i="1" s="1"/>
  <c r="A91386" i="1" s="1"/>
  <c r="A91387" i="1" s="1"/>
  <c r="A91388" i="1" s="1"/>
  <c r="A91389" i="1" s="1"/>
  <c r="A91390" i="1" s="1"/>
  <c r="A91391" i="1" s="1"/>
  <c r="A91392" i="1" s="1"/>
  <c r="A91393" i="1" s="1"/>
  <c r="A91394" i="1" s="1"/>
  <c r="A91395" i="1" s="1"/>
  <c r="A91396" i="1" s="1"/>
  <c r="A91397" i="1" s="1"/>
  <c r="A91398" i="1" s="1"/>
  <c r="A91399" i="1" s="1"/>
  <c r="A91400" i="1" s="1"/>
  <c r="A91401" i="1" s="1"/>
  <c r="A91402" i="1" s="1"/>
  <c r="A91403" i="1" s="1"/>
  <c r="A91404" i="1" s="1"/>
  <c r="A91405" i="1" s="1"/>
  <c r="A91406" i="1" s="1"/>
  <c r="A91407" i="1" s="1"/>
  <c r="A91408" i="1" s="1"/>
  <c r="A91409" i="1" s="1"/>
  <c r="A91410" i="1" s="1"/>
  <c r="A91411" i="1" s="1"/>
  <c r="A91412" i="1" s="1"/>
  <c r="A91413" i="1" s="1"/>
  <c r="A91414" i="1" s="1"/>
  <c r="A91415" i="1" s="1"/>
  <c r="A91416" i="1" s="1"/>
  <c r="A91417" i="1" s="1"/>
  <c r="A91418" i="1" s="1"/>
  <c r="A91419" i="1" s="1"/>
  <c r="A91420" i="1" s="1"/>
  <c r="A91421" i="1" s="1"/>
  <c r="A91422" i="1" s="1"/>
  <c r="A91423" i="1" s="1"/>
  <c r="A91424" i="1" s="1"/>
  <c r="A91425" i="1" s="1"/>
  <c r="A91426" i="1" s="1"/>
  <c r="A91427" i="1" s="1"/>
  <c r="A91428" i="1" s="1"/>
  <c r="A91429" i="1" s="1"/>
  <c r="A91430" i="1" s="1"/>
  <c r="A91431" i="1" s="1"/>
  <c r="A91432" i="1" s="1"/>
  <c r="A91433" i="1" s="1"/>
  <c r="A91434" i="1" s="1"/>
  <c r="A91435" i="1" s="1"/>
  <c r="A91436" i="1" s="1"/>
  <c r="A91437" i="1" s="1"/>
  <c r="A91438" i="1" s="1"/>
  <c r="A91439" i="1" s="1"/>
  <c r="A91440" i="1" s="1"/>
  <c r="A91441" i="1" s="1"/>
  <c r="A91442" i="1" s="1"/>
  <c r="A91443" i="1" s="1"/>
  <c r="A91444" i="1" s="1"/>
  <c r="A91445" i="1" s="1"/>
  <c r="A91446" i="1" s="1"/>
  <c r="A91447" i="1" s="1"/>
  <c r="A91448" i="1" s="1"/>
  <c r="A91449" i="1" s="1"/>
  <c r="A91450" i="1" s="1"/>
  <c r="A91451" i="1" s="1"/>
  <c r="A91452" i="1" s="1"/>
  <c r="A91453" i="1" s="1"/>
  <c r="A91454" i="1" s="1"/>
  <c r="A91455" i="1" s="1"/>
  <c r="A91456" i="1" s="1"/>
  <c r="A91457" i="1" s="1"/>
  <c r="A91458" i="1" s="1"/>
  <c r="A91459" i="1" s="1"/>
  <c r="A91460" i="1" s="1"/>
  <c r="A91461" i="1" s="1"/>
  <c r="A91462" i="1" s="1"/>
  <c r="A91463" i="1" s="1"/>
  <c r="A91464" i="1" s="1"/>
  <c r="A91465" i="1" s="1"/>
  <c r="A91466" i="1" s="1"/>
  <c r="A91467" i="1" s="1"/>
  <c r="A91468" i="1" s="1"/>
  <c r="A91469" i="1" s="1"/>
  <c r="A91470" i="1" s="1"/>
  <c r="A91471" i="1" s="1"/>
  <c r="A91472" i="1" s="1"/>
  <c r="A91473" i="1" s="1"/>
  <c r="A91474" i="1" s="1"/>
  <c r="A91475" i="1" s="1"/>
  <c r="A91476" i="1" s="1"/>
  <c r="A91477" i="1" s="1"/>
  <c r="A91478" i="1" s="1"/>
  <c r="A91479" i="1" s="1"/>
  <c r="A91480" i="1" s="1"/>
  <c r="A91481" i="1" s="1"/>
  <c r="A91482" i="1" s="1"/>
  <c r="A91483" i="1" s="1"/>
  <c r="A91484" i="1" s="1"/>
  <c r="A91485" i="1" s="1"/>
  <c r="A91486" i="1" s="1"/>
  <c r="A91487" i="1" s="1"/>
  <c r="A91488" i="1" s="1"/>
  <c r="A91489" i="1" s="1"/>
  <c r="A91490" i="1" s="1"/>
  <c r="A91491" i="1" s="1"/>
  <c r="A91492" i="1" s="1"/>
  <c r="A91493" i="1" s="1"/>
  <c r="A91494" i="1" s="1"/>
  <c r="A91495" i="1" s="1"/>
  <c r="A91496" i="1" s="1"/>
  <c r="A91497" i="1" s="1"/>
  <c r="A91498" i="1" s="1"/>
  <c r="A91499" i="1" s="1"/>
  <c r="A91500" i="1" s="1"/>
  <c r="A91501" i="1" s="1"/>
  <c r="A91502" i="1" s="1"/>
  <c r="A91503" i="1" s="1"/>
  <c r="A91504" i="1" s="1"/>
  <c r="A91505" i="1" s="1"/>
  <c r="A91506" i="1" s="1"/>
  <c r="A91507" i="1" s="1"/>
  <c r="A91508" i="1" s="1"/>
  <c r="A91509" i="1" s="1"/>
  <c r="A91510" i="1" s="1"/>
  <c r="A91511" i="1" s="1"/>
  <c r="A91512" i="1" s="1"/>
  <c r="A91513" i="1" s="1"/>
  <c r="A91514" i="1" s="1"/>
  <c r="A91515" i="1" s="1"/>
  <c r="A91516" i="1" s="1"/>
  <c r="A91517" i="1" s="1"/>
  <c r="A91518" i="1" s="1"/>
  <c r="A91519" i="1" s="1"/>
  <c r="A91520" i="1" s="1"/>
  <c r="A91521" i="1" s="1"/>
  <c r="A91522" i="1" s="1"/>
  <c r="A91523" i="1" s="1"/>
  <c r="A91524" i="1" s="1"/>
  <c r="A91525" i="1" s="1"/>
  <c r="A91526" i="1" s="1"/>
  <c r="A91527" i="1" s="1"/>
  <c r="A91528" i="1" s="1"/>
  <c r="A91529" i="1" s="1"/>
  <c r="A91530" i="1" s="1"/>
  <c r="A91531" i="1" s="1"/>
  <c r="A91532" i="1" s="1"/>
  <c r="A91533" i="1" s="1"/>
  <c r="A91534" i="1" s="1"/>
  <c r="A91535" i="1" s="1"/>
  <c r="A91536" i="1" s="1"/>
  <c r="A91537" i="1" s="1"/>
  <c r="A91538" i="1" s="1"/>
  <c r="A91539" i="1" s="1"/>
  <c r="A91540" i="1" s="1"/>
  <c r="A91541" i="1" s="1"/>
  <c r="A91542" i="1" s="1"/>
  <c r="A91543" i="1" s="1"/>
  <c r="A91544" i="1" s="1"/>
  <c r="A91545" i="1" s="1"/>
  <c r="A91546" i="1" s="1"/>
  <c r="A91547" i="1" s="1"/>
  <c r="A91548" i="1" s="1"/>
  <c r="A91549" i="1" s="1"/>
  <c r="A91550" i="1" s="1"/>
  <c r="A91551" i="1" s="1"/>
  <c r="A91552" i="1" s="1"/>
  <c r="A91553" i="1" s="1"/>
  <c r="A91554" i="1" s="1"/>
  <c r="A91555" i="1" s="1"/>
  <c r="A91556" i="1" s="1"/>
  <c r="A91557" i="1" s="1"/>
  <c r="A91558" i="1" s="1"/>
  <c r="A91559" i="1" s="1"/>
  <c r="A91560" i="1" s="1"/>
  <c r="A91561" i="1" s="1"/>
  <c r="A91562" i="1" s="1"/>
  <c r="A91563" i="1" s="1"/>
  <c r="A91564" i="1" s="1"/>
  <c r="A91565" i="1" s="1"/>
  <c r="A91566" i="1" s="1"/>
  <c r="A91567" i="1" s="1"/>
  <c r="A91568" i="1" s="1"/>
  <c r="A91569" i="1" s="1"/>
  <c r="A91570" i="1" s="1"/>
  <c r="A91571" i="1" s="1"/>
  <c r="A91572" i="1" s="1"/>
  <c r="A91573" i="1" s="1"/>
  <c r="A91574" i="1" s="1"/>
  <c r="A91575" i="1" s="1"/>
  <c r="A91576" i="1" s="1"/>
  <c r="A91577" i="1" s="1"/>
  <c r="A91578" i="1" s="1"/>
  <c r="A91579" i="1" s="1"/>
  <c r="A91580" i="1" s="1"/>
  <c r="A91581" i="1" s="1"/>
  <c r="A91582" i="1" s="1"/>
  <c r="A91583" i="1" s="1"/>
  <c r="A91584" i="1" s="1"/>
  <c r="A91585" i="1" s="1"/>
  <c r="A91586" i="1" s="1"/>
  <c r="A91587" i="1" s="1"/>
  <c r="A91588" i="1" s="1"/>
  <c r="A91589" i="1" s="1"/>
  <c r="A91590" i="1" s="1"/>
  <c r="A91591" i="1" s="1"/>
  <c r="A91592" i="1" s="1"/>
  <c r="A91593" i="1" s="1"/>
  <c r="A91594" i="1" s="1"/>
  <c r="A91595" i="1" s="1"/>
  <c r="A91596" i="1" s="1"/>
  <c r="A91597" i="1" s="1"/>
  <c r="A91598" i="1" s="1"/>
  <c r="A91599" i="1" s="1"/>
  <c r="A91600" i="1" s="1"/>
  <c r="A91601" i="1" s="1"/>
  <c r="A91602" i="1" s="1"/>
  <c r="A91603" i="1" s="1"/>
  <c r="A91604" i="1" s="1"/>
  <c r="A91605" i="1" s="1"/>
  <c r="A91606" i="1" s="1"/>
  <c r="A91607" i="1" s="1"/>
  <c r="A91608" i="1" s="1"/>
  <c r="A91609" i="1" s="1"/>
  <c r="A91610" i="1" s="1"/>
  <c r="A91611" i="1" s="1"/>
  <c r="A91612" i="1" s="1"/>
  <c r="A91613" i="1" s="1"/>
  <c r="A91614" i="1" s="1"/>
  <c r="A91615" i="1" s="1"/>
  <c r="A91616" i="1" s="1"/>
  <c r="A91617" i="1" s="1"/>
  <c r="A91618" i="1" s="1"/>
  <c r="A91619" i="1" s="1"/>
  <c r="A91620" i="1" s="1"/>
  <c r="A91621" i="1" s="1"/>
  <c r="A91622" i="1" s="1"/>
  <c r="A91623" i="1" s="1"/>
  <c r="A91624" i="1" s="1"/>
  <c r="A91625" i="1" s="1"/>
  <c r="A91626" i="1" s="1"/>
  <c r="A91627" i="1" s="1"/>
  <c r="A91628" i="1" s="1"/>
  <c r="A91629" i="1" s="1"/>
  <c r="A91630" i="1" s="1"/>
  <c r="A91631" i="1" s="1"/>
  <c r="A91632" i="1" s="1"/>
  <c r="A91633" i="1" s="1"/>
  <c r="A91634" i="1" s="1"/>
  <c r="A91635" i="1" s="1"/>
  <c r="A91636" i="1" s="1"/>
  <c r="A91637" i="1" s="1"/>
  <c r="A91638" i="1" s="1"/>
  <c r="A91639" i="1" s="1"/>
  <c r="A91640" i="1" s="1"/>
  <c r="A91641" i="1" s="1"/>
  <c r="A91642" i="1" s="1"/>
  <c r="A91643" i="1" s="1"/>
  <c r="A91644" i="1" s="1"/>
  <c r="A91645" i="1" s="1"/>
  <c r="A91646" i="1" s="1"/>
  <c r="A91647" i="1" s="1"/>
  <c r="A91648" i="1" s="1"/>
  <c r="A91649" i="1" s="1"/>
  <c r="A91650" i="1" s="1"/>
  <c r="A91651" i="1" s="1"/>
  <c r="A91652" i="1" s="1"/>
  <c r="A91653" i="1" s="1"/>
  <c r="A91654" i="1" s="1"/>
  <c r="A91655" i="1" s="1"/>
  <c r="A91656" i="1" s="1"/>
  <c r="A91657" i="1" s="1"/>
  <c r="A91658" i="1" s="1"/>
  <c r="A91659" i="1" s="1"/>
  <c r="A91660" i="1" s="1"/>
  <c r="A91661" i="1" s="1"/>
  <c r="A91662" i="1" s="1"/>
  <c r="A91663" i="1" s="1"/>
  <c r="A91664" i="1" s="1"/>
  <c r="A91665" i="1" s="1"/>
  <c r="A91666" i="1" s="1"/>
  <c r="A91667" i="1" s="1"/>
  <c r="A91668" i="1" s="1"/>
  <c r="A91669" i="1" s="1"/>
  <c r="A91670" i="1" s="1"/>
  <c r="A91671" i="1" s="1"/>
  <c r="A91672" i="1" s="1"/>
  <c r="A91673" i="1" s="1"/>
  <c r="A91674" i="1" s="1"/>
  <c r="A91675" i="1" s="1"/>
  <c r="A91676" i="1" s="1"/>
  <c r="A91677" i="1" s="1"/>
  <c r="A91678" i="1" s="1"/>
  <c r="A91679" i="1" s="1"/>
  <c r="A91680" i="1" s="1"/>
  <c r="A91681" i="1" s="1"/>
  <c r="A91682" i="1" s="1"/>
  <c r="A91683" i="1" s="1"/>
  <c r="A91684" i="1" s="1"/>
  <c r="A91685" i="1" s="1"/>
  <c r="A91686" i="1" s="1"/>
  <c r="A91687" i="1" s="1"/>
  <c r="A91688" i="1" s="1"/>
  <c r="A91689" i="1" s="1"/>
  <c r="A91690" i="1" s="1"/>
  <c r="A91691" i="1" s="1"/>
  <c r="A91692" i="1" s="1"/>
  <c r="A91693" i="1" s="1"/>
  <c r="A91694" i="1" s="1"/>
  <c r="A91695" i="1" s="1"/>
  <c r="A91696" i="1" s="1"/>
  <c r="A91697" i="1" s="1"/>
  <c r="A91698" i="1" s="1"/>
  <c r="A91699" i="1" s="1"/>
  <c r="A91700" i="1" s="1"/>
  <c r="A91701" i="1" s="1"/>
  <c r="A91702" i="1" s="1"/>
  <c r="A91703" i="1" s="1"/>
  <c r="A91704" i="1" s="1"/>
  <c r="A91705" i="1" s="1"/>
  <c r="A91706" i="1" s="1"/>
  <c r="A91707" i="1" s="1"/>
  <c r="A91708" i="1" s="1"/>
  <c r="A91709" i="1" s="1"/>
  <c r="A91710" i="1" s="1"/>
  <c r="A91711" i="1" s="1"/>
  <c r="A91712" i="1" s="1"/>
  <c r="A91713" i="1" s="1"/>
  <c r="A91714" i="1" s="1"/>
  <c r="A91715" i="1" s="1"/>
  <c r="A91716" i="1" s="1"/>
  <c r="A91717" i="1" s="1"/>
  <c r="A91718" i="1" s="1"/>
  <c r="A91719" i="1" s="1"/>
  <c r="A91720" i="1" s="1"/>
  <c r="A91721" i="1" s="1"/>
  <c r="A91722" i="1" s="1"/>
  <c r="A91723" i="1" s="1"/>
  <c r="A91724" i="1" s="1"/>
  <c r="A91725" i="1" s="1"/>
  <c r="A91726" i="1" s="1"/>
  <c r="A91727" i="1" s="1"/>
  <c r="A91728" i="1" s="1"/>
  <c r="A91729" i="1" s="1"/>
  <c r="A91730" i="1" s="1"/>
  <c r="A91731" i="1" s="1"/>
  <c r="A91732" i="1" s="1"/>
  <c r="A91733" i="1" s="1"/>
  <c r="A91734" i="1" s="1"/>
  <c r="A91735" i="1" s="1"/>
  <c r="A91736" i="1" s="1"/>
  <c r="A91737" i="1" s="1"/>
  <c r="A91738" i="1" s="1"/>
  <c r="A91739" i="1" s="1"/>
  <c r="A91740" i="1" s="1"/>
  <c r="A91741" i="1" s="1"/>
  <c r="A91742" i="1" s="1"/>
  <c r="A91743" i="1" s="1"/>
  <c r="A91744" i="1" s="1"/>
  <c r="A91745" i="1" s="1"/>
  <c r="A91746" i="1" s="1"/>
  <c r="A91747" i="1" s="1"/>
  <c r="A91748" i="1" s="1"/>
  <c r="A91749" i="1" s="1"/>
  <c r="A91750" i="1" s="1"/>
  <c r="A91751" i="1" s="1"/>
  <c r="A91752" i="1" s="1"/>
  <c r="A91753" i="1" s="1"/>
  <c r="A91754" i="1" s="1"/>
  <c r="A91755" i="1" s="1"/>
  <c r="A91756" i="1" s="1"/>
  <c r="A91757" i="1" s="1"/>
  <c r="A91758" i="1" s="1"/>
  <c r="A91759" i="1" s="1"/>
  <c r="A91760" i="1" s="1"/>
  <c r="A91761" i="1" s="1"/>
  <c r="A91762" i="1" s="1"/>
  <c r="A91763" i="1" s="1"/>
  <c r="A91764" i="1" s="1"/>
  <c r="A91765" i="1" s="1"/>
  <c r="A91766" i="1" s="1"/>
  <c r="A91767" i="1" s="1"/>
  <c r="A91768" i="1" s="1"/>
  <c r="A91769" i="1" s="1"/>
  <c r="A91770" i="1" s="1"/>
  <c r="A91771" i="1" s="1"/>
  <c r="A91772" i="1" s="1"/>
  <c r="A91773" i="1" s="1"/>
  <c r="A91774" i="1" s="1"/>
  <c r="A91775" i="1" s="1"/>
  <c r="A91776" i="1" s="1"/>
  <c r="A91777" i="1" s="1"/>
  <c r="A91778" i="1" s="1"/>
  <c r="A91779" i="1" s="1"/>
  <c r="A91780" i="1" s="1"/>
  <c r="A91781" i="1" s="1"/>
  <c r="A91782" i="1" s="1"/>
  <c r="A91783" i="1" s="1"/>
  <c r="A91784" i="1" s="1"/>
  <c r="A91785" i="1" s="1"/>
  <c r="A91786" i="1" s="1"/>
  <c r="A91787" i="1" s="1"/>
  <c r="A91788" i="1" s="1"/>
  <c r="A91789" i="1" s="1"/>
  <c r="A91790" i="1" s="1"/>
  <c r="A91791" i="1" s="1"/>
  <c r="A91792" i="1" s="1"/>
  <c r="A91793" i="1" s="1"/>
  <c r="A91794" i="1" s="1"/>
  <c r="A91795" i="1" s="1"/>
  <c r="A91796" i="1" s="1"/>
  <c r="A91797" i="1" s="1"/>
  <c r="A91798" i="1" s="1"/>
  <c r="A91799" i="1" s="1"/>
  <c r="A91800" i="1" s="1"/>
  <c r="A91801" i="1" s="1"/>
  <c r="A91802" i="1" s="1"/>
  <c r="A91803" i="1" s="1"/>
  <c r="A91804" i="1" s="1"/>
  <c r="A91805" i="1" s="1"/>
  <c r="A91806" i="1" s="1"/>
  <c r="A91807" i="1" s="1"/>
  <c r="A91808" i="1" s="1"/>
  <c r="A91809" i="1" s="1"/>
  <c r="A91810" i="1" s="1"/>
  <c r="A91811" i="1" s="1"/>
  <c r="A91812" i="1" s="1"/>
  <c r="A91813" i="1" s="1"/>
  <c r="A91814" i="1" s="1"/>
  <c r="A91815" i="1" s="1"/>
  <c r="A91816" i="1" s="1"/>
  <c r="A91817" i="1" s="1"/>
  <c r="A91818" i="1" s="1"/>
  <c r="A91819" i="1" s="1"/>
  <c r="A91820" i="1" s="1"/>
  <c r="A91821" i="1" s="1"/>
  <c r="A91822" i="1" s="1"/>
  <c r="A91823" i="1" s="1"/>
  <c r="A91824" i="1" s="1"/>
  <c r="A91825" i="1" s="1"/>
  <c r="A91826" i="1" s="1"/>
  <c r="A91827" i="1" s="1"/>
  <c r="A91828" i="1" s="1"/>
  <c r="A91829" i="1" s="1"/>
  <c r="A91830" i="1" s="1"/>
  <c r="A91831" i="1" s="1"/>
  <c r="A91832" i="1" s="1"/>
  <c r="A91833" i="1" s="1"/>
  <c r="A91834" i="1" s="1"/>
  <c r="A91835" i="1" s="1"/>
  <c r="A91836" i="1" s="1"/>
  <c r="A91837" i="1" s="1"/>
  <c r="A91838" i="1" s="1"/>
  <c r="A91839" i="1" s="1"/>
  <c r="A91840" i="1" s="1"/>
  <c r="A91841" i="1" s="1"/>
  <c r="A91842" i="1" s="1"/>
  <c r="A91843" i="1" s="1"/>
  <c r="A91844" i="1" s="1"/>
  <c r="A91845" i="1" s="1"/>
  <c r="A91846" i="1" s="1"/>
  <c r="A91847" i="1" s="1"/>
  <c r="A91848" i="1" s="1"/>
  <c r="A91849" i="1" s="1"/>
  <c r="A91850" i="1" s="1"/>
  <c r="A91851" i="1" s="1"/>
  <c r="A91852" i="1" s="1"/>
  <c r="A91853" i="1" s="1"/>
  <c r="A91854" i="1" s="1"/>
  <c r="A91855" i="1" s="1"/>
  <c r="A91856" i="1" s="1"/>
  <c r="A91857" i="1" s="1"/>
  <c r="A91858" i="1" s="1"/>
  <c r="A91859" i="1" s="1"/>
  <c r="A91860" i="1" s="1"/>
  <c r="A91861" i="1" s="1"/>
  <c r="A91862" i="1" s="1"/>
  <c r="A91863" i="1" s="1"/>
  <c r="A91864" i="1" s="1"/>
  <c r="A91865" i="1" s="1"/>
  <c r="A91866" i="1" s="1"/>
  <c r="A91867" i="1" s="1"/>
  <c r="A91868" i="1" s="1"/>
  <c r="A91869" i="1" s="1"/>
  <c r="A91870" i="1" s="1"/>
  <c r="A91871" i="1" s="1"/>
  <c r="A91872" i="1" s="1"/>
  <c r="A91873" i="1" s="1"/>
  <c r="A91874" i="1" s="1"/>
  <c r="A91875" i="1" s="1"/>
  <c r="A91876" i="1" s="1"/>
  <c r="A91877" i="1" s="1"/>
  <c r="A91878" i="1" s="1"/>
  <c r="A91879" i="1" s="1"/>
  <c r="A91880" i="1" s="1"/>
  <c r="A91881" i="1" s="1"/>
  <c r="A91882" i="1" s="1"/>
  <c r="A91883" i="1" s="1"/>
  <c r="A91884" i="1" s="1"/>
  <c r="A91885" i="1" s="1"/>
  <c r="A91886" i="1" s="1"/>
  <c r="A91887" i="1" s="1"/>
  <c r="A91888" i="1" s="1"/>
  <c r="A91889" i="1" s="1"/>
  <c r="A91890" i="1" s="1"/>
  <c r="A91891" i="1" s="1"/>
  <c r="A91892" i="1" s="1"/>
  <c r="A91893" i="1" s="1"/>
  <c r="A91894" i="1" s="1"/>
  <c r="A91895" i="1" s="1"/>
  <c r="A91896" i="1" s="1"/>
  <c r="A91897" i="1" s="1"/>
  <c r="A91898" i="1" s="1"/>
  <c r="A91899" i="1" s="1"/>
  <c r="A91900" i="1" s="1"/>
  <c r="A91901" i="1" s="1"/>
  <c r="A91902" i="1" s="1"/>
  <c r="A91903" i="1" s="1"/>
  <c r="A91904" i="1" s="1"/>
  <c r="A91905" i="1" s="1"/>
  <c r="A91906" i="1" s="1"/>
  <c r="A91907" i="1" s="1"/>
  <c r="A91908" i="1" s="1"/>
  <c r="A91909" i="1" s="1"/>
  <c r="A91910" i="1" s="1"/>
  <c r="A91911" i="1" s="1"/>
  <c r="A91912" i="1" s="1"/>
  <c r="A91913" i="1" s="1"/>
  <c r="A91914" i="1" s="1"/>
  <c r="A91915" i="1" s="1"/>
  <c r="A91916" i="1" s="1"/>
  <c r="A91917" i="1" s="1"/>
  <c r="A91918" i="1" s="1"/>
  <c r="A91919" i="1" s="1"/>
  <c r="A91920" i="1" s="1"/>
  <c r="A91921" i="1" s="1"/>
  <c r="A91922" i="1" s="1"/>
  <c r="A91923" i="1" s="1"/>
  <c r="A91924" i="1" s="1"/>
  <c r="A91925" i="1" s="1"/>
  <c r="A91926" i="1" s="1"/>
  <c r="A91927" i="1" s="1"/>
  <c r="A91928" i="1" s="1"/>
  <c r="A91929" i="1" s="1"/>
  <c r="A91930" i="1" s="1"/>
  <c r="A91931" i="1" s="1"/>
  <c r="A91932" i="1" s="1"/>
  <c r="A91933" i="1" s="1"/>
  <c r="A91934" i="1" s="1"/>
  <c r="A91935" i="1" s="1"/>
  <c r="A91936" i="1" s="1"/>
  <c r="A91937" i="1" s="1"/>
  <c r="A91938" i="1" s="1"/>
  <c r="A91939" i="1" s="1"/>
  <c r="A91940" i="1" s="1"/>
  <c r="A91941" i="1" s="1"/>
  <c r="A91942" i="1" s="1"/>
  <c r="A91943" i="1" s="1"/>
  <c r="A91944" i="1" s="1"/>
  <c r="A91945" i="1" s="1"/>
  <c r="A91946" i="1" s="1"/>
  <c r="A91947" i="1" s="1"/>
  <c r="A91948" i="1" s="1"/>
  <c r="A91949" i="1" s="1"/>
  <c r="A91950" i="1" s="1"/>
  <c r="A91951" i="1" s="1"/>
  <c r="A91952" i="1" s="1"/>
  <c r="A91953" i="1" s="1"/>
  <c r="A91954" i="1" s="1"/>
  <c r="A91955" i="1" s="1"/>
  <c r="A91956" i="1" s="1"/>
  <c r="A91957" i="1" s="1"/>
  <c r="A91958" i="1" s="1"/>
  <c r="A91959" i="1" s="1"/>
  <c r="A91960" i="1" s="1"/>
  <c r="A91961" i="1" s="1"/>
  <c r="A91962" i="1" s="1"/>
  <c r="A91963" i="1" s="1"/>
  <c r="A91964" i="1" s="1"/>
  <c r="A91965" i="1" s="1"/>
  <c r="A91966" i="1" s="1"/>
  <c r="A91967" i="1" s="1"/>
  <c r="A91968" i="1" s="1"/>
  <c r="A91969" i="1" s="1"/>
  <c r="A91970" i="1" s="1"/>
  <c r="A91971" i="1" s="1"/>
  <c r="A91972" i="1" s="1"/>
  <c r="A91973" i="1" s="1"/>
  <c r="A91974" i="1" s="1"/>
  <c r="A91975" i="1" s="1"/>
  <c r="A91976" i="1" s="1"/>
  <c r="A91977" i="1" s="1"/>
  <c r="A91978" i="1" s="1"/>
  <c r="A91979" i="1" s="1"/>
  <c r="A91980" i="1" s="1"/>
  <c r="A91981" i="1" s="1"/>
  <c r="A91982" i="1" s="1"/>
  <c r="A91983" i="1" s="1"/>
  <c r="A91984" i="1" s="1"/>
  <c r="A91985" i="1" s="1"/>
  <c r="A91986" i="1" s="1"/>
  <c r="A91987" i="1" s="1"/>
  <c r="A91988" i="1" s="1"/>
  <c r="A91989" i="1" s="1"/>
  <c r="A91990" i="1" s="1"/>
  <c r="A91991" i="1" s="1"/>
  <c r="A91992" i="1" s="1"/>
  <c r="A91993" i="1" s="1"/>
  <c r="A91994" i="1" s="1"/>
  <c r="A91995" i="1" s="1"/>
  <c r="A91996" i="1" s="1"/>
  <c r="A91997" i="1" s="1"/>
  <c r="A91998" i="1" s="1"/>
  <c r="A91999" i="1" s="1"/>
  <c r="A92000" i="1" s="1"/>
  <c r="A92001" i="1" s="1"/>
  <c r="A92002" i="1" s="1"/>
  <c r="A92003" i="1" s="1"/>
  <c r="A92004" i="1" s="1"/>
  <c r="A92005" i="1" s="1"/>
  <c r="A92006" i="1" s="1"/>
  <c r="A92007" i="1" s="1"/>
  <c r="A92008" i="1" s="1"/>
  <c r="A92009" i="1" s="1"/>
  <c r="A92010" i="1" s="1"/>
  <c r="A92011" i="1" s="1"/>
  <c r="A92012" i="1" s="1"/>
  <c r="A92013" i="1" s="1"/>
  <c r="A92014" i="1" s="1"/>
  <c r="A92015" i="1" s="1"/>
  <c r="A92016" i="1" s="1"/>
  <c r="A92017" i="1" s="1"/>
  <c r="A92018" i="1" s="1"/>
  <c r="A92019" i="1" s="1"/>
  <c r="A92020" i="1" s="1"/>
  <c r="A92021" i="1" s="1"/>
  <c r="A92022" i="1" s="1"/>
  <c r="A92023" i="1" s="1"/>
  <c r="A92024" i="1" s="1"/>
  <c r="A92025" i="1" s="1"/>
  <c r="A92026" i="1" s="1"/>
  <c r="A92027" i="1" s="1"/>
  <c r="A92028" i="1" s="1"/>
  <c r="A92029" i="1" s="1"/>
  <c r="A92030" i="1" s="1"/>
  <c r="A92031" i="1" s="1"/>
  <c r="A92032" i="1" s="1"/>
  <c r="A92033" i="1" s="1"/>
  <c r="A92034" i="1" s="1"/>
  <c r="A92035" i="1" s="1"/>
  <c r="A92036" i="1" s="1"/>
  <c r="A92037" i="1" s="1"/>
  <c r="A92038" i="1" s="1"/>
  <c r="A92039" i="1" s="1"/>
  <c r="A92040" i="1" s="1"/>
  <c r="A92041" i="1" s="1"/>
  <c r="A92042" i="1" s="1"/>
  <c r="A92043" i="1" s="1"/>
  <c r="A92044" i="1" s="1"/>
  <c r="A92045" i="1" s="1"/>
  <c r="A92046" i="1" s="1"/>
  <c r="A92047" i="1" s="1"/>
  <c r="A92048" i="1" s="1"/>
  <c r="A92049" i="1" s="1"/>
  <c r="A92050" i="1" s="1"/>
  <c r="A92051" i="1" s="1"/>
  <c r="A92052" i="1" s="1"/>
  <c r="A92053" i="1" s="1"/>
  <c r="A92054" i="1" s="1"/>
  <c r="A92055" i="1" s="1"/>
  <c r="A92056" i="1" s="1"/>
  <c r="A92057" i="1" s="1"/>
  <c r="A92058" i="1" s="1"/>
  <c r="A92059" i="1" s="1"/>
  <c r="A92060" i="1" s="1"/>
  <c r="A92061" i="1" s="1"/>
  <c r="A92062" i="1" s="1"/>
  <c r="A92063" i="1" s="1"/>
  <c r="A92064" i="1" s="1"/>
  <c r="A92065" i="1" s="1"/>
  <c r="A92066" i="1" s="1"/>
  <c r="A92067" i="1" s="1"/>
  <c r="A92068" i="1" s="1"/>
  <c r="A92069" i="1" s="1"/>
  <c r="A92070" i="1" s="1"/>
  <c r="A92071" i="1" s="1"/>
  <c r="A92072" i="1" s="1"/>
  <c r="A92073" i="1" s="1"/>
  <c r="A92074" i="1" s="1"/>
  <c r="A92075" i="1" s="1"/>
  <c r="A92076" i="1" s="1"/>
  <c r="A92077" i="1" s="1"/>
  <c r="A92078" i="1" s="1"/>
  <c r="A92079" i="1" s="1"/>
  <c r="A92080" i="1" s="1"/>
  <c r="A92081" i="1" s="1"/>
  <c r="A92082" i="1" s="1"/>
  <c r="A92083" i="1" s="1"/>
  <c r="A92084" i="1" s="1"/>
  <c r="A92085" i="1" s="1"/>
  <c r="A92086" i="1" s="1"/>
  <c r="A92087" i="1" s="1"/>
  <c r="A92088" i="1" s="1"/>
  <c r="A92089" i="1" s="1"/>
  <c r="A92090" i="1" s="1"/>
  <c r="A92091" i="1" s="1"/>
  <c r="A92092" i="1" s="1"/>
  <c r="A92093" i="1" s="1"/>
  <c r="A92094" i="1" s="1"/>
  <c r="A92095" i="1" s="1"/>
  <c r="A92096" i="1" s="1"/>
  <c r="A92097" i="1" s="1"/>
  <c r="A92098" i="1" s="1"/>
  <c r="A92099" i="1" s="1"/>
  <c r="A92100" i="1" s="1"/>
  <c r="A92101" i="1" s="1"/>
  <c r="A92102" i="1" s="1"/>
  <c r="A92103" i="1" s="1"/>
  <c r="A92104" i="1" s="1"/>
  <c r="A92105" i="1" s="1"/>
  <c r="A92106" i="1" s="1"/>
  <c r="A92107" i="1" s="1"/>
  <c r="A92108" i="1" s="1"/>
  <c r="A92109" i="1" s="1"/>
  <c r="A92110" i="1" s="1"/>
  <c r="A92111" i="1" s="1"/>
  <c r="A92112" i="1" s="1"/>
  <c r="A92113" i="1" s="1"/>
  <c r="A92114" i="1" s="1"/>
  <c r="A92115" i="1" s="1"/>
  <c r="A92116" i="1" s="1"/>
  <c r="A92117" i="1" s="1"/>
  <c r="A92118" i="1" s="1"/>
  <c r="A92119" i="1" s="1"/>
  <c r="A92120" i="1" s="1"/>
  <c r="A92121" i="1" s="1"/>
  <c r="A92122" i="1" s="1"/>
  <c r="A92123" i="1" s="1"/>
  <c r="A92124" i="1" s="1"/>
  <c r="A92125" i="1" s="1"/>
  <c r="A92126" i="1" s="1"/>
  <c r="A92127" i="1" s="1"/>
  <c r="A92128" i="1" s="1"/>
  <c r="A92129" i="1" s="1"/>
  <c r="A92130" i="1" s="1"/>
  <c r="A92131" i="1" s="1"/>
  <c r="A92132" i="1" s="1"/>
  <c r="A92133" i="1" s="1"/>
  <c r="A92134" i="1" s="1"/>
  <c r="A92135" i="1" s="1"/>
  <c r="A92136" i="1" s="1"/>
  <c r="A92137" i="1" s="1"/>
  <c r="A92138" i="1" s="1"/>
  <c r="A92139" i="1" s="1"/>
  <c r="A92140" i="1" s="1"/>
  <c r="A92141" i="1" s="1"/>
  <c r="A92142" i="1" s="1"/>
  <c r="A92143" i="1" s="1"/>
  <c r="A92144" i="1" s="1"/>
  <c r="A92145" i="1" s="1"/>
  <c r="A92146" i="1" s="1"/>
  <c r="A92147" i="1" s="1"/>
  <c r="A92148" i="1" s="1"/>
  <c r="A92149" i="1" s="1"/>
  <c r="A92150" i="1" s="1"/>
  <c r="A92151" i="1" s="1"/>
  <c r="A92152" i="1" s="1"/>
  <c r="A92153" i="1" s="1"/>
  <c r="A92154" i="1" s="1"/>
  <c r="A92155" i="1" s="1"/>
  <c r="A92156" i="1" s="1"/>
  <c r="A92157" i="1" s="1"/>
  <c r="A92158" i="1" s="1"/>
  <c r="A92159" i="1" s="1"/>
  <c r="A92160" i="1" s="1"/>
  <c r="A92161" i="1" s="1"/>
  <c r="A92162" i="1" s="1"/>
  <c r="A92163" i="1" s="1"/>
  <c r="A92164" i="1" s="1"/>
  <c r="A92165" i="1" s="1"/>
  <c r="A92166" i="1" s="1"/>
  <c r="A92167" i="1" s="1"/>
  <c r="A92168" i="1" s="1"/>
  <c r="A92169" i="1" s="1"/>
  <c r="A92170" i="1" s="1"/>
  <c r="A92171" i="1" s="1"/>
  <c r="A92172" i="1" s="1"/>
  <c r="A92173" i="1" s="1"/>
  <c r="A92174" i="1" s="1"/>
  <c r="A92175" i="1" s="1"/>
  <c r="A92176" i="1" s="1"/>
  <c r="A92177" i="1" s="1"/>
  <c r="A92178" i="1" s="1"/>
  <c r="A92179" i="1" s="1"/>
  <c r="A92180" i="1" s="1"/>
  <c r="A92181" i="1" s="1"/>
  <c r="A92182" i="1" s="1"/>
  <c r="A92183" i="1" s="1"/>
  <c r="A92184" i="1" s="1"/>
  <c r="A92185" i="1" s="1"/>
  <c r="A92186" i="1" s="1"/>
  <c r="A92187" i="1" s="1"/>
  <c r="A92188" i="1" s="1"/>
  <c r="A92189" i="1" s="1"/>
  <c r="A92190" i="1" s="1"/>
  <c r="A92191" i="1" s="1"/>
  <c r="A92192" i="1" s="1"/>
  <c r="A92193" i="1" s="1"/>
  <c r="A92194" i="1" s="1"/>
  <c r="A92195" i="1" s="1"/>
  <c r="A92196" i="1" s="1"/>
  <c r="A92197" i="1" s="1"/>
  <c r="A92198" i="1" s="1"/>
  <c r="A92199" i="1" s="1"/>
  <c r="A92200" i="1" s="1"/>
  <c r="A92201" i="1" s="1"/>
  <c r="A92202" i="1" s="1"/>
  <c r="A92203" i="1" s="1"/>
  <c r="A92204" i="1" s="1"/>
  <c r="A92205" i="1" s="1"/>
  <c r="A92206" i="1" s="1"/>
  <c r="A92207" i="1" s="1"/>
  <c r="A92208" i="1" s="1"/>
  <c r="A92209" i="1" s="1"/>
  <c r="A92210" i="1" s="1"/>
  <c r="A92211" i="1" s="1"/>
  <c r="A92212" i="1" s="1"/>
  <c r="A92213" i="1" s="1"/>
  <c r="A92214" i="1" s="1"/>
  <c r="A92215" i="1" s="1"/>
  <c r="A92216" i="1" s="1"/>
  <c r="A92217" i="1" s="1"/>
  <c r="A92218" i="1" s="1"/>
  <c r="A92219" i="1" s="1"/>
  <c r="A92220" i="1" s="1"/>
  <c r="A92221" i="1" s="1"/>
  <c r="A92222" i="1" s="1"/>
  <c r="A92223" i="1" s="1"/>
  <c r="A92224" i="1" s="1"/>
  <c r="A92225" i="1" s="1"/>
  <c r="A92226" i="1" s="1"/>
  <c r="A92227" i="1" s="1"/>
  <c r="A92228" i="1" s="1"/>
  <c r="A92229" i="1" s="1"/>
  <c r="A92230" i="1" s="1"/>
  <c r="A92231" i="1" s="1"/>
  <c r="A92232" i="1" s="1"/>
  <c r="A92233" i="1" s="1"/>
  <c r="A92234" i="1" s="1"/>
  <c r="A92235" i="1" s="1"/>
  <c r="A92236" i="1" s="1"/>
  <c r="A92237" i="1" s="1"/>
  <c r="A92238" i="1" s="1"/>
  <c r="A92239" i="1" s="1"/>
  <c r="A92240" i="1" s="1"/>
  <c r="A92241" i="1" s="1"/>
  <c r="A92242" i="1" s="1"/>
  <c r="A92243" i="1" s="1"/>
  <c r="A92244" i="1" s="1"/>
  <c r="A92245" i="1" s="1"/>
  <c r="A92246" i="1" s="1"/>
  <c r="A92247" i="1" s="1"/>
  <c r="A92248" i="1" s="1"/>
  <c r="A92249" i="1" s="1"/>
  <c r="A92250" i="1" s="1"/>
  <c r="A92251" i="1" s="1"/>
  <c r="A92252" i="1" s="1"/>
  <c r="A92253" i="1" s="1"/>
  <c r="A92254" i="1" s="1"/>
  <c r="A92255" i="1" s="1"/>
  <c r="A92256" i="1" s="1"/>
  <c r="A92257" i="1" s="1"/>
  <c r="A92258" i="1" s="1"/>
  <c r="A92259" i="1" s="1"/>
  <c r="A92260" i="1" s="1"/>
  <c r="A92261" i="1" s="1"/>
  <c r="A92262" i="1" s="1"/>
  <c r="A92263" i="1" s="1"/>
  <c r="A92264" i="1" s="1"/>
  <c r="A92265" i="1" s="1"/>
  <c r="A92266" i="1" s="1"/>
  <c r="A92267" i="1" s="1"/>
  <c r="A92268" i="1" s="1"/>
  <c r="A92269" i="1" s="1"/>
  <c r="A92270" i="1" s="1"/>
  <c r="A92271" i="1" s="1"/>
  <c r="A92272" i="1" s="1"/>
  <c r="A92273" i="1" s="1"/>
  <c r="A92274" i="1" s="1"/>
  <c r="A92275" i="1" s="1"/>
  <c r="A92276" i="1" s="1"/>
  <c r="A92277" i="1" s="1"/>
  <c r="A92278" i="1" s="1"/>
  <c r="A92279" i="1" s="1"/>
  <c r="A92280" i="1" s="1"/>
  <c r="A92281" i="1" s="1"/>
  <c r="A92282" i="1" s="1"/>
  <c r="A92283" i="1" s="1"/>
  <c r="A92284" i="1" s="1"/>
  <c r="A92285" i="1" s="1"/>
  <c r="A92286" i="1" s="1"/>
  <c r="A92287" i="1" s="1"/>
  <c r="A92288" i="1" s="1"/>
  <c r="A92289" i="1" s="1"/>
  <c r="A92290" i="1" s="1"/>
  <c r="A92291" i="1" s="1"/>
  <c r="A92292" i="1" s="1"/>
  <c r="A92293" i="1" s="1"/>
  <c r="A92294" i="1" s="1"/>
  <c r="A92295" i="1" s="1"/>
  <c r="A92296" i="1" s="1"/>
  <c r="A92297" i="1" s="1"/>
  <c r="A92298" i="1" s="1"/>
  <c r="A92299" i="1" s="1"/>
  <c r="A92300" i="1" s="1"/>
  <c r="A92301" i="1" s="1"/>
  <c r="A92302" i="1" s="1"/>
  <c r="A92303" i="1" s="1"/>
  <c r="A92304" i="1" s="1"/>
  <c r="A92305" i="1" s="1"/>
  <c r="A92306" i="1" s="1"/>
  <c r="A92307" i="1" s="1"/>
  <c r="A92308" i="1" s="1"/>
  <c r="A92309" i="1" s="1"/>
  <c r="A92310" i="1" s="1"/>
  <c r="A92311" i="1" s="1"/>
  <c r="A92312" i="1" s="1"/>
  <c r="A92313" i="1" s="1"/>
  <c r="A92314" i="1" s="1"/>
  <c r="A92315" i="1" s="1"/>
  <c r="A92316" i="1" s="1"/>
  <c r="A92317" i="1" s="1"/>
  <c r="A92318" i="1" s="1"/>
  <c r="A92319" i="1" s="1"/>
  <c r="A92320" i="1" s="1"/>
  <c r="A92321" i="1" s="1"/>
  <c r="A92322" i="1" s="1"/>
  <c r="A92323" i="1" s="1"/>
  <c r="A92324" i="1" s="1"/>
  <c r="A92325" i="1" s="1"/>
  <c r="A92326" i="1" s="1"/>
  <c r="A92327" i="1" s="1"/>
  <c r="A92328" i="1" s="1"/>
  <c r="A92329" i="1" s="1"/>
  <c r="A92330" i="1" s="1"/>
  <c r="A92331" i="1" s="1"/>
  <c r="A92332" i="1" s="1"/>
  <c r="A92333" i="1" s="1"/>
  <c r="A92334" i="1" s="1"/>
  <c r="A92335" i="1" s="1"/>
  <c r="A92336" i="1" s="1"/>
  <c r="A92337" i="1" s="1"/>
  <c r="A92338" i="1" s="1"/>
  <c r="A92339" i="1" s="1"/>
  <c r="A92340" i="1" s="1"/>
  <c r="A92341" i="1" s="1"/>
  <c r="A92342" i="1" s="1"/>
  <c r="A92343" i="1" s="1"/>
  <c r="A92344" i="1" s="1"/>
  <c r="A92345" i="1" s="1"/>
  <c r="A92346" i="1" s="1"/>
  <c r="A92347" i="1" s="1"/>
  <c r="A92348" i="1" s="1"/>
  <c r="A92349" i="1" s="1"/>
  <c r="A92350" i="1" s="1"/>
  <c r="A92351" i="1" s="1"/>
  <c r="A92352" i="1" s="1"/>
  <c r="A92353" i="1" s="1"/>
  <c r="A92354" i="1" s="1"/>
  <c r="A92355" i="1" s="1"/>
  <c r="A92356" i="1" s="1"/>
  <c r="A92357" i="1" s="1"/>
  <c r="A92358" i="1" s="1"/>
  <c r="A92359" i="1" s="1"/>
  <c r="A92360" i="1" s="1"/>
  <c r="A92361" i="1" s="1"/>
  <c r="A92362" i="1" s="1"/>
  <c r="A92363" i="1" s="1"/>
  <c r="A92364" i="1" s="1"/>
  <c r="A92365" i="1" s="1"/>
  <c r="A92366" i="1" s="1"/>
  <c r="A92367" i="1" s="1"/>
  <c r="A92368" i="1" s="1"/>
  <c r="A92369" i="1" s="1"/>
  <c r="A92370" i="1" s="1"/>
  <c r="A92371" i="1" s="1"/>
  <c r="A92372" i="1" s="1"/>
  <c r="A92373" i="1" s="1"/>
  <c r="A92374" i="1" s="1"/>
  <c r="A92375" i="1" s="1"/>
  <c r="A92376" i="1" s="1"/>
  <c r="A92377" i="1" s="1"/>
  <c r="A92378" i="1" s="1"/>
  <c r="A92379" i="1" s="1"/>
  <c r="A92380" i="1" s="1"/>
  <c r="A92381" i="1" s="1"/>
  <c r="A92382" i="1" s="1"/>
  <c r="A92383" i="1" s="1"/>
  <c r="A92384" i="1" s="1"/>
  <c r="A92385" i="1" s="1"/>
  <c r="A92386" i="1" s="1"/>
  <c r="A92387" i="1" s="1"/>
  <c r="A92388" i="1" s="1"/>
  <c r="A92389" i="1" s="1"/>
  <c r="A92390" i="1" s="1"/>
  <c r="A92391" i="1" s="1"/>
  <c r="A92392" i="1" s="1"/>
  <c r="A92393" i="1" s="1"/>
  <c r="A92394" i="1" s="1"/>
  <c r="A92395" i="1" s="1"/>
  <c r="A92396" i="1" s="1"/>
  <c r="A92397" i="1" s="1"/>
  <c r="A92398" i="1" s="1"/>
  <c r="A92399" i="1" s="1"/>
  <c r="A92400" i="1" s="1"/>
  <c r="A92401" i="1" s="1"/>
  <c r="A92402" i="1" s="1"/>
  <c r="A92403" i="1" s="1"/>
  <c r="A92404" i="1" s="1"/>
  <c r="A92405" i="1" s="1"/>
  <c r="A92406" i="1" s="1"/>
  <c r="A92407" i="1" s="1"/>
  <c r="A92408" i="1" s="1"/>
  <c r="A92409" i="1" s="1"/>
  <c r="A92410" i="1" s="1"/>
  <c r="A92411" i="1" s="1"/>
  <c r="A92412" i="1" s="1"/>
  <c r="A92413" i="1" s="1"/>
  <c r="A92414" i="1" s="1"/>
  <c r="A92415" i="1" s="1"/>
  <c r="A92416" i="1" s="1"/>
  <c r="A92417" i="1" s="1"/>
  <c r="A92418" i="1" s="1"/>
  <c r="A92419" i="1" s="1"/>
  <c r="A92420" i="1" s="1"/>
  <c r="A92421" i="1" s="1"/>
  <c r="A92422" i="1" s="1"/>
  <c r="A92423" i="1" s="1"/>
  <c r="A92424" i="1" s="1"/>
  <c r="A92425" i="1" s="1"/>
  <c r="A92426" i="1" s="1"/>
  <c r="A92427" i="1" s="1"/>
  <c r="A92428" i="1" s="1"/>
  <c r="A92429" i="1" s="1"/>
  <c r="A92430" i="1" s="1"/>
  <c r="A92431" i="1" s="1"/>
  <c r="A92432" i="1" s="1"/>
  <c r="A92433" i="1" s="1"/>
  <c r="A92434" i="1" s="1"/>
  <c r="A92435" i="1" s="1"/>
  <c r="A92436" i="1" s="1"/>
  <c r="A92437" i="1" s="1"/>
  <c r="A92438" i="1" s="1"/>
  <c r="A92439" i="1" s="1"/>
  <c r="A92440" i="1" s="1"/>
  <c r="A92441" i="1" s="1"/>
  <c r="A92442" i="1" s="1"/>
  <c r="A92443" i="1" s="1"/>
  <c r="A92444" i="1" s="1"/>
  <c r="A92445" i="1" s="1"/>
  <c r="A92446" i="1" s="1"/>
  <c r="A92447" i="1" s="1"/>
  <c r="A92448" i="1" s="1"/>
  <c r="A92449" i="1" s="1"/>
  <c r="A92450" i="1" s="1"/>
  <c r="A92451" i="1" s="1"/>
  <c r="A92452" i="1" s="1"/>
  <c r="A92453" i="1" s="1"/>
  <c r="A92454" i="1" s="1"/>
  <c r="A92455" i="1" s="1"/>
  <c r="A92456" i="1" s="1"/>
  <c r="A92457" i="1" s="1"/>
  <c r="A92458" i="1" s="1"/>
  <c r="A92459" i="1" s="1"/>
  <c r="A92460" i="1" s="1"/>
  <c r="A92461" i="1" s="1"/>
  <c r="A92462" i="1" s="1"/>
  <c r="A92463" i="1" s="1"/>
  <c r="A92464" i="1" s="1"/>
  <c r="A92465" i="1" s="1"/>
  <c r="A92466" i="1" s="1"/>
  <c r="A92467" i="1" s="1"/>
  <c r="A92468" i="1" s="1"/>
  <c r="A92469" i="1" s="1"/>
  <c r="A92470" i="1" s="1"/>
  <c r="A92471" i="1" s="1"/>
  <c r="A92472" i="1" s="1"/>
  <c r="A92473" i="1" s="1"/>
  <c r="A92474" i="1" s="1"/>
  <c r="A92475" i="1" s="1"/>
  <c r="A92476" i="1" s="1"/>
  <c r="A92477" i="1" s="1"/>
  <c r="A92478" i="1" s="1"/>
  <c r="A92479" i="1" s="1"/>
  <c r="A92480" i="1" s="1"/>
  <c r="A92481" i="1" s="1"/>
  <c r="A92482" i="1" s="1"/>
  <c r="A92483" i="1" s="1"/>
  <c r="A92484" i="1" s="1"/>
  <c r="A92485" i="1" s="1"/>
  <c r="A92486" i="1" s="1"/>
  <c r="A92487" i="1" s="1"/>
  <c r="A92488" i="1" s="1"/>
  <c r="A92489" i="1" s="1"/>
  <c r="A92490" i="1" s="1"/>
  <c r="A92491" i="1" s="1"/>
  <c r="A92492" i="1" s="1"/>
  <c r="A92493" i="1" s="1"/>
  <c r="A92494" i="1" s="1"/>
  <c r="A92495" i="1" s="1"/>
  <c r="A92496" i="1" s="1"/>
  <c r="A92497" i="1" s="1"/>
  <c r="A92498" i="1" s="1"/>
  <c r="A92499" i="1" s="1"/>
  <c r="A92500" i="1" s="1"/>
  <c r="A92501" i="1" s="1"/>
  <c r="A92502" i="1" s="1"/>
  <c r="A92503" i="1" s="1"/>
  <c r="A92504" i="1" s="1"/>
  <c r="A92505" i="1" s="1"/>
  <c r="A92506" i="1" s="1"/>
  <c r="A92507" i="1" s="1"/>
  <c r="A92508" i="1" s="1"/>
  <c r="A92509" i="1" s="1"/>
  <c r="A92510" i="1" s="1"/>
  <c r="A92511" i="1" s="1"/>
  <c r="A92512" i="1" s="1"/>
  <c r="A92513" i="1" s="1"/>
  <c r="A92514" i="1" s="1"/>
  <c r="A92515" i="1" s="1"/>
  <c r="A92516" i="1" s="1"/>
  <c r="A92517" i="1" s="1"/>
  <c r="A92518" i="1" s="1"/>
  <c r="A92519" i="1" s="1"/>
  <c r="A92520" i="1" s="1"/>
  <c r="A92521" i="1" s="1"/>
  <c r="A92522" i="1" s="1"/>
  <c r="A92523" i="1" s="1"/>
  <c r="A92524" i="1" s="1"/>
  <c r="A92525" i="1" s="1"/>
  <c r="A92526" i="1" s="1"/>
  <c r="A92527" i="1" s="1"/>
  <c r="A92528" i="1" s="1"/>
  <c r="A92529" i="1" s="1"/>
  <c r="A92530" i="1" s="1"/>
  <c r="A92531" i="1" s="1"/>
  <c r="A92532" i="1" s="1"/>
  <c r="A92533" i="1" s="1"/>
  <c r="A92534" i="1" s="1"/>
  <c r="A92535" i="1" s="1"/>
  <c r="A92536" i="1" s="1"/>
  <c r="A92537" i="1" s="1"/>
  <c r="A92538" i="1" s="1"/>
  <c r="A92539" i="1" s="1"/>
  <c r="A92540" i="1" s="1"/>
  <c r="A92541" i="1" s="1"/>
  <c r="A92542" i="1" s="1"/>
  <c r="A92543" i="1" s="1"/>
  <c r="A92544" i="1" s="1"/>
  <c r="A92545" i="1" s="1"/>
  <c r="A92546" i="1" s="1"/>
  <c r="A92547" i="1" s="1"/>
  <c r="A92548" i="1" s="1"/>
  <c r="A92549" i="1" s="1"/>
  <c r="A92550" i="1" s="1"/>
  <c r="A92551" i="1" s="1"/>
  <c r="A92552" i="1" s="1"/>
  <c r="A92553" i="1" s="1"/>
  <c r="A92554" i="1" s="1"/>
  <c r="A92555" i="1" s="1"/>
  <c r="A92556" i="1" s="1"/>
  <c r="A92557" i="1" s="1"/>
  <c r="A92558" i="1" s="1"/>
  <c r="A92559" i="1" s="1"/>
  <c r="A92560" i="1" s="1"/>
  <c r="A92561" i="1" s="1"/>
  <c r="A92562" i="1" s="1"/>
  <c r="A92563" i="1" s="1"/>
  <c r="A92564" i="1" s="1"/>
  <c r="A92565" i="1" s="1"/>
  <c r="A92566" i="1" s="1"/>
  <c r="A92567" i="1" s="1"/>
  <c r="A92568" i="1" s="1"/>
  <c r="A92569" i="1" s="1"/>
  <c r="A92570" i="1" s="1"/>
  <c r="A92571" i="1" s="1"/>
  <c r="A92572" i="1" s="1"/>
  <c r="A92573" i="1" s="1"/>
  <c r="A92574" i="1" s="1"/>
  <c r="A92575" i="1" s="1"/>
  <c r="A92576" i="1" s="1"/>
  <c r="A92577" i="1" s="1"/>
  <c r="A92578" i="1" s="1"/>
  <c r="A92579" i="1" s="1"/>
  <c r="A92580" i="1" s="1"/>
  <c r="A92581" i="1" s="1"/>
  <c r="A92582" i="1" s="1"/>
  <c r="A92583" i="1" s="1"/>
  <c r="A92584" i="1" s="1"/>
  <c r="A92585" i="1" s="1"/>
  <c r="A92586" i="1" s="1"/>
  <c r="A92587" i="1" s="1"/>
  <c r="A92588" i="1" s="1"/>
  <c r="A92589" i="1" s="1"/>
  <c r="A92590" i="1" s="1"/>
  <c r="A92591" i="1" s="1"/>
  <c r="A92592" i="1" s="1"/>
  <c r="A92593" i="1" s="1"/>
  <c r="A92594" i="1" s="1"/>
  <c r="A92595" i="1" s="1"/>
  <c r="A92596" i="1" s="1"/>
  <c r="A92597" i="1" s="1"/>
  <c r="A92598" i="1" s="1"/>
  <c r="A92599" i="1" s="1"/>
  <c r="A92600" i="1" s="1"/>
  <c r="A92601" i="1" s="1"/>
  <c r="A92602" i="1" s="1"/>
  <c r="A92603" i="1" s="1"/>
  <c r="A92604" i="1" s="1"/>
  <c r="A92605" i="1" s="1"/>
  <c r="A92606" i="1" s="1"/>
  <c r="A92607" i="1" s="1"/>
  <c r="A92608" i="1" s="1"/>
  <c r="A92609" i="1" s="1"/>
  <c r="A92610" i="1" s="1"/>
  <c r="A92611" i="1" s="1"/>
  <c r="A92612" i="1" s="1"/>
  <c r="A92613" i="1" s="1"/>
  <c r="A92614" i="1" s="1"/>
  <c r="A92615" i="1" s="1"/>
  <c r="A92616" i="1" s="1"/>
  <c r="A92617" i="1" s="1"/>
  <c r="A92618" i="1" s="1"/>
  <c r="A92619" i="1" s="1"/>
  <c r="A92620" i="1" s="1"/>
  <c r="A92621" i="1" s="1"/>
  <c r="A92622" i="1" s="1"/>
  <c r="A92623" i="1" s="1"/>
  <c r="A92624" i="1" s="1"/>
  <c r="A92625" i="1" s="1"/>
  <c r="A92626" i="1" s="1"/>
  <c r="A92627" i="1" s="1"/>
  <c r="A92628" i="1" s="1"/>
  <c r="A92629" i="1" s="1"/>
  <c r="A92630" i="1" s="1"/>
  <c r="A92631" i="1" s="1"/>
  <c r="A92632" i="1" s="1"/>
  <c r="A92633" i="1" s="1"/>
  <c r="A92634" i="1" s="1"/>
  <c r="A92635" i="1" s="1"/>
  <c r="A92636" i="1" s="1"/>
  <c r="A92637" i="1" s="1"/>
  <c r="A92638" i="1" s="1"/>
  <c r="A92639" i="1" s="1"/>
  <c r="A92640" i="1" s="1"/>
  <c r="A92641" i="1" s="1"/>
  <c r="A92642" i="1" s="1"/>
  <c r="A92643" i="1" s="1"/>
  <c r="A92644" i="1" s="1"/>
  <c r="A92645" i="1" s="1"/>
  <c r="A92646" i="1" s="1"/>
  <c r="A92647" i="1" s="1"/>
  <c r="A92648" i="1" s="1"/>
  <c r="A92649" i="1" s="1"/>
  <c r="A92650" i="1" s="1"/>
  <c r="A92651" i="1" s="1"/>
  <c r="A92652" i="1" s="1"/>
  <c r="A92653" i="1" s="1"/>
  <c r="A92654" i="1" s="1"/>
  <c r="A92655" i="1" s="1"/>
  <c r="A92656" i="1" s="1"/>
  <c r="A92657" i="1" s="1"/>
  <c r="A92658" i="1" s="1"/>
  <c r="A92659" i="1" s="1"/>
  <c r="A92660" i="1" s="1"/>
  <c r="A92661" i="1" s="1"/>
  <c r="A92662" i="1" s="1"/>
  <c r="A92663" i="1" s="1"/>
  <c r="A92664" i="1" s="1"/>
  <c r="A92665" i="1" s="1"/>
  <c r="A92666" i="1" s="1"/>
  <c r="A92667" i="1" s="1"/>
  <c r="A92668" i="1" s="1"/>
  <c r="A92669" i="1" s="1"/>
  <c r="A92670" i="1" s="1"/>
  <c r="A92671" i="1" s="1"/>
  <c r="A92672" i="1" s="1"/>
  <c r="A92673" i="1" s="1"/>
  <c r="A92674" i="1" s="1"/>
  <c r="A92675" i="1" s="1"/>
  <c r="A92676" i="1" s="1"/>
  <c r="A92677" i="1" s="1"/>
  <c r="A92678" i="1" s="1"/>
  <c r="A92679" i="1" s="1"/>
  <c r="A92680" i="1" s="1"/>
  <c r="A92681" i="1" s="1"/>
  <c r="A92682" i="1" s="1"/>
  <c r="A92683" i="1" s="1"/>
  <c r="A92684" i="1" s="1"/>
  <c r="A92685" i="1" s="1"/>
  <c r="A92686" i="1" s="1"/>
  <c r="A92687" i="1" s="1"/>
  <c r="A92688" i="1" s="1"/>
  <c r="A92689" i="1" s="1"/>
  <c r="A92690" i="1" s="1"/>
  <c r="A92691" i="1" s="1"/>
  <c r="A92692" i="1" s="1"/>
  <c r="A92693" i="1" s="1"/>
  <c r="A92694" i="1" s="1"/>
  <c r="A92695" i="1" s="1"/>
  <c r="A92696" i="1" s="1"/>
  <c r="A92697" i="1" s="1"/>
  <c r="A92698" i="1" s="1"/>
  <c r="A92699" i="1" s="1"/>
  <c r="A92700" i="1" s="1"/>
  <c r="A92701" i="1" s="1"/>
  <c r="A92702" i="1" s="1"/>
  <c r="A92703" i="1" s="1"/>
  <c r="A92704" i="1" s="1"/>
  <c r="A92705" i="1" s="1"/>
  <c r="A92706" i="1" s="1"/>
  <c r="A92707" i="1" s="1"/>
  <c r="A92708" i="1" s="1"/>
  <c r="A92709" i="1" s="1"/>
  <c r="A92710" i="1" s="1"/>
  <c r="A92711" i="1" s="1"/>
  <c r="A92712" i="1" s="1"/>
  <c r="A92713" i="1" s="1"/>
  <c r="A92714" i="1" s="1"/>
  <c r="A92715" i="1" s="1"/>
  <c r="A92716" i="1" s="1"/>
  <c r="A92717" i="1" s="1"/>
  <c r="A92718" i="1" s="1"/>
  <c r="A92719" i="1" s="1"/>
  <c r="A92720" i="1" s="1"/>
  <c r="A92721" i="1" s="1"/>
  <c r="A92722" i="1" s="1"/>
  <c r="A92723" i="1" s="1"/>
  <c r="A92724" i="1" s="1"/>
  <c r="A92725" i="1" s="1"/>
  <c r="A92726" i="1" s="1"/>
  <c r="A92727" i="1" s="1"/>
  <c r="A92728" i="1" s="1"/>
  <c r="A92729" i="1" s="1"/>
  <c r="A92730" i="1" s="1"/>
  <c r="A92731" i="1" s="1"/>
  <c r="A92732" i="1" s="1"/>
  <c r="A92733" i="1" s="1"/>
  <c r="A92734" i="1" s="1"/>
  <c r="A92735" i="1" s="1"/>
  <c r="A92736" i="1" s="1"/>
  <c r="A92737" i="1" s="1"/>
  <c r="A92738" i="1" s="1"/>
  <c r="A92739" i="1" s="1"/>
  <c r="A92740" i="1" s="1"/>
  <c r="A92741" i="1" s="1"/>
  <c r="A92742" i="1" s="1"/>
  <c r="A92743" i="1" s="1"/>
  <c r="A92744" i="1" s="1"/>
  <c r="A92745" i="1" s="1"/>
  <c r="A92746" i="1" s="1"/>
  <c r="A92747" i="1" s="1"/>
  <c r="A92748" i="1" s="1"/>
  <c r="A92749" i="1" s="1"/>
  <c r="A92750" i="1" s="1"/>
  <c r="A92751" i="1" s="1"/>
  <c r="A92752" i="1" s="1"/>
  <c r="A92753" i="1" s="1"/>
  <c r="A92754" i="1" s="1"/>
  <c r="A92755" i="1" s="1"/>
  <c r="A92756" i="1" s="1"/>
  <c r="A92757" i="1" s="1"/>
  <c r="A92758" i="1" s="1"/>
  <c r="A92759" i="1" s="1"/>
  <c r="A92760" i="1" s="1"/>
  <c r="A92761" i="1" s="1"/>
  <c r="A92762" i="1" s="1"/>
  <c r="A92763" i="1" s="1"/>
  <c r="A92764" i="1" s="1"/>
  <c r="A92765" i="1" s="1"/>
  <c r="A92766" i="1" s="1"/>
  <c r="A92767" i="1" s="1"/>
  <c r="A92768" i="1" s="1"/>
  <c r="A92769" i="1" s="1"/>
  <c r="A92770" i="1" s="1"/>
  <c r="A92771" i="1" s="1"/>
  <c r="A92772" i="1" s="1"/>
  <c r="A92773" i="1" s="1"/>
  <c r="A92774" i="1" s="1"/>
  <c r="A92775" i="1" s="1"/>
  <c r="A92776" i="1" s="1"/>
  <c r="A92777" i="1" s="1"/>
  <c r="A92778" i="1" s="1"/>
  <c r="A92779" i="1" s="1"/>
  <c r="A92780" i="1" s="1"/>
  <c r="A92781" i="1" s="1"/>
  <c r="A92782" i="1" s="1"/>
  <c r="A92783" i="1" s="1"/>
  <c r="A92784" i="1" s="1"/>
  <c r="A92785" i="1" s="1"/>
  <c r="A92786" i="1" s="1"/>
  <c r="A92787" i="1" s="1"/>
  <c r="A92788" i="1" s="1"/>
  <c r="A92789" i="1" s="1"/>
  <c r="A92790" i="1" s="1"/>
  <c r="A92791" i="1" s="1"/>
  <c r="A92792" i="1" s="1"/>
  <c r="A92793" i="1" s="1"/>
  <c r="A92794" i="1" s="1"/>
  <c r="A92795" i="1" s="1"/>
  <c r="A92796" i="1" s="1"/>
  <c r="A92797" i="1" s="1"/>
  <c r="A92798" i="1" s="1"/>
  <c r="A92799" i="1" s="1"/>
  <c r="A92800" i="1" s="1"/>
  <c r="A92801" i="1" s="1"/>
  <c r="A92802" i="1" s="1"/>
  <c r="A92803" i="1" s="1"/>
  <c r="A92804" i="1" s="1"/>
  <c r="A92805" i="1" s="1"/>
  <c r="A92806" i="1" s="1"/>
  <c r="A92807" i="1" s="1"/>
  <c r="A92808" i="1" s="1"/>
  <c r="A92809" i="1" s="1"/>
  <c r="A92810" i="1" s="1"/>
  <c r="A92811" i="1" s="1"/>
  <c r="A92812" i="1" s="1"/>
  <c r="A92813" i="1" s="1"/>
  <c r="A92814" i="1" s="1"/>
  <c r="A92815" i="1" s="1"/>
  <c r="A92816" i="1" s="1"/>
  <c r="A92817" i="1" s="1"/>
  <c r="A92818" i="1" s="1"/>
  <c r="A92819" i="1" s="1"/>
  <c r="A92820" i="1" s="1"/>
  <c r="A92821" i="1" s="1"/>
  <c r="A92822" i="1" s="1"/>
  <c r="A92823" i="1" s="1"/>
  <c r="A92824" i="1" s="1"/>
  <c r="A92825" i="1" s="1"/>
  <c r="A92826" i="1" s="1"/>
  <c r="A92827" i="1" s="1"/>
  <c r="A92828" i="1" s="1"/>
  <c r="A92829" i="1" s="1"/>
  <c r="A92830" i="1" s="1"/>
  <c r="A92831" i="1" s="1"/>
  <c r="A92832" i="1" s="1"/>
  <c r="A92833" i="1" s="1"/>
  <c r="A92834" i="1" s="1"/>
  <c r="A92835" i="1" s="1"/>
  <c r="A92836" i="1" s="1"/>
  <c r="A92837" i="1" s="1"/>
  <c r="A92838" i="1" s="1"/>
  <c r="A92839" i="1" s="1"/>
  <c r="A92840" i="1" s="1"/>
  <c r="A92841" i="1" s="1"/>
  <c r="A92842" i="1" s="1"/>
  <c r="A92843" i="1" s="1"/>
  <c r="A92844" i="1" s="1"/>
  <c r="A92845" i="1" s="1"/>
  <c r="A92846" i="1" s="1"/>
  <c r="A92847" i="1" s="1"/>
  <c r="A92848" i="1" s="1"/>
  <c r="A92849" i="1" s="1"/>
  <c r="A92850" i="1" s="1"/>
  <c r="A92851" i="1" s="1"/>
  <c r="A92852" i="1" s="1"/>
  <c r="A92853" i="1" s="1"/>
  <c r="A92854" i="1" s="1"/>
  <c r="A92855" i="1" s="1"/>
  <c r="A92856" i="1" s="1"/>
  <c r="A92857" i="1" s="1"/>
  <c r="A92858" i="1" s="1"/>
  <c r="A92859" i="1" s="1"/>
  <c r="A92860" i="1" s="1"/>
  <c r="A92861" i="1" s="1"/>
  <c r="A92862" i="1" s="1"/>
  <c r="A92863" i="1" s="1"/>
  <c r="A92864" i="1" s="1"/>
  <c r="A92865" i="1" s="1"/>
  <c r="A92866" i="1" s="1"/>
  <c r="A92867" i="1" s="1"/>
  <c r="A92868" i="1" s="1"/>
  <c r="A92869" i="1" s="1"/>
  <c r="A92870" i="1" s="1"/>
  <c r="A92871" i="1" s="1"/>
  <c r="A92872" i="1" s="1"/>
  <c r="A92873" i="1" s="1"/>
  <c r="A92874" i="1" s="1"/>
  <c r="A92875" i="1" s="1"/>
  <c r="A92876" i="1" s="1"/>
  <c r="A92877" i="1" s="1"/>
  <c r="A92878" i="1" s="1"/>
  <c r="A92879" i="1" s="1"/>
  <c r="A92880" i="1" s="1"/>
  <c r="A92881" i="1" s="1"/>
  <c r="A92882" i="1" s="1"/>
  <c r="A92883" i="1" s="1"/>
  <c r="A92884" i="1" s="1"/>
  <c r="A92885" i="1" s="1"/>
  <c r="A92886" i="1" s="1"/>
  <c r="A92887" i="1" s="1"/>
  <c r="A92888" i="1" s="1"/>
  <c r="A92889" i="1" s="1"/>
  <c r="A92890" i="1" s="1"/>
  <c r="A92891" i="1" s="1"/>
  <c r="A92892" i="1" s="1"/>
  <c r="A92893" i="1" s="1"/>
  <c r="A92894" i="1" s="1"/>
  <c r="A92895" i="1" s="1"/>
  <c r="A92896" i="1" s="1"/>
  <c r="A92897" i="1" s="1"/>
  <c r="A92898" i="1" s="1"/>
  <c r="A92899" i="1" s="1"/>
  <c r="A92900" i="1" s="1"/>
  <c r="A92901" i="1" s="1"/>
  <c r="A92902" i="1" s="1"/>
  <c r="A92903" i="1" s="1"/>
  <c r="A92904" i="1" s="1"/>
  <c r="A92905" i="1" s="1"/>
  <c r="A92906" i="1" s="1"/>
  <c r="A92907" i="1" s="1"/>
  <c r="A92908" i="1" s="1"/>
  <c r="A92909" i="1" s="1"/>
  <c r="A92910" i="1" s="1"/>
  <c r="A92911" i="1" s="1"/>
  <c r="A92912" i="1" s="1"/>
  <c r="A92913" i="1" s="1"/>
  <c r="A92914" i="1" s="1"/>
  <c r="A92915" i="1" s="1"/>
  <c r="A92916" i="1" s="1"/>
  <c r="A92917" i="1" s="1"/>
  <c r="A92918" i="1" s="1"/>
  <c r="A92919" i="1" s="1"/>
  <c r="A92920" i="1" s="1"/>
  <c r="A92921" i="1" s="1"/>
  <c r="A92922" i="1" s="1"/>
  <c r="A92923" i="1" s="1"/>
  <c r="A92924" i="1" s="1"/>
  <c r="A92925" i="1" s="1"/>
  <c r="A92926" i="1" s="1"/>
  <c r="A92927" i="1" s="1"/>
  <c r="A92928" i="1" s="1"/>
  <c r="A92929" i="1" s="1"/>
  <c r="A92930" i="1" s="1"/>
  <c r="A92931" i="1" s="1"/>
  <c r="A92932" i="1" s="1"/>
  <c r="A92933" i="1" s="1"/>
  <c r="A92934" i="1" s="1"/>
  <c r="A92935" i="1" s="1"/>
  <c r="A92936" i="1" s="1"/>
  <c r="A92937" i="1" s="1"/>
  <c r="A92938" i="1" s="1"/>
  <c r="A92939" i="1" s="1"/>
  <c r="A92940" i="1" s="1"/>
  <c r="A92941" i="1" s="1"/>
  <c r="A92942" i="1" s="1"/>
  <c r="A92943" i="1" s="1"/>
  <c r="A92944" i="1" s="1"/>
  <c r="A92945" i="1" s="1"/>
  <c r="A92946" i="1" s="1"/>
  <c r="A92947" i="1" s="1"/>
  <c r="A92948" i="1" s="1"/>
  <c r="A92949" i="1" s="1"/>
  <c r="A92950" i="1" s="1"/>
  <c r="A92951" i="1" s="1"/>
  <c r="A92952" i="1" s="1"/>
  <c r="A92953" i="1" s="1"/>
  <c r="A92954" i="1" s="1"/>
  <c r="A92955" i="1" s="1"/>
  <c r="A92956" i="1" s="1"/>
  <c r="A92957" i="1" s="1"/>
  <c r="A92958" i="1" s="1"/>
  <c r="A92959" i="1" s="1"/>
  <c r="A92960" i="1" s="1"/>
  <c r="A92961" i="1" s="1"/>
  <c r="A92962" i="1" s="1"/>
  <c r="A92963" i="1" s="1"/>
  <c r="A92964" i="1" s="1"/>
  <c r="A92965" i="1" s="1"/>
  <c r="A92966" i="1" s="1"/>
  <c r="A92967" i="1" s="1"/>
  <c r="A92968" i="1" s="1"/>
  <c r="A92969" i="1" s="1"/>
  <c r="A92970" i="1" s="1"/>
  <c r="A92971" i="1" s="1"/>
  <c r="A92972" i="1" s="1"/>
  <c r="A92973" i="1" s="1"/>
  <c r="A92974" i="1" s="1"/>
  <c r="A92975" i="1" s="1"/>
  <c r="A92976" i="1" s="1"/>
  <c r="A92977" i="1" s="1"/>
  <c r="A92978" i="1" s="1"/>
  <c r="A92979" i="1" s="1"/>
  <c r="A92980" i="1" s="1"/>
  <c r="A92981" i="1" s="1"/>
  <c r="A92982" i="1" s="1"/>
  <c r="A92983" i="1" s="1"/>
  <c r="A92984" i="1" s="1"/>
  <c r="A92985" i="1" s="1"/>
  <c r="A92986" i="1" s="1"/>
  <c r="A92987" i="1" s="1"/>
  <c r="A92988" i="1" s="1"/>
  <c r="A92989" i="1" s="1"/>
  <c r="A92990" i="1" s="1"/>
  <c r="A92991" i="1" s="1"/>
  <c r="A92992" i="1" s="1"/>
  <c r="A92993" i="1" s="1"/>
  <c r="A92994" i="1" s="1"/>
  <c r="A92995" i="1" s="1"/>
  <c r="A92996" i="1" s="1"/>
  <c r="A92997" i="1" s="1"/>
  <c r="A92998" i="1" s="1"/>
  <c r="A92999" i="1" s="1"/>
  <c r="A93000" i="1" s="1"/>
  <c r="A93001" i="1" s="1"/>
  <c r="A93002" i="1" s="1"/>
  <c r="A93003" i="1" s="1"/>
  <c r="A93004" i="1" s="1"/>
  <c r="A93005" i="1" s="1"/>
  <c r="A93006" i="1" s="1"/>
  <c r="A93007" i="1" s="1"/>
  <c r="A93008" i="1" s="1"/>
  <c r="A93009" i="1" s="1"/>
  <c r="A93010" i="1" s="1"/>
  <c r="A93011" i="1" s="1"/>
  <c r="A93012" i="1" s="1"/>
  <c r="A93013" i="1" s="1"/>
  <c r="A93014" i="1" s="1"/>
  <c r="A93015" i="1" s="1"/>
  <c r="A93016" i="1" s="1"/>
  <c r="A93017" i="1" s="1"/>
  <c r="A93018" i="1" s="1"/>
  <c r="A93019" i="1" s="1"/>
  <c r="A93020" i="1" s="1"/>
  <c r="A93021" i="1" s="1"/>
  <c r="A93022" i="1" s="1"/>
  <c r="A93023" i="1" s="1"/>
  <c r="A93024" i="1" s="1"/>
  <c r="A93025" i="1" s="1"/>
  <c r="A93026" i="1" s="1"/>
  <c r="A93027" i="1" s="1"/>
  <c r="A93028" i="1" s="1"/>
  <c r="A93029" i="1" s="1"/>
  <c r="A93030" i="1" s="1"/>
  <c r="A93031" i="1" s="1"/>
  <c r="A93032" i="1" s="1"/>
  <c r="A93033" i="1" s="1"/>
  <c r="A93034" i="1" s="1"/>
  <c r="A93035" i="1" s="1"/>
  <c r="A93036" i="1" s="1"/>
  <c r="A93037" i="1" s="1"/>
  <c r="A93038" i="1" s="1"/>
  <c r="A93039" i="1" s="1"/>
  <c r="A93040" i="1" s="1"/>
  <c r="A93041" i="1" s="1"/>
  <c r="A93042" i="1" s="1"/>
  <c r="A93043" i="1" s="1"/>
  <c r="A93044" i="1" s="1"/>
  <c r="A93045" i="1" s="1"/>
  <c r="A93046" i="1" s="1"/>
  <c r="A93047" i="1" s="1"/>
  <c r="A93048" i="1" s="1"/>
  <c r="A93049" i="1" s="1"/>
  <c r="A93050" i="1" s="1"/>
  <c r="A93051" i="1" s="1"/>
  <c r="A93052" i="1" s="1"/>
  <c r="A93053" i="1" s="1"/>
  <c r="A93054" i="1" s="1"/>
  <c r="A93055" i="1" s="1"/>
  <c r="A93056" i="1" s="1"/>
  <c r="A93057" i="1" s="1"/>
  <c r="A93058" i="1" s="1"/>
  <c r="A93059" i="1" s="1"/>
  <c r="A93060" i="1" s="1"/>
  <c r="A93061" i="1" s="1"/>
  <c r="A93062" i="1" s="1"/>
  <c r="A93063" i="1" s="1"/>
  <c r="A93064" i="1" s="1"/>
  <c r="A93065" i="1" s="1"/>
  <c r="A93066" i="1" s="1"/>
  <c r="A93067" i="1" s="1"/>
  <c r="A93068" i="1" s="1"/>
  <c r="A93069" i="1" s="1"/>
  <c r="A93070" i="1" s="1"/>
  <c r="A93071" i="1" s="1"/>
  <c r="A93072" i="1" s="1"/>
  <c r="A93073" i="1" s="1"/>
  <c r="A93074" i="1" s="1"/>
  <c r="A93075" i="1" s="1"/>
  <c r="A93076" i="1" s="1"/>
  <c r="A93077" i="1" s="1"/>
  <c r="A93078" i="1" s="1"/>
  <c r="A93079" i="1" s="1"/>
  <c r="A93080" i="1" s="1"/>
  <c r="A93081" i="1" s="1"/>
  <c r="A93082" i="1" s="1"/>
  <c r="A93083" i="1" s="1"/>
  <c r="A93084" i="1" s="1"/>
  <c r="A93085" i="1" s="1"/>
  <c r="A93086" i="1" s="1"/>
  <c r="A93087" i="1" s="1"/>
  <c r="A93088" i="1" s="1"/>
  <c r="A93089" i="1" s="1"/>
  <c r="A93090" i="1" s="1"/>
  <c r="A93091" i="1" s="1"/>
  <c r="A93092" i="1" s="1"/>
  <c r="A93093" i="1" s="1"/>
  <c r="A93094" i="1" s="1"/>
  <c r="A93095" i="1" s="1"/>
  <c r="A93096" i="1" s="1"/>
  <c r="A93097" i="1" s="1"/>
  <c r="A93098" i="1" s="1"/>
  <c r="A93099" i="1" s="1"/>
  <c r="A93100" i="1" s="1"/>
  <c r="A93101" i="1" s="1"/>
  <c r="A93102" i="1" s="1"/>
  <c r="A93103" i="1" s="1"/>
  <c r="A93104" i="1" s="1"/>
  <c r="A93105" i="1" s="1"/>
  <c r="A93106" i="1" s="1"/>
  <c r="A93107" i="1" s="1"/>
  <c r="A93108" i="1" s="1"/>
  <c r="A93109" i="1" s="1"/>
  <c r="A93110" i="1" s="1"/>
  <c r="A93111" i="1" s="1"/>
  <c r="A93112" i="1" s="1"/>
  <c r="A93113" i="1" s="1"/>
  <c r="A93114" i="1" s="1"/>
  <c r="A93115" i="1" s="1"/>
  <c r="A93116" i="1" s="1"/>
  <c r="A93117" i="1" s="1"/>
  <c r="A93118" i="1" s="1"/>
  <c r="A93119" i="1" s="1"/>
  <c r="A93120" i="1" s="1"/>
  <c r="A93121" i="1" s="1"/>
  <c r="A93122" i="1" s="1"/>
  <c r="A93123" i="1" s="1"/>
  <c r="A93124" i="1" s="1"/>
  <c r="A93125" i="1" s="1"/>
  <c r="A93126" i="1" s="1"/>
  <c r="A93127" i="1" s="1"/>
  <c r="A93128" i="1" s="1"/>
  <c r="A93129" i="1" s="1"/>
  <c r="A93130" i="1" s="1"/>
  <c r="A93131" i="1" s="1"/>
  <c r="A93132" i="1" s="1"/>
  <c r="A93133" i="1" s="1"/>
  <c r="A93134" i="1" s="1"/>
  <c r="A93135" i="1" s="1"/>
  <c r="A93136" i="1" s="1"/>
  <c r="A93137" i="1" s="1"/>
  <c r="A93138" i="1" s="1"/>
  <c r="A93139" i="1" s="1"/>
  <c r="A93140" i="1" s="1"/>
  <c r="A93141" i="1" s="1"/>
  <c r="A93142" i="1" s="1"/>
  <c r="A93143" i="1" s="1"/>
  <c r="A93144" i="1" s="1"/>
  <c r="A93145" i="1" s="1"/>
  <c r="A93146" i="1" s="1"/>
  <c r="A93147" i="1" s="1"/>
  <c r="A93148" i="1" s="1"/>
  <c r="A93149" i="1" s="1"/>
  <c r="A93150" i="1" s="1"/>
  <c r="A93151" i="1" s="1"/>
  <c r="A93152" i="1" s="1"/>
  <c r="A93153" i="1" s="1"/>
  <c r="A93154" i="1" s="1"/>
  <c r="A93155" i="1" s="1"/>
  <c r="A93156" i="1" s="1"/>
  <c r="A93157" i="1" s="1"/>
  <c r="A93158" i="1" s="1"/>
  <c r="A93159" i="1" s="1"/>
  <c r="A93160" i="1" s="1"/>
  <c r="A93161" i="1" s="1"/>
  <c r="A93162" i="1" s="1"/>
  <c r="A93163" i="1" s="1"/>
  <c r="A93164" i="1" s="1"/>
  <c r="A93165" i="1" s="1"/>
  <c r="A93166" i="1" s="1"/>
  <c r="A93167" i="1" s="1"/>
  <c r="A93168" i="1" s="1"/>
  <c r="A93169" i="1" s="1"/>
  <c r="A93170" i="1" s="1"/>
  <c r="A93171" i="1" s="1"/>
  <c r="A93172" i="1" s="1"/>
  <c r="A93173" i="1" s="1"/>
  <c r="A93174" i="1" s="1"/>
  <c r="A93175" i="1" s="1"/>
  <c r="A93176" i="1" s="1"/>
  <c r="A93177" i="1" s="1"/>
  <c r="A93178" i="1" s="1"/>
  <c r="A93179" i="1" s="1"/>
  <c r="A93180" i="1" s="1"/>
  <c r="A93181" i="1" s="1"/>
  <c r="A93182" i="1" s="1"/>
  <c r="A93183" i="1" s="1"/>
  <c r="A93184" i="1" s="1"/>
  <c r="A93185" i="1" s="1"/>
  <c r="A93186" i="1" s="1"/>
  <c r="A93187" i="1" s="1"/>
  <c r="A93188" i="1" s="1"/>
  <c r="A93189" i="1" s="1"/>
  <c r="A93190" i="1" s="1"/>
  <c r="A93191" i="1" s="1"/>
  <c r="A93192" i="1" s="1"/>
  <c r="A93193" i="1" s="1"/>
  <c r="A93194" i="1" s="1"/>
  <c r="A93195" i="1" s="1"/>
  <c r="A93196" i="1" s="1"/>
  <c r="A93197" i="1" s="1"/>
  <c r="A93198" i="1" s="1"/>
  <c r="A93199" i="1" s="1"/>
  <c r="A93200" i="1" s="1"/>
  <c r="A93201" i="1" s="1"/>
  <c r="A93202" i="1" s="1"/>
  <c r="A93203" i="1" s="1"/>
  <c r="A93204" i="1" s="1"/>
  <c r="A93205" i="1" s="1"/>
  <c r="A93206" i="1" s="1"/>
  <c r="A93207" i="1" s="1"/>
  <c r="A93208" i="1" s="1"/>
  <c r="A93209" i="1" s="1"/>
  <c r="A93210" i="1" s="1"/>
  <c r="A93211" i="1" s="1"/>
  <c r="A93212" i="1" s="1"/>
  <c r="A93213" i="1" s="1"/>
  <c r="A93214" i="1" s="1"/>
  <c r="A93215" i="1" s="1"/>
  <c r="A93216" i="1" s="1"/>
  <c r="A93217" i="1" s="1"/>
  <c r="A93218" i="1" s="1"/>
  <c r="A93219" i="1" s="1"/>
  <c r="A93220" i="1" s="1"/>
  <c r="A93221" i="1" s="1"/>
  <c r="A93222" i="1" s="1"/>
  <c r="A93223" i="1" s="1"/>
  <c r="A93224" i="1" s="1"/>
  <c r="A93225" i="1" s="1"/>
  <c r="A93226" i="1" s="1"/>
  <c r="A93227" i="1" s="1"/>
  <c r="A93228" i="1" s="1"/>
  <c r="A93229" i="1" s="1"/>
  <c r="A93230" i="1" s="1"/>
  <c r="A93231" i="1" s="1"/>
  <c r="A93232" i="1" s="1"/>
  <c r="A93233" i="1" s="1"/>
  <c r="A93234" i="1" s="1"/>
  <c r="A93235" i="1" s="1"/>
  <c r="A93236" i="1" s="1"/>
  <c r="A93237" i="1" s="1"/>
  <c r="A93238" i="1" s="1"/>
  <c r="A93239" i="1" s="1"/>
  <c r="A93240" i="1" s="1"/>
  <c r="A93241" i="1" s="1"/>
  <c r="A93242" i="1" s="1"/>
  <c r="A93243" i="1" s="1"/>
  <c r="A93244" i="1" s="1"/>
  <c r="A93245" i="1" s="1"/>
  <c r="A93246" i="1" s="1"/>
  <c r="A93247" i="1" s="1"/>
  <c r="A93248" i="1" s="1"/>
  <c r="A93249" i="1" s="1"/>
  <c r="A93250" i="1" s="1"/>
  <c r="A93251" i="1" s="1"/>
  <c r="A93252" i="1" s="1"/>
  <c r="A93253" i="1" s="1"/>
  <c r="A93254" i="1" s="1"/>
  <c r="A93255" i="1" s="1"/>
  <c r="A93256" i="1" s="1"/>
  <c r="A93257" i="1" s="1"/>
  <c r="A93258" i="1" s="1"/>
  <c r="A93259" i="1" s="1"/>
  <c r="A93260" i="1" s="1"/>
  <c r="A93261" i="1" s="1"/>
  <c r="A93262" i="1" s="1"/>
  <c r="A93263" i="1" s="1"/>
  <c r="A93264" i="1" s="1"/>
  <c r="A93265" i="1" s="1"/>
  <c r="A93266" i="1" s="1"/>
  <c r="A93267" i="1" s="1"/>
  <c r="A93268" i="1" s="1"/>
  <c r="A93269" i="1" s="1"/>
  <c r="A93270" i="1" s="1"/>
  <c r="A93271" i="1" s="1"/>
  <c r="A93272" i="1" s="1"/>
  <c r="A93273" i="1" s="1"/>
  <c r="A93274" i="1" s="1"/>
  <c r="A93275" i="1" s="1"/>
  <c r="A93276" i="1" s="1"/>
  <c r="A93277" i="1" s="1"/>
  <c r="A93278" i="1" s="1"/>
  <c r="A93279" i="1" s="1"/>
  <c r="A93280" i="1" s="1"/>
  <c r="A93281" i="1" s="1"/>
  <c r="A93282" i="1" s="1"/>
  <c r="A93283" i="1" s="1"/>
  <c r="A93284" i="1" s="1"/>
  <c r="A93285" i="1" s="1"/>
  <c r="A93286" i="1" s="1"/>
  <c r="A93287" i="1" s="1"/>
  <c r="A93288" i="1" s="1"/>
  <c r="A93289" i="1" s="1"/>
  <c r="A93290" i="1" s="1"/>
  <c r="A93291" i="1" s="1"/>
  <c r="A93292" i="1" s="1"/>
  <c r="A93293" i="1" s="1"/>
  <c r="A93294" i="1" s="1"/>
  <c r="A93295" i="1" s="1"/>
  <c r="A93296" i="1" s="1"/>
  <c r="A93297" i="1" s="1"/>
  <c r="A93298" i="1" s="1"/>
  <c r="A93299" i="1" s="1"/>
  <c r="A93300" i="1" s="1"/>
  <c r="A93301" i="1" s="1"/>
  <c r="A93302" i="1" s="1"/>
  <c r="A93303" i="1" s="1"/>
  <c r="A93304" i="1" s="1"/>
  <c r="A93305" i="1" s="1"/>
  <c r="A93306" i="1" s="1"/>
  <c r="A93307" i="1" s="1"/>
  <c r="A93308" i="1" s="1"/>
  <c r="A93309" i="1" s="1"/>
  <c r="A93310" i="1" s="1"/>
  <c r="A93311" i="1" s="1"/>
  <c r="A93312" i="1" s="1"/>
  <c r="A93313" i="1" s="1"/>
  <c r="A93314" i="1" s="1"/>
  <c r="A93315" i="1" s="1"/>
  <c r="A93316" i="1" s="1"/>
  <c r="A93317" i="1" s="1"/>
  <c r="A93318" i="1" s="1"/>
  <c r="A93319" i="1" s="1"/>
  <c r="A93320" i="1" s="1"/>
  <c r="A93321" i="1" s="1"/>
  <c r="A93322" i="1" s="1"/>
  <c r="A93323" i="1" s="1"/>
  <c r="A93324" i="1" s="1"/>
  <c r="A93325" i="1" s="1"/>
  <c r="A93326" i="1" s="1"/>
  <c r="A93327" i="1" s="1"/>
  <c r="A93328" i="1" s="1"/>
  <c r="A93329" i="1" s="1"/>
  <c r="A93330" i="1" s="1"/>
  <c r="A93331" i="1" s="1"/>
  <c r="A93332" i="1" s="1"/>
  <c r="A93333" i="1" s="1"/>
  <c r="A93334" i="1" s="1"/>
  <c r="A93335" i="1" s="1"/>
  <c r="A93336" i="1" s="1"/>
  <c r="A93337" i="1" s="1"/>
  <c r="A93338" i="1" s="1"/>
  <c r="A93339" i="1" s="1"/>
  <c r="A93340" i="1" s="1"/>
  <c r="A93341" i="1" s="1"/>
  <c r="A93342" i="1" s="1"/>
  <c r="A93343" i="1" s="1"/>
  <c r="A93344" i="1" s="1"/>
  <c r="A93345" i="1" s="1"/>
  <c r="A93346" i="1" s="1"/>
  <c r="A93347" i="1" s="1"/>
  <c r="A93348" i="1" s="1"/>
  <c r="A93349" i="1" s="1"/>
  <c r="A93350" i="1" s="1"/>
  <c r="A93351" i="1" s="1"/>
  <c r="A93352" i="1" s="1"/>
  <c r="A93353" i="1" s="1"/>
  <c r="A93354" i="1" s="1"/>
  <c r="A93355" i="1" s="1"/>
  <c r="A93356" i="1" s="1"/>
  <c r="A93357" i="1" s="1"/>
  <c r="A93358" i="1" s="1"/>
  <c r="A93359" i="1" s="1"/>
  <c r="A93360" i="1" s="1"/>
  <c r="A93361" i="1" s="1"/>
  <c r="A93362" i="1" s="1"/>
  <c r="A93363" i="1" s="1"/>
  <c r="A93364" i="1" s="1"/>
  <c r="A93365" i="1" s="1"/>
  <c r="A93366" i="1" s="1"/>
  <c r="A93367" i="1" s="1"/>
  <c r="A93368" i="1" s="1"/>
  <c r="A93369" i="1" s="1"/>
  <c r="A93370" i="1" s="1"/>
  <c r="A93371" i="1" s="1"/>
  <c r="A93372" i="1" s="1"/>
  <c r="A93373" i="1" s="1"/>
  <c r="A93374" i="1" s="1"/>
  <c r="A93375" i="1" s="1"/>
  <c r="A93376" i="1" s="1"/>
  <c r="A93377" i="1" s="1"/>
  <c r="A93378" i="1" s="1"/>
  <c r="A93379" i="1" s="1"/>
  <c r="A93380" i="1" s="1"/>
  <c r="A93381" i="1" s="1"/>
  <c r="A93382" i="1" s="1"/>
  <c r="A93383" i="1" s="1"/>
  <c r="A93384" i="1" s="1"/>
  <c r="A93385" i="1" s="1"/>
  <c r="A93386" i="1" s="1"/>
  <c r="A93387" i="1" s="1"/>
  <c r="A93388" i="1" s="1"/>
  <c r="A93389" i="1" s="1"/>
  <c r="A93390" i="1" s="1"/>
  <c r="A93391" i="1" s="1"/>
  <c r="A93392" i="1" s="1"/>
  <c r="A93393" i="1" s="1"/>
  <c r="A93394" i="1" s="1"/>
  <c r="A93395" i="1" s="1"/>
  <c r="A93396" i="1" s="1"/>
  <c r="A93397" i="1" s="1"/>
  <c r="A93398" i="1" s="1"/>
  <c r="A93399" i="1" s="1"/>
  <c r="A93400" i="1" s="1"/>
  <c r="A93401" i="1" s="1"/>
  <c r="A93402" i="1" s="1"/>
  <c r="A93403" i="1" s="1"/>
  <c r="A93404" i="1" s="1"/>
  <c r="A93405" i="1" s="1"/>
  <c r="A93406" i="1" s="1"/>
  <c r="A93407" i="1" s="1"/>
  <c r="A93408" i="1" s="1"/>
  <c r="A93409" i="1" s="1"/>
  <c r="A93410" i="1" s="1"/>
  <c r="A93411" i="1" s="1"/>
  <c r="A93412" i="1" s="1"/>
  <c r="A93413" i="1" s="1"/>
  <c r="A93414" i="1" s="1"/>
  <c r="A93415" i="1" s="1"/>
  <c r="A93416" i="1" s="1"/>
  <c r="A93417" i="1" s="1"/>
  <c r="A93418" i="1" s="1"/>
  <c r="A93419" i="1" s="1"/>
  <c r="A93420" i="1" s="1"/>
  <c r="A93421" i="1" s="1"/>
  <c r="A93422" i="1" s="1"/>
  <c r="A93423" i="1" s="1"/>
  <c r="A93424" i="1" s="1"/>
  <c r="A93425" i="1" s="1"/>
  <c r="A93426" i="1" s="1"/>
  <c r="A93427" i="1" s="1"/>
  <c r="A93428" i="1" s="1"/>
  <c r="A93429" i="1" s="1"/>
  <c r="A93430" i="1" s="1"/>
  <c r="A93431" i="1" s="1"/>
  <c r="A93432" i="1" s="1"/>
  <c r="A93433" i="1" s="1"/>
  <c r="A93434" i="1" s="1"/>
  <c r="A93435" i="1" s="1"/>
  <c r="A93436" i="1" s="1"/>
  <c r="A93437" i="1" s="1"/>
  <c r="A93438" i="1" s="1"/>
  <c r="A93439" i="1" s="1"/>
  <c r="A93440" i="1" s="1"/>
  <c r="A93441" i="1" s="1"/>
  <c r="A93442" i="1" s="1"/>
  <c r="A93443" i="1" s="1"/>
  <c r="A93444" i="1" s="1"/>
  <c r="A93445" i="1" s="1"/>
  <c r="A93446" i="1" s="1"/>
  <c r="A93447" i="1" s="1"/>
  <c r="A93448" i="1" s="1"/>
  <c r="A93449" i="1" s="1"/>
  <c r="A93450" i="1" s="1"/>
  <c r="A93451" i="1" s="1"/>
  <c r="A93452" i="1" s="1"/>
  <c r="A93453" i="1" s="1"/>
  <c r="A93454" i="1" s="1"/>
  <c r="A93455" i="1" s="1"/>
  <c r="A93456" i="1" s="1"/>
  <c r="A93457" i="1" s="1"/>
  <c r="A93458" i="1" s="1"/>
  <c r="A93459" i="1" s="1"/>
  <c r="A93460" i="1" s="1"/>
  <c r="A93461" i="1" s="1"/>
  <c r="A93462" i="1" s="1"/>
  <c r="A93463" i="1" s="1"/>
  <c r="A93464" i="1" s="1"/>
  <c r="A93465" i="1" s="1"/>
  <c r="A93466" i="1" s="1"/>
  <c r="A93467" i="1" s="1"/>
  <c r="A93468" i="1" s="1"/>
  <c r="A93469" i="1" s="1"/>
  <c r="A93470" i="1" s="1"/>
  <c r="A93471" i="1" s="1"/>
  <c r="A93472" i="1" s="1"/>
  <c r="A93473" i="1" s="1"/>
  <c r="A93474" i="1" s="1"/>
  <c r="A93475" i="1" s="1"/>
  <c r="A93476" i="1" s="1"/>
  <c r="A93477" i="1" s="1"/>
  <c r="A93478" i="1" s="1"/>
  <c r="A93479" i="1" s="1"/>
  <c r="A93480" i="1" s="1"/>
  <c r="A93481" i="1" s="1"/>
  <c r="A93482" i="1" s="1"/>
  <c r="A93483" i="1" s="1"/>
  <c r="A93484" i="1" s="1"/>
  <c r="A93485" i="1" s="1"/>
  <c r="A93486" i="1" s="1"/>
  <c r="A93487" i="1" s="1"/>
  <c r="A93488" i="1" s="1"/>
  <c r="A93489" i="1" s="1"/>
  <c r="A93490" i="1" s="1"/>
  <c r="A93491" i="1" s="1"/>
  <c r="A93492" i="1" s="1"/>
  <c r="A93493" i="1" s="1"/>
  <c r="A93494" i="1" s="1"/>
  <c r="A93495" i="1" s="1"/>
  <c r="A93496" i="1" s="1"/>
  <c r="A93497" i="1" s="1"/>
  <c r="A93498" i="1" s="1"/>
  <c r="A93499" i="1" s="1"/>
  <c r="A93500" i="1" s="1"/>
  <c r="A93501" i="1" s="1"/>
  <c r="A93502" i="1" s="1"/>
  <c r="A93503" i="1" s="1"/>
  <c r="A93504" i="1" s="1"/>
  <c r="A93505" i="1" s="1"/>
  <c r="A93506" i="1" s="1"/>
  <c r="A93507" i="1" s="1"/>
  <c r="A93508" i="1" s="1"/>
  <c r="A93509" i="1" s="1"/>
  <c r="A93510" i="1" s="1"/>
  <c r="A93511" i="1" s="1"/>
  <c r="A93512" i="1" s="1"/>
  <c r="A93513" i="1" s="1"/>
  <c r="A93514" i="1" s="1"/>
  <c r="A93515" i="1" s="1"/>
  <c r="A93516" i="1" s="1"/>
  <c r="A93517" i="1" s="1"/>
  <c r="A93518" i="1" s="1"/>
  <c r="A93519" i="1" s="1"/>
  <c r="A93520" i="1" s="1"/>
  <c r="A93521" i="1" s="1"/>
  <c r="A93522" i="1" s="1"/>
  <c r="A93523" i="1" s="1"/>
  <c r="A93524" i="1" s="1"/>
  <c r="A93525" i="1" s="1"/>
  <c r="A93526" i="1" s="1"/>
  <c r="A93527" i="1" s="1"/>
  <c r="A93528" i="1" s="1"/>
  <c r="A93529" i="1" s="1"/>
  <c r="A93530" i="1" s="1"/>
  <c r="A93531" i="1" s="1"/>
  <c r="A93532" i="1" s="1"/>
  <c r="A93533" i="1" s="1"/>
  <c r="A93534" i="1" s="1"/>
  <c r="A93535" i="1" s="1"/>
  <c r="A93536" i="1" s="1"/>
  <c r="A93537" i="1" s="1"/>
  <c r="A93538" i="1" s="1"/>
  <c r="A93539" i="1" s="1"/>
  <c r="A93540" i="1" s="1"/>
  <c r="A93541" i="1" s="1"/>
  <c r="A93542" i="1" s="1"/>
  <c r="A93543" i="1" s="1"/>
  <c r="A93544" i="1" s="1"/>
  <c r="A93545" i="1" s="1"/>
  <c r="A93546" i="1" s="1"/>
  <c r="A93547" i="1" s="1"/>
  <c r="A93548" i="1" s="1"/>
  <c r="A93549" i="1" s="1"/>
  <c r="A93550" i="1" s="1"/>
  <c r="A93551" i="1" s="1"/>
  <c r="A93552" i="1" s="1"/>
  <c r="A93553" i="1" s="1"/>
  <c r="A93554" i="1" s="1"/>
  <c r="A93555" i="1" s="1"/>
  <c r="A93556" i="1" s="1"/>
  <c r="A93557" i="1" s="1"/>
  <c r="A93558" i="1" s="1"/>
  <c r="A93559" i="1" s="1"/>
  <c r="A93560" i="1" s="1"/>
  <c r="A93561" i="1" s="1"/>
  <c r="A93562" i="1" s="1"/>
  <c r="A93563" i="1" s="1"/>
  <c r="A93564" i="1" s="1"/>
  <c r="A93565" i="1" s="1"/>
  <c r="A93566" i="1" s="1"/>
  <c r="A93567" i="1" s="1"/>
  <c r="A93568" i="1" s="1"/>
  <c r="A93569" i="1" s="1"/>
  <c r="A93570" i="1" s="1"/>
  <c r="A93571" i="1" s="1"/>
  <c r="A93572" i="1" s="1"/>
  <c r="A93573" i="1" s="1"/>
  <c r="A93574" i="1" s="1"/>
  <c r="A93575" i="1" s="1"/>
  <c r="A93576" i="1" s="1"/>
  <c r="A93577" i="1" s="1"/>
  <c r="A93578" i="1" s="1"/>
  <c r="A93579" i="1" s="1"/>
  <c r="A93580" i="1" s="1"/>
  <c r="A93581" i="1" s="1"/>
  <c r="A93582" i="1" s="1"/>
  <c r="A93583" i="1" s="1"/>
  <c r="A93584" i="1" s="1"/>
  <c r="A93585" i="1" s="1"/>
  <c r="A93586" i="1" s="1"/>
  <c r="A93587" i="1" s="1"/>
  <c r="A93588" i="1" s="1"/>
  <c r="A93589" i="1" s="1"/>
  <c r="A93590" i="1" s="1"/>
  <c r="A93591" i="1" s="1"/>
  <c r="A93592" i="1" s="1"/>
  <c r="A93593" i="1" s="1"/>
  <c r="A93594" i="1" s="1"/>
  <c r="A93595" i="1" s="1"/>
  <c r="A93596" i="1" s="1"/>
  <c r="A93597" i="1" s="1"/>
  <c r="A93598" i="1" s="1"/>
  <c r="A93599" i="1" s="1"/>
  <c r="A93600" i="1" s="1"/>
  <c r="A93601" i="1" s="1"/>
  <c r="A93602" i="1" s="1"/>
  <c r="A93603" i="1" s="1"/>
  <c r="A93604" i="1" s="1"/>
  <c r="A93605" i="1" s="1"/>
  <c r="A93606" i="1" s="1"/>
  <c r="A93607" i="1" s="1"/>
  <c r="A93608" i="1" s="1"/>
  <c r="A93609" i="1" s="1"/>
  <c r="A93610" i="1" s="1"/>
  <c r="A93611" i="1" s="1"/>
  <c r="A93612" i="1" s="1"/>
  <c r="A93613" i="1" s="1"/>
  <c r="A93614" i="1" s="1"/>
  <c r="A93615" i="1" s="1"/>
  <c r="A93616" i="1" s="1"/>
  <c r="A93617" i="1" s="1"/>
  <c r="A93618" i="1" s="1"/>
  <c r="A93619" i="1" s="1"/>
  <c r="A93620" i="1" s="1"/>
  <c r="A93621" i="1" s="1"/>
  <c r="A93622" i="1" s="1"/>
  <c r="A93623" i="1" s="1"/>
  <c r="A93624" i="1" s="1"/>
  <c r="A93625" i="1" s="1"/>
  <c r="A93626" i="1" s="1"/>
  <c r="A93627" i="1" s="1"/>
  <c r="A93628" i="1" s="1"/>
  <c r="A93629" i="1" s="1"/>
  <c r="A93630" i="1" s="1"/>
  <c r="A93631" i="1" s="1"/>
  <c r="A93632" i="1" s="1"/>
  <c r="A93633" i="1" s="1"/>
  <c r="A93634" i="1" s="1"/>
  <c r="A93635" i="1" s="1"/>
  <c r="A93636" i="1" s="1"/>
  <c r="A93637" i="1" s="1"/>
  <c r="A93638" i="1" s="1"/>
  <c r="A93639" i="1" s="1"/>
  <c r="A93640" i="1" s="1"/>
  <c r="A93641" i="1" s="1"/>
  <c r="A93642" i="1" s="1"/>
  <c r="A93643" i="1" s="1"/>
  <c r="A93644" i="1" s="1"/>
  <c r="A93645" i="1" s="1"/>
  <c r="A93646" i="1" s="1"/>
  <c r="A93647" i="1" s="1"/>
  <c r="A93648" i="1" s="1"/>
  <c r="A93649" i="1" s="1"/>
  <c r="A93650" i="1" s="1"/>
  <c r="A93651" i="1" s="1"/>
  <c r="A93652" i="1" s="1"/>
  <c r="A93653" i="1" s="1"/>
  <c r="A93654" i="1" s="1"/>
  <c r="A93655" i="1" s="1"/>
  <c r="A93656" i="1" s="1"/>
  <c r="A93657" i="1" s="1"/>
  <c r="A93658" i="1" s="1"/>
  <c r="A93659" i="1" s="1"/>
  <c r="A93660" i="1" s="1"/>
  <c r="A93661" i="1" s="1"/>
  <c r="A93662" i="1" s="1"/>
  <c r="A93663" i="1" s="1"/>
  <c r="A93664" i="1" s="1"/>
  <c r="A93665" i="1" s="1"/>
  <c r="A93666" i="1" s="1"/>
  <c r="A93667" i="1" s="1"/>
  <c r="A93668" i="1" s="1"/>
  <c r="A93669" i="1" s="1"/>
  <c r="A93670" i="1" s="1"/>
  <c r="A93671" i="1" s="1"/>
  <c r="A93672" i="1" s="1"/>
  <c r="A93673" i="1" s="1"/>
  <c r="A93674" i="1" s="1"/>
  <c r="A93675" i="1" s="1"/>
  <c r="A93676" i="1" s="1"/>
  <c r="A93677" i="1" s="1"/>
  <c r="A93678" i="1" s="1"/>
  <c r="A93679" i="1" s="1"/>
  <c r="A93680" i="1" s="1"/>
  <c r="A93681" i="1" s="1"/>
  <c r="A93682" i="1" s="1"/>
  <c r="A93683" i="1" s="1"/>
  <c r="A93684" i="1" s="1"/>
  <c r="A93685" i="1" s="1"/>
  <c r="A93686" i="1" s="1"/>
  <c r="A93687" i="1" s="1"/>
  <c r="A93688" i="1" s="1"/>
  <c r="A93689" i="1" s="1"/>
  <c r="A93690" i="1" s="1"/>
  <c r="A93691" i="1" s="1"/>
  <c r="A93692" i="1" s="1"/>
  <c r="A93693" i="1" s="1"/>
  <c r="A93694" i="1" s="1"/>
  <c r="A93695" i="1" s="1"/>
  <c r="A93696" i="1" s="1"/>
  <c r="A93697" i="1" s="1"/>
  <c r="A93698" i="1" s="1"/>
  <c r="A93699" i="1" s="1"/>
  <c r="A93700" i="1" s="1"/>
  <c r="A93701" i="1" s="1"/>
  <c r="A93702" i="1" s="1"/>
  <c r="A93703" i="1" s="1"/>
  <c r="A93704" i="1" s="1"/>
  <c r="A93705" i="1" s="1"/>
  <c r="A93706" i="1" s="1"/>
  <c r="A93707" i="1" s="1"/>
  <c r="A93708" i="1" s="1"/>
  <c r="A93709" i="1" s="1"/>
  <c r="A93710" i="1" s="1"/>
  <c r="A93711" i="1" s="1"/>
  <c r="A93712" i="1" s="1"/>
  <c r="A93713" i="1" s="1"/>
  <c r="A93714" i="1" s="1"/>
  <c r="A93715" i="1" s="1"/>
  <c r="A93716" i="1" s="1"/>
  <c r="A93717" i="1" s="1"/>
  <c r="A93718" i="1" s="1"/>
  <c r="A93719" i="1" s="1"/>
  <c r="A93720" i="1" s="1"/>
  <c r="A93721" i="1" s="1"/>
  <c r="A93722" i="1" s="1"/>
  <c r="A93723" i="1" s="1"/>
  <c r="A93724" i="1" s="1"/>
  <c r="A93725" i="1" s="1"/>
  <c r="A93726" i="1" s="1"/>
  <c r="A93727" i="1" s="1"/>
  <c r="A93728" i="1" s="1"/>
  <c r="A93729" i="1" s="1"/>
  <c r="A93730" i="1" s="1"/>
  <c r="A93731" i="1" s="1"/>
  <c r="A93732" i="1" s="1"/>
  <c r="A93733" i="1" s="1"/>
  <c r="A93734" i="1" s="1"/>
  <c r="A93735" i="1" s="1"/>
  <c r="A93736" i="1" s="1"/>
  <c r="A93737" i="1" s="1"/>
  <c r="A93738" i="1" s="1"/>
  <c r="A93739" i="1" s="1"/>
  <c r="A93740" i="1" s="1"/>
  <c r="A93741" i="1" s="1"/>
  <c r="A93742" i="1" s="1"/>
  <c r="A93743" i="1" s="1"/>
  <c r="A93744" i="1" s="1"/>
  <c r="A93745" i="1" s="1"/>
  <c r="A93746" i="1" s="1"/>
  <c r="A93747" i="1" s="1"/>
  <c r="A93748" i="1" s="1"/>
  <c r="A93749" i="1" s="1"/>
  <c r="A93750" i="1" s="1"/>
  <c r="A93751" i="1" s="1"/>
  <c r="A93752" i="1" s="1"/>
  <c r="A93753" i="1" s="1"/>
  <c r="A93754" i="1" s="1"/>
  <c r="A93755" i="1" s="1"/>
  <c r="A93756" i="1" s="1"/>
  <c r="A93757" i="1" s="1"/>
  <c r="A93758" i="1" s="1"/>
  <c r="A93759" i="1" s="1"/>
  <c r="A93760" i="1" s="1"/>
  <c r="A93761" i="1" s="1"/>
  <c r="A93762" i="1" s="1"/>
  <c r="A93763" i="1" s="1"/>
  <c r="A93764" i="1" s="1"/>
  <c r="A93765" i="1" s="1"/>
  <c r="A93766" i="1" s="1"/>
  <c r="A93767" i="1" s="1"/>
  <c r="A93768" i="1" s="1"/>
  <c r="A93769" i="1" s="1"/>
  <c r="A93770" i="1" s="1"/>
  <c r="A93771" i="1" s="1"/>
  <c r="A93772" i="1" s="1"/>
  <c r="A93773" i="1" s="1"/>
  <c r="A93774" i="1" s="1"/>
  <c r="A93775" i="1" s="1"/>
  <c r="A93776" i="1" s="1"/>
  <c r="A93777" i="1" s="1"/>
  <c r="A93778" i="1" s="1"/>
  <c r="A93779" i="1" s="1"/>
  <c r="A93780" i="1" s="1"/>
  <c r="A93781" i="1" s="1"/>
  <c r="A93782" i="1" s="1"/>
  <c r="A93783" i="1" s="1"/>
  <c r="A93784" i="1" s="1"/>
  <c r="A93785" i="1" s="1"/>
  <c r="A93786" i="1" s="1"/>
  <c r="A93787" i="1" s="1"/>
  <c r="A93788" i="1" s="1"/>
  <c r="A93789" i="1" s="1"/>
  <c r="A93790" i="1" s="1"/>
  <c r="A93791" i="1" s="1"/>
  <c r="A93792" i="1" s="1"/>
  <c r="A93793" i="1" s="1"/>
  <c r="A93794" i="1" s="1"/>
  <c r="A93795" i="1" s="1"/>
  <c r="A93796" i="1" s="1"/>
  <c r="A93797" i="1" s="1"/>
  <c r="A93798" i="1" s="1"/>
  <c r="A93799" i="1" s="1"/>
  <c r="A93800" i="1" s="1"/>
  <c r="A93801" i="1" s="1"/>
  <c r="A93802" i="1" s="1"/>
  <c r="A93803" i="1" s="1"/>
  <c r="A93804" i="1" s="1"/>
  <c r="A93805" i="1" s="1"/>
  <c r="A93806" i="1" s="1"/>
  <c r="A93807" i="1" s="1"/>
  <c r="A93808" i="1" s="1"/>
  <c r="A93809" i="1" s="1"/>
  <c r="A93810" i="1" s="1"/>
  <c r="A93811" i="1" s="1"/>
  <c r="A93812" i="1" s="1"/>
  <c r="A93813" i="1" s="1"/>
  <c r="A93814" i="1" s="1"/>
  <c r="A93815" i="1" s="1"/>
  <c r="A93816" i="1" s="1"/>
  <c r="A93817" i="1" s="1"/>
  <c r="A93818" i="1" s="1"/>
  <c r="A93819" i="1" s="1"/>
  <c r="A93820" i="1" s="1"/>
  <c r="A93821" i="1" s="1"/>
  <c r="A93822" i="1" s="1"/>
  <c r="A93823" i="1" s="1"/>
  <c r="A93824" i="1" s="1"/>
  <c r="A93825" i="1" s="1"/>
  <c r="A93826" i="1" s="1"/>
  <c r="A93827" i="1" s="1"/>
  <c r="A93828" i="1" s="1"/>
  <c r="A93829" i="1" s="1"/>
  <c r="A93830" i="1" s="1"/>
  <c r="A93831" i="1" s="1"/>
  <c r="A93832" i="1" s="1"/>
  <c r="A93833" i="1" s="1"/>
  <c r="A93834" i="1" s="1"/>
  <c r="A93835" i="1" s="1"/>
  <c r="A93836" i="1" s="1"/>
  <c r="A93837" i="1" s="1"/>
  <c r="A93838" i="1" s="1"/>
  <c r="A93839" i="1" s="1"/>
  <c r="A93840" i="1" s="1"/>
  <c r="A93841" i="1" s="1"/>
  <c r="A93842" i="1" s="1"/>
  <c r="A93843" i="1" s="1"/>
  <c r="A93844" i="1" s="1"/>
  <c r="A93845" i="1" s="1"/>
  <c r="A93846" i="1" s="1"/>
  <c r="A93847" i="1" s="1"/>
  <c r="A93848" i="1" s="1"/>
  <c r="A93849" i="1" s="1"/>
  <c r="A93850" i="1" s="1"/>
  <c r="A93851" i="1" s="1"/>
  <c r="A93852" i="1" s="1"/>
  <c r="A93853" i="1" s="1"/>
  <c r="A93854" i="1" s="1"/>
  <c r="A93855" i="1" s="1"/>
  <c r="A93856" i="1" s="1"/>
  <c r="A93857" i="1" s="1"/>
  <c r="A93858" i="1" s="1"/>
  <c r="A93859" i="1" s="1"/>
  <c r="A93860" i="1" s="1"/>
  <c r="A93861" i="1" s="1"/>
  <c r="A93862" i="1" s="1"/>
  <c r="A93863" i="1" s="1"/>
  <c r="A93864" i="1" s="1"/>
  <c r="A93865" i="1" s="1"/>
  <c r="A93866" i="1" s="1"/>
  <c r="A93867" i="1" s="1"/>
  <c r="A93868" i="1" s="1"/>
  <c r="A93869" i="1" s="1"/>
  <c r="A93870" i="1" s="1"/>
  <c r="A93871" i="1" s="1"/>
  <c r="A93872" i="1" s="1"/>
  <c r="A93873" i="1" s="1"/>
  <c r="A93874" i="1" s="1"/>
  <c r="A93875" i="1" s="1"/>
  <c r="A93876" i="1" s="1"/>
  <c r="A93877" i="1" s="1"/>
  <c r="A93878" i="1" s="1"/>
  <c r="A93879" i="1" s="1"/>
  <c r="A93880" i="1" s="1"/>
  <c r="A93881" i="1" s="1"/>
  <c r="A93882" i="1" s="1"/>
  <c r="A93883" i="1" s="1"/>
  <c r="A93884" i="1" s="1"/>
  <c r="A93885" i="1" s="1"/>
  <c r="A93886" i="1" s="1"/>
  <c r="A93887" i="1" s="1"/>
  <c r="A93888" i="1" s="1"/>
  <c r="A93889" i="1" s="1"/>
  <c r="A93890" i="1" s="1"/>
  <c r="A93891" i="1" s="1"/>
  <c r="A93892" i="1" s="1"/>
  <c r="A93893" i="1" s="1"/>
  <c r="A93894" i="1" s="1"/>
  <c r="A93895" i="1" s="1"/>
  <c r="A93896" i="1" s="1"/>
  <c r="A93897" i="1" s="1"/>
  <c r="A93898" i="1" s="1"/>
  <c r="A93899" i="1" s="1"/>
  <c r="A93900" i="1" s="1"/>
  <c r="A93901" i="1" s="1"/>
  <c r="A93902" i="1" s="1"/>
  <c r="A93903" i="1" s="1"/>
  <c r="A93904" i="1" s="1"/>
  <c r="A93905" i="1" s="1"/>
  <c r="A93906" i="1" s="1"/>
  <c r="A93907" i="1" s="1"/>
  <c r="A93908" i="1" s="1"/>
  <c r="A93909" i="1" s="1"/>
  <c r="A93910" i="1" s="1"/>
  <c r="A93911" i="1" s="1"/>
  <c r="A93912" i="1" s="1"/>
  <c r="A93913" i="1" s="1"/>
  <c r="A93914" i="1" s="1"/>
  <c r="A93915" i="1" s="1"/>
  <c r="A93916" i="1" s="1"/>
  <c r="A93917" i="1" s="1"/>
  <c r="A93918" i="1" s="1"/>
  <c r="A93919" i="1" s="1"/>
  <c r="A93920" i="1" s="1"/>
  <c r="A93921" i="1" s="1"/>
  <c r="A93922" i="1" s="1"/>
  <c r="A93923" i="1" s="1"/>
  <c r="A93924" i="1" s="1"/>
  <c r="A93925" i="1" s="1"/>
  <c r="A93926" i="1" s="1"/>
  <c r="A93927" i="1" s="1"/>
  <c r="A93928" i="1" s="1"/>
  <c r="A93929" i="1" s="1"/>
  <c r="A93930" i="1" s="1"/>
  <c r="A93931" i="1" s="1"/>
  <c r="A93932" i="1" s="1"/>
  <c r="A93933" i="1" s="1"/>
  <c r="A93934" i="1" s="1"/>
  <c r="A93935" i="1" s="1"/>
  <c r="A93936" i="1" s="1"/>
  <c r="A93937" i="1" s="1"/>
  <c r="A93938" i="1" s="1"/>
  <c r="A93939" i="1" s="1"/>
  <c r="A93940" i="1" s="1"/>
  <c r="A93941" i="1" s="1"/>
  <c r="A93942" i="1" s="1"/>
  <c r="A93943" i="1" s="1"/>
  <c r="A93944" i="1" s="1"/>
  <c r="A93945" i="1" s="1"/>
  <c r="A93946" i="1" s="1"/>
  <c r="A93947" i="1" s="1"/>
  <c r="A93948" i="1" s="1"/>
  <c r="A93949" i="1" s="1"/>
  <c r="A93950" i="1" s="1"/>
  <c r="A93951" i="1" s="1"/>
  <c r="A93952" i="1" s="1"/>
  <c r="A93953" i="1" s="1"/>
  <c r="A93954" i="1" s="1"/>
  <c r="A93955" i="1" s="1"/>
  <c r="A93956" i="1" s="1"/>
  <c r="A93957" i="1" s="1"/>
  <c r="A93958" i="1" s="1"/>
  <c r="A93959" i="1" s="1"/>
  <c r="A93960" i="1" s="1"/>
  <c r="A93961" i="1" s="1"/>
  <c r="A93962" i="1" s="1"/>
  <c r="A93963" i="1" s="1"/>
  <c r="A93964" i="1" s="1"/>
  <c r="A93965" i="1" s="1"/>
  <c r="A93966" i="1" s="1"/>
  <c r="A93967" i="1" s="1"/>
  <c r="A93968" i="1" s="1"/>
  <c r="A93969" i="1" s="1"/>
  <c r="A93970" i="1" s="1"/>
  <c r="A93971" i="1" s="1"/>
  <c r="A93972" i="1" s="1"/>
  <c r="A93973" i="1" s="1"/>
  <c r="A93974" i="1" s="1"/>
  <c r="A93975" i="1" s="1"/>
  <c r="A93976" i="1" s="1"/>
  <c r="A93977" i="1" s="1"/>
  <c r="A93978" i="1" s="1"/>
  <c r="A93979" i="1" s="1"/>
  <c r="A93980" i="1" s="1"/>
  <c r="A93981" i="1" s="1"/>
  <c r="A93982" i="1" s="1"/>
  <c r="A93983" i="1" s="1"/>
  <c r="A93984" i="1" s="1"/>
  <c r="A93985" i="1" s="1"/>
  <c r="A93986" i="1" s="1"/>
  <c r="A93987" i="1" s="1"/>
  <c r="A93988" i="1" s="1"/>
  <c r="A93989" i="1" s="1"/>
  <c r="A93990" i="1" s="1"/>
  <c r="A93991" i="1" s="1"/>
  <c r="A93992" i="1" s="1"/>
  <c r="A93993" i="1" s="1"/>
  <c r="A93994" i="1" s="1"/>
  <c r="A93995" i="1" s="1"/>
  <c r="A93996" i="1" s="1"/>
  <c r="A93997" i="1" s="1"/>
  <c r="A93998" i="1" s="1"/>
  <c r="A93999" i="1" s="1"/>
  <c r="A94000" i="1" s="1"/>
  <c r="A94001" i="1" s="1"/>
  <c r="A94002" i="1" s="1"/>
  <c r="A94003" i="1" s="1"/>
  <c r="A94004" i="1" s="1"/>
  <c r="A94005" i="1" s="1"/>
  <c r="A94006" i="1" s="1"/>
  <c r="A94007" i="1" s="1"/>
  <c r="A94008" i="1" s="1"/>
  <c r="A94009" i="1" s="1"/>
  <c r="A94010" i="1" s="1"/>
  <c r="A94011" i="1" s="1"/>
  <c r="A94012" i="1" s="1"/>
  <c r="A94013" i="1" s="1"/>
  <c r="A94014" i="1" s="1"/>
  <c r="A94015" i="1" s="1"/>
  <c r="A94016" i="1" s="1"/>
  <c r="A94017" i="1" s="1"/>
  <c r="A94018" i="1" s="1"/>
  <c r="A94019" i="1" s="1"/>
  <c r="A94020" i="1" s="1"/>
  <c r="A94021" i="1" s="1"/>
  <c r="A94022" i="1" s="1"/>
  <c r="A94023" i="1" s="1"/>
  <c r="A94024" i="1" s="1"/>
  <c r="A94025" i="1" s="1"/>
  <c r="A94026" i="1" s="1"/>
  <c r="A94027" i="1" s="1"/>
  <c r="A94028" i="1" s="1"/>
  <c r="A94029" i="1" s="1"/>
  <c r="A94030" i="1" s="1"/>
  <c r="A94031" i="1" s="1"/>
  <c r="A94032" i="1" s="1"/>
  <c r="A94033" i="1" s="1"/>
  <c r="A94034" i="1" s="1"/>
  <c r="A94035" i="1" s="1"/>
  <c r="A94036" i="1" s="1"/>
  <c r="A94037" i="1" s="1"/>
  <c r="A94038" i="1" s="1"/>
  <c r="A94039" i="1" s="1"/>
  <c r="A94040" i="1" s="1"/>
  <c r="A94041" i="1" s="1"/>
  <c r="A94042" i="1" s="1"/>
  <c r="A94043" i="1" s="1"/>
  <c r="A94044" i="1" s="1"/>
  <c r="A94045" i="1" s="1"/>
  <c r="A94046" i="1" s="1"/>
  <c r="A94047" i="1" s="1"/>
  <c r="A94048" i="1" s="1"/>
  <c r="A94049" i="1" s="1"/>
  <c r="A94050" i="1" s="1"/>
  <c r="A94051" i="1" s="1"/>
  <c r="A94052" i="1" s="1"/>
  <c r="A94053" i="1" s="1"/>
  <c r="A94054" i="1" s="1"/>
  <c r="A94055" i="1" s="1"/>
  <c r="A94056" i="1" s="1"/>
  <c r="A94057" i="1" s="1"/>
  <c r="A94058" i="1" s="1"/>
  <c r="A94059" i="1" s="1"/>
  <c r="A94060" i="1" s="1"/>
  <c r="A94061" i="1" s="1"/>
  <c r="A94062" i="1" s="1"/>
  <c r="A94063" i="1" s="1"/>
  <c r="A94064" i="1" s="1"/>
  <c r="A94065" i="1" s="1"/>
  <c r="A94066" i="1" s="1"/>
  <c r="A94067" i="1" s="1"/>
  <c r="A94068" i="1" s="1"/>
  <c r="A94069" i="1" s="1"/>
  <c r="A94070" i="1" s="1"/>
  <c r="A94071" i="1" s="1"/>
  <c r="A94072" i="1" s="1"/>
  <c r="A94073" i="1" s="1"/>
  <c r="A94074" i="1" s="1"/>
  <c r="A94075" i="1" s="1"/>
  <c r="A94076" i="1" s="1"/>
  <c r="A94077" i="1" s="1"/>
  <c r="A94078" i="1" s="1"/>
  <c r="A94079" i="1" s="1"/>
  <c r="A94080" i="1" s="1"/>
  <c r="A94081" i="1" s="1"/>
  <c r="A94082" i="1" s="1"/>
  <c r="A94083" i="1" s="1"/>
  <c r="A94084" i="1" s="1"/>
  <c r="A94085" i="1" s="1"/>
  <c r="A94086" i="1" s="1"/>
  <c r="A94087" i="1" s="1"/>
  <c r="A94088" i="1" s="1"/>
  <c r="A94089" i="1" s="1"/>
  <c r="A94090" i="1" s="1"/>
  <c r="A94091" i="1" s="1"/>
  <c r="A94092" i="1" s="1"/>
  <c r="A94093" i="1" s="1"/>
  <c r="A94094" i="1" s="1"/>
  <c r="A94095" i="1" s="1"/>
  <c r="A94096" i="1" s="1"/>
  <c r="A94097" i="1" s="1"/>
  <c r="A94098" i="1" s="1"/>
  <c r="A94099" i="1" s="1"/>
  <c r="A94100" i="1" s="1"/>
  <c r="A94101" i="1" s="1"/>
  <c r="A94102" i="1" s="1"/>
  <c r="A94103" i="1" s="1"/>
  <c r="A94104" i="1" s="1"/>
  <c r="A94105" i="1" s="1"/>
  <c r="A94106" i="1" s="1"/>
  <c r="A94107" i="1" s="1"/>
  <c r="A94108" i="1" s="1"/>
  <c r="A94109" i="1" s="1"/>
  <c r="A94110" i="1" s="1"/>
  <c r="A94111" i="1" s="1"/>
  <c r="A94112" i="1" s="1"/>
  <c r="A94113" i="1" s="1"/>
  <c r="A94114" i="1" s="1"/>
  <c r="A94115" i="1" s="1"/>
  <c r="A94116" i="1" s="1"/>
  <c r="A94117" i="1" s="1"/>
  <c r="A94118" i="1" s="1"/>
  <c r="A94119" i="1" s="1"/>
  <c r="A94120" i="1" s="1"/>
  <c r="A94121" i="1" s="1"/>
  <c r="A94122" i="1" s="1"/>
  <c r="A94123" i="1" s="1"/>
  <c r="A94124" i="1" s="1"/>
  <c r="A94125" i="1" s="1"/>
  <c r="A94126" i="1" s="1"/>
  <c r="A94127" i="1" s="1"/>
  <c r="A94128" i="1" s="1"/>
  <c r="A94129" i="1" s="1"/>
  <c r="A94130" i="1" s="1"/>
  <c r="A94131" i="1" s="1"/>
  <c r="A94132" i="1" s="1"/>
  <c r="A94133" i="1" s="1"/>
  <c r="A94134" i="1" s="1"/>
  <c r="A94135" i="1" s="1"/>
  <c r="A94136" i="1" s="1"/>
  <c r="A94137" i="1" s="1"/>
  <c r="A94138" i="1" s="1"/>
  <c r="A94139" i="1" s="1"/>
  <c r="A94140" i="1" s="1"/>
  <c r="A94141" i="1" s="1"/>
  <c r="A94142" i="1" s="1"/>
  <c r="A94143" i="1" s="1"/>
  <c r="A94144" i="1" s="1"/>
  <c r="A94145" i="1" s="1"/>
  <c r="A94146" i="1" s="1"/>
  <c r="A94147" i="1" s="1"/>
  <c r="A94148" i="1" s="1"/>
  <c r="A94149" i="1" s="1"/>
  <c r="A94150" i="1" s="1"/>
  <c r="A94151" i="1" s="1"/>
  <c r="A94152" i="1" s="1"/>
  <c r="A94153" i="1" s="1"/>
  <c r="A94154" i="1" s="1"/>
  <c r="A94155" i="1" s="1"/>
  <c r="A94156" i="1" s="1"/>
  <c r="A94157" i="1" s="1"/>
  <c r="A94158" i="1" s="1"/>
  <c r="A94159" i="1" s="1"/>
  <c r="A94160" i="1" s="1"/>
  <c r="A94161" i="1" s="1"/>
  <c r="A94162" i="1" s="1"/>
  <c r="A94163" i="1" s="1"/>
  <c r="A94164" i="1" s="1"/>
  <c r="A94165" i="1" s="1"/>
  <c r="A94166" i="1" s="1"/>
  <c r="A94167" i="1" s="1"/>
  <c r="A94168" i="1" s="1"/>
  <c r="A94169" i="1" s="1"/>
  <c r="A94170" i="1" s="1"/>
  <c r="A94171" i="1" s="1"/>
  <c r="A94172" i="1" s="1"/>
  <c r="A94173" i="1" s="1"/>
  <c r="A94174" i="1" s="1"/>
  <c r="A94175" i="1" s="1"/>
  <c r="A94176" i="1" s="1"/>
  <c r="A94177" i="1" s="1"/>
  <c r="A94178" i="1" s="1"/>
  <c r="A94179" i="1" s="1"/>
  <c r="A94180" i="1" s="1"/>
  <c r="A94181" i="1" s="1"/>
  <c r="A94182" i="1" s="1"/>
  <c r="A94183" i="1" s="1"/>
  <c r="A94184" i="1" s="1"/>
  <c r="A94185" i="1" s="1"/>
  <c r="A94186" i="1" s="1"/>
  <c r="A94187" i="1" s="1"/>
  <c r="A94188" i="1" s="1"/>
  <c r="A94189" i="1" s="1"/>
  <c r="A94190" i="1" s="1"/>
  <c r="A94191" i="1" s="1"/>
  <c r="A94192" i="1" s="1"/>
  <c r="A94193" i="1" s="1"/>
  <c r="A94194" i="1" s="1"/>
  <c r="A94195" i="1" s="1"/>
  <c r="A94196" i="1" s="1"/>
  <c r="A94197" i="1" s="1"/>
  <c r="A94198" i="1" s="1"/>
  <c r="A94199" i="1" s="1"/>
  <c r="A94200" i="1" s="1"/>
  <c r="A94201" i="1" s="1"/>
  <c r="A94202" i="1" s="1"/>
  <c r="A94203" i="1" s="1"/>
  <c r="A94204" i="1" s="1"/>
  <c r="A94205" i="1" s="1"/>
  <c r="A94206" i="1" s="1"/>
  <c r="A94207" i="1" s="1"/>
  <c r="A94208" i="1" s="1"/>
  <c r="A94209" i="1" s="1"/>
  <c r="A94210" i="1" s="1"/>
  <c r="A94211" i="1" s="1"/>
  <c r="A94212" i="1" s="1"/>
  <c r="A94213" i="1" s="1"/>
  <c r="A94214" i="1" s="1"/>
  <c r="A94215" i="1" s="1"/>
  <c r="A94216" i="1" s="1"/>
  <c r="A94217" i="1" s="1"/>
  <c r="A94218" i="1" s="1"/>
  <c r="A94219" i="1" s="1"/>
  <c r="A94220" i="1" s="1"/>
  <c r="A94221" i="1" s="1"/>
  <c r="A94222" i="1" s="1"/>
  <c r="A94223" i="1" s="1"/>
  <c r="A94224" i="1" s="1"/>
  <c r="A94225" i="1" s="1"/>
  <c r="A94226" i="1" s="1"/>
  <c r="A94227" i="1" s="1"/>
  <c r="A94228" i="1" s="1"/>
  <c r="A94229" i="1" s="1"/>
  <c r="A94230" i="1" s="1"/>
  <c r="A94231" i="1" s="1"/>
  <c r="A94232" i="1" s="1"/>
  <c r="A94233" i="1" s="1"/>
  <c r="A94234" i="1" s="1"/>
  <c r="A94235" i="1" s="1"/>
  <c r="A94236" i="1" s="1"/>
  <c r="A94237" i="1" s="1"/>
  <c r="A94238" i="1" s="1"/>
  <c r="A94239" i="1" s="1"/>
  <c r="A94240" i="1" s="1"/>
  <c r="A94241" i="1" s="1"/>
  <c r="A94242" i="1" s="1"/>
  <c r="A94243" i="1" s="1"/>
  <c r="A94244" i="1" s="1"/>
  <c r="A94245" i="1" s="1"/>
  <c r="A94246" i="1" s="1"/>
  <c r="A94247" i="1" s="1"/>
  <c r="A94248" i="1" s="1"/>
  <c r="A94249" i="1" s="1"/>
  <c r="A94250" i="1" s="1"/>
  <c r="A94251" i="1" s="1"/>
  <c r="A94252" i="1" s="1"/>
  <c r="A94253" i="1" s="1"/>
  <c r="A94254" i="1" s="1"/>
  <c r="A94255" i="1" s="1"/>
  <c r="A94256" i="1" s="1"/>
  <c r="A94257" i="1" s="1"/>
  <c r="A94258" i="1" s="1"/>
  <c r="A94259" i="1" s="1"/>
  <c r="A94260" i="1" s="1"/>
  <c r="A94261" i="1" s="1"/>
  <c r="A94262" i="1" s="1"/>
  <c r="A94263" i="1" s="1"/>
  <c r="A94264" i="1" s="1"/>
  <c r="A94265" i="1" s="1"/>
  <c r="A94266" i="1" s="1"/>
  <c r="A94267" i="1" s="1"/>
  <c r="A94268" i="1" s="1"/>
  <c r="A94269" i="1" s="1"/>
  <c r="A94270" i="1" s="1"/>
  <c r="A94271" i="1" s="1"/>
  <c r="A94272" i="1" s="1"/>
  <c r="A94273" i="1" s="1"/>
  <c r="A94274" i="1" s="1"/>
  <c r="A94275" i="1" s="1"/>
  <c r="A94276" i="1" s="1"/>
  <c r="A94277" i="1" s="1"/>
  <c r="A94278" i="1" s="1"/>
  <c r="A94279" i="1" s="1"/>
  <c r="A94280" i="1" s="1"/>
  <c r="A94281" i="1" s="1"/>
  <c r="A94282" i="1" s="1"/>
  <c r="A94283" i="1" s="1"/>
  <c r="A94284" i="1" s="1"/>
  <c r="A94285" i="1" s="1"/>
  <c r="A94286" i="1" s="1"/>
  <c r="A94287" i="1" s="1"/>
  <c r="A94288" i="1" s="1"/>
  <c r="A94289" i="1" s="1"/>
  <c r="A94290" i="1" s="1"/>
  <c r="A94291" i="1" s="1"/>
  <c r="A94292" i="1" s="1"/>
  <c r="A94293" i="1" s="1"/>
  <c r="A94294" i="1" s="1"/>
  <c r="A94295" i="1" s="1"/>
  <c r="A94296" i="1" s="1"/>
  <c r="A94297" i="1" s="1"/>
  <c r="A94298" i="1" s="1"/>
  <c r="A94299" i="1" s="1"/>
  <c r="A94300" i="1" s="1"/>
  <c r="A94301" i="1" s="1"/>
  <c r="A94302" i="1" s="1"/>
  <c r="A94303" i="1" s="1"/>
  <c r="A94304" i="1" s="1"/>
  <c r="A94305" i="1" s="1"/>
  <c r="A94306" i="1" s="1"/>
  <c r="A94307" i="1" s="1"/>
  <c r="A94308" i="1" s="1"/>
  <c r="A94309" i="1" s="1"/>
  <c r="A94310" i="1" s="1"/>
  <c r="A94311" i="1" s="1"/>
  <c r="A94312" i="1" s="1"/>
  <c r="A94313" i="1" s="1"/>
  <c r="A94314" i="1" s="1"/>
  <c r="A94315" i="1" s="1"/>
  <c r="A94316" i="1" s="1"/>
  <c r="A94317" i="1" s="1"/>
  <c r="A94318" i="1" s="1"/>
  <c r="A94319" i="1" s="1"/>
  <c r="A94320" i="1" s="1"/>
  <c r="A94321" i="1" s="1"/>
  <c r="A94322" i="1" s="1"/>
  <c r="A94323" i="1" s="1"/>
  <c r="A94324" i="1" s="1"/>
  <c r="A94325" i="1" s="1"/>
  <c r="A94326" i="1" s="1"/>
  <c r="A94327" i="1" s="1"/>
  <c r="A94328" i="1" s="1"/>
  <c r="A94329" i="1" s="1"/>
  <c r="A94330" i="1" s="1"/>
  <c r="A94331" i="1" s="1"/>
  <c r="A94332" i="1" s="1"/>
  <c r="A94333" i="1" s="1"/>
  <c r="A94334" i="1" s="1"/>
  <c r="A94335" i="1" s="1"/>
  <c r="A94336" i="1" s="1"/>
  <c r="A94337" i="1" s="1"/>
  <c r="A94338" i="1" s="1"/>
  <c r="A94339" i="1" s="1"/>
  <c r="A94340" i="1" s="1"/>
  <c r="A94341" i="1" s="1"/>
  <c r="A94342" i="1" s="1"/>
  <c r="A94343" i="1" s="1"/>
  <c r="A94344" i="1" s="1"/>
  <c r="A94345" i="1" s="1"/>
  <c r="A94346" i="1" s="1"/>
  <c r="A94347" i="1" s="1"/>
  <c r="A94348" i="1" s="1"/>
  <c r="A94349" i="1" s="1"/>
  <c r="A94350" i="1" s="1"/>
  <c r="A94351" i="1" s="1"/>
  <c r="A94352" i="1" s="1"/>
  <c r="A94353" i="1" s="1"/>
  <c r="A94354" i="1" s="1"/>
  <c r="A94355" i="1" s="1"/>
  <c r="A94356" i="1" s="1"/>
  <c r="A94357" i="1" s="1"/>
  <c r="A94358" i="1" s="1"/>
  <c r="A94359" i="1" s="1"/>
  <c r="A94360" i="1" s="1"/>
  <c r="A94361" i="1" s="1"/>
  <c r="A94362" i="1" s="1"/>
  <c r="A94363" i="1" s="1"/>
  <c r="A94364" i="1" s="1"/>
  <c r="A94365" i="1" s="1"/>
  <c r="A94366" i="1" s="1"/>
  <c r="A94367" i="1" s="1"/>
  <c r="A94368" i="1" s="1"/>
  <c r="A94369" i="1" s="1"/>
  <c r="A94370" i="1" s="1"/>
  <c r="A94371" i="1" s="1"/>
  <c r="A94372" i="1" s="1"/>
  <c r="A94373" i="1" s="1"/>
  <c r="A94374" i="1" s="1"/>
  <c r="A94375" i="1" s="1"/>
  <c r="A94376" i="1" s="1"/>
  <c r="A94377" i="1" s="1"/>
  <c r="A94378" i="1" s="1"/>
  <c r="A94379" i="1" s="1"/>
  <c r="A94380" i="1" s="1"/>
  <c r="A94381" i="1" s="1"/>
  <c r="A94382" i="1" s="1"/>
  <c r="A94383" i="1" s="1"/>
  <c r="A94384" i="1" s="1"/>
  <c r="A94385" i="1" s="1"/>
  <c r="A94386" i="1" s="1"/>
  <c r="A94387" i="1" s="1"/>
  <c r="A94388" i="1" s="1"/>
  <c r="A94389" i="1" s="1"/>
  <c r="A94390" i="1" s="1"/>
  <c r="A94391" i="1" s="1"/>
  <c r="A94392" i="1" s="1"/>
  <c r="A94393" i="1" s="1"/>
  <c r="A94394" i="1" s="1"/>
  <c r="A94395" i="1" s="1"/>
  <c r="A94396" i="1" s="1"/>
  <c r="A94397" i="1" s="1"/>
  <c r="A94398" i="1" s="1"/>
  <c r="A94399" i="1" s="1"/>
  <c r="A94400" i="1" s="1"/>
  <c r="A94401" i="1" s="1"/>
  <c r="A94402" i="1" s="1"/>
  <c r="A94403" i="1" s="1"/>
  <c r="A94404" i="1" s="1"/>
  <c r="A94405" i="1" s="1"/>
  <c r="A94406" i="1" s="1"/>
  <c r="A94407" i="1" s="1"/>
  <c r="A94408" i="1" s="1"/>
  <c r="A94409" i="1" s="1"/>
  <c r="A94410" i="1" s="1"/>
  <c r="A94411" i="1" s="1"/>
  <c r="A94412" i="1" s="1"/>
  <c r="A94413" i="1" s="1"/>
  <c r="A94414" i="1" s="1"/>
  <c r="A94415" i="1" s="1"/>
  <c r="A94416" i="1" s="1"/>
  <c r="A94417" i="1" s="1"/>
  <c r="A94418" i="1" s="1"/>
  <c r="A94419" i="1" s="1"/>
  <c r="A94420" i="1" s="1"/>
  <c r="A94421" i="1" s="1"/>
  <c r="A94422" i="1" s="1"/>
  <c r="A94423" i="1" s="1"/>
  <c r="A94424" i="1" s="1"/>
  <c r="A94425" i="1" s="1"/>
  <c r="A94426" i="1" s="1"/>
  <c r="A94427" i="1" s="1"/>
  <c r="A94428" i="1" s="1"/>
  <c r="A94429" i="1" s="1"/>
  <c r="A94430" i="1" s="1"/>
  <c r="A94431" i="1" s="1"/>
  <c r="A94432" i="1" s="1"/>
  <c r="A94433" i="1" s="1"/>
  <c r="A94434" i="1" s="1"/>
  <c r="A94435" i="1" s="1"/>
  <c r="A94436" i="1" s="1"/>
  <c r="A94437" i="1" s="1"/>
  <c r="A94438" i="1" s="1"/>
  <c r="A94439" i="1" s="1"/>
  <c r="A94440" i="1" s="1"/>
  <c r="A94441" i="1" s="1"/>
  <c r="A94442" i="1" s="1"/>
  <c r="A94443" i="1" s="1"/>
  <c r="A94444" i="1" s="1"/>
  <c r="A94445" i="1" s="1"/>
  <c r="A94446" i="1" s="1"/>
  <c r="A94447" i="1" s="1"/>
  <c r="A94448" i="1" s="1"/>
  <c r="A94449" i="1" s="1"/>
  <c r="A94450" i="1" s="1"/>
  <c r="A94451" i="1" s="1"/>
  <c r="A94452" i="1" s="1"/>
  <c r="A94453" i="1" s="1"/>
  <c r="A94454" i="1" s="1"/>
  <c r="A94455" i="1" s="1"/>
  <c r="A94456" i="1" s="1"/>
  <c r="A94457" i="1" s="1"/>
  <c r="A94458" i="1" s="1"/>
  <c r="A94459" i="1" s="1"/>
  <c r="A94460" i="1" s="1"/>
  <c r="A94461" i="1" s="1"/>
  <c r="A94462" i="1" s="1"/>
  <c r="A94463" i="1" s="1"/>
  <c r="A94464" i="1" s="1"/>
  <c r="A94465" i="1" s="1"/>
  <c r="A94466" i="1" s="1"/>
  <c r="A94467" i="1" s="1"/>
  <c r="A94468" i="1" s="1"/>
  <c r="A94469" i="1" s="1"/>
  <c r="A94470" i="1" s="1"/>
  <c r="A94471" i="1" s="1"/>
  <c r="A94472" i="1" s="1"/>
  <c r="A94473" i="1" s="1"/>
  <c r="A94474" i="1" s="1"/>
  <c r="A94475" i="1" s="1"/>
  <c r="A94476" i="1" s="1"/>
  <c r="A94477" i="1" s="1"/>
  <c r="A94478" i="1" s="1"/>
  <c r="A94479" i="1" s="1"/>
  <c r="A94480" i="1" s="1"/>
  <c r="A94481" i="1" s="1"/>
  <c r="A94482" i="1" s="1"/>
  <c r="A94483" i="1" s="1"/>
  <c r="A94484" i="1" s="1"/>
  <c r="A94485" i="1" s="1"/>
  <c r="A94486" i="1" s="1"/>
  <c r="A94487" i="1" s="1"/>
  <c r="A94488" i="1" s="1"/>
  <c r="A94489" i="1" s="1"/>
  <c r="A94490" i="1" s="1"/>
  <c r="A94491" i="1" s="1"/>
  <c r="A94492" i="1" s="1"/>
  <c r="A94493" i="1" s="1"/>
  <c r="A94494" i="1" s="1"/>
  <c r="A94495" i="1" s="1"/>
  <c r="A94496" i="1" s="1"/>
  <c r="A94497" i="1" s="1"/>
  <c r="A94498" i="1" s="1"/>
  <c r="A94499" i="1" s="1"/>
  <c r="A94500" i="1" s="1"/>
  <c r="A94501" i="1" s="1"/>
  <c r="A94502" i="1" s="1"/>
  <c r="A94503" i="1" s="1"/>
  <c r="A94504" i="1" s="1"/>
  <c r="A94505" i="1" s="1"/>
  <c r="A94506" i="1" s="1"/>
  <c r="A94507" i="1" s="1"/>
  <c r="A94508" i="1" s="1"/>
  <c r="A94509" i="1" s="1"/>
  <c r="A94510" i="1" s="1"/>
  <c r="A94511" i="1" s="1"/>
  <c r="A94512" i="1" s="1"/>
  <c r="A94513" i="1" s="1"/>
  <c r="A94514" i="1" s="1"/>
  <c r="A94515" i="1" s="1"/>
  <c r="A94516" i="1" s="1"/>
  <c r="A94517" i="1" s="1"/>
  <c r="A94518" i="1" s="1"/>
  <c r="A94519" i="1" s="1"/>
  <c r="A94520" i="1" s="1"/>
  <c r="A94521" i="1" s="1"/>
  <c r="A94522" i="1" s="1"/>
  <c r="A94523" i="1" s="1"/>
  <c r="A94524" i="1" s="1"/>
  <c r="A94525" i="1" s="1"/>
  <c r="A94526" i="1" s="1"/>
  <c r="A94527" i="1" s="1"/>
  <c r="A94528" i="1" s="1"/>
  <c r="A94529" i="1" s="1"/>
  <c r="A94530" i="1" s="1"/>
  <c r="A94531" i="1" s="1"/>
  <c r="A94532" i="1" s="1"/>
  <c r="A94533" i="1" s="1"/>
  <c r="A94534" i="1" s="1"/>
  <c r="A94535" i="1" s="1"/>
  <c r="A94536" i="1" s="1"/>
  <c r="A94537" i="1" s="1"/>
  <c r="A94538" i="1" s="1"/>
  <c r="A94539" i="1" s="1"/>
  <c r="A94540" i="1" s="1"/>
  <c r="A94541" i="1" s="1"/>
  <c r="A94542" i="1" s="1"/>
  <c r="A94543" i="1" s="1"/>
  <c r="A94544" i="1" s="1"/>
  <c r="A94545" i="1" s="1"/>
  <c r="A94546" i="1" s="1"/>
  <c r="A94547" i="1" s="1"/>
  <c r="A94548" i="1" s="1"/>
  <c r="A94549" i="1" s="1"/>
  <c r="A94550" i="1" s="1"/>
  <c r="A94551" i="1" s="1"/>
  <c r="A94552" i="1" s="1"/>
  <c r="A94553" i="1" s="1"/>
  <c r="A94554" i="1" s="1"/>
  <c r="A94555" i="1" s="1"/>
  <c r="A94556" i="1" s="1"/>
  <c r="A94557" i="1" s="1"/>
  <c r="A94558" i="1" s="1"/>
  <c r="A94559" i="1" s="1"/>
  <c r="A94560" i="1" s="1"/>
  <c r="A94561" i="1" s="1"/>
  <c r="A94562" i="1" s="1"/>
  <c r="A94563" i="1" s="1"/>
  <c r="A94564" i="1" s="1"/>
  <c r="A94565" i="1" s="1"/>
  <c r="A94566" i="1" s="1"/>
  <c r="A94567" i="1" s="1"/>
  <c r="A94568" i="1" s="1"/>
  <c r="A94569" i="1" s="1"/>
  <c r="A94570" i="1" s="1"/>
  <c r="A94571" i="1" s="1"/>
  <c r="A94572" i="1" s="1"/>
  <c r="A94573" i="1" s="1"/>
  <c r="A94574" i="1" s="1"/>
  <c r="A94575" i="1" s="1"/>
  <c r="A94576" i="1" s="1"/>
  <c r="A94577" i="1" s="1"/>
  <c r="A94578" i="1" s="1"/>
  <c r="A94579" i="1" s="1"/>
  <c r="A94580" i="1" s="1"/>
  <c r="A94581" i="1" s="1"/>
  <c r="A94582" i="1" s="1"/>
  <c r="A94583" i="1" s="1"/>
  <c r="A94584" i="1" s="1"/>
  <c r="A94585" i="1" s="1"/>
  <c r="A94586" i="1" s="1"/>
  <c r="A94587" i="1" s="1"/>
  <c r="A94588" i="1" s="1"/>
  <c r="A94589" i="1" s="1"/>
  <c r="A94590" i="1" s="1"/>
  <c r="A94591" i="1" s="1"/>
  <c r="A94592" i="1" s="1"/>
  <c r="A94593" i="1" s="1"/>
  <c r="A94594" i="1" s="1"/>
  <c r="A94595" i="1" s="1"/>
  <c r="A94596" i="1" s="1"/>
  <c r="A94597" i="1" s="1"/>
  <c r="A94598" i="1" s="1"/>
  <c r="A94599" i="1" s="1"/>
  <c r="A94600" i="1" s="1"/>
  <c r="A94601" i="1" s="1"/>
  <c r="A94602" i="1" s="1"/>
  <c r="A94603" i="1" s="1"/>
  <c r="A94604" i="1" s="1"/>
  <c r="A94605" i="1" s="1"/>
  <c r="A94606" i="1" s="1"/>
  <c r="A94607" i="1" s="1"/>
  <c r="A94608" i="1" s="1"/>
  <c r="A94609" i="1" s="1"/>
  <c r="A94610" i="1" s="1"/>
  <c r="A94611" i="1" s="1"/>
  <c r="A94612" i="1" s="1"/>
  <c r="A94613" i="1" s="1"/>
  <c r="A94614" i="1" s="1"/>
  <c r="A94615" i="1" s="1"/>
  <c r="A94616" i="1" s="1"/>
  <c r="A94617" i="1" s="1"/>
  <c r="A94618" i="1" s="1"/>
  <c r="A94619" i="1" s="1"/>
  <c r="A94620" i="1" s="1"/>
  <c r="A94621" i="1" s="1"/>
  <c r="A94622" i="1" s="1"/>
  <c r="A94623" i="1" s="1"/>
  <c r="A94624" i="1" s="1"/>
  <c r="A94625" i="1" s="1"/>
  <c r="A94626" i="1" s="1"/>
  <c r="A94627" i="1" s="1"/>
  <c r="A94628" i="1" s="1"/>
  <c r="A94629" i="1" s="1"/>
  <c r="A94630" i="1" s="1"/>
  <c r="A94631" i="1" s="1"/>
  <c r="A94632" i="1" s="1"/>
  <c r="A94633" i="1" s="1"/>
  <c r="A94634" i="1" s="1"/>
  <c r="A94635" i="1" s="1"/>
  <c r="A94636" i="1" s="1"/>
  <c r="A94637" i="1" s="1"/>
  <c r="A94638" i="1" s="1"/>
  <c r="A94639" i="1" s="1"/>
  <c r="A94640" i="1" s="1"/>
  <c r="A94641" i="1" s="1"/>
  <c r="A94642" i="1" s="1"/>
  <c r="A94643" i="1" s="1"/>
  <c r="A94644" i="1" s="1"/>
  <c r="A94645" i="1" s="1"/>
  <c r="A94646" i="1" s="1"/>
  <c r="A94647" i="1" s="1"/>
  <c r="A94648" i="1" s="1"/>
  <c r="A94649" i="1" s="1"/>
  <c r="A94650" i="1" s="1"/>
  <c r="A94651" i="1" s="1"/>
  <c r="A94652" i="1" s="1"/>
  <c r="A94653" i="1" s="1"/>
  <c r="A94654" i="1" s="1"/>
  <c r="A94655" i="1" s="1"/>
  <c r="A94656" i="1" s="1"/>
  <c r="A94657" i="1" s="1"/>
  <c r="A94658" i="1" s="1"/>
  <c r="A94659" i="1" s="1"/>
  <c r="A94660" i="1" s="1"/>
  <c r="A94661" i="1" s="1"/>
  <c r="A94662" i="1" s="1"/>
  <c r="A94663" i="1" s="1"/>
  <c r="A94664" i="1" s="1"/>
  <c r="A94665" i="1" s="1"/>
  <c r="A94666" i="1" s="1"/>
  <c r="A94667" i="1" s="1"/>
  <c r="A94668" i="1" s="1"/>
  <c r="A94669" i="1" s="1"/>
  <c r="A94670" i="1" s="1"/>
  <c r="A94671" i="1" s="1"/>
  <c r="A94672" i="1" s="1"/>
  <c r="A94673" i="1" s="1"/>
  <c r="A94674" i="1" s="1"/>
  <c r="A94675" i="1" s="1"/>
  <c r="A94676" i="1" s="1"/>
  <c r="A94677" i="1" s="1"/>
  <c r="A94678" i="1" s="1"/>
  <c r="A94679" i="1" s="1"/>
  <c r="A94680" i="1" s="1"/>
  <c r="A94681" i="1" s="1"/>
  <c r="A94682" i="1" s="1"/>
  <c r="A94683" i="1" s="1"/>
  <c r="A94684" i="1" s="1"/>
  <c r="A94685" i="1" s="1"/>
  <c r="A94686" i="1" s="1"/>
  <c r="A94687" i="1" s="1"/>
  <c r="A94688" i="1" s="1"/>
  <c r="A94689" i="1" s="1"/>
  <c r="A94690" i="1" s="1"/>
  <c r="A94691" i="1" s="1"/>
  <c r="A94692" i="1" s="1"/>
  <c r="A94693" i="1" s="1"/>
  <c r="A94694" i="1" s="1"/>
  <c r="A94695" i="1" s="1"/>
  <c r="A94696" i="1" s="1"/>
  <c r="A94697" i="1" s="1"/>
  <c r="A94698" i="1" s="1"/>
  <c r="A94699" i="1" s="1"/>
  <c r="A94700" i="1" s="1"/>
  <c r="A94701" i="1" s="1"/>
  <c r="A94702" i="1" s="1"/>
  <c r="A94703" i="1" s="1"/>
  <c r="A94704" i="1" s="1"/>
  <c r="A94705" i="1" s="1"/>
  <c r="A94706" i="1" s="1"/>
  <c r="A94707" i="1" s="1"/>
  <c r="A94708" i="1" s="1"/>
  <c r="A94709" i="1" s="1"/>
  <c r="A94710" i="1" s="1"/>
  <c r="A94711" i="1" s="1"/>
  <c r="A94712" i="1" s="1"/>
  <c r="A94713" i="1" s="1"/>
  <c r="A94714" i="1" s="1"/>
  <c r="A94715" i="1" s="1"/>
  <c r="A94716" i="1" s="1"/>
  <c r="A94717" i="1" s="1"/>
  <c r="A94718" i="1" s="1"/>
  <c r="A94719" i="1" s="1"/>
  <c r="A94720" i="1" s="1"/>
  <c r="A94721" i="1" s="1"/>
  <c r="A94722" i="1" s="1"/>
  <c r="A94723" i="1" s="1"/>
  <c r="A94724" i="1" s="1"/>
  <c r="A94725" i="1" s="1"/>
  <c r="A94726" i="1" s="1"/>
  <c r="A94727" i="1" s="1"/>
  <c r="A94728" i="1" s="1"/>
  <c r="A94729" i="1" s="1"/>
  <c r="A94730" i="1" s="1"/>
  <c r="A94731" i="1" s="1"/>
  <c r="A94732" i="1" s="1"/>
  <c r="A94733" i="1" s="1"/>
  <c r="A94734" i="1" s="1"/>
  <c r="A94735" i="1" s="1"/>
  <c r="A94736" i="1" s="1"/>
  <c r="A94737" i="1" s="1"/>
  <c r="A94738" i="1" s="1"/>
  <c r="A94739" i="1" s="1"/>
  <c r="A94740" i="1" s="1"/>
  <c r="A94741" i="1" s="1"/>
  <c r="A94742" i="1" s="1"/>
  <c r="A94743" i="1" s="1"/>
  <c r="A94744" i="1" s="1"/>
  <c r="A94745" i="1" s="1"/>
  <c r="A94746" i="1" s="1"/>
  <c r="A94747" i="1" s="1"/>
  <c r="A94748" i="1" s="1"/>
  <c r="A94749" i="1" s="1"/>
  <c r="A94750" i="1" s="1"/>
  <c r="A94751" i="1" s="1"/>
  <c r="A94752" i="1" s="1"/>
  <c r="A94753" i="1" s="1"/>
  <c r="A94754" i="1" s="1"/>
  <c r="A94755" i="1" s="1"/>
  <c r="A94756" i="1" s="1"/>
  <c r="A94757" i="1" s="1"/>
  <c r="A94758" i="1" s="1"/>
  <c r="A94759" i="1" s="1"/>
  <c r="A94760" i="1" s="1"/>
  <c r="A94761" i="1" s="1"/>
  <c r="A94762" i="1" s="1"/>
  <c r="A94763" i="1" s="1"/>
  <c r="A94764" i="1" s="1"/>
  <c r="A94765" i="1" s="1"/>
  <c r="A94766" i="1" s="1"/>
  <c r="A94767" i="1" s="1"/>
  <c r="A94768" i="1" s="1"/>
  <c r="A94769" i="1" s="1"/>
  <c r="A94770" i="1" s="1"/>
  <c r="A94771" i="1" s="1"/>
  <c r="A94772" i="1" s="1"/>
  <c r="A94773" i="1" s="1"/>
  <c r="A94774" i="1" s="1"/>
  <c r="A94775" i="1" s="1"/>
  <c r="A94776" i="1" s="1"/>
  <c r="A94777" i="1" s="1"/>
  <c r="A94778" i="1" s="1"/>
  <c r="A94779" i="1" s="1"/>
  <c r="A94780" i="1" s="1"/>
  <c r="A94781" i="1" s="1"/>
  <c r="A94782" i="1" s="1"/>
  <c r="A94783" i="1" s="1"/>
  <c r="A94784" i="1" s="1"/>
  <c r="A94785" i="1" s="1"/>
  <c r="A94786" i="1" s="1"/>
  <c r="A94787" i="1" s="1"/>
  <c r="A94788" i="1" s="1"/>
  <c r="A94789" i="1" s="1"/>
  <c r="A94790" i="1" s="1"/>
  <c r="A94791" i="1" s="1"/>
  <c r="A94792" i="1" s="1"/>
  <c r="A94793" i="1" s="1"/>
  <c r="A94794" i="1" s="1"/>
  <c r="A94795" i="1" s="1"/>
  <c r="A94796" i="1" s="1"/>
  <c r="A94797" i="1" s="1"/>
  <c r="A94798" i="1" s="1"/>
  <c r="A94799" i="1" s="1"/>
  <c r="A94800" i="1" s="1"/>
  <c r="A94801" i="1" s="1"/>
  <c r="A94802" i="1" s="1"/>
  <c r="A94803" i="1" s="1"/>
  <c r="A94804" i="1" s="1"/>
  <c r="A94805" i="1" s="1"/>
  <c r="A94806" i="1" s="1"/>
  <c r="A94807" i="1" s="1"/>
  <c r="A94808" i="1" s="1"/>
  <c r="A94809" i="1" s="1"/>
  <c r="A94810" i="1" s="1"/>
  <c r="A94811" i="1" s="1"/>
  <c r="A94812" i="1" s="1"/>
  <c r="A94813" i="1" s="1"/>
  <c r="A94814" i="1" s="1"/>
  <c r="A94815" i="1" s="1"/>
  <c r="A94816" i="1" s="1"/>
  <c r="A94817" i="1" s="1"/>
  <c r="A94818" i="1" s="1"/>
  <c r="A94819" i="1" s="1"/>
  <c r="A94820" i="1" s="1"/>
  <c r="A94821" i="1" s="1"/>
  <c r="A94822" i="1" s="1"/>
  <c r="A94823" i="1" s="1"/>
  <c r="A94824" i="1" s="1"/>
  <c r="A94825" i="1" s="1"/>
  <c r="A94826" i="1" s="1"/>
  <c r="A94827" i="1" s="1"/>
  <c r="A94828" i="1" s="1"/>
  <c r="A94829" i="1" s="1"/>
  <c r="A94830" i="1" s="1"/>
  <c r="A94831" i="1" s="1"/>
  <c r="A94832" i="1" s="1"/>
  <c r="A94833" i="1" s="1"/>
  <c r="A94834" i="1" s="1"/>
  <c r="A94835" i="1" s="1"/>
  <c r="A94836" i="1" s="1"/>
  <c r="A94837" i="1" s="1"/>
  <c r="A94838" i="1" s="1"/>
  <c r="A94839" i="1" s="1"/>
  <c r="A94840" i="1" s="1"/>
  <c r="A94841" i="1" s="1"/>
  <c r="A94842" i="1" s="1"/>
  <c r="A94843" i="1" s="1"/>
  <c r="A94844" i="1" s="1"/>
  <c r="A94845" i="1" s="1"/>
  <c r="A94846" i="1" s="1"/>
  <c r="A94847" i="1" s="1"/>
  <c r="A94848" i="1" s="1"/>
  <c r="A94849" i="1" s="1"/>
  <c r="A94850" i="1" s="1"/>
  <c r="A94851" i="1" s="1"/>
  <c r="A94852" i="1" s="1"/>
  <c r="A94853" i="1" s="1"/>
  <c r="A94854" i="1" s="1"/>
  <c r="A94855" i="1" s="1"/>
  <c r="A94856" i="1" s="1"/>
  <c r="A94857" i="1" s="1"/>
  <c r="A94858" i="1" s="1"/>
  <c r="A94859" i="1" s="1"/>
  <c r="A94860" i="1" s="1"/>
  <c r="A94861" i="1" s="1"/>
  <c r="A94862" i="1" s="1"/>
  <c r="A94863" i="1" s="1"/>
  <c r="A94864" i="1" s="1"/>
  <c r="A94865" i="1" s="1"/>
  <c r="A94866" i="1" s="1"/>
  <c r="A94867" i="1" s="1"/>
  <c r="A94868" i="1" s="1"/>
  <c r="A94869" i="1" s="1"/>
  <c r="A94870" i="1" s="1"/>
  <c r="A94871" i="1" s="1"/>
  <c r="A94872" i="1" s="1"/>
  <c r="A94873" i="1" s="1"/>
  <c r="A94874" i="1" s="1"/>
  <c r="A94875" i="1" s="1"/>
  <c r="A94876" i="1" s="1"/>
  <c r="A94877" i="1" s="1"/>
  <c r="A94878" i="1" s="1"/>
  <c r="A94879" i="1" s="1"/>
  <c r="A94880" i="1" s="1"/>
  <c r="A94881" i="1" s="1"/>
  <c r="A94882" i="1" s="1"/>
  <c r="A94883" i="1" s="1"/>
  <c r="A94884" i="1" s="1"/>
  <c r="A94885" i="1" s="1"/>
  <c r="A94886" i="1" s="1"/>
  <c r="A94887" i="1" s="1"/>
  <c r="A94888" i="1" s="1"/>
  <c r="A94889" i="1" s="1"/>
  <c r="A94890" i="1" s="1"/>
  <c r="A94891" i="1" s="1"/>
  <c r="A94892" i="1" s="1"/>
  <c r="A94893" i="1" s="1"/>
  <c r="A94894" i="1" s="1"/>
  <c r="A94895" i="1" s="1"/>
  <c r="A94896" i="1" s="1"/>
  <c r="A94897" i="1" s="1"/>
  <c r="A94898" i="1" s="1"/>
  <c r="A94899" i="1" s="1"/>
  <c r="A94900" i="1" s="1"/>
  <c r="A94901" i="1" s="1"/>
  <c r="A94902" i="1" s="1"/>
  <c r="A94903" i="1" s="1"/>
  <c r="A94904" i="1" s="1"/>
  <c r="A94905" i="1" s="1"/>
  <c r="A94906" i="1" s="1"/>
  <c r="A94907" i="1" s="1"/>
  <c r="A94908" i="1" s="1"/>
  <c r="A94909" i="1" s="1"/>
  <c r="A94910" i="1" s="1"/>
  <c r="A94911" i="1" s="1"/>
  <c r="A94912" i="1" s="1"/>
  <c r="A94913" i="1" s="1"/>
  <c r="A94914" i="1" s="1"/>
  <c r="A94915" i="1" s="1"/>
  <c r="A94916" i="1" s="1"/>
  <c r="A94917" i="1" s="1"/>
  <c r="A94918" i="1" s="1"/>
  <c r="A94919" i="1" s="1"/>
  <c r="A94920" i="1" s="1"/>
  <c r="A94921" i="1" s="1"/>
  <c r="A94922" i="1" s="1"/>
  <c r="A94923" i="1" s="1"/>
  <c r="A94924" i="1" s="1"/>
  <c r="A94925" i="1" s="1"/>
  <c r="A94926" i="1" s="1"/>
  <c r="A94927" i="1" s="1"/>
  <c r="A94928" i="1" s="1"/>
  <c r="A94929" i="1" s="1"/>
  <c r="A94930" i="1" s="1"/>
  <c r="A94931" i="1" s="1"/>
  <c r="A94932" i="1" s="1"/>
  <c r="A94933" i="1" s="1"/>
  <c r="A94934" i="1" s="1"/>
  <c r="A94935" i="1" s="1"/>
  <c r="A94936" i="1" s="1"/>
  <c r="A94937" i="1" s="1"/>
  <c r="A94938" i="1" s="1"/>
  <c r="A94939" i="1" s="1"/>
  <c r="A94940" i="1" s="1"/>
  <c r="A94941" i="1" s="1"/>
  <c r="A94942" i="1" s="1"/>
  <c r="A94943" i="1" s="1"/>
  <c r="A94944" i="1" s="1"/>
  <c r="A94945" i="1" s="1"/>
  <c r="A94946" i="1" s="1"/>
  <c r="A94947" i="1" s="1"/>
  <c r="A94948" i="1" s="1"/>
  <c r="A94949" i="1" s="1"/>
  <c r="A94950" i="1" s="1"/>
  <c r="A94951" i="1" s="1"/>
  <c r="A94952" i="1" s="1"/>
  <c r="A94953" i="1" s="1"/>
  <c r="A94954" i="1" s="1"/>
  <c r="A94955" i="1" s="1"/>
  <c r="A94956" i="1" s="1"/>
  <c r="A94957" i="1" s="1"/>
  <c r="A94958" i="1" s="1"/>
  <c r="A94959" i="1" s="1"/>
  <c r="A94960" i="1" s="1"/>
  <c r="A94961" i="1" s="1"/>
  <c r="A94962" i="1" s="1"/>
  <c r="A94963" i="1" s="1"/>
  <c r="A94964" i="1" s="1"/>
  <c r="A94965" i="1" s="1"/>
  <c r="A94966" i="1" s="1"/>
  <c r="A94967" i="1" s="1"/>
  <c r="A94968" i="1" s="1"/>
  <c r="A94969" i="1" s="1"/>
  <c r="A94970" i="1" s="1"/>
  <c r="A94971" i="1" s="1"/>
  <c r="A94972" i="1" s="1"/>
  <c r="A94973" i="1" s="1"/>
  <c r="A94974" i="1" s="1"/>
  <c r="A94975" i="1" s="1"/>
  <c r="A94976" i="1" s="1"/>
  <c r="A94977" i="1" s="1"/>
  <c r="A94978" i="1" s="1"/>
  <c r="A94979" i="1" s="1"/>
  <c r="A94980" i="1" s="1"/>
  <c r="A94981" i="1" s="1"/>
  <c r="A94982" i="1" s="1"/>
  <c r="A94983" i="1" s="1"/>
  <c r="A94984" i="1" s="1"/>
  <c r="A94985" i="1" s="1"/>
  <c r="A94986" i="1" s="1"/>
  <c r="A94987" i="1" s="1"/>
  <c r="A94988" i="1" s="1"/>
  <c r="A94989" i="1" s="1"/>
  <c r="A94990" i="1" s="1"/>
  <c r="A94991" i="1" s="1"/>
  <c r="A94992" i="1" s="1"/>
  <c r="A94993" i="1" s="1"/>
  <c r="A94994" i="1" s="1"/>
  <c r="A94995" i="1" s="1"/>
  <c r="A94996" i="1" s="1"/>
  <c r="A94997" i="1" s="1"/>
  <c r="A94998" i="1" s="1"/>
  <c r="A94999" i="1" s="1"/>
  <c r="A95000" i="1" s="1"/>
  <c r="A95001" i="1" s="1"/>
  <c r="A95002" i="1" s="1"/>
  <c r="A95003" i="1" s="1"/>
  <c r="A95004" i="1" s="1"/>
  <c r="A95005" i="1" s="1"/>
  <c r="A95006" i="1" s="1"/>
  <c r="A95007" i="1" s="1"/>
  <c r="A95008" i="1" s="1"/>
  <c r="A95009" i="1" s="1"/>
  <c r="A95010" i="1" s="1"/>
  <c r="A95011" i="1" s="1"/>
  <c r="A95012" i="1" s="1"/>
  <c r="A95013" i="1" s="1"/>
  <c r="A95014" i="1" s="1"/>
  <c r="A95015" i="1" s="1"/>
  <c r="A95016" i="1" s="1"/>
  <c r="A95017" i="1" s="1"/>
  <c r="A95018" i="1" s="1"/>
  <c r="A95019" i="1" s="1"/>
  <c r="A95020" i="1" s="1"/>
  <c r="A95021" i="1" s="1"/>
  <c r="A95022" i="1" s="1"/>
  <c r="A95023" i="1" s="1"/>
  <c r="A95024" i="1" s="1"/>
  <c r="A95025" i="1" s="1"/>
  <c r="A95026" i="1" s="1"/>
  <c r="A95027" i="1" s="1"/>
  <c r="A95028" i="1" s="1"/>
  <c r="A95029" i="1" s="1"/>
  <c r="A95030" i="1" s="1"/>
  <c r="A95031" i="1" s="1"/>
  <c r="A95032" i="1" s="1"/>
  <c r="A95033" i="1" s="1"/>
  <c r="A95034" i="1" s="1"/>
  <c r="A95035" i="1" s="1"/>
  <c r="A95036" i="1" s="1"/>
  <c r="A95037" i="1" s="1"/>
  <c r="A95038" i="1" s="1"/>
  <c r="A95039" i="1" s="1"/>
  <c r="A95040" i="1" s="1"/>
  <c r="A95041" i="1" s="1"/>
  <c r="A95042" i="1" s="1"/>
  <c r="A95043" i="1" s="1"/>
  <c r="A95044" i="1" s="1"/>
  <c r="A95045" i="1" s="1"/>
  <c r="A95046" i="1" s="1"/>
  <c r="A95047" i="1" s="1"/>
  <c r="A95048" i="1" s="1"/>
  <c r="A95049" i="1" s="1"/>
  <c r="A95050" i="1" s="1"/>
  <c r="A95051" i="1" s="1"/>
  <c r="A95052" i="1" s="1"/>
  <c r="A95053" i="1" s="1"/>
  <c r="A95054" i="1" s="1"/>
  <c r="A95055" i="1" s="1"/>
  <c r="A95056" i="1" s="1"/>
  <c r="A95057" i="1" s="1"/>
  <c r="A95058" i="1" s="1"/>
  <c r="A95059" i="1" s="1"/>
  <c r="A95060" i="1" s="1"/>
  <c r="A95061" i="1" s="1"/>
  <c r="A95062" i="1" s="1"/>
  <c r="A95063" i="1" s="1"/>
  <c r="A95064" i="1" s="1"/>
  <c r="A95065" i="1" s="1"/>
  <c r="A95066" i="1" s="1"/>
  <c r="A95067" i="1" s="1"/>
  <c r="A95068" i="1" s="1"/>
  <c r="A95069" i="1" s="1"/>
  <c r="A95070" i="1" s="1"/>
  <c r="A95071" i="1" s="1"/>
  <c r="A95072" i="1" s="1"/>
  <c r="A95073" i="1" s="1"/>
  <c r="A95074" i="1" s="1"/>
  <c r="A95075" i="1" s="1"/>
  <c r="A95076" i="1" s="1"/>
  <c r="A95077" i="1" s="1"/>
  <c r="A95078" i="1" s="1"/>
  <c r="A95079" i="1" s="1"/>
  <c r="A95080" i="1" s="1"/>
  <c r="A95081" i="1" s="1"/>
  <c r="A95082" i="1" s="1"/>
  <c r="A95083" i="1" s="1"/>
  <c r="A95084" i="1" s="1"/>
  <c r="A95085" i="1" s="1"/>
  <c r="A95086" i="1" s="1"/>
  <c r="A95087" i="1" s="1"/>
  <c r="A95088" i="1" s="1"/>
  <c r="A95089" i="1" s="1"/>
  <c r="A95090" i="1" s="1"/>
  <c r="A95091" i="1" s="1"/>
  <c r="A95092" i="1" s="1"/>
  <c r="A95093" i="1" s="1"/>
  <c r="A95094" i="1" s="1"/>
  <c r="A95095" i="1" s="1"/>
  <c r="A95096" i="1" s="1"/>
  <c r="A95097" i="1" s="1"/>
  <c r="A95098" i="1" s="1"/>
  <c r="A95099" i="1" s="1"/>
  <c r="A95100" i="1" s="1"/>
  <c r="A95101" i="1" s="1"/>
  <c r="A95102" i="1" s="1"/>
  <c r="A95103" i="1" s="1"/>
  <c r="A95104" i="1" s="1"/>
  <c r="A95105" i="1" s="1"/>
  <c r="A95106" i="1" s="1"/>
  <c r="A95107" i="1" s="1"/>
  <c r="A95108" i="1" s="1"/>
  <c r="A95109" i="1" s="1"/>
  <c r="A95110" i="1" s="1"/>
  <c r="A95111" i="1" s="1"/>
  <c r="A95112" i="1" s="1"/>
  <c r="A95113" i="1" s="1"/>
  <c r="A95114" i="1" s="1"/>
  <c r="A95115" i="1" s="1"/>
  <c r="A95116" i="1" s="1"/>
  <c r="A95117" i="1" s="1"/>
  <c r="A95118" i="1" s="1"/>
  <c r="A95119" i="1" s="1"/>
  <c r="A95120" i="1" s="1"/>
  <c r="A95121" i="1" s="1"/>
  <c r="A95122" i="1" s="1"/>
  <c r="A95123" i="1" s="1"/>
  <c r="A95124" i="1" s="1"/>
  <c r="A95125" i="1" s="1"/>
  <c r="A95126" i="1" s="1"/>
  <c r="A95127" i="1" s="1"/>
  <c r="A95128" i="1" s="1"/>
  <c r="A95129" i="1" s="1"/>
  <c r="A95130" i="1" s="1"/>
  <c r="A95131" i="1" s="1"/>
  <c r="A95132" i="1" s="1"/>
  <c r="A95133" i="1" s="1"/>
  <c r="A95134" i="1" s="1"/>
  <c r="A95135" i="1" s="1"/>
  <c r="A95136" i="1" s="1"/>
  <c r="A95137" i="1" s="1"/>
  <c r="A95138" i="1" s="1"/>
  <c r="A95139" i="1" s="1"/>
  <c r="A95140" i="1" s="1"/>
  <c r="A95141" i="1" s="1"/>
  <c r="A95142" i="1" s="1"/>
  <c r="A95143" i="1" s="1"/>
  <c r="A95144" i="1" s="1"/>
  <c r="A95145" i="1" s="1"/>
  <c r="A95146" i="1" s="1"/>
  <c r="A95147" i="1" s="1"/>
  <c r="A95148" i="1" s="1"/>
  <c r="A95149" i="1" s="1"/>
  <c r="A95150" i="1" s="1"/>
  <c r="A95151" i="1" s="1"/>
  <c r="A95152" i="1" s="1"/>
  <c r="A95153" i="1" s="1"/>
  <c r="A95154" i="1" s="1"/>
  <c r="A95155" i="1" s="1"/>
  <c r="A95156" i="1" s="1"/>
  <c r="A95157" i="1" s="1"/>
  <c r="A95158" i="1" s="1"/>
  <c r="A95159" i="1" s="1"/>
  <c r="A95160" i="1" s="1"/>
  <c r="A95161" i="1" s="1"/>
  <c r="A95162" i="1" s="1"/>
  <c r="A95163" i="1" s="1"/>
  <c r="A95164" i="1" s="1"/>
  <c r="A95165" i="1" s="1"/>
  <c r="A95166" i="1" s="1"/>
  <c r="A95167" i="1" s="1"/>
  <c r="A95168" i="1" s="1"/>
  <c r="A95169" i="1" s="1"/>
  <c r="A95170" i="1" s="1"/>
  <c r="A95171" i="1" s="1"/>
  <c r="A95172" i="1" s="1"/>
  <c r="A95173" i="1" s="1"/>
  <c r="A95174" i="1" s="1"/>
  <c r="A95175" i="1" s="1"/>
  <c r="A95176" i="1" s="1"/>
  <c r="A95177" i="1" s="1"/>
  <c r="A95178" i="1" s="1"/>
  <c r="A95179" i="1" s="1"/>
  <c r="A95180" i="1" s="1"/>
  <c r="A95181" i="1" s="1"/>
  <c r="A95182" i="1" s="1"/>
  <c r="A95183" i="1" s="1"/>
  <c r="A95184" i="1" s="1"/>
  <c r="A95185" i="1" s="1"/>
  <c r="A95186" i="1" s="1"/>
  <c r="A95187" i="1" s="1"/>
  <c r="A95188" i="1" s="1"/>
  <c r="A95189" i="1" s="1"/>
  <c r="A95190" i="1" s="1"/>
  <c r="A95191" i="1" s="1"/>
  <c r="A95192" i="1" s="1"/>
  <c r="A95193" i="1" s="1"/>
  <c r="A95194" i="1" s="1"/>
  <c r="A95195" i="1" s="1"/>
  <c r="A95196" i="1" s="1"/>
  <c r="A95197" i="1" s="1"/>
  <c r="A95198" i="1" s="1"/>
  <c r="A95199" i="1" s="1"/>
  <c r="A95200" i="1" s="1"/>
  <c r="A95201" i="1" s="1"/>
  <c r="A95202" i="1" s="1"/>
  <c r="A95203" i="1" s="1"/>
  <c r="A95204" i="1" s="1"/>
  <c r="A95205" i="1" s="1"/>
  <c r="A95206" i="1" s="1"/>
  <c r="A95207" i="1" s="1"/>
  <c r="A95208" i="1" s="1"/>
  <c r="A95209" i="1" s="1"/>
  <c r="A95210" i="1" s="1"/>
  <c r="A95211" i="1" s="1"/>
  <c r="A95212" i="1" s="1"/>
  <c r="A95213" i="1" s="1"/>
  <c r="A95214" i="1" s="1"/>
  <c r="A95215" i="1" s="1"/>
  <c r="A95216" i="1" s="1"/>
  <c r="A95217" i="1" s="1"/>
  <c r="A95218" i="1" s="1"/>
  <c r="A95219" i="1" s="1"/>
  <c r="A95220" i="1" s="1"/>
  <c r="A95221" i="1" s="1"/>
  <c r="A95222" i="1" s="1"/>
  <c r="A95223" i="1" s="1"/>
  <c r="A95224" i="1" s="1"/>
  <c r="A95225" i="1" s="1"/>
  <c r="A95226" i="1" s="1"/>
  <c r="A95227" i="1" s="1"/>
  <c r="A95228" i="1" s="1"/>
  <c r="A95229" i="1" s="1"/>
  <c r="A95230" i="1" s="1"/>
  <c r="A95231" i="1" s="1"/>
  <c r="A95232" i="1" s="1"/>
  <c r="A95233" i="1" s="1"/>
  <c r="A95234" i="1" s="1"/>
  <c r="A95235" i="1" s="1"/>
  <c r="A95236" i="1" s="1"/>
  <c r="A95237" i="1" s="1"/>
  <c r="A95238" i="1" s="1"/>
  <c r="A95239" i="1" s="1"/>
  <c r="A95240" i="1" s="1"/>
  <c r="A95241" i="1" s="1"/>
  <c r="A95242" i="1" s="1"/>
  <c r="A95243" i="1" s="1"/>
  <c r="A95244" i="1" s="1"/>
  <c r="A95245" i="1" s="1"/>
  <c r="A95246" i="1" s="1"/>
  <c r="A95247" i="1" s="1"/>
  <c r="A95248" i="1" s="1"/>
  <c r="A95249" i="1" s="1"/>
  <c r="A95250" i="1" s="1"/>
  <c r="A95251" i="1" s="1"/>
  <c r="A95252" i="1" s="1"/>
  <c r="A95253" i="1" s="1"/>
  <c r="A95254" i="1" s="1"/>
  <c r="A95255" i="1" s="1"/>
  <c r="A95256" i="1" s="1"/>
  <c r="A95257" i="1" s="1"/>
  <c r="A95258" i="1" s="1"/>
  <c r="A95259" i="1" s="1"/>
  <c r="A95260" i="1" s="1"/>
  <c r="A95261" i="1" s="1"/>
  <c r="A95262" i="1" s="1"/>
  <c r="A95263" i="1" s="1"/>
  <c r="A95264" i="1" s="1"/>
  <c r="A95265" i="1" s="1"/>
  <c r="A95266" i="1" s="1"/>
  <c r="A95267" i="1" s="1"/>
  <c r="A95268" i="1" s="1"/>
  <c r="A95269" i="1" s="1"/>
  <c r="A95270" i="1" s="1"/>
  <c r="A95271" i="1" s="1"/>
  <c r="A95272" i="1" s="1"/>
  <c r="A95273" i="1" s="1"/>
  <c r="A95274" i="1" s="1"/>
  <c r="A95275" i="1" s="1"/>
  <c r="A95276" i="1" s="1"/>
  <c r="A95277" i="1" s="1"/>
  <c r="A95278" i="1" s="1"/>
  <c r="A95279" i="1" s="1"/>
  <c r="A95280" i="1" s="1"/>
  <c r="A95281" i="1" s="1"/>
  <c r="A95282" i="1" s="1"/>
  <c r="A95283" i="1" s="1"/>
  <c r="A95284" i="1" s="1"/>
  <c r="A95285" i="1" s="1"/>
  <c r="A95286" i="1" s="1"/>
  <c r="A95287" i="1" s="1"/>
  <c r="A95288" i="1" s="1"/>
  <c r="A95289" i="1" s="1"/>
  <c r="A95290" i="1" s="1"/>
  <c r="A95291" i="1" s="1"/>
  <c r="A95292" i="1" s="1"/>
  <c r="A95293" i="1" s="1"/>
  <c r="A95294" i="1" s="1"/>
  <c r="A95295" i="1" s="1"/>
  <c r="A95296" i="1" s="1"/>
  <c r="A95297" i="1" s="1"/>
  <c r="A95298" i="1" s="1"/>
  <c r="A95299" i="1" s="1"/>
  <c r="A95300" i="1" s="1"/>
  <c r="A95301" i="1" s="1"/>
  <c r="A95302" i="1" s="1"/>
  <c r="A95303" i="1" s="1"/>
  <c r="A95304" i="1" s="1"/>
  <c r="A95305" i="1" s="1"/>
  <c r="A95306" i="1" s="1"/>
  <c r="A95307" i="1" s="1"/>
  <c r="A95308" i="1" s="1"/>
  <c r="A95309" i="1" s="1"/>
  <c r="A95310" i="1" s="1"/>
  <c r="A95311" i="1" s="1"/>
  <c r="A95312" i="1" s="1"/>
  <c r="A95313" i="1" s="1"/>
  <c r="A95314" i="1" s="1"/>
  <c r="A95315" i="1" s="1"/>
  <c r="A95316" i="1" s="1"/>
  <c r="A95317" i="1" s="1"/>
  <c r="A95318" i="1" s="1"/>
  <c r="A95319" i="1" s="1"/>
  <c r="A95320" i="1" s="1"/>
  <c r="A95321" i="1" s="1"/>
  <c r="A95322" i="1" s="1"/>
  <c r="A95323" i="1" s="1"/>
  <c r="A95324" i="1" s="1"/>
  <c r="A95325" i="1" s="1"/>
  <c r="A95326" i="1" s="1"/>
  <c r="A95327" i="1" s="1"/>
  <c r="A95328" i="1" s="1"/>
  <c r="A95329" i="1" s="1"/>
  <c r="A95330" i="1" s="1"/>
  <c r="A95331" i="1" s="1"/>
  <c r="A95332" i="1" s="1"/>
  <c r="A95333" i="1" s="1"/>
  <c r="A95334" i="1" s="1"/>
  <c r="A95335" i="1" s="1"/>
  <c r="A95336" i="1" s="1"/>
  <c r="A95337" i="1" s="1"/>
  <c r="A95338" i="1" s="1"/>
  <c r="A95339" i="1" s="1"/>
  <c r="A95340" i="1" s="1"/>
  <c r="A95341" i="1" s="1"/>
  <c r="A95342" i="1" s="1"/>
  <c r="A95343" i="1" s="1"/>
  <c r="A95344" i="1" s="1"/>
  <c r="A95345" i="1" s="1"/>
  <c r="A95346" i="1" s="1"/>
  <c r="A95347" i="1" s="1"/>
  <c r="A95348" i="1" s="1"/>
  <c r="A95349" i="1" s="1"/>
  <c r="A95350" i="1" s="1"/>
  <c r="A95351" i="1" s="1"/>
  <c r="A95352" i="1" s="1"/>
  <c r="A95353" i="1" s="1"/>
  <c r="A95354" i="1" s="1"/>
  <c r="A95355" i="1" s="1"/>
  <c r="A95356" i="1" s="1"/>
  <c r="A95357" i="1" s="1"/>
  <c r="A95358" i="1" s="1"/>
  <c r="A95359" i="1" s="1"/>
  <c r="A95360" i="1" s="1"/>
  <c r="A95361" i="1" s="1"/>
  <c r="A95362" i="1" s="1"/>
  <c r="A95363" i="1" s="1"/>
  <c r="A95364" i="1" s="1"/>
  <c r="A95365" i="1" s="1"/>
  <c r="A95366" i="1" s="1"/>
  <c r="A95367" i="1" s="1"/>
  <c r="A95368" i="1" s="1"/>
  <c r="A95369" i="1" s="1"/>
  <c r="A95370" i="1" s="1"/>
  <c r="A95371" i="1" s="1"/>
  <c r="A95372" i="1" s="1"/>
  <c r="A95373" i="1" s="1"/>
  <c r="A95374" i="1" s="1"/>
  <c r="A95375" i="1" s="1"/>
  <c r="A95376" i="1" s="1"/>
  <c r="A95377" i="1" s="1"/>
  <c r="A95378" i="1" s="1"/>
  <c r="A95379" i="1" s="1"/>
  <c r="A95380" i="1" s="1"/>
  <c r="A95381" i="1" s="1"/>
  <c r="A95382" i="1" s="1"/>
  <c r="A95383" i="1" s="1"/>
  <c r="A95384" i="1" s="1"/>
  <c r="A95385" i="1" s="1"/>
  <c r="A95386" i="1" s="1"/>
  <c r="A95387" i="1" s="1"/>
  <c r="A95388" i="1" s="1"/>
  <c r="A95389" i="1" s="1"/>
  <c r="A95390" i="1" s="1"/>
  <c r="A95391" i="1" s="1"/>
  <c r="A95392" i="1" s="1"/>
  <c r="A95393" i="1" s="1"/>
  <c r="A95394" i="1" s="1"/>
  <c r="A95395" i="1" s="1"/>
  <c r="A95396" i="1" s="1"/>
  <c r="A95397" i="1" s="1"/>
  <c r="A95398" i="1" s="1"/>
  <c r="A95399" i="1" s="1"/>
  <c r="A95400" i="1" s="1"/>
  <c r="A95401" i="1" s="1"/>
  <c r="A95402" i="1" s="1"/>
  <c r="A95403" i="1" s="1"/>
  <c r="A95404" i="1" s="1"/>
  <c r="A95405" i="1" s="1"/>
  <c r="A95406" i="1" s="1"/>
  <c r="A95407" i="1" s="1"/>
  <c r="A95408" i="1" s="1"/>
  <c r="A95409" i="1" s="1"/>
  <c r="A95410" i="1" s="1"/>
  <c r="A95411" i="1" s="1"/>
  <c r="A95412" i="1" s="1"/>
  <c r="A95413" i="1" s="1"/>
  <c r="A95414" i="1" s="1"/>
  <c r="A95415" i="1" s="1"/>
  <c r="A95416" i="1" s="1"/>
  <c r="A95417" i="1" s="1"/>
  <c r="A95418" i="1" s="1"/>
  <c r="A95419" i="1" s="1"/>
  <c r="A95420" i="1" s="1"/>
  <c r="A95421" i="1" s="1"/>
  <c r="A95422" i="1" s="1"/>
  <c r="A95423" i="1" s="1"/>
  <c r="A95424" i="1" s="1"/>
  <c r="A95425" i="1" s="1"/>
  <c r="A95426" i="1" s="1"/>
  <c r="A95427" i="1" s="1"/>
  <c r="A95428" i="1" s="1"/>
  <c r="A95429" i="1" s="1"/>
  <c r="A95430" i="1" s="1"/>
  <c r="A95431" i="1" s="1"/>
  <c r="A95432" i="1" s="1"/>
  <c r="A95433" i="1" s="1"/>
  <c r="A95434" i="1" s="1"/>
  <c r="A95435" i="1" s="1"/>
  <c r="A95436" i="1" s="1"/>
  <c r="A95437" i="1" s="1"/>
  <c r="A95438" i="1" s="1"/>
  <c r="A95439" i="1" s="1"/>
  <c r="A95440" i="1" s="1"/>
  <c r="A95441" i="1" s="1"/>
  <c r="A95442" i="1" s="1"/>
  <c r="A95443" i="1" s="1"/>
  <c r="A95444" i="1" s="1"/>
  <c r="A95445" i="1" s="1"/>
  <c r="A95446" i="1" s="1"/>
  <c r="A95447" i="1" s="1"/>
  <c r="A95448" i="1" s="1"/>
  <c r="A95449" i="1" s="1"/>
  <c r="A95450" i="1" s="1"/>
  <c r="A95451" i="1" s="1"/>
  <c r="A95452" i="1" s="1"/>
  <c r="A95453" i="1" s="1"/>
  <c r="A95454" i="1" s="1"/>
  <c r="A95455" i="1" s="1"/>
  <c r="A95456" i="1" s="1"/>
  <c r="A95457" i="1" s="1"/>
  <c r="A95458" i="1" s="1"/>
  <c r="A95459" i="1" s="1"/>
  <c r="A95460" i="1" s="1"/>
  <c r="A95461" i="1" s="1"/>
  <c r="A95462" i="1" s="1"/>
  <c r="A95463" i="1" s="1"/>
  <c r="A95464" i="1" s="1"/>
  <c r="A95465" i="1" s="1"/>
  <c r="A95466" i="1" s="1"/>
  <c r="A95467" i="1" s="1"/>
  <c r="A95468" i="1" s="1"/>
  <c r="A95469" i="1" s="1"/>
  <c r="A95470" i="1" s="1"/>
  <c r="A95471" i="1" s="1"/>
  <c r="A95472" i="1" s="1"/>
  <c r="A95473" i="1" s="1"/>
  <c r="A95474" i="1" s="1"/>
  <c r="A95475" i="1" s="1"/>
  <c r="A95476" i="1" s="1"/>
  <c r="A95477" i="1" s="1"/>
  <c r="A95478" i="1" s="1"/>
  <c r="A95479" i="1" s="1"/>
  <c r="A95480" i="1" s="1"/>
  <c r="A95481" i="1" s="1"/>
  <c r="A95482" i="1" s="1"/>
  <c r="A95483" i="1" s="1"/>
  <c r="A95484" i="1" s="1"/>
  <c r="A95485" i="1" s="1"/>
  <c r="A95486" i="1" s="1"/>
  <c r="A95487" i="1" s="1"/>
  <c r="A95488" i="1" s="1"/>
  <c r="A95489" i="1" s="1"/>
  <c r="A95490" i="1" s="1"/>
  <c r="A95491" i="1" s="1"/>
  <c r="A95492" i="1" s="1"/>
  <c r="A95493" i="1" s="1"/>
  <c r="A95494" i="1" s="1"/>
  <c r="A95495" i="1" s="1"/>
  <c r="A95496" i="1" s="1"/>
  <c r="A95497" i="1" s="1"/>
  <c r="A95498" i="1" s="1"/>
  <c r="A95499" i="1" s="1"/>
  <c r="A95500" i="1" s="1"/>
  <c r="A95501" i="1" s="1"/>
  <c r="A95502" i="1" s="1"/>
  <c r="A95503" i="1" s="1"/>
  <c r="A95504" i="1" s="1"/>
  <c r="A95505" i="1" s="1"/>
  <c r="A95506" i="1" s="1"/>
  <c r="A95507" i="1" s="1"/>
  <c r="A95508" i="1" s="1"/>
  <c r="A95509" i="1" s="1"/>
  <c r="A95510" i="1" s="1"/>
  <c r="A95511" i="1" s="1"/>
  <c r="A95512" i="1" s="1"/>
  <c r="A95513" i="1" s="1"/>
  <c r="A95514" i="1" s="1"/>
  <c r="A95515" i="1" s="1"/>
  <c r="A95516" i="1" s="1"/>
  <c r="A95517" i="1" s="1"/>
  <c r="A95518" i="1" s="1"/>
  <c r="A95519" i="1" s="1"/>
  <c r="A95520" i="1" s="1"/>
  <c r="A95521" i="1" s="1"/>
  <c r="A95522" i="1" s="1"/>
  <c r="A95523" i="1" s="1"/>
  <c r="A95524" i="1" s="1"/>
  <c r="A95525" i="1" s="1"/>
  <c r="A95526" i="1" s="1"/>
  <c r="A95527" i="1" s="1"/>
  <c r="A95528" i="1" s="1"/>
  <c r="A95529" i="1" s="1"/>
  <c r="A95530" i="1" s="1"/>
  <c r="A95531" i="1" s="1"/>
  <c r="A95532" i="1" s="1"/>
  <c r="A95533" i="1" s="1"/>
  <c r="A95534" i="1" s="1"/>
  <c r="A95535" i="1" s="1"/>
  <c r="A95536" i="1" s="1"/>
  <c r="A95537" i="1" s="1"/>
  <c r="A95538" i="1" s="1"/>
  <c r="A95539" i="1" s="1"/>
  <c r="A95540" i="1" s="1"/>
  <c r="A95541" i="1" s="1"/>
  <c r="A95542" i="1" s="1"/>
  <c r="A95543" i="1" s="1"/>
  <c r="A95544" i="1" s="1"/>
  <c r="A95545" i="1" s="1"/>
  <c r="A95546" i="1" s="1"/>
  <c r="A95547" i="1" s="1"/>
  <c r="A95548" i="1" s="1"/>
  <c r="A95549" i="1" s="1"/>
  <c r="A95550" i="1" s="1"/>
  <c r="A95551" i="1" s="1"/>
  <c r="A95552" i="1" s="1"/>
  <c r="A95553" i="1" s="1"/>
  <c r="A95554" i="1" s="1"/>
  <c r="A95555" i="1" s="1"/>
  <c r="A95556" i="1" s="1"/>
  <c r="A95557" i="1" s="1"/>
  <c r="A95558" i="1" s="1"/>
  <c r="A95559" i="1" s="1"/>
  <c r="A95560" i="1" s="1"/>
  <c r="A95561" i="1" s="1"/>
  <c r="A95562" i="1" s="1"/>
  <c r="A95563" i="1" s="1"/>
  <c r="A95564" i="1" s="1"/>
  <c r="A95565" i="1" s="1"/>
  <c r="A95566" i="1" s="1"/>
  <c r="A95567" i="1" s="1"/>
  <c r="A95568" i="1" s="1"/>
  <c r="A95569" i="1" s="1"/>
  <c r="A95570" i="1" s="1"/>
  <c r="A95571" i="1" s="1"/>
  <c r="A95572" i="1" s="1"/>
  <c r="A95573" i="1" s="1"/>
  <c r="A95574" i="1" s="1"/>
  <c r="A95575" i="1" s="1"/>
  <c r="A95576" i="1" s="1"/>
  <c r="A95577" i="1" s="1"/>
  <c r="A95578" i="1" s="1"/>
  <c r="A95579" i="1" s="1"/>
  <c r="A95580" i="1" s="1"/>
  <c r="A95581" i="1" s="1"/>
  <c r="A95582" i="1" s="1"/>
  <c r="A95583" i="1" s="1"/>
  <c r="A95584" i="1" s="1"/>
  <c r="A95585" i="1" s="1"/>
  <c r="A95586" i="1" s="1"/>
  <c r="A95587" i="1" s="1"/>
  <c r="A95588" i="1" s="1"/>
  <c r="A95589" i="1" s="1"/>
  <c r="A95590" i="1" s="1"/>
  <c r="A95591" i="1" s="1"/>
  <c r="A95592" i="1" s="1"/>
  <c r="A95593" i="1" s="1"/>
  <c r="A95594" i="1" s="1"/>
  <c r="A95595" i="1" s="1"/>
  <c r="A95596" i="1" s="1"/>
  <c r="A95597" i="1" s="1"/>
  <c r="A95598" i="1" s="1"/>
  <c r="A95599" i="1" s="1"/>
  <c r="A95600" i="1" s="1"/>
  <c r="A95601" i="1" s="1"/>
  <c r="A95602" i="1" s="1"/>
  <c r="A95603" i="1" s="1"/>
  <c r="A95604" i="1" s="1"/>
  <c r="A95605" i="1" s="1"/>
  <c r="A95606" i="1" s="1"/>
  <c r="A95607" i="1" s="1"/>
  <c r="A95608" i="1" s="1"/>
  <c r="A95609" i="1" s="1"/>
  <c r="A95610" i="1" s="1"/>
  <c r="A95611" i="1" s="1"/>
  <c r="A95612" i="1" s="1"/>
  <c r="A95613" i="1" s="1"/>
  <c r="A95614" i="1" s="1"/>
  <c r="A95615" i="1" s="1"/>
  <c r="A95616" i="1" s="1"/>
  <c r="A95617" i="1" s="1"/>
  <c r="A95618" i="1" s="1"/>
  <c r="A95619" i="1" s="1"/>
  <c r="A95620" i="1" s="1"/>
  <c r="A95621" i="1" s="1"/>
  <c r="A95622" i="1" s="1"/>
  <c r="A95623" i="1" s="1"/>
  <c r="A95624" i="1" s="1"/>
  <c r="A95625" i="1" s="1"/>
  <c r="A95626" i="1" s="1"/>
  <c r="A95627" i="1" s="1"/>
  <c r="A95628" i="1" s="1"/>
  <c r="A95629" i="1" s="1"/>
  <c r="A95630" i="1" s="1"/>
  <c r="A95631" i="1" s="1"/>
  <c r="A95632" i="1" s="1"/>
  <c r="A95633" i="1" s="1"/>
  <c r="A95634" i="1" s="1"/>
  <c r="A95635" i="1" s="1"/>
  <c r="A95636" i="1" s="1"/>
  <c r="A95637" i="1" s="1"/>
  <c r="A95638" i="1" s="1"/>
  <c r="A95639" i="1" s="1"/>
  <c r="A95640" i="1" s="1"/>
  <c r="A95641" i="1" s="1"/>
  <c r="A95642" i="1" s="1"/>
  <c r="A95643" i="1" s="1"/>
  <c r="A95644" i="1" s="1"/>
  <c r="A95645" i="1" s="1"/>
  <c r="A95646" i="1" s="1"/>
  <c r="A95647" i="1" s="1"/>
  <c r="A95648" i="1" s="1"/>
  <c r="A95649" i="1" s="1"/>
  <c r="A95650" i="1" s="1"/>
  <c r="A95651" i="1" s="1"/>
  <c r="A95652" i="1" s="1"/>
  <c r="A95653" i="1" s="1"/>
  <c r="A95654" i="1" s="1"/>
  <c r="A95655" i="1" s="1"/>
  <c r="A95656" i="1" s="1"/>
  <c r="A95657" i="1" s="1"/>
  <c r="A95658" i="1" s="1"/>
  <c r="A95659" i="1" s="1"/>
  <c r="A95660" i="1" s="1"/>
  <c r="A95661" i="1" s="1"/>
  <c r="A95662" i="1" s="1"/>
  <c r="A95663" i="1" s="1"/>
  <c r="A95664" i="1" s="1"/>
  <c r="A95665" i="1" s="1"/>
  <c r="A95666" i="1" s="1"/>
  <c r="A95667" i="1" s="1"/>
  <c r="A95668" i="1" s="1"/>
  <c r="A95669" i="1" s="1"/>
  <c r="A95670" i="1" s="1"/>
  <c r="A95671" i="1" s="1"/>
  <c r="A95672" i="1" s="1"/>
  <c r="A95673" i="1" s="1"/>
  <c r="A95674" i="1" s="1"/>
  <c r="A95675" i="1" s="1"/>
  <c r="A95676" i="1" s="1"/>
  <c r="A95677" i="1" s="1"/>
  <c r="A95678" i="1" s="1"/>
  <c r="A95679" i="1" s="1"/>
  <c r="A95680" i="1" s="1"/>
  <c r="A95681" i="1" s="1"/>
  <c r="A95682" i="1" s="1"/>
  <c r="A95683" i="1" s="1"/>
  <c r="A95684" i="1" s="1"/>
  <c r="A95685" i="1" s="1"/>
  <c r="A95686" i="1" s="1"/>
  <c r="A95687" i="1" s="1"/>
  <c r="A95688" i="1" s="1"/>
  <c r="A95689" i="1" s="1"/>
  <c r="A95690" i="1" s="1"/>
  <c r="A95691" i="1" s="1"/>
  <c r="A95692" i="1" s="1"/>
  <c r="A95693" i="1" s="1"/>
  <c r="A95694" i="1" s="1"/>
  <c r="A95695" i="1" s="1"/>
  <c r="A95696" i="1" s="1"/>
  <c r="A95697" i="1" s="1"/>
  <c r="A95698" i="1" s="1"/>
  <c r="A95699" i="1" s="1"/>
  <c r="A95700" i="1" s="1"/>
  <c r="A95701" i="1" s="1"/>
  <c r="A95702" i="1" s="1"/>
  <c r="A95703" i="1" s="1"/>
  <c r="A95704" i="1" s="1"/>
  <c r="A95705" i="1" s="1"/>
  <c r="A95706" i="1" s="1"/>
  <c r="A95707" i="1" s="1"/>
  <c r="A95708" i="1" s="1"/>
  <c r="A95709" i="1" s="1"/>
  <c r="A95710" i="1" s="1"/>
  <c r="A95711" i="1" s="1"/>
  <c r="A95712" i="1" s="1"/>
  <c r="A95713" i="1" s="1"/>
  <c r="A95714" i="1" s="1"/>
  <c r="A95715" i="1" s="1"/>
  <c r="A95716" i="1" s="1"/>
  <c r="A95717" i="1" s="1"/>
  <c r="A95718" i="1" s="1"/>
  <c r="A95719" i="1" s="1"/>
  <c r="A95720" i="1" s="1"/>
  <c r="A95721" i="1" s="1"/>
  <c r="A95722" i="1" s="1"/>
  <c r="A95723" i="1" s="1"/>
  <c r="A95724" i="1" s="1"/>
  <c r="A95725" i="1" s="1"/>
  <c r="A95726" i="1" s="1"/>
  <c r="A95727" i="1" s="1"/>
  <c r="A95728" i="1" s="1"/>
  <c r="A95729" i="1" s="1"/>
  <c r="A95730" i="1" s="1"/>
  <c r="A95731" i="1" s="1"/>
  <c r="A95732" i="1" s="1"/>
  <c r="A95733" i="1" s="1"/>
  <c r="A95734" i="1" s="1"/>
  <c r="A95735" i="1" s="1"/>
  <c r="A95736" i="1" s="1"/>
  <c r="A95737" i="1" s="1"/>
  <c r="A95738" i="1" s="1"/>
  <c r="A95739" i="1" s="1"/>
  <c r="A95740" i="1" s="1"/>
  <c r="A95741" i="1" s="1"/>
  <c r="A95742" i="1" s="1"/>
  <c r="A95743" i="1" s="1"/>
  <c r="A95744" i="1" s="1"/>
  <c r="A95745" i="1" s="1"/>
  <c r="A95746" i="1" s="1"/>
  <c r="A95747" i="1" s="1"/>
  <c r="A95748" i="1" s="1"/>
  <c r="A95749" i="1" s="1"/>
  <c r="A95750" i="1" s="1"/>
  <c r="A95751" i="1" s="1"/>
  <c r="A95752" i="1" s="1"/>
  <c r="A95753" i="1" s="1"/>
  <c r="A95754" i="1" s="1"/>
  <c r="A95755" i="1" s="1"/>
  <c r="A95756" i="1" s="1"/>
  <c r="A95757" i="1" s="1"/>
  <c r="A95758" i="1" s="1"/>
  <c r="A95759" i="1" s="1"/>
  <c r="A95760" i="1" s="1"/>
  <c r="A95761" i="1" s="1"/>
  <c r="A95762" i="1" s="1"/>
  <c r="A95763" i="1" s="1"/>
  <c r="A95764" i="1" s="1"/>
  <c r="A95765" i="1" s="1"/>
  <c r="A95766" i="1" s="1"/>
  <c r="A95767" i="1" s="1"/>
  <c r="A95768" i="1" s="1"/>
  <c r="A95769" i="1" s="1"/>
  <c r="A95770" i="1" s="1"/>
  <c r="A95771" i="1" s="1"/>
  <c r="A95772" i="1" s="1"/>
  <c r="A95773" i="1" s="1"/>
  <c r="A95774" i="1" s="1"/>
  <c r="A95775" i="1" s="1"/>
  <c r="A95776" i="1" s="1"/>
  <c r="A95777" i="1" s="1"/>
  <c r="A95778" i="1" s="1"/>
  <c r="A95779" i="1" s="1"/>
  <c r="A95780" i="1" s="1"/>
  <c r="A95781" i="1" s="1"/>
  <c r="A95782" i="1" s="1"/>
  <c r="A95783" i="1" s="1"/>
  <c r="A95784" i="1" s="1"/>
  <c r="A95785" i="1" s="1"/>
  <c r="A95786" i="1" s="1"/>
  <c r="A95787" i="1" s="1"/>
  <c r="A95788" i="1" s="1"/>
  <c r="A95789" i="1" s="1"/>
  <c r="A95790" i="1" s="1"/>
  <c r="A95791" i="1" s="1"/>
  <c r="A95792" i="1" s="1"/>
  <c r="A95793" i="1" s="1"/>
  <c r="A95794" i="1" s="1"/>
  <c r="A95795" i="1" s="1"/>
  <c r="A95796" i="1" s="1"/>
  <c r="A95797" i="1" s="1"/>
  <c r="A95798" i="1" s="1"/>
  <c r="A95799" i="1" s="1"/>
  <c r="A95800" i="1" s="1"/>
  <c r="A95801" i="1" s="1"/>
  <c r="A95802" i="1" s="1"/>
  <c r="A95803" i="1" s="1"/>
  <c r="A95804" i="1" s="1"/>
  <c r="A95805" i="1" s="1"/>
  <c r="A95806" i="1" s="1"/>
  <c r="A95807" i="1" s="1"/>
  <c r="A95808" i="1" s="1"/>
  <c r="A95809" i="1" s="1"/>
  <c r="A95810" i="1" s="1"/>
  <c r="A95811" i="1" s="1"/>
  <c r="A95812" i="1" s="1"/>
  <c r="A95813" i="1" s="1"/>
  <c r="A95814" i="1" s="1"/>
  <c r="A95815" i="1" s="1"/>
  <c r="A95816" i="1" s="1"/>
  <c r="A95817" i="1" s="1"/>
  <c r="A95818" i="1" s="1"/>
  <c r="A95819" i="1" s="1"/>
  <c r="A95820" i="1" s="1"/>
  <c r="A95821" i="1" s="1"/>
  <c r="A95822" i="1" s="1"/>
  <c r="A95823" i="1" s="1"/>
  <c r="A95824" i="1" s="1"/>
  <c r="A95825" i="1" s="1"/>
  <c r="A95826" i="1" s="1"/>
  <c r="A95827" i="1" s="1"/>
  <c r="A95828" i="1" s="1"/>
  <c r="A95829" i="1" s="1"/>
  <c r="A95830" i="1" s="1"/>
  <c r="A95831" i="1" s="1"/>
  <c r="A95832" i="1" s="1"/>
  <c r="A95833" i="1" s="1"/>
  <c r="A95834" i="1" s="1"/>
  <c r="A95835" i="1" s="1"/>
  <c r="A95836" i="1" s="1"/>
  <c r="A95837" i="1" s="1"/>
  <c r="A95838" i="1" s="1"/>
  <c r="A95839" i="1" s="1"/>
  <c r="A95840" i="1" s="1"/>
  <c r="A95841" i="1" s="1"/>
  <c r="A95842" i="1" s="1"/>
  <c r="A95843" i="1" s="1"/>
  <c r="A95844" i="1" s="1"/>
  <c r="A95845" i="1" s="1"/>
  <c r="A95846" i="1" s="1"/>
  <c r="A95847" i="1" s="1"/>
  <c r="A95848" i="1" s="1"/>
  <c r="A95849" i="1" s="1"/>
  <c r="A95850" i="1" s="1"/>
  <c r="A95851" i="1" s="1"/>
  <c r="A95852" i="1" s="1"/>
  <c r="A95853" i="1" s="1"/>
  <c r="A95854" i="1" s="1"/>
  <c r="A95855" i="1" s="1"/>
  <c r="A95856" i="1" s="1"/>
  <c r="A95857" i="1" s="1"/>
  <c r="A95858" i="1" s="1"/>
  <c r="A95859" i="1" s="1"/>
  <c r="A95860" i="1" s="1"/>
  <c r="A95861" i="1" s="1"/>
  <c r="A95862" i="1" s="1"/>
  <c r="A95863" i="1" s="1"/>
  <c r="A95864" i="1" s="1"/>
  <c r="A95865" i="1" s="1"/>
  <c r="A95866" i="1" s="1"/>
  <c r="A95867" i="1" s="1"/>
  <c r="A95868" i="1" s="1"/>
  <c r="A95869" i="1" s="1"/>
  <c r="A95870" i="1" s="1"/>
  <c r="A95871" i="1" s="1"/>
  <c r="A95872" i="1" s="1"/>
  <c r="A95873" i="1" s="1"/>
  <c r="A95874" i="1" s="1"/>
  <c r="A95875" i="1" s="1"/>
  <c r="A95876" i="1" s="1"/>
  <c r="A95877" i="1" s="1"/>
  <c r="A95878" i="1" s="1"/>
  <c r="A95879" i="1" s="1"/>
  <c r="A95880" i="1" s="1"/>
  <c r="A95881" i="1" s="1"/>
  <c r="A95882" i="1" s="1"/>
  <c r="A95883" i="1" s="1"/>
  <c r="A95884" i="1" s="1"/>
  <c r="A95885" i="1" s="1"/>
  <c r="A95886" i="1" s="1"/>
  <c r="A95887" i="1" s="1"/>
  <c r="A95888" i="1" s="1"/>
  <c r="A95889" i="1" s="1"/>
  <c r="A95890" i="1" s="1"/>
  <c r="A95891" i="1" s="1"/>
  <c r="A95892" i="1" s="1"/>
  <c r="A95893" i="1" s="1"/>
  <c r="A95894" i="1" s="1"/>
  <c r="A95895" i="1" s="1"/>
  <c r="A95896" i="1" s="1"/>
  <c r="A95897" i="1" s="1"/>
  <c r="A95898" i="1" s="1"/>
  <c r="A95899" i="1" s="1"/>
  <c r="A95900" i="1" s="1"/>
  <c r="A95901" i="1" s="1"/>
  <c r="A95902" i="1" s="1"/>
  <c r="A95903" i="1" s="1"/>
  <c r="A95904" i="1" s="1"/>
  <c r="A95905" i="1" s="1"/>
  <c r="A95906" i="1" s="1"/>
  <c r="A95907" i="1" s="1"/>
  <c r="A95908" i="1" s="1"/>
  <c r="A95909" i="1" s="1"/>
  <c r="A95910" i="1" s="1"/>
  <c r="A95911" i="1" s="1"/>
  <c r="A95912" i="1" s="1"/>
  <c r="A95913" i="1" s="1"/>
  <c r="A95914" i="1" s="1"/>
  <c r="A95915" i="1" s="1"/>
  <c r="A95916" i="1" s="1"/>
  <c r="A95917" i="1" s="1"/>
  <c r="A95918" i="1" s="1"/>
  <c r="A95919" i="1" s="1"/>
  <c r="A95920" i="1" s="1"/>
  <c r="A95921" i="1" s="1"/>
  <c r="A95922" i="1" s="1"/>
  <c r="A95923" i="1" s="1"/>
  <c r="A95924" i="1" s="1"/>
  <c r="A95925" i="1" s="1"/>
  <c r="A95926" i="1" s="1"/>
  <c r="A95927" i="1" s="1"/>
  <c r="A95928" i="1" s="1"/>
  <c r="A95929" i="1" s="1"/>
  <c r="A95930" i="1" s="1"/>
  <c r="A95931" i="1" s="1"/>
  <c r="A95932" i="1" s="1"/>
  <c r="A95933" i="1" s="1"/>
  <c r="A95934" i="1" s="1"/>
  <c r="A95935" i="1" s="1"/>
  <c r="A95936" i="1" s="1"/>
  <c r="A95937" i="1" s="1"/>
  <c r="A95938" i="1" s="1"/>
  <c r="A95939" i="1" s="1"/>
  <c r="A95940" i="1" s="1"/>
  <c r="A95941" i="1" s="1"/>
  <c r="A95942" i="1" s="1"/>
  <c r="A95943" i="1" s="1"/>
  <c r="A95944" i="1" s="1"/>
  <c r="A95945" i="1" s="1"/>
  <c r="A95946" i="1" s="1"/>
  <c r="A95947" i="1" s="1"/>
  <c r="A95948" i="1" s="1"/>
  <c r="A95949" i="1" s="1"/>
  <c r="A95950" i="1" s="1"/>
  <c r="A95951" i="1" s="1"/>
  <c r="A95952" i="1" s="1"/>
  <c r="A95953" i="1" s="1"/>
  <c r="A95954" i="1" s="1"/>
  <c r="A95955" i="1" s="1"/>
  <c r="A95956" i="1" s="1"/>
  <c r="A95957" i="1" s="1"/>
  <c r="A95958" i="1" s="1"/>
  <c r="A95959" i="1" s="1"/>
  <c r="A95960" i="1" s="1"/>
  <c r="A95961" i="1" s="1"/>
  <c r="A95962" i="1" s="1"/>
  <c r="A95963" i="1" s="1"/>
  <c r="A95964" i="1" s="1"/>
  <c r="A95965" i="1" s="1"/>
  <c r="A95966" i="1" s="1"/>
  <c r="A95967" i="1" s="1"/>
  <c r="A95968" i="1" s="1"/>
  <c r="A95969" i="1" s="1"/>
  <c r="A95970" i="1" s="1"/>
  <c r="A95971" i="1" s="1"/>
  <c r="A95972" i="1" s="1"/>
  <c r="A95973" i="1" s="1"/>
  <c r="A95974" i="1" s="1"/>
  <c r="A95975" i="1" s="1"/>
  <c r="A95976" i="1" s="1"/>
  <c r="A95977" i="1" s="1"/>
  <c r="A95978" i="1" s="1"/>
  <c r="A95979" i="1" s="1"/>
  <c r="A95980" i="1" s="1"/>
  <c r="A95981" i="1" s="1"/>
  <c r="A95982" i="1" s="1"/>
  <c r="A95983" i="1" s="1"/>
  <c r="A95984" i="1" s="1"/>
  <c r="A95985" i="1" s="1"/>
  <c r="A95986" i="1" s="1"/>
  <c r="A95987" i="1" s="1"/>
  <c r="A95988" i="1" s="1"/>
  <c r="A95989" i="1" s="1"/>
  <c r="A95990" i="1" s="1"/>
  <c r="A95991" i="1" s="1"/>
  <c r="A95992" i="1" s="1"/>
  <c r="A95993" i="1" s="1"/>
  <c r="A95994" i="1" s="1"/>
  <c r="A95995" i="1" s="1"/>
  <c r="A95996" i="1" s="1"/>
  <c r="A95997" i="1" s="1"/>
  <c r="A95998" i="1" s="1"/>
  <c r="A95999" i="1" s="1"/>
  <c r="A96000" i="1" s="1"/>
  <c r="A96001" i="1" s="1"/>
  <c r="A96002" i="1" s="1"/>
  <c r="A96003" i="1" s="1"/>
  <c r="A96004" i="1" s="1"/>
  <c r="A96005" i="1" s="1"/>
  <c r="A96006" i="1" s="1"/>
  <c r="A96007" i="1" s="1"/>
  <c r="A96008" i="1" s="1"/>
  <c r="A96009" i="1" s="1"/>
  <c r="A96010" i="1" s="1"/>
  <c r="A96011" i="1" s="1"/>
  <c r="A96012" i="1" s="1"/>
  <c r="A96013" i="1" s="1"/>
  <c r="A96014" i="1" s="1"/>
  <c r="A96015" i="1" s="1"/>
  <c r="A96016" i="1" s="1"/>
  <c r="A96017" i="1" s="1"/>
  <c r="A96018" i="1" s="1"/>
  <c r="A96019" i="1" s="1"/>
  <c r="A96020" i="1" s="1"/>
  <c r="A96021" i="1" s="1"/>
  <c r="A96022" i="1" s="1"/>
  <c r="A96023" i="1" s="1"/>
  <c r="A96024" i="1" s="1"/>
  <c r="A96025" i="1" s="1"/>
  <c r="A96026" i="1" s="1"/>
  <c r="A96027" i="1" s="1"/>
  <c r="A96028" i="1" s="1"/>
  <c r="A96029" i="1" s="1"/>
  <c r="A96030" i="1" s="1"/>
  <c r="A96031" i="1" s="1"/>
  <c r="A96032" i="1" s="1"/>
  <c r="A96033" i="1" s="1"/>
  <c r="A96034" i="1" s="1"/>
  <c r="A96035" i="1" s="1"/>
  <c r="A96036" i="1" s="1"/>
  <c r="A96037" i="1" s="1"/>
  <c r="A96038" i="1" s="1"/>
  <c r="A96039" i="1" s="1"/>
  <c r="A96040" i="1" s="1"/>
  <c r="A96041" i="1" s="1"/>
  <c r="A96042" i="1" s="1"/>
  <c r="A96043" i="1" s="1"/>
  <c r="A96044" i="1" s="1"/>
  <c r="A96045" i="1" s="1"/>
  <c r="A96046" i="1" s="1"/>
  <c r="A96047" i="1" s="1"/>
  <c r="A96048" i="1" s="1"/>
  <c r="A96049" i="1" s="1"/>
  <c r="A96050" i="1" s="1"/>
  <c r="A96051" i="1" s="1"/>
  <c r="A96052" i="1" s="1"/>
  <c r="A96053" i="1" s="1"/>
  <c r="A96054" i="1" s="1"/>
  <c r="A96055" i="1" s="1"/>
  <c r="A96056" i="1" s="1"/>
  <c r="A96057" i="1" s="1"/>
  <c r="A96058" i="1" s="1"/>
  <c r="A96059" i="1" s="1"/>
  <c r="A96060" i="1" s="1"/>
  <c r="A96061" i="1" s="1"/>
  <c r="A96062" i="1" s="1"/>
  <c r="A96063" i="1" s="1"/>
  <c r="A96064" i="1" s="1"/>
  <c r="A96065" i="1" s="1"/>
  <c r="A96066" i="1" s="1"/>
  <c r="A96067" i="1" s="1"/>
  <c r="A96068" i="1" s="1"/>
  <c r="A96069" i="1" s="1"/>
  <c r="A96070" i="1" s="1"/>
  <c r="A96071" i="1" s="1"/>
  <c r="A96072" i="1" s="1"/>
  <c r="A96073" i="1" s="1"/>
  <c r="A96074" i="1" s="1"/>
  <c r="A96075" i="1" s="1"/>
  <c r="A96076" i="1" s="1"/>
  <c r="A96077" i="1" s="1"/>
  <c r="A96078" i="1" s="1"/>
  <c r="A96079" i="1" s="1"/>
  <c r="A96080" i="1" s="1"/>
  <c r="A96081" i="1" s="1"/>
  <c r="A96082" i="1" s="1"/>
  <c r="A96083" i="1" s="1"/>
  <c r="A96084" i="1" s="1"/>
  <c r="A96085" i="1" s="1"/>
  <c r="A96086" i="1" s="1"/>
  <c r="A96087" i="1" s="1"/>
  <c r="A96088" i="1" s="1"/>
  <c r="A96089" i="1" s="1"/>
  <c r="A96090" i="1" s="1"/>
  <c r="A96091" i="1" s="1"/>
  <c r="A96092" i="1" s="1"/>
  <c r="A96093" i="1" s="1"/>
  <c r="A96094" i="1" s="1"/>
  <c r="A96095" i="1" s="1"/>
  <c r="A96096" i="1" s="1"/>
  <c r="A96097" i="1" s="1"/>
  <c r="A96098" i="1" s="1"/>
  <c r="A96099" i="1" s="1"/>
  <c r="A96100" i="1" s="1"/>
  <c r="A96101" i="1" s="1"/>
  <c r="A96102" i="1" s="1"/>
  <c r="A96103" i="1" s="1"/>
  <c r="A96104" i="1" s="1"/>
  <c r="A96105" i="1" s="1"/>
  <c r="A96106" i="1" s="1"/>
  <c r="A96107" i="1" s="1"/>
  <c r="A96108" i="1" s="1"/>
  <c r="A96109" i="1" s="1"/>
  <c r="A96110" i="1" s="1"/>
  <c r="A96111" i="1" s="1"/>
  <c r="A96112" i="1" s="1"/>
  <c r="A96113" i="1" s="1"/>
  <c r="A96114" i="1" s="1"/>
  <c r="A96115" i="1" s="1"/>
  <c r="A96116" i="1" s="1"/>
  <c r="A96117" i="1" s="1"/>
  <c r="A96118" i="1" s="1"/>
  <c r="A96119" i="1" s="1"/>
  <c r="A96120" i="1" s="1"/>
  <c r="A96121" i="1" s="1"/>
  <c r="A96122" i="1" s="1"/>
  <c r="A96123" i="1" s="1"/>
  <c r="A96124" i="1" s="1"/>
  <c r="A96125" i="1" s="1"/>
  <c r="A96126" i="1" s="1"/>
  <c r="A96127" i="1" s="1"/>
  <c r="A96128" i="1" s="1"/>
  <c r="A96129" i="1" s="1"/>
  <c r="A96130" i="1" s="1"/>
  <c r="A96131" i="1" s="1"/>
  <c r="A96132" i="1" s="1"/>
  <c r="A96133" i="1" s="1"/>
  <c r="A96134" i="1" s="1"/>
  <c r="A96135" i="1" s="1"/>
  <c r="A96136" i="1" s="1"/>
  <c r="A96137" i="1" s="1"/>
  <c r="A96138" i="1" s="1"/>
  <c r="A96139" i="1" s="1"/>
  <c r="A96140" i="1" s="1"/>
  <c r="A96141" i="1" s="1"/>
  <c r="A96142" i="1" s="1"/>
  <c r="A96143" i="1" s="1"/>
  <c r="A96144" i="1" s="1"/>
  <c r="A96145" i="1" s="1"/>
  <c r="A96146" i="1" s="1"/>
  <c r="A96147" i="1" s="1"/>
  <c r="A96148" i="1" s="1"/>
  <c r="A96149" i="1" s="1"/>
  <c r="A96150" i="1" s="1"/>
  <c r="A96151" i="1" s="1"/>
  <c r="A96152" i="1" s="1"/>
  <c r="A96153" i="1" s="1"/>
  <c r="A96154" i="1" s="1"/>
  <c r="A96155" i="1" s="1"/>
  <c r="A96156" i="1" s="1"/>
  <c r="A96157" i="1" s="1"/>
  <c r="A96158" i="1" s="1"/>
  <c r="A96159" i="1" s="1"/>
  <c r="A96160" i="1" s="1"/>
  <c r="A96161" i="1" s="1"/>
  <c r="A96162" i="1" s="1"/>
  <c r="A96163" i="1" s="1"/>
  <c r="A96164" i="1" s="1"/>
  <c r="A96165" i="1" s="1"/>
  <c r="A96166" i="1" s="1"/>
  <c r="A96167" i="1" s="1"/>
  <c r="A96168" i="1" s="1"/>
  <c r="A96169" i="1" s="1"/>
  <c r="A96170" i="1" s="1"/>
  <c r="A96171" i="1" s="1"/>
  <c r="A96172" i="1" s="1"/>
  <c r="A96173" i="1" s="1"/>
  <c r="A96174" i="1" s="1"/>
  <c r="A96175" i="1" s="1"/>
  <c r="A96176" i="1" s="1"/>
  <c r="A96177" i="1" s="1"/>
  <c r="A96178" i="1" s="1"/>
  <c r="A96179" i="1" s="1"/>
  <c r="A96180" i="1" s="1"/>
  <c r="A96181" i="1" s="1"/>
  <c r="A96182" i="1" s="1"/>
  <c r="A96183" i="1" s="1"/>
  <c r="A96184" i="1" s="1"/>
  <c r="A96185" i="1" s="1"/>
  <c r="A96186" i="1" s="1"/>
  <c r="A96187" i="1" s="1"/>
  <c r="A96188" i="1" s="1"/>
  <c r="A96189" i="1" s="1"/>
  <c r="A96190" i="1" s="1"/>
  <c r="A96191" i="1" s="1"/>
  <c r="A96192" i="1" s="1"/>
  <c r="A96193" i="1" s="1"/>
  <c r="A96194" i="1" s="1"/>
  <c r="A96195" i="1" s="1"/>
  <c r="A96196" i="1" s="1"/>
  <c r="A96197" i="1" s="1"/>
  <c r="A96198" i="1" s="1"/>
  <c r="A96199" i="1" s="1"/>
  <c r="A96200" i="1" s="1"/>
  <c r="A96201" i="1" s="1"/>
  <c r="A96202" i="1" s="1"/>
  <c r="A96203" i="1" s="1"/>
  <c r="A96204" i="1" s="1"/>
  <c r="A96205" i="1" s="1"/>
  <c r="A96206" i="1" s="1"/>
  <c r="A96207" i="1" s="1"/>
  <c r="A96208" i="1" s="1"/>
  <c r="A96209" i="1" s="1"/>
  <c r="A96210" i="1" s="1"/>
  <c r="A96211" i="1" s="1"/>
  <c r="A96212" i="1" s="1"/>
  <c r="A96213" i="1" s="1"/>
  <c r="A96214" i="1" s="1"/>
  <c r="A96215" i="1" s="1"/>
  <c r="A96216" i="1" s="1"/>
  <c r="A96217" i="1" s="1"/>
  <c r="A96218" i="1" s="1"/>
  <c r="A96219" i="1" s="1"/>
  <c r="A96220" i="1" s="1"/>
  <c r="A96221" i="1" s="1"/>
  <c r="A96222" i="1" s="1"/>
  <c r="A96223" i="1" s="1"/>
  <c r="A96224" i="1" s="1"/>
  <c r="A96225" i="1" s="1"/>
  <c r="A96226" i="1" s="1"/>
  <c r="A96227" i="1" s="1"/>
  <c r="A96228" i="1" s="1"/>
  <c r="A96229" i="1" s="1"/>
  <c r="A96230" i="1" s="1"/>
  <c r="A96231" i="1" s="1"/>
  <c r="A96232" i="1" s="1"/>
  <c r="A96233" i="1" s="1"/>
  <c r="A96234" i="1" s="1"/>
  <c r="A96235" i="1" s="1"/>
  <c r="A96236" i="1" s="1"/>
  <c r="A96237" i="1" s="1"/>
  <c r="A96238" i="1" s="1"/>
  <c r="A96239" i="1" s="1"/>
  <c r="A96240" i="1" s="1"/>
  <c r="A96241" i="1" s="1"/>
  <c r="A96242" i="1" s="1"/>
  <c r="A96243" i="1" s="1"/>
  <c r="A96244" i="1" s="1"/>
  <c r="A96245" i="1" s="1"/>
  <c r="A96246" i="1" s="1"/>
  <c r="A96247" i="1" s="1"/>
  <c r="A96248" i="1" s="1"/>
  <c r="A96249" i="1" s="1"/>
  <c r="A96250" i="1" s="1"/>
  <c r="A96251" i="1" s="1"/>
  <c r="A96252" i="1" s="1"/>
  <c r="A96253" i="1" s="1"/>
  <c r="A96254" i="1" s="1"/>
  <c r="A96255" i="1" s="1"/>
  <c r="A96256" i="1" s="1"/>
  <c r="A96257" i="1" s="1"/>
  <c r="A96258" i="1" s="1"/>
  <c r="A96259" i="1" s="1"/>
  <c r="A96260" i="1" s="1"/>
  <c r="A96261" i="1" s="1"/>
  <c r="A96262" i="1" s="1"/>
  <c r="A96263" i="1" s="1"/>
  <c r="A96264" i="1" s="1"/>
  <c r="A96265" i="1" s="1"/>
  <c r="A96266" i="1" s="1"/>
  <c r="A96267" i="1" s="1"/>
  <c r="A96268" i="1" s="1"/>
  <c r="A96269" i="1" s="1"/>
  <c r="A96270" i="1" s="1"/>
  <c r="A96271" i="1" s="1"/>
  <c r="A96272" i="1" s="1"/>
  <c r="A96273" i="1" s="1"/>
  <c r="A96274" i="1" s="1"/>
  <c r="A96275" i="1" s="1"/>
  <c r="A96276" i="1" s="1"/>
  <c r="A96277" i="1" s="1"/>
  <c r="A96278" i="1" s="1"/>
  <c r="A96279" i="1" s="1"/>
  <c r="A96280" i="1" s="1"/>
  <c r="A96281" i="1" s="1"/>
  <c r="A96282" i="1" s="1"/>
  <c r="A96283" i="1" s="1"/>
  <c r="A96284" i="1" s="1"/>
  <c r="A96285" i="1" s="1"/>
  <c r="A96286" i="1" s="1"/>
  <c r="A96287" i="1" s="1"/>
  <c r="A96288" i="1" s="1"/>
  <c r="A96289" i="1" s="1"/>
  <c r="A96290" i="1" s="1"/>
  <c r="A96291" i="1" s="1"/>
  <c r="A96292" i="1" s="1"/>
  <c r="A96293" i="1" s="1"/>
  <c r="A96294" i="1" s="1"/>
  <c r="A96295" i="1" s="1"/>
  <c r="A96296" i="1" s="1"/>
  <c r="A96297" i="1" s="1"/>
  <c r="A96298" i="1" s="1"/>
  <c r="A96299" i="1" s="1"/>
  <c r="A96300" i="1" s="1"/>
  <c r="A96301" i="1" s="1"/>
  <c r="A96302" i="1" s="1"/>
  <c r="A96303" i="1" s="1"/>
  <c r="A96304" i="1" s="1"/>
  <c r="A96305" i="1" s="1"/>
  <c r="A96306" i="1" s="1"/>
  <c r="A96307" i="1" s="1"/>
  <c r="A96308" i="1" s="1"/>
  <c r="A96309" i="1" s="1"/>
  <c r="A96310" i="1" s="1"/>
  <c r="A96311" i="1" s="1"/>
  <c r="A96312" i="1" s="1"/>
  <c r="A96313" i="1" s="1"/>
  <c r="A96314" i="1" s="1"/>
  <c r="A96315" i="1" s="1"/>
  <c r="A96316" i="1" s="1"/>
  <c r="A96317" i="1" s="1"/>
  <c r="A96318" i="1" s="1"/>
  <c r="A96319" i="1" s="1"/>
  <c r="A96320" i="1" s="1"/>
  <c r="A96321" i="1" s="1"/>
  <c r="A96322" i="1" s="1"/>
  <c r="A96323" i="1" s="1"/>
  <c r="A96324" i="1" s="1"/>
  <c r="A96325" i="1" s="1"/>
  <c r="A96326" i="1" s="1"/>
  <c r="A96327" i="1" s="1"/>
  <c r="A96328" i="1" s="1"/>
  <c r="A96329" i="1" s="1"/>
  <c r="A96330" i="1" s="1"/>
  <c r="A96331" i="1" s="1"/>
  <c r="A96332" i="1" s="1"/>
  <c r="A96333" i="1" s="1"/>
  <c r="A96334" i="1" s="1"/>
  <c r="A96335" i="1" s="1"/>
  <c r="A96336" i="1" s="1"/>
  <c r="A96337" i="1" s="1"/>
  <c r="A96338" i="1" s="1"/>
  <c r="A96339" i="1" s="1"/>
  <c r="A96340" i="1" s="1"/>
  <c r="A96341" i="1" s="1"/>
  <c r="A96342" i="1" s="1"/>
  <c r="A96343" i="1" s="1"/>
  <c r="A96344" i="1" s="1"/>
  <c r="A96345" i="1" s="1"/>
  <c r="A96346" i="1" s="1"/>
  <c r="A96347" i="1" s="1"/>
  <c r="A96348" i="1" s="1"/>
  <c r="A96349" i="1" s="1"/>
  <c r="A96350" i="1" s="1"/>
  <c r="A96351" i="1" s="1"/>
  <c r="A96352" i="1" s="1"/>
  <c r="A96353" i="1" s="1"/>
  <c r="A96354" i="1" s="1"/>
  <c r="A96355" i="1" s="1"/>
  <c r="A96356" i="1" s="1"/>
  <c r="A96357" i="1" s="1"/>
  <c r="A96358" i="1" s="1"/>
  <c r="A96359" i="1" s="1"/>
  <c r="A96360" i="1" s="1"/>
  <c r="A96361" i="1" s="1"/>
  <c r="A96362" i="1" s="1"/>
  <c r="A96363" i="1" s="1"/>
  <c r="A96364" i="1" s="1"/>
  <c r="A96365" i="1" s="1"/>
  <c r="A96366" i="1" s="1"/>
  <c r="A96367" i="1" s="1"/>
  <c r="A96368" i="1" s="1"/>
  <c r="A96369" i="1" s="1"/>
  <c r="A96370" i="1" s="1"/>
  <c r="A96371" i="1" s="1"/>
  <c r="A96372" i="1" s="1"/>
  <c r="A96373" i="1" s="1"/>
  <c r="A96374" i="1" s="1"/>
  <c r="A96375" i="1" s="1"/>
  <c r="A96376" i="1" s="1"/>
  <c r="A96377" i="1" s="1"/>
  <c r="A96378" i="1" s="1"/>
  <c r="A96379" i="1" s="1"/>
  <c r="A96380" i="1" s="1"/>
  <c r="A96381" i="1" s="1"/>
  <c r="A96382" i="1" s="1"/>
  <c r="A96383" i="1" s="1"/>
  <c r="A96384" i="1" s="1"/>
  <c r="A96385" i="1" s="1"/>
  <c r="A96386" i="1" s="1"/>
  <c r="A96387" i="1" s="1"/>
  <c r="A96388" i="1" s="1"/>
  <c r="A96389" i="1" s="1"/>
  <c r="A96390" i="1" s="1"/>
  <c r="A96391" i="1" s="1"/>
  <c r="A96392" i="1" s="1"/>
  <c r="A96393" i="1" s="1"/>
  <c r="A96394" i="1" s="1"/>
  <c r="A96395" i="1" s="1"/>
  <c r="A96396" i="1" s="1"/>
  <c r="A96397" i="1" s="1"/>
  <c r="A96398" i="1" s="1"/>
  <c r="A96399" i="1" s="1"/>
  <c r="A96400" i="1" s="1"/>
  <c r="A96401" i="1" s="1"/>
  <c r="A96402" i="1" s="1"/>
  <c r="A96403" i="1" s="1"/>
  <c r="A96404" i="1" s="1"/>
  <c r="A96405" i="1" s="1"/>
  <c r="A96406" i="1" s="1"/>
  <c r="A96407" i="1" s="1"/>
  <c r="A96408" i="1" s="1"/>
  <c r="A96409" i="1" s="1"/>
  <c r="A96410" i="1" s="1"/>
  <c r="A96411" i="1" s="1"/>
  <c r="A96412" i="1" s="1"/>
  <c r="A96413" i="1" s="1"/>
  <c r="A96414" i="1" s="1"/>
  <c r="A96415" i="1" s="1"/>
  <c r="A96416" i="1" s="1"/>
  <c r="A96417" i="1" s="1"/>
  <c r="A96418" i="1" s="1"/>
  <c r="A96419" i="1" s="1"/>
  <c r="A96420" i="1" s="1"/>
  <c r="A96421" i="1" s="1"/>
  <c r="A96422" i="1" s="1"/>
  <c r="A96423" i="1" s="1"/>
  <c r="A96424" i="1" s="1"/>
  <c r="A96425" i="1" s="1"/>
  <c r="A96426" i="1" s="1"/>
  <c r="A96427" i="1" s="1"/>
  <c r="A96428" i="1" s="1"/>
  <c r="A96429" i="1" s="1"/>
  <c r="A96430" i="1" s="1"/>
  <c r="A96431" i="1" s="1"/>
  <c r="A96432" i="1" s="1"/>
  <c r="A96433" i="1" s="1"/>
  <c r="A96434" i="1" s="1"/>
  <c r="A96435" i="1" s="1"/>
  <c r="A96436" i="1" s="1"/>
  <c r="A96437" i="1" s="1"/>
  <c r="A96438" i="1" s="1"/>
  <c r="A96439" i="1" s="1"/>
  <c r="A96440" i="1" s="1"/>
  <c r="A96441" i="1" s="1"/>
  <c r="A96442" i="1" s="1"/>
  <c r="A96443" i="1" s="1"/>
  <c r="A96444" i="1" s="1"/>
  <c r="A96445" i="1" s="1"/>
  <c r="A96446" i="1" s="1"/>
  <c r="A96447" i="1" s="1"/>
  <c r="A96448" i="1" s="1"/>
  <c r="A96449" i="1" s="1"/>
  <c r="A96450" i="1" s="1"/>
  <c r="A96451" i="1" s="1"/>
  <c r="A96452" i="1" s="1"/>
  <c r="A96453" i="1" s="1"/>
  <c r="A96454" i="1" s="1"/>
  <c r="A96455" i="1" s="1"/>
  <c r="A96456" i="1" s="1"/>
  <c r="A96457" i="1" s="1"/>
  <c r="A96458" i="1" s="1"/>
  <c r="A96459" i="1" s="1"/>
  <c r="A96460" i="1" s="1"/>
  <c r="A96461" i="1" s="1"/>
  <c r="A96462" i="1" s="1"/>
  <c r="A96463" i="1" s="1"/>
  <c r="A96464" i="1" s="1"/>
  <c r="A96465" i="1" s="1"/>
  <c r="A96466" i="1" s="1"/>
  <c r="A96467" i="1" s="1"/>
  <c r="A96468" i="1" s="1"/>
  <c r="A96469" i="1" s="1"/>
  <c r="A96470" i="1" s="1"/>
  <c r="A96471" i="1" s="1"/>
  <c r="A96472" i="1" s="1"/>
  <c r="A96473" i="1" s="1"/>
  <c r="A96474" i="1" s="1"/>
  <c r="A96475" i="1" s="1"/>
  <c r="A96476" i="1" s="1"/>
  <c r="A96477" i="1" s="1"/>
  <c r="A96478" i="1" s="1"/>
  <c r="A96479" i="1" s="1"/>
  <c r="A96480" i="1" s="1"/>
  <c r="A96481" i="1" s="1"/>
  <c r="A96482" i="1" s="1"/>
  <c r="A96483" i="1" s="1"/>
  <c r="A96484" i="1" s="1"/>
  <c r="A96485" i="1" s="1"/>
  <c r="A96486" i="1" s="1"/>
  <c r="A96487" i="1" s="1"/>
  <c r="A96488" i="1" s="1"/>
  <c r="A96489" i="1" s="1"/>
  <c r="A96490" i="1" s="1"/>
  <c r="A96491" i="1" s="1"/>
  <c r="A96492" i="1" s="1"/>
  <c r="A96493" i="1" s="1"/>
  <c r="A96494" i="1" s="1"/>
  <c r="A96495" i="1" s="1"/>
  <c r="A96496" i="1" s="1"/>
  <c r="A96497" i="1" s="1"/>
  <c r="A96498" i="1" s="1"/>
  <c r="A96499" i="1" s="1"/>
  <c r="A96500" i="1" s="1"/>
  <c r="A96501" i="1" s="1"/>
  <c r="A96502" i="1" s="1"/>
  <c r="A96503" i="1" s="1"/>
  <c r="A96504" i="1" s="1"/>
  <c r="A96505" i="1" s="1"/>
  <c r="A96506" i="1" s="1"/>
  <c r="A96507" i="1" s="1"/>
  <c r="A96508" i="1" s="1"/>
  <c r="A96509" i="1" s="1"/>
  <c r="A96510" i="1" s="1"/>
  <c r="A96511" i="1" s="1"/>
  <c r="A96512" i="1" s="1"/>
  <c r="A96513" i="1" s="1"/>
  <c r="A96514" i="1" s="1"/>
  <c r="A96515" i="1" s="1"/>
  <c r="A96516" i="1" s="1"/>
  <c r="A96517" i="1" s="1"/>
  <c r="A96518" i="1" s="1"/>
  <c r="A96519" i="1" s="1"/>
  <c r="A96520" i="1" s="1"/>
  <c r="A96521" i="1" s="1"/>
  <c r="A96522" i="1" s="1"/>
  <c r="A96523" i="1" s="1"/>
  <c r="A96524" i="1" s="1"/>
  <c r="A96525" i="1" s="1"/>
  <c r="A96526" i="1" s="1"/>
  <c r="A96527" i="1" s="1"/>
  <c r="A96528" i="1" s="1"/>
  <c r="A96529" i="1" s="1"/>
  <c r="A96530" i="1" s="1"/>
  <c r="A96531" i="1" s="1"/>
  <c r="A96532" i="1" s="1"/>
  <c r="A96533" i="1" s="1"/>
  <c r="A96534" i="1" s="1"/>
  <c r="A96535" i="1" s="1"/>
  <c r="A96536" i="1" s="1"/>
  <c r="A96537" i="1" s="1"/>
  <c r="A96538" i="1" s="1"/>
  <c r="A96539" i="1" s="1"/>
  <c r="A96540" i="1" s="1"/>
  <c r="A96541" i="1" s="1"/>
  <c r="A96542" i="1" s="1"/>
  <c r="A96543" i="1" s="1"/>
  <c r="A96544" i="1" s="1"/>
  <c r="A96545" i="1" s="1"/>
  <c r="A96546" i="1" s="1"/>
  <c r="A96547" i="1" s="1"/>
  <c r="A96548" i="1" s="1"/>
  <c r="A96549" i="1" s="1"/>
  <c r="A96550" i="1" s="1"/>
  <c r="A96551" i="1" s="1"/>
  <c r="A96552" i="1" s="1"/>
  <c r="A96553" i="1" s="1"/>
  <c r="A96554" i="1" s="1"/>
  <c r="A96555" i="1" s="1"/>
  <c r="A96556" i="1" s="1"/>
  <c r="A96557" i="1" s="1"/>
  <c r="A96558" i="1" s="1"/>
  <c r="A96559" i="1" s="1"/>
  <c r="A96560" i="1" s="1"/>
  <c r="A96561" i="1" s="1"/>
  <c r="A96562" i="1" s="1"/>
  <c r="A96563" i="1" s="1"/>
  <c r="A96564" i="1" s="1"/>
  <c r="A96565" i="1" s="1"/>
  <c r="A96566" i="1" s="1"/>
  <c r="A96567" i="1" s="1"/>
  <c r="A96568" i="1" s="1"/>
  <c r="A96569" i="1" s="1"/>
  <c r="A96570" i="1" s="1"/>
  <c r="A96571" i="1" s="1"/>
  <c r="A96572" i="1" s="1"/>
  <c r="A96573" i="1" s="1"/>
  <c r="A96574" i="1" s="1"/>
  <c r="A96575" i="1" s="1"/>
  <c r="A96576" i="1" s="1"/>
  <c r="A96577" i="1" s="1"/>
  <c r="A96578" i="1" s="1"/>
  <c r="A96579" i="1" s="1"/>
  <c r="A96580" i="1" s="1"/>
  <c r="A96581" i="1" s="1"/>
  <c r="A96582" i="1" s="1"/>
  <c r="A96583" i="1" s="1"/>
  <c r="A96584" i="1" s="1"/>
  <c r="A96585" i="1" s="1"/>
  <c r="A96586" i="1" s="1"/>
  <c r="A96587" i="1" s="1"/>
  <c r="A96588" i="1" s="1"/>
  <c r="A96589" i="1" s="1"/>
  <c r="A96590" i="1" s="1"/>
  <c r="A96591" i="1" s="1"/>
  <c r="A96592" i="1" s="1"/>
  <c r="A96593" i="1" s="1"/>
  <c r="A96594" i="1" s="1"/>
  <c r="A96595" i="1" s="1"/>
  <c r="A96596" i="1" s="1"/>
  <c r="A96597" i="1" s="1"/>
  <c r="A96598" i="1" s="1"/>
  <c r="A96599" i="1" s="1"/>
  <c r="A96600" i="1" s="1"/>
  <c r="A96601" i="1" s="1"/>
  <c r="A96602" i="1" s="1"/>
  <c r="A96603" i="1" s="1"/>
  <c r="A96604" i="1" s="1"/>
  <c r="A96605" i="1" s="1"/>
  <c r="A96606" i="1" s="1"/>
  <c r="A96607" i="1" s="1"/>
  <c r="A96608" i="1" s="1"/>
  <c r="A96609" i="1" s="1"/>
  <c r="A96610" i="1" s="1"/>
  <c r="A96611" i="1" s="1"/>
  <c r="A96612" i="1" s="1"/>
  <c r="A96613" i="1" s="1"/>
  <c r="A96614" i="1" s="1"/>
  <c r="A96615" i="1" s="1"/>
  <c r="A96616" i="1" s="1"/>
  <c r="A96617" i="1" s="1"/>
  <c r="A96618" i="1" s="1"/>
  <c r="A96619" i="1" s="1"/>
  <c r="A96620" i="1" s="1"/>
  <c r="A96621" i="1" s="1"/>
  <c r="A96622" i="1" s="1"/>
  <c r="A96623" i="1" s="1"/>
  <c r="A96624" i="1" s="1"/>
  <c r="A96625" i="1" s="1"/>
  <c r="A96626" i="1" s="1"/>
  <c r="A96627" i="1" s="1"/>
  <c r="A96628" i="1" s="1"/>
  <c r="A96629" i="1" s="1"/>
  <c r="A96630" i="1" s="1"/>
  <c r="A96631" i="1" s="1"/>
  <c r="A96632" i="1" s="1"/>
  <c r="A96633" i="1" s="1"/>
  <c r="A96634" i="1" s="1"/>
  <c r="A96635" i="1" s="1"/>
  <c r="A96636" i="1" s="1"/>
  <c r="A96637" i="1" s="1"/>
  <c r="A96638" i="1" s="1"/>
  <c r="A96639" i="1" s="1"/>
  <c r="A96640" i="1" s="1"/>
  <c r="A96641" i="1" s="1"/>
  <c r="A96642" i="1" s="1"/>
  <c r="A96643" i="1" s="1"/>
  <c r="A96644" i="1" s="1"/>
  <c r="A96645" i="1" s="1"/>
  <c r="A96646" i="1" s="1"/>
  <c r="A96647" i="1" s="1"/>
  <c r="A96648" i="1" s="1"/>
  <c r="A96649" i="1" s="1"/>
  <c r="A96650" i="1" s="1"/>
  <c r="A96651" i="1" s="1"/>
  <c r="A96652" i="1" s="1"/>
  <c r="A96653" i="1" s="1"/>
  <c r="A96654" i="1" s="1"/>
  <c r="A96655" i="1" s="1"/>
  <c r="A96656" i="1" s="1"/>
  <c r="A96657" i="1" s="1"/>
  <c r="A96658" i="1" s="1"/>
  <c r="A96659" i="1" s="1"/>
  <c r="A96660" i="1" s="1"/>
  <c r="A96661" i="1" s="1"/>
  <c r="A96662" i="1" s="1"/>
  <c r="A96663" i="1" s="1"/>
  <c r="A96664" i="1" s="1"/>
  <c r="A96665" i="1" s="1"/>
  <c r="A96666" i="1" s="1"/>
  <c r="A96667" i="1" s="1"/>
  <c r="A96668" i="1" s="1"/>
  <c r="A96669" i="1" s="1"/>
  <c r="A96670" i="1" s="1"/>
  <c r="A96671" i="1" s="1"/>
  <c r="A96672" i="1" s="1"/>
  <c r="A96673" i="1" s="1"/>
  <c r="A96674" i="1" s="1"/>
  <c r="A96675" i="1" s="1"/>
  <c r="A96676" i="1" s="1"/>
  <c r="A96677" i="1" s="1"/>
  <c r="A96678" i="1" s="1"/>
  <c r="A96679" i="1" s="1"/>
  <c r="A96680" i="1" s="1"/>
  <c r="A96681" i="1" s="1"/>
  <c r="A96682" i="1" s="1"/>
  <c r="A96683" i="1" s="1"/>
  <c r="A96684" i="1" s="1"/>
  <c r="A96685" i="1" s="1"/>
  <c r="A96686" i="1" s="1"/>
  <c r="A96687" i="1" s="1"/>
  <c r="A96688" i="1" s="1"/>
  <c r="A96689" i="1" s="1"/>
  <c r="A96690" i="1" s="1"/>
  <c r="A96691" i="1" s="1"/>
  <c r="A96692" i="1" s="1"/>
  <c r="A96693" i="1" s="1"/>
  <c r="A96694" i="1" s="1"/>
  <c r="A96695" i="1" s="1"/>
  <c r="A96696" i="1" s="1"/>
  <c r="A96697" i="1" s="1"/>
  <c r="A96698" i="1" s="1"/>
  <c r="A96699" i="1" s="1"/>
  <c r="A96700" i="1" s="1"/>
  <c r="A96701" i="1" s="1"/>
  <c r="A96702" i="1" s="1"/>
  <c r="A96703" i="1" s="1"/>
  <c r="A96704" i="1" s="1"/>
  <c r="A96705" i="1" s="1"/>
  <c r="A96706" i="1" s="1"/>
  <c r="A96707" i="1" s="1"/>
  <c r="A96708" i="1" s="1"/>
  <c r="A96709" i="1" s="1"/>
  <c r="A96710" i="1" s="1"/>
  <c r="A96711" i="1" s="1"/>
  <c r="A96712" i="1" s="1"/>
  <c r="A96713" i="1" s="1"/>
  <c r="A96714" i="1" s="1"/>
  <c r="A96715" i="1" s="1"/>
  <c r="A96716" i="1" s="1"/>
  <c r="A96717" i="1" s="1"/>
  <c r="A96718" i="1" s="1"/>
  <c r="A96719" i="1" s="1"/>
  <c r="A96720" i="1" s="1"/>
  <c r="A96721" i="1" s="1"/>
  <c r="A96722" i="1" s="1"/>
  <c r="A96723" i="1" s="1"/>
  <c r="A96724" i="1" s="1"/>
  <c r="A96725" i="1" s="1"/>
  <c r="A96726" i="1" s="1"/>
  <c r="A96727" i="1" s="1"/>
  <c r="A96728" i="1" s="1"/>
  <c r="A96729" i="1" s="1"/>
  <c r="A96730" i="1" s="1"/>
  <c r="A96731" i="1" s="1"/>
  <c r="A96732" i="1" s="1"/>
  <c r="A96733" i="1" s="1"/>
  <c r="A96734" i="1" s="1"/>
  <c r="A96735" i="1" s="1"/>
  <c r="A96736" i="1" s="1"/>
  <c r="A96737" i="1" s="1"/>
  <c r="A96738" i="1" s="1"/>
  <c r="A96739" i="1" s="1"/>
  <c r="A96740" i="1" s="1"/>
  <c r="A96741" i="1" s="1"/>
  <c r="A96742" i="1" s="1"/>
  <c r="A96743" i="1" s="1"/>
  <c r="A96744" i="1" s="1"/>
  <c r="A96745" i="1" s="1"/>
  <c r="A96746" i="1" s="1"/>
  <c r="A96747" i="1" s="1"/>
  <c r="A96748" i="1" s="1"/>
  <c r="A96749" i="1" s="1"/>
  <c r="A96750" i="1" s="1"/>
  <c r="A96751" i="1" s="1"/>
  <c r="A96752" i="1" s="1"/>
  <c r="A96753" i="1" s="1"/>
  <c r="A96754" i="1" s="1"/>
  <c r="A96755" i="1" s="1"/>
  <c r="A96756" i="1" s="1"/>
  <c r="A96757" i="1" s="1"/>
  <c r="A96758" i="1" s="1"/>
  <c r="A96759" i="1" s="1"/>
  <c r="A96760" i="1" s="1"/>
  <c r="A96761" i="1" s="1"/>
  <c r="A96762" i="1" s="1"/>
  <c r="A96763" i="1" s="1"/>
  <c r="A96764" i="1" s="1"/>
  <c r="A96765" i="1" s="1"/>
  <c r="A96766" i="1" s="1"/>
  <c r="A96767" i="1" s="1"/>
  <c r="A96768" i="1" s="1"/>
  <c r="A96769" i="1" s="1"/>
  <c r="A96770" i="1" s="1"/>
  <c r="A96771" i="1" s="1"/>
  <c r="A96772" i="1" s="1"/>
  <c r="A96773" i="1" s="1"/>
  <c r="A96774" i="1" s="1"/>
  <c r="A96775" i="1" s="1"/>
  <c r="A96776" i="1" s="1"/>
  <c r="A96777" i="1" s="1"/>
  <c r="A96778" i="1" s="1"/>
  <c r="A96779" i="1" s="1"/>
  <c r="A96780" i="1" s="1"/>
  <c r="A96781" i="1" s="1"/>
  <c r="A96782" i="1" s="1"/>
  <c r="A96783" i="1" s="1"/>
  <c r="A96784" i="1" s="1"/>
  <c r="A96785" i="1" s="1"/>
  <c r="A96786" i="1" s="1"/>
  <c r="A96787" i="1" s="1"/>
  <c r="A96788" i="1" s="1"/>
  <c r="A96789" i="1" s="1"/>
  <c r="A96790" i="1" s="1"/>
  <c r="A96791" i="1" s="1"/>
  <c r="A96792" i="1" s="1"/>
  <c r="A96793" i="1" s="1"/>
  <c r="A96794" i="1" s="1"/>
  <c r="A96795" i="1" s="1"/>
  <c r="A96796" i="1" s="1"/>
  <c r="A96797" i="1" s="1"/>
  <c r="A96798" i="1" s="1"/>
  <c r="A96799" i="1" s="1"/>
  <c r="A96800" i="1" s="1"/>
  <c r="A96801" i="1" s="1"/>
  <c r="A96802" i="1" s="1"/>
  <c r="A96803" i="1" s="1"/>
  <c r="A96804" i="1" s="1"/>
  <c r="A96805" i="1" s="1"/>
  <c r="A96806" i="1" s="1"/>
  <c r="A96807" i="1" s="1"/>
  <c r="A96808" i="1" s="1"/>
  <c r="A96809" i="1" s="1"/>
  <c r="A96810" i="1" s="1"/>
  <c r="A96811" i="1" s="1"/>
  <c r="A96812" i="1" s="1"/>
  <c r="A96813" i="1" s="1"/>
  <c r="A96814" i="1" s="1"/>
  <c r="A96815" i="1" s="1"/>
  <c r="A96816" i="1" s="1"/>
  <c r="A96817" i="1" s="1"/>
  <c r="A96818" i="1" s="1"/>
  <c r="A96819" i="1" s="1"/>
  <c r="A96820" i="1" s="1"/>
  <c r="A96821" i="1" s="1"/>
  <c r="A96822" i="1" s="1"/>
  <c r="A96823" i="1" s="1"/>
  <c r="A96824" i="1" s="1"/>
  <c r="A96825" i="1" s="1"/>
  <c r="A96826" i="1" s="1"/>
  <c r="A96827" i="1" s="1"/>
  <c r="A96828" i="1" s="1"/>
  <c r="A96829" i="1" s="1"/>
  <c r="A96830" i="1" s="1"/>
  <c r="A96831" i="1" s="1"/>
  <c r="A96832" i="1" s="1"/>
  <c r="A96833" i="1" s="1"/>
  <c r="A96834" i="1" s="1"/>
  <c r="A96835" i="1" s="1"/>
  <c r="A96836" i="1" s="1"/>
  <c r="A96837" i="1" s="1"/>
  <c r="A96838" i="1" s="1"/>
  <c r="A96839" i="1" s="1"/>
  <c r="A96840" i="1" s="1"/>
  <c r="A96841" i="1" s="1"/>
  <c r="A96842" i="1" s="1"/>
  <c r="A96843" i="1" s="1"/>
  <c r="A96844" i="1" s="1"/>
  <c r="A96845" i="1" s="1"/>
  <c r="A96846" i="1" s="1"/>
  <c r="A96847" i="1" s="1"/>
  <c r="A96848" i="1" s="1"/>
  <c r="A96849" i="1" s="1"/>
  <c r="A96850" i="1" s="1"/>
  <c r="A96851" i="1" s="1"/>
  <c r="A96852" i="1" s="1"/>
  <c r="A96853" i="1" s="1"/>
  <c r="A96854" i="1" s="1"/>
  <c r="A96855" i="1" s="1"/>
  <c r="A96856" i="1" s="1"/>
  <c r="A96857" i="1" s="1"/>
  <c r="A96858" i="1" s="1"/>
  <c r="A96859" i="1" s="1"/>
  <c r="A96860" i="1" s="1"/>
  <c r="A96861" i="1" s="1"/>
  <c r="A96862" i="1" s="1"/>
  <c r="A96863" i="1" s="1"/>
  <c r="A96864" i="1" s="1"/>
  <c r="A96865" i="1" s="1"/>
  <c r="A96866" i="1" s="1"/>
  <c r="A96867" i="1" s="1"/>
  <c r="A96868" i="1" s="1"/>
  <c r="A96869" i="1" s="1"/>
  <c r="A96870" i="1" s="1"/>
  <c r="A96871" i="1" s="1"/>
  <c r="A96872" i="1" s="1"/>
  <c r="A96873" i="1" s="1"/>
  <c r="A96874" i="1" s="1"/>
  <c r="A96875" i="1" s="1"/>
  <c r="A96876" i="1" s="1"/>
  <c r="A96877" i="1" s="1"/>
  <c r="A96878" i="1" s="1"/>
  <c r="A96879" i="1" s="1"/>
  <c r="A96880" i="1" s="1"/>
  <c r="A96881" i="1" s="1"/>
  <c r="A96882" i="1" s="1"/>
  <c r="A96883" i="1" s="1"/>
  <c r="A96884" i="1" s="1"/>
  <c r="A96885" i="1" s="1"/>
  <c r="A96886" i="1" s="1"/>
  <c r="A96887" i="1" s="1"/>
  <c r="A96888" i="1" s="1"/>
  <c r="A96889" i="1" s="1"/>
  <c r="A96890" i="1" s="1"/>
  <c r="A96891" i="1" s="1"/>
  <c r="A96892" i="1" s="1"/>
  <c r="A96893" i="1" s="1"/>
  <c r="A96894" i="1" s="1"/>
  <c r="A96895" i="1" s="1"/>
  <c r="A96896" i="1" s="1"/>
  <c r="A96897" i="1" s="1"/>
  <c r="A96898" i="1" s="1"/>
  <c r="A96899" i="1" s="1"/>
  <c r="A96900" i="1" s="1"/>
  <c r="A96901" i="1" s="1"/>
  <c r="A96902" i="1" s="1"/>
  <c r="A96903" i="1" s="1"/>
  <c r="A96904" i="1" s="1"/>
  <c r="A96905" i="1" s="1"/>
  <c r="A96906" i="1" s="1"/>
  <c r="A96907" i="1" s="1"/>
  <c r="A96908" i="1" s="1"/>
  <c r="A96909" i="1" s="1"/>
  <c r="A96910" i="1" s="1"/>
  <c r="A96911" i="1" s="1"/>
  <c r="A96912" i="1" s="1"/>
  <c r="A96913" i="1" s="1"/>
  <c r="A96914" i="1" s="1"/>
  <c r="A96915" i="1" s="1"/>
  <c r="A96916" i="1" s="1"/>
  <c r="A96917" i="1" s="1"/>
  <c r="A96918" i="1" s="1"/>
  <c r="A96919" i="1" s="1"/>
  <c r="A96920" i="1" s="1"/>
  <c r="A96921" i="1" s="1"/>
  <c r="A96922" i="1" s="1"/>
  <c r="A96923" i="1" s="1"/>
  <c r="A96924" i="1" s="1"/>
  <c r="A96925" i="1" s="1"/>
  <c r="A96926" i="1" s="1"/>
  <c r="A96927" i="1" s="1"/>
  <c r="A96928" i="1" s="1"/>
  <c r="A96929" i="1" s="1"/>
  <c r="A96930" i="1" s="1"/>
  <c r="A96931" i="1" s="1"/>
  <c r="A96932" i="1" s="1"/>
  <c r="A96933" i="1" s="1"/>
  <c r="A96934" i="1" s="1"/>
  <c r="A96935" i="1" s="1"/>
  <c r="A96936" i="1" s="1"/>
  <c r="A96937" i="1" s="1"/>
  <c r="A96938" i="1" s="1"/>
  <c r="A96939" i="1" s="1"/>
  <c r="A96940" i="1" s="1"/>
  <c r="A96941" i="1" s="1"/>
  <c r="A96942" i="1" s="1"/>
  <c r="A96943" i="1" s="1"/>
  <c r="A96944" i="1" s="1"/>
  <c r="A96945" i="1" s="1"/>
  <c r="A96946" i="1" s="1"/>
  <c r="A96947" i="1" s="1"/>
  <c r="A96948" i="1" s="1"/>
  <c r="A96949" i="1" s="1"/>
  <c r="A96950" i="1" s="1"/>
  <c r="A96951" i="1" s="1"/>
  <c r="A96952" i="1" s="1"/>
  <c r="A96953" i="1" s="1"/>
  <c r="A96954" i="1" s="1"/>
  <c r="A96955" i="1" s="1"/>
  <c r="A96956" i="1" s="1"/>
  <c r="A96957" i="1" s="1"/>
  <c r="A96958" i="1" s="1"/>
  <c r="A96959" i="1" s="1"/>
  <c r="A96960" i="1" s="1"/>
  <c r="A96961" i="1" s="1"/>
  <c r="A96962" i="1" s="1"/>
  <c r="A96963" i="1" s="1"/>
  <c r="A96964" i="1" s="1"/>
  <c r="A96965" i="1" s="1"/>
  <c r="A96966" i="1" s="1"/>
  <c r="A96967" i="1" s="1"/>
  <c r="A96968" i="1" s="1"/>
  <c r="A96969" i="1" s="1"/>
  <c r="A96970" i="1" s="1"/>
  <c r="A96971" i="1" s="1"/>
  <c r="A96972" i="1" s="1"/>
  <c r="A96973" i="1" s="1"/>
  <c r="A96974" i="1" s="1"/>
  <c r="A96975" i="1" s="1"/>
  <c r="A96976" i="1" s="1"/>
  <c r="A96977" i="1" s="1"/>
  <c r="A96978" i="1" s="1"/>
  <c r="A96979" i="1" s="1"/>
  <c r="A96980" i="1" s="1"/>
  <c r="A96981" i="1" s="1"/>
  <c r="A96982" i="1" s="1"/>
  <c r="A96983" i="1" s="1"/>
  <c r="A96984" i="1" s="1"/>
  <c r="A96985" i="1" s="1"/>
  <c r="A96986" i="1" s="1"/>
  <c r="A96987" i="1" s="1"/>
  <c r="A96988" i="1" s="1"/>
  <c r="A96989" i="1" s="1"/>
  <c r="A96990" i="1" s="1"/>
  <c r="A96991" i="1" s="1"/>
  <c r="A96992" i="1" s="1"/>
  <c r="A96993" i="1" s="1"/>
  <c r="A96994" i="1" s="1"/>
  <c r="A96995" i="1" s="1"/>
  <c r="A96996" i="1" s="1"/>
  <c r="A96997" i="1" s="1"/>
  <c r="A96998" i="1" s="1"/>
  <c r="A96999" i="1" s="1"/>
  <c r="A97000" i="1" s="1"/>
  <c r="A97001" i="1" s="1"/>
  <c r="A97002" i="1" s="1"/>
  <c r="A97003" i="1" s="1"/>
  <c r="A97004" i="1" s="1"/>
  <c r="A97005" i="1" s="1"/>
  <c r="A97006" i="1" s="1"/>
  <c r="A97007" i="1" s="1"/>
  <c r="A97008" i="1" s="1"/>
  <c r="A97009" i="1" s="1"/>
  <c r="A97010" i="1" s="1"/>
  <c r="A97011" i="1" s="1"/>
  <c r="A97012" i="1" s="1"/>
  <c r="A97013" i="1" s="1"/>
  <c r="A97014" i="1" s="1"/>
  <c r="A97015" i="1" s="1"/>
  <c r="A97016" i="1" s="1"/>
  <c r="A97017" i="1" s="1"/>
  <c r="A97018" i="1" s="1"/>
  <c r="A97019" i="1" s="1"/>
  <c r="A97020" i="1" s="1"/>
  <c r="A97021" i="1" s="1"/>
  <c r="A97022" i="1" s="1"/>
  <c r="A97023" i="1" s="1"/>
  <c r="A97024" i="1" s="1"/>
  <c r="A97025" i="1" s="1"/>
  <c r="A97026" i="1" s="1"/>
  <c r="A97027" i="1" s="1"/>
  <c r="A97028" i="1" s="1"/>
  <c r="A97029" i="1" s="1"/>
  <c r="A97030" i="1" s="1"/>
  <c r="A97031" i="1" s="1"/>
  <c r="A97032" i="1" s="1"/>
  <c r="A97033" i="1" s="1"/>
  <c r="A97034" i="1" s="1"/>
  <c r="A97035" i="1" s="1"/>
  <c r="A97036" i="1" s="1"/>
  <c r="A97037" i="1" s="1"/>
  <c r="A97038" i="1" s="1"/>
  <c r="A97039" i="1" s="1"/>
  <c r="A97040" i="1" s="1"/>
  <c r="A97041" i="1" s="1"/>
  <c r="A97042" i="1" s="1"/>
  <c r="A97043" i="1" s="1"/>
  <c r="A97044" i="1" s="1"/>
  <c r="A97045" i="1" s="1"/>
  <c r="A97046" i="1" s="1"/>
  <c r="A97047" i="1" s="1"/>
  <c r="A97048" i="1" s="1"/>
  <c r="A97049" i="1" s="1"/>
  <c r="A97050" i="1" s="1"/>
  <c r="A97051" i="1" s="1"/>
  <c r="A97052" i="1" s="1"/>
  <c r="A97053" i="1" s="1"/>
  <c r="A97054" i="1" s="1"/>
  <c r="A97055" i="1" s="1"/>
  <c r="A97056" i="1" s="1"/>
  <c r="A97057" i="1" s="1"/>
  <c r="A97058" i="1" s="1"/>
  <c r="A97059" i="1" s="1"/>
  <c r="A97060" i="1" s="1"/>
  <c r="A97061" i="1" s="1"/>
  <c r="A97062" i="1" s="1"/>
  <c r="A97063" i="1" s="1"/>
  <c r="A97064" i="1" s="1"/>
  <c r="A97065" i="1" s="1"/>
  <c r="A97066" i="1" s="1"/>
  <c r="A97067" i="1" s="1"/>
  <c r="A97068" i="1" s="1"/>
  <c r="A97069" i="1" s="1"/>
  <c r="A97070" i="1" s="1"/>
  <c r="A97071" i="1" s="1"/>
  <c r="A97072" i="1" s="1"/>
  <c r="A97073" i="1" s="1"/>
  <c r="A97074" i="1" s="1"/>
  <c r="A97075" i="1" s="1"/>
  <c r="A97076" i="1" s="1"/>
  <c r="A97077" i="1" s="1"/>
  <c r="A97078" i="1" s="1"/>
  <c r="A97079" i="1" s="1"/>
  <c r="A97080" i="1" s="1"/>
  <c r="A97081" i="1" s="1"/>
  <c r="A97082" i="1" s="1"/>
  <c r="A97083" i="1" s="1"/>
  <c r="A97084" i="1" s="1"/>
  <c r="A97085" i="1" s="1"/>
  <c r="A97086" i="1" s="1"/>
  <c r="A97087" i="1" s="1"/>
  <c r="A97088" i="1" s="1"/>
  <c r="A97089" i="1" s="1"/>
  <c r="A97090" i="1" s="1"/>
  <c r="A97091" i="1" s="1"/>
  <c r="A97092" i="1" s="1"/>
  <c r="A97093" i="1" s="1"/>
  <c r="A97094" i="1" s="1"/>
  <c r="A97095" i="1" s="1"/>
  <c r="A97096" i="1" s="1"/>
  <c r="A97097" i="1" s="1"/>
  <c r="A97098" i="1" s="1"/>
  <c r="A97099" i="1" s="1"/>
  <c r="A97100" i="1" s="1"/>
  <c r="A97101" i="1" s="1"/>
  <c r="A97102" i="1" s="1"/>
  <c r="A97103" i="1" s="1"/>
  <c r="A97104" i="1" s="1"/>
  <c r="A97105" i="1" s="1"/>
  <c r="A97106" i="1" s="1"/>
  <c r="A97107" i="1" s="1"/>
  <c r="A97108" i="1" s="1"/>
  <c r="A97109" i="1" s="1"/>
  <c r="A97110" i="1" s="1"/>
  <c r="A97111" i="1" s="1"/>
  <c r="A97112" i="1" s="1"/>
  <c r="A97113" i="1" s="1"/>
  <c r="A97114" i="1" s="1"/>
  <c r="A97115" i="1" s="1"/>
  <c r="A97116" i="1" s="1"/>
  <c r="A97117" i="1" s="1"/>
  <c r="A97118" i="1" s="1"/>
  <c r="A97119" i="1" s="1"/>
  <c r="A97120" i="1" s="1"/>
  <c r="A97121" i="1" s="1"/>
  <c r="A97122" i="1" s="1"/>
  <c r="A97123" i="1" s="1"/>
  <c r="A97124" i="1" s="1"/>
  <c r="A97125" i="1" s="1"/>
  <c r="A97126" i="1" s="1"/>
  <c r="A97127" i="1" s="1"/>
  <c r="A97128" i="1" s="1"/>
  <c r="A97129" i="1" s="1"/>
  <c r="A97130" i="1" s="1"/>
  <c r="A97131" i="1" s="1"/>
  <c r="A97132" i="1" s="1"/>
  <c r="A97133" i="1" s="1"/>
  <c r="A97134" i="1" s="1"/>
  <c r="A97135" i="1" s="1"/>
  <c r="A97136" i="1" s="1"/>
  <c r="A97137" i="1" s="1"/>
  <c r="A97138" i="1" s="1"/>
  <c r="A97139" i="1" s="1"/>
  <c r="A97140" i="1" s="1"/>
  <c r="A97141" i="1" s="1"/>
  <c r="A97142" i="1" s="1"/>
  <c r="A97143" i="1" s="1"/>
  <c r="A97144" i="1" s="1"/>
  <c r="A97145" i="1" s="1"/>
  <c r="A97146" i="1" s="1"/>
  <c r="A97147" i="1" s="1"/>
  <c r="A97148" i="1" s="1"/>
  <c r="A97149" i="1" s="1"/>
  <c r="A97150" i="1" s="1"/>
  <c r="A97151" i="1" s="1"/>
  <c r="A97152" i="1" s="1"/>
  <c r="A97153" i="1" s="1"/>
  <c r="A97154" i="1" s="1"/>
  <c r="A97155" i="1" s="1"/>
  <c r="A97156" i="1" s="1"/>
  <c r="A97157" i="1" s="1"/>
  <c r="A97158" i="1" s="1"/>
  <c r="A97159" i="1" s="1"/>
  <c r="A97160" i="1" s="1"/>
  <c r="A97161" i="1" s="1"/>
  <c r="A97162" i="1" s="1"/>
  <c r="A97163" i="1" s="1"/>
  <c r="A97164" i="1" s="1"/>
  <c r="A97165" i="1" s="1"/>
  <c r="A97166" i="1" s="1"/>
  <c r="A97167" i="1" s="1"/>
  <c r="A97168" i="1" s="1"/>
  <c r="A97169" i="1" s="1"/>
  <c r="A97170" i="1" s="1"/>
  <c r="A97171" i="1" s="1"/>
  <c r="A97172" i="1" s="1"/>
  <c r="A97173" i="1" s="1"/>
  <c r="A97174" i="1" s="1"/>
  <c r="A97175" i="1" s="1"/>
  <c r="A97176" i="1" s="1"/>
  <c r="A97177" i="1" s="1"/>
  <c r="A97178" i="1" s="1"/>
  <c r="A97179" i="1" s="1"/>
  <c r="A97180" i="1" s="1"/>
  <c r="A97181" i="1" s="1"/>
  <c r="A97182" i="1" s="1"/>
  <c r="A97183" i="1" s="1"/>
  <c r="A97184" i="1" s="1"/>
  <c r="A97185" i="1" s="1"/>
  <c r="A97186" i="1" s="1"/>
  <c r="A97187" i="1" s="1"/>
  <c r="A97188" i="1" s="1"/>
  <c r="A97189" i="1" s="1"/>
  <c r="A97190" i="1" s="1"/>
  <c r="A97191" i="1" s="1"/>
  <c r="A97192" i="1" s="1"/>
  <c r="A97193" i="1" s="1"/>
  <c r="A97194" i="1" s="1"/>
  <c r="A97195" i="1" s="1"/>
  <c r="A97196" i="1" s="1"/>
  <c r="A97197" i="1" s="1"/>
  <c r="A97198" i="1" s="1"/>
  <c r="A97199" i="1" s="1"/>
  <c r="A97200" i="1" s="1"/>
  <c r="A97201" i="1" s="1"/>
  <c r="A97202" i="1" s="1"/>
  <c r="A97203" i="1" s="1"/>
  <c r="A97204" i="1" s="1"/>
  <c r="A97205" i="1" s="1"/>
  <c r="A97206" i="1" s="1"/>
  <c r="A97207" i="1" s="1"/>
  <c r="A97208" i="1" s="1"/>
  <c r="A97209" i="1" s="1"/>
  <c r="A97210" i="1" s="1"/>
  <c r="A97211" i="1" s="1"/>
  <c r="A97212" i="1" s="1"/>
  <c r="A97213" i="1" s="1"/>
  <c r="A97214" i="1" s="1"/>
  <c r="A97215" i="1" s="1"/>
  <c r="A97216" i="1" s="1"/>
  <c r="A97217" i="1" s="1"/>
  <c r="A97218" i="1" s="1"/>
  <c r="A97219" i="1" s="1"/>
  <c r="A97220" i="1" s="1"/>
  <c r="A97221" i="1" s="1"/>
  <c r="A97222" i="1" s="1"/>
  <c r="A97223" i="1" s="1"/>
  <c r="A97224" i="1" s="1"/>
  <c r="A97225" i="1" s="1"/>
  <c r="A97226" i="1" s="1"/>
  <c r="A97227" i="1" s="1"/>
  <c r="A97228" i="1" s="1"/>
  <c r="A97229" i="1" s="1"/>
  <c r="A97230" i="1" s="1"/>
  <c r="A97231" i="1" s="1"/>
  <c r="A97232" i="1" s="1"/>
  <c r="A97233" i="1" s="1"/>
  <c r="A97234" i="1" s="1"/>
  <c r="A97235" i="1" s="1"/>
  <c r="A97236" i="1" s="1"/>
  <c r="A97237" i="1" s="1"/>
  <c r="A97238" i="1" s="1"/>
  <c r="A97239" i="1" s="1"/>
  <c r="A97240" i="1" s="1"/>
  <c r="A97241" i="1" s="1"/>
  <c r="A97242" i="1" s="1"/>
  <c r="A97243" i="1" s="1"/>
  <c r="A97244" i="1" s="1"/>
  <c r="A97245" i="1" s="1"/>
  <c r="A97246" i="1" s="1"/>
  <c r="A97247" i="1" s="1"/>
  <c r="A97248" i="1" s="1"/>
  <c r="A97249" i="1" s="1"/>
  <c r="A97250" i="1" s="1"/>
  <c r="A97251" i="1" s="1"/>
  <c r="A97252" i="1" s="1"/>
  <c r="A97253" i="1" s="1"/>
  <c r="A97254" i="1" s="1"/>
  <c r="A97255" i="1" s="1"/>
  <c r="A97256" i="1" s="1"/>
  <c r="A97257" i="1" s="1"/>
  <c r="A97258" i="1" s="1"/>
  <c r="A97259" i="1" s="1"/>
  <c r="A97260" i="1" s="1"/>
  <c r="A97261" i="1" s="1"/>
  <c r="A97262" i="1" s="1"/>
  <c r="A97263" i="1" s="1"/>
  <c r="A97264" i="1" s="1"/>
  <c r="A97265" i="1" s="1"/>
  <c r="A97266" i="1" s="1"/>
  <c r="A97267" i="1" s="1"/>
  <c r="A97268" i="1" s="1"/>
  <c r="A97269" i="1" s="1"/>
  <c r="A97270" i="1" s="1"/>
  <c r="A97271" i="1" s="1"/>
  <c r="A97272" i="1" s="1"/>
  <c r="A97273" i="1" s="1"/>
  <c r="A97274" i="1" s="1"/>
  <c r="A97275" i="1" s="1"/>
  <c r="A97276" i="1" s="1"/>
  <c r="A97277" i="1" s="1"/>
  <c r="A97278" i="1" s="1"/>
  <c r="A97279" i="1" s="1"/>
  <c r="A97280" i="1" s="1"/>
  <c r="A97281" i="1" s="1"/>
  <c r="A97282" i="1" s="1"/>
  <c r="A97283" i="1" s="1"/>
  <c r="A97284" i="1" s="1"/>
  <c r="A97285" i="1" s="1"/>
  <c r="A97286" i="1" s="1"/>
  <c r="A97287" i="1" s="1"/>
  <c r="A97288" i="1" s="1"/>
  <c r="A97289" i="1" s="1"/>
  <c r="A97290" i="1" s="1"/>
  <c r="A97291" i="1" s="1"/>
  <c r="A97292" i="1" s="1"/>
  <c r="A97293" i="1" s="1"/>
  <c r="A97294" i="1" s="1"/>
  <c r="A97295" i="1" s="1"/>
  <c r="A97296" i="1" s="1"/>
  <c r="A97297" i="1" s="1"/>
  <c r="A97298" i="1" s="1"/>
  <c r="A97299" i="1" s="1"/>
  <c r="A97300" i="1" s="1"/>
  <c r="A97301" i="1" s="1"/>
  <c r="A97302" i="1" s="1"/>
  <c r="A97303" i="1" s="1"/>
  <c r="A97304" i="1" s="1"/>
  <c r="A97305" i="1" s="1"/>
  <c r="A97306" i="1" s="1"/>
  <c r="A97307" i="1" s="1"/>
  <c r="A97308" i="1" s="1"/>
  <c r="A97309" i="1" s="1"/>
  <c r="A97310" i="1" s="1"/>
  <c r="A97311" i="1" s="1"/>
  <c r="A97312" i="1" s="1"/>
  <c r="A97313" i="1" s="1"/>
  <c r="A97314" i="1" s="1"/>
  <c r="A97315" i="1" s="1"/>
  <c r="A97316" i="1" s="1"/>
  <c r="A97317" i="1" s="1"/>
  <c r="A97318" i="1" s="1"/>
  <c r="A97319" i="1" s="1"/>
  <c r="A97320" i="1" s="1"/>
  <c r="A97321" i="1" s="1"/>
  <c r="A97322" i="1" s="1"/>
  <c r="A97323" i="1" s="1"/>
  <c r="A97324" i="1" s="1"/>
  <c r="A97325" i="1" s="1"/>
  <c r="A97326" i="1" s="1"/>
  <c r="A97327" i="1" s="1"/>
  <c r="A97328" i="1" s="1"/>
  <c r="A97329" i="1" s="1"/>
  <c r="A97330" i="1" s="1"/>
  <c r="A97331" i="1" s="1"/>
  <c r="A97332" i="1" s="1"/>
  <c r="A97333" i="1" s="1"/>
  <c r="A97334" i="1" s="1"/>
  <c r="A97335" i="1" s="1"/>
  <c r="A97336" i="1" s="1"/>
  <c r="A97337" i="1" s="1"/>
  <c r="A97338" i="1" s="1"/>
  <c r="A97339" i="1" s="1"/>
  <c r="A97340" i="1" s="1"/>
  <c r="A97341" i="1" s="1"/>
  <c r="A97342" i="1" s="1"/>
  <c r="A97343" i="1" s="1"/>
  <c r="A97344" i="1" s="1"/>
  <c r="A97345" i="1" s="1"/>
  <c r="A97346" i="1" s="1"/>
  <c r="A97347" i="1" s="1"/>
  <c r="A97348" i="1" s="1"/>
  <c r="A97349" i="1" s="1"/>
  <c r="A97350" i="1" s="1"/>
  <c r="A97351" i="1" s="1"/>
  <c r="A97352" i="1" s="1"/>
  <c r="A97353" i="1" s="1"/>
  <c r="A97354" i="1" s="1"/>
  <c r="A97355" i="1" s="1"/>
  <c r="A97356" i="1" s="1"/>
  <c r="A97357" i="1" s="1"/>
  <c r="A97358" i="1" s="1"/>
  <c r="A97359" i="1" s="1"/>
  <c r="A97360" i="1" s="1"/>
  <c r="A97361" i="1" s="1"/>
  <c r="A97362" i="1" s="1"/>
  <c r="A97363" i="1" s="1"/>
  <c r="A97364" i="1" s="1"/>
  <c r="A97365" i="1" s="1"/>
  <c r="A97366" i="1" s="1"/>
  <c r="A97367" i="1" s="1"/>
  <c r="A97368" i="1" s="1"/>
  <c r="A97369" i="1" s="1"/>
  <c r="A97370" i="1" s="1"/>
  <c r="A97371" i="1" s="1"/>
  <c r="A97372" i="1" s="1"/>
  <c r="A97373" i="1" s="1"/>
  <c r="A97374" i="1" s="1"/>
  <c r="A97375" i="1" s="1"/>
  <c r="A97376" i="1" s="1"/>
  <c r="A97377" i="1" s="1"/>
  <c r="A97378" i="1" s="1"/>
  <c r="A97379" i="1" s="1"/>
  <c r="A97380" i="1" s="1"/>
  <c r="A97381" i="1" s="1"/>
  <c r="A97382" i="1" s="1"/>
  <c r="A97383" i="1" s="1"/>
  <c r="A97384" i="1" s="1"/>
  <c r="A97385" i="1" s="1"/>
  <c r="A97386" i="1" s="1"/>
  <c r="A97387" i="1" s="1"/>
  <c r="A97388" i="1" s="1"/>
  <c r="A97389" i="1" s="1"/>
  <c r="A97390" i="1" s="1"/>
  <c r="A97391" i="1" s="1"/>
  <c r="A97392" i="1" s="1"/>
  <c r="A97393" i="1" s="1"/>
  <c r="A97394" i="1" s="1"/>
  <c r="A97395" i="1" s="1"/>
  <c r="A97396" i="1" s="1"/>
  <c r="A97397" i="1" s="1"/>
  <c r="A97398" i="1" s="1"/>
  <c r="A97399" i="1" s="1"/>
  <c r="A97400" i="1" s="1"/>
  <c r="A97401" i="1" s="1"/>
  <c r="A97402" i="1" s="1"/>
  <c r="A97403" i="1" s="1"/>
  <c r="A97404" i="1" s="1"/>
  <c r="A97405" i="1" s="1"/>
  <c r="A97406" i="1" s="1"/>
  <c r="A97407" i="1" s="1"/>
  <c r="A97408" i="1" s="1"/>
  <c r="A97409" i="1" s="1"/>
  <c r="A97410" i="1" s="1"/>
  <c r="A97411" i="1" s="1"/>
  <c r="A97412" i="1" s="1"/>
  <c r="A97413" i="1" s="1"/>
  <c r="A97414" i="1" s="1"/>
  <c r="A97415" i="1" s="1"/>
  <c r="A97416" i="1" s="1"/>
  <c r="A97417" i="1" s="1"/>
  <c r="A97418" i="1" s="1"/>
  <c r="A97419" i="1" s="1"/>
  <c r="A97420" i="1" s="1"/>
  <c r="A97421" i="1" s="1"/>
  <c r="A97422" i="1" s="1"/>
  <c r="A97423" i="1" s="1"/>
  <c r="A97424" i="1" s="1"/>
  <c r="A97425" i="1" s="1"/>
  <c r="A97426" i="1" s="1"/>
  <c r="A97427" i="1" s="1"/>
  <c r="A97428" i="1" s="1"/>
  <c r="A97429" i="1" s="1"/>
  <c r="A97430" i="1" s="1"/>
  <c r="A97431" i="1" s="1"/>
  <c r="A97432" i="1" s="1"/>
  <c r="A97433" i="1" s="1"/>
  <c r="A97434" i="1" s="1"/>
  <c r="A97435" i="1" s="1"/>
  <c r="A97436" i="1" s="1"/>
  <c r="A97437" i="1" s="1"/>
  <c r="A97438" i="1" s="1"/>
  <c r="A97439" i="1" s="1"/>
  <c r="A97440" i="1" s="1"/>
  <c r="A97441" i="1" s="1"/>
  <c r="A97442" i="1" s="1"/>
  <c r="A97443" i="1" s="1"/>
  <c r="A97444" i="1" s="1"/>
  <c r="A97445" i="1" s="1"/>
  <c r="A97446" i="1" s="1"/>
  <c r="A97447" i="1" s="1"/>
  <c r="A97448" i="1" s="1"/>
  <c r="A97449" i="1" s="1"/>
  <c r="A97450" i="1" s="1"/>
  <c r="A97451" i="1" s="1"/>
  <c r="A97452" i="1" s="1"/>
  <c r="A97453" i="1" s="1"/>
  <c r="A97454" i="1" s="1"/>
  <c r="A97455" i="1" s="1"/>
  <c r="A97456" i="1" s="1"/>
  <c r="A97457" i="1" s="1"/>
  <c r="A97458" i="1" s="1"/>
  <c r="A97459" i="1" s="1"/>
  <c r="A97460" i="1" s="1"/>
  <c r="A97461" i="1" s="1"/>
  <c r="A97462" i="1" s="1"/>
  <c r="A97463" i="1" s="1"/>
  <c r="A97464" i="1" s="1"/>
  <c r="A97465" i="1" s="1"/>
  <c r="A97466" i="1" s="1"/>
  <c r="A97467" i="1" s="1"/>
  <c r="A97468" i="1" s="1"/>
  <c r="A97469" i="1" s="1"/>
  <c r="A97470" i="1" s="1"/>
  <c r="A97471" i="1" s="1"/>
  <c r="A97472" i="1" s="1"/>
  <c r="A97473" i="1" s="1"/>
  <c r="A97474" i="1" s="1"/>
  <c r="A97475" i="1" s="1"/>
  <c r="A97476" i="1" s="1"/>
  <c r="A97477" i="1" s="1"/>
  <c r="A97478" i="1" s="1"/>
  <c r="A97479" i="1" s="1"/>
  <c r="A97480" i="1" s="1"/>
  <c r="A97481" i="1" s="1"/>
  <c r="A97482" i="1" s="1"/>
  <c r="A97483" i="1" s="1"/>
  <c r="A97484" i="1" s="1"/>
  <c r="A97485" i="1" s="1"/>
  <c r="A97486" i="1" s="1"/>
  <c r="A97487" i="1" s="1"/>
  <c r="A97488" i="1" s="1"/>
  <c r="A97489" i="1" s="1"/>
  <c r="A97490" i="1" s="1"/>
  <c r="A97491" i="1" s="1"/>
  <c r="A97492" i="1" s="1"/>
  <c r="A97493" i="1" s="1"/>
  <c r="A97494" i="1" s="1"/>
  <c r="A97495" i="1" s="1"/>
  <c r="A97496" i="1" s="1"/>
  <c r="A97497" i="1" s="1"/>
  <c r="A97498" i="1" s="1"/>
  <c r="A97499" i="1" s="1"/>
  <c r="A97500" i="1" s="1"/>
  <c r="A97501" i="1" s="1"/>
  <c r="A97502" i="1" s="1"/>
  <c r="A97503" i="1" s="1"/>
  <c r="A97504" i="1" s="1"/>
  <c r="A97505" i="1" s="1"/>
  <c r="A97506" i="1" s="1"/>
  <c r="A97507" i="1" s="1"/>
  <c r="A97508" i="1" s="1"/>
  <c r="A97509" i="1" s="1"/>
  <c r="A97510" i="1" s="1"/>
  <c r="A97511" i="1" s="1"/>
  <c r="A97512" i="1" s="1"/>
  <c r="A97513" i="1" s="1"/>
  <c r="A97514" i="1" s="1"/>
  <c r="A97515" i="1" s="1"/>
  <c r="A97516" i="1" s="1"/>
  <c r="A97517" i="1" s="1"/>
  <c r="A97518" i="1" s="1"/>
  <c r="A97519" i="1" s="1"/>
  <c r="A97520" i="1" s="1"/>
  <c r="A97521" i="1" s="1"/>
  <c r="A97522" i="1" s="1"/>
  <c r="A97523" i="1" s="1"/>
  <c r="A97524" i="1" s="1"/>
  <c r="A97525" i="1" s="1"/>
  <c r="A97526" i="1" s="1"/>
  <c r="A97527" i="1" s="1"/>
  <c r="A97528" i="1" s="1"/>
  <c r="A97529" i="1" s="1"/>
  <c r="A97530" i="1" s="1"/>
  <c r="A97531" i="1" s="1"/>
  <c r="A97532" i="1" s="1"/>
  <c r="A97533" i="1" s="1"/>
  <c r="A97534" i="1" s="1"/>
  <c r="A97535" i="1" s="1"/>
  <c r="A97536" i="1" s="1"/>
  <c r="A97537" i="1" s="1"/>
  <c r="A97538" i="1" s="1"/>
  <c r="A97539" i="1" s="1"/>
  <c r="A97540" i="1" s="1"/>
  <c r="A97541" i="1" s="1"/>
  <c r="A97542" i="1" s="1"/>
  <c r="A97543" i="1" s="1"/>
  <c r="A97544" i="1" s="1"/>
  <c r="A97545" i="1" s="1"/>
  <c r="A97546" i="1" s="1"/>
  <c r="A97547" i="1" s="1"/>
  <c r="A97548" i="1" s="1"/>
  <c r="A97549" i="1" s="1"/>
  <c r="A97550" i="1" s="1"/>
  <c r="A97551" i="1" s="1"/>
  <c r="A97552" i="1" s="1"/>
  <c r="A97553" i="1" s="1"/>
  <c r="A97554" i="1" s="1"/>
  <c r="A97555" i="1" s="1"/>
  <c r="A97556" i="1" s="1"/>
  <c r="A97557" i="1" s="1"/>
  <c r="A97558" i="1" s="1"/>
  <c r="A97559" i="1" s="1"/>
  <c r="A97560" i="1" s="1"/>
  <c r="A97561" i="1" s="1"/>
  <c r="A97562" i="1" s="1"/>
  <c r="A97563" i="1" s="1"/>
  <c r="A97564" i="1" s="1"/>
  <c r="A97565" i="1" s="1"/>
  <c r="A97566" i="1" s="1"/>
  <c r="A97567" i="1" s="1"/>
  <c r="A97568" i="1" s="1"/>
  <c r="A97569" i="1" s="1"/>
  <c r="A97570" i="1" s="1"/>
  <c r="A97571" i="1" s="1"/>
  <c r="A97572" i="1" s="1"/>
  <c r="A97573" i="1" s="1"/>
  <c r="A97574" i="1" s="1"/>
  <c r="A97575" i="1" s="1"/>
  <c r="A97576" i="1" s="1"/>
  <c r="A97577" i="1" s="1"/>
  <c r="A97578" i="1" s="1"/>
  <c r="A97579" i="1" s="1"/>
  <c r="A97580" i="1" s="1"/>
  <c r="A97581" i="1" s="1"/>
  <c r="A97582" i="1" s="1"/>
  <c r="A97583" i="1" s="1"/>
  <c r="A97584" i="1" s="1"/>
  <c r="A97585" i="1" s="1"/>
  <c r="A97586" i="1" s="1"/>
  <c r="A97587" i="1" s="1"/>
  <c r="A97588" i="1" s="1"/>
  <c r="A97589" i="1" s="1"/>
  <c r="A97590" i="1" s="1"/>
  <c r="A97591" i="1" s="1"/>
  <c r="A97592" i="1" s="1"/>
  <c r="A97593" i="1" s="1"/>
  <c r="A97594" i="1" s="1"/>
  <c r="A97595" i="1" s="1"/>
  <c r="A97596" i="1" s="1"/>
  <c r="A97597" i="1" s="1"/>
  <c r="A97598" i="1" s="1"/>
  <c r="A97599" i="1" s="1"/>
  <c r="A97600" i="1" s="1"/>
  <c r="A97601" i="1" s="1"/>
  <c r="A97602" i="1" s="1"/>
  <c r="A97603" i="1" s="1"/>
  <c r="A97604" i="1" s="1"/>
  <c r="A97605" i="1" s="1"/>
  <c r="A97606" i="1" s="1"/>
  <c r="A97607" i="1" s="1"/>
  <c r="A97608" i="1" s="1"/>
  <c r="A97609" i="1" s="1"/>
  <c r="A97610" i="1" s="1"/>
  <c r="A97611" i="1" s="1"/>
  <c r="A97612" i="1" s="1"/>
  <c r="A97613" i="1" s="1"/>
  <c r="A97614" i="1" s="1"/>
  <c r="A97615" i="1" s="1"/>
  <c r="A97616" i="1" s="1"/>
  <c r="A97617" i="1" s="1"/>
  <c r="A97618" i="1" s="1"/>
  <c r="A97619" i="1" s="1"/>
  <c r="A97620" i="1" s="1"/>
  <c r="A97621" i="1" s="1"/>
  <c r="A97622" i="1" s="1"/>
  <c r="A97623" i="1" s="1"/>
  <c r="A97624" i="1" s="1"/>
  <c r="A97625" i="1" s="1"/>
  <c r="A97626" i="1" s="1"/>
  <c r="A97627" i="1" s="1"/>
  <c r="A97628" i="1" s="1"/>
  <c r="A97629" i="1" s="1"/>
  <c r="A97630" i="1" s="1"/>
  <c r="A97631" i="1" s="1"/>
  <c r="A97632" i="1" s="1"/>
  <c r="A97633" i="1" s="1"/>
  <c r="A97634" i="1" s="1"/>
  <c r="A97635" i="1" s="1"/>
  <c r="A97636" i="1" s="1"/>
  <c r="A97637" i="1" s="1"/>
  <c r="A97638" i="1" s="1"/>
  <c r="A97639" i="1" s="1"/>
  <c r="A97640" i="1" s="1"/>
  <c r="A97641" i="1" s="1"/>
  <c r="A97642" i="1" s="1"/>
  <c r="A97643" i="1" s="1"/>
  <c r="A97644" i="1" s="1"/>
  <c r="A97645" i="1" s="1"/>
  <c r="A97646" i="1" s="1"/>
  <c r="A97647" i="1" s="1"/>
  <c r="A97648" i="1" s="1"/>
  <c r="A97649" i="1" s="1"/>
  <c r="A97650" i="1" s="1"/>
  <c r="A97651" i="1" s="1"/>
  <c r="A97652" i="1" s="1"/>
  <c r="A97653" i="1" s="1"/>
  <c r="A97654" i="1" s="1"/>
  <c r="A97655" i="1" s="1"/>
  <c r="A97656" i="1" s="1"/>
  <c r="A97657" i="1" s="1"/>
  <c r="A97658" i="1" s="1"/>
  <c r="A97659" i="1" s="1"/>
  <c r="A97660" i="1" s="1"/>
  <c r="A97661" i="1" s="1"/>
  <c r="A97662" i="1" s="1"/>
  <c r="A97663" i="1" s="1"/>
  <c r="A97664" i="1" s="1"/>
  <c r="A97665" i="1" s="1"/>
  <c r="A97666" i="1" s="1"/>
  <c r="A97667" i="1" s="1"/>
  <c r="A97668" i="1" s="1"/>
  <c r="A97669" i="1" s="1"/>
  <c r="A97670" i="1" s="1"/>
  <c r="A97671" i="1" s="1"/>
  <c r="A97672" i="1" s="1"/>
  <c r="A97673" i="1" s="1"/>
  <c r="A97674" i="1" s="1"/>
  <c r="A97675" i="1" s="1"/>
  <c r="A97676" i="1" s="1"/>
  <c r="A97677" i="1" s="1"/>
  <c r="A97678" i="1" s="1"/>
  <c r="A97679" i="1" s="1"/>
  <c r="A97680" i="1" s="1"/>
  <c r="A97681" i="1" s="1"/>
  <c r="A97682" i="1" s="1"/>
  <c r="A97683" i="1" s="1"/>
  <c r="A97684" i="1" s="1"/>
  <c r="A97685" i="1" s="1"/>
  <c r="A97686" i="1" s="1"/>
  <c r="A97687" i="1" s="1"/>
  <c r="A97688" i="1" s="1"/>
  <c r="A97689" i="1" s="1"/>
  <c r="A97690" i="1" s="1"/>
  <c r="A97691" i="1" s="1"/>
  <c r="A97692" i="1" s="1"/>
  <c r="A97693" i="1" s="1"/>
  <c r="A97694" i="1" s="1"/>
  <c r="A97695" i="1" s="1"/>
  <c r="A97696" i="1" s="1"/>
  <c r="A97697" i="1" s="1"/>
  <c r="A97698" i="1" s="1"/>
  <c r="A97699" i="1" s="1"/>
  <c r="A97700" i="1" s="1"/>
  <c r="A97701" i="1" s="1"/>
  <c r="A97702" i="1" s="1"/>
  <c r="A97703" i="1" s="1"/>
  <c r="A97704" i="1" s="1"/>
  <c r="A97705" i="1" s="1"/>
  <c r="A97706" i="1" s="1"/>
  <c r="A97707" i="1" s="1"/>
  <c r="A97708" i="1" s="1"/>
  <c r="A97709" i="1" s="1"/>
  <c r="A97710" i="1" s="1"/>
  <c r="A97711" i="1" s="1"/>
  <c r="A97712" i="1" s="1"/>
  <c r="A97713" i="1" s="1"/>
  <c r="A97714" i="1" s="1"/>
  <c r="A97715" i="1" s="1"/>
  <c r="A97716" i="1" s="1"/>
  <c r="A97717" i="1" s="1"/>
  <c r="A97718" i="1" s="1"/>
  <c r="A97719" i="1" s="1"/>
  <c r="A97720" i="1" s="1"/>
  <c r="A97721" i="1" s="1"/>
  <c r="A97722" i="1" s="1"/>
  <c r="A97723" i="1" s="1"/>
  <c r="A97724" i="1" s="1"/>
  <c r="A97725" i="1" s="1"/>
  <c r="A97726" i="1" s="1"/>
  <c r="A97727" i="1" s="1"/>
  <c r="A97728" i="1" s="1"/>
  <c r="A97729" i="1" s="1"/>
  <c r="A97730" i="1" s="1"/>
  <c r="A97731" i="1" s="1"/>
  <c r="A97732" i="1" s="1"/>
  <c r="A97733" i="1" s="1"/>
  <c r="A97734" i="1" s="1"/>
  <c r="A97735" i="1" s="1"/>
  <c r="A97736" i="1" s="1"/>
  <c r="A97737" i="1" s="1"/>
  <c r="A97738" i="1" s="1"/>
  <c r="A97739" i="1" s="1"/>
  <c r="A97740" i="1" s="1"/>
  <c r="A97741" i="1" s="1"/>
  <c r="A97742" i="1" s="1"/>
  <c r="A97743" i="1" s="1"/>
  <c r="A97744" i="1" s="1"/>
  <c r="A97745" i="1" s="1"/>
  <c r="A97746" i="1" s="1"/>
  <c r="A97747" i="1" s="1"/>
  <c r="A97748" i="1" s="1"/>
  <c r="A97749" i="1" s="1"/>
  <c r="A97750" i="1" s="1"/>
  <c r="A97751" i="1" s="1"/>
  <c r="A97752" i="1" s="1"/>
  <c r="A97753" i="1" s="1"/>
  <c r="A97754" i="1" s="1"/>
  <c r="A97755" i="1" s="1"/>
  <c r="A97756" i="1" s="1"/>
  <c r="A97757" i="1" s="1"/>
  <c r="A97758" i="1" s="1"/>
  <c r="A97759" i="1" s="1"/>
  <c r="A97760" i="1" s="1"/>
  <c r="A97761" i="1" s="1"/>
  <c r="A97762" i="1" s="1"/>
  <c r="A97763" i="1" s="1"/>
  <c r="A97764" i="1" s="1"/>
  <c r="A97765" i="1" s="1"/>
  <c r="A97766" i="1" s="1"/>
  <c r="A97767" i="1" s="1"/>
  <c r="A97768" i="1" s="1"/>
  <c r="A97769" i="1" s="1"/>
  <c r="A97770" i="1" s="1"/>
  <c r="A97771" i="1" s="1"/>
  <c r="A97772" i="1" s="1"/>
  <c r="A97773" i="1" s="1"/>
  <c r="A97774" i="1" s="1"/>
  <c r="A97775" i="1" s="1"/>
  <c r="A97776" i="1" s="1"/>
  <c r="A97777" i="1" s="1"/>
  <c r="A97778" i="1" s="1"/>
  <c r="A97779" i="1" s="1"/>
  <c r="A97780" i="1" s="1"/>
  <c r="A97781" i="1" s="1"/>
  <c r="A97782" i="1" s="1"/>
  <c r="A97783" i="1" s="1"/>
  <c r="A97784" i="1" s="1"/>
  <c r="A97785" i="1" s="1"/>
  <c r="A97786" i="1" s="1"/>
  <c r="A97787" i="1" s="1"/>
  <c r="A97788" i="1" s="1"/>
  <c r="A97789" i="1" s="1"/>
  <c r="A97790" i="1" s="1"/>
  <c r="A97791" i="1" s="1"/>
  <c r="A97792" i="1" s="1"/>
  <c r="A97793" i="1" s="1"/>
  <c r="A97794" i="1" s="1"/>
  <c r="A97795" i="1" s="1"/>
  <c r="A97796" i="1" s="1"/>
  <c r="A97797" i="1" s="1"/>
  <c r="A97798" i="1" s="1"/>
  <c r="A97799" i="1" s="1"/>
  <c r="A97800" i="1" s="1"/>
  <c r="A97801" i="1" s="1"/>
  <c r="A97802" i="1" s="1"/>
  <c r="A97803" i="1" s="1"/>
  <c r="A97804" i="1" s="1"/>
  <c r="A97805" i="1" s="1"/>
  <c r="A97806" i="1" s="1"/>
  <c r="A97807" i="1" s="1"/>
  <c r="A97808" i="1" s="1"/>
  <c r="A97809" i="1" s="1"/>
  <c r="A97810" i="1" s="1"/>
  <c r="A97811" i="1" s="1"/>
  <c r="A97812" i="1" s="1"/>
  <c r="A97813" i="1" s="1"/>
  <c r="A97814" i="1" s="1"/>
  <c r="A97815" i="1" s="1"/>
  <c r="A97816" i="1" s="1"/>
  <c r="A97817" i="1" s="1"/>
  <c r="A97818" i="1" s="1"/>
  <c r="A97819" i="1" s="1"/>
  <c r="A97820" i="1" s="1"/>
  <c r="A97821" i="1" s="1"/>
  <c r="A97822" i="1" s="1"/>
  <c r="A97823" i="1" s="1"/>
  <c r="A97824" i="1" s="1"/>
  <c r="A97825" i="1" s="1"/>
  <c r="A97826" i="1" s="1"/>
  <c r="A97827" i="1" s="1"/>
  <c r="A97828" i="1" s="1"/>
  <c r="A97829" i="1" s="1"/>
  <c r="A97830" i="1" s="1"/>
  <c r="A97831" i="1" s="1"/>
  <c r="A97832" i="1" s="1"/>
  <c r="A97833" i="1" s="1"/>
  <c r="A97834" i="1" s="1"/>
  <c r="A97835" i="1" s="1"/>
  <c r="A97836" i="1" s="1"/>
  <c r="A97837" i="1" s="1"/>
  <c r="A97838" i="1" s="1"/>
  <c r="A97839" i="1" s="1"/>
  <c r="A97840" i="1" s="1"/>
  <c r="A97841" i="1" s="1"/>
  <c r="A97842" i="1" s="1"/>
  <c r="A97843" i="1" s="1"/>
  <c r="A97844" i="1" s="1"/>
  <c r="A97845" i="1" s="1"/>
  <c r="A97846" i="1" s="1"/>
  <c r="A97847" i="1" s="1"/>
  <c r="A97848" i="1" s="1"/>
  <c r="A97849" i="1" s="1"/>
  <c r="A97850" i="1" s="1"/>
  <c r="A97851" i="1" s="1"/>
  <c r="A97852" i="1" s="1"/>
  <c r="A97853" i="1" s="1"/>
  <c r="A97854" i="1" s="1"/>
  <c r="A97855" i="1" s="1"/>
  <c r="A97856" i="1" s="1"/>
  <c r="A97857" i="1" s="1"/>
  <c r="A97858" i="1" s="1"/>
  <c r="A97859" i="1" s="1"/>
  <c r="A97860" i="1" s="1"/>
  <c r="A97861" i="1" s="1"/>
  <c r="A97862" i="1" s="1"/>
  <c r="A97863" i="1" s="1"/>
  <c r="A97864" i="1" s="1"/>
  <c r="A97865" i="1" s="1"/>
  <c r="A97866" i="1" s="1"/>
  <c r="A97867" i="1" s="1"/>
  <c r="A97868" i="1" s="1"/>
  <c r="A97869" i="1" s="1"/>
  <c r="A97870" i="1" s="1"/>
  <c r="A97871" i="1" s="1"/>
  <c r="A97872" i="1" s="1"/>
  <c r="A97873" i="1" s="1"/>
  <c r="A97874" i="1" s="1"/>
  <c r="A97875" i="1" s="1"/>
  <c r="A97876" i="1" s="1"/>
  <c r="A97877" i="1" s="1"/>
  <c r="A97878" i="1" s="1"/>
  <c r="A97879" i="1" s="1"/>
  <c r="A97880" i="1" s="1"/>
  <c r="A97881" i="1" s="1"/>
  <c r="A97882" i="1" s="1"/>
  <c r="A97883" i="1" s="1"/>
  <c r="A97884" i="1" s="1"/>
  <c r="A97885" i="1" s="1"/>
  <c r="A97886" i="1" s="1"/>
  <c r="A97887" i="1" s="1"/>
  <c r="A97888" i="1" s="1"/>
  <c r="A97889" i="1" s="1"/>
  <c r="A97890" i="1" s="1"/>
  <c r="A97891" i="1" s="1"/>
  <c r="A97892" i="1" s="1"/>
  <c r="A97893" i="1" s="1"/>
  <c r="A97894" i="1" s="1"/>
  <c r="A97895" i="1" s="1"/>
  <c r="A97896" i="1" s="1"/>
  <c r="A97897" i="1" s="1"/>
  <c r="A97898" i="1" s="1"/>
  <c r="A97899" i="1" s="1"/>
  <c r="A97900" i="1" s="1"/>
  <c r="A97901" i="1" s="1"/>
  <c r="A97902" i="1" s="1"/>
  <c r="A97903" i="1" s="1"/>
  <c r="A97904" i="1" s="1"/>
  <c r="A97905" i="1" s="1"/>
  <c r="A97906" i="1" s="1"/>
  <c r="A97907" i="1" s="1"/>
  <c r="A97908" i="1" s="1"/>
  <c r="A97909" i="1" s="1"/>
  <c r="A97910" i="1" s="1"/>
  <c r="A97911" i="1" s="1"/>
  <c r="A97912" i="1" s="1"/>
  <c r="A97913" i="1" s="1"/>
  <c r="A97914" i="1" s="1"/>
  <c r="A97915" i="1" s="1"/>
  <c r="A97916" i="1" s="1"/>
  <c r="A97917" i="1" s="1"/>
  <c r="A97918" i="1" s="1"/>
  <c r="A97919" i="1" s="1"/>
  <c r="A97920" i="1" s="1"/>
  <c r="A97921" i="1" s="1"/>
  <c r="A97922" i="1" s="1"/>
  <c r="A97923" i="1" s="1"/>
  <c r="A97924" i="1" s="1"/>
  <c r="A97925" i="1" s="1"/>
  <c r="A97926" i="1" s="1"/>
  <c r="A97927" i="1" s="1"/>
  <c r="A97928" i="1" s="1"/>
  <c r="A97929" i="1" s="1"/>
  <c r="A97930" i="1" s="1"/>
  <c r="A97931" i="1" s="1"/>
  <c r="A97932" i="1" s="1"/>
  <c r="A97933" i="1" s="1"/>
  <c r="A97934" i="1" s="1"/>
  <c r="A97935" i="1" s="1"/>
  <c r="A97936" i="1" s="1"/>
  <c r="A97937" i="1" s="1"/>
  <c r="A97938" i="1" s="1"/>
  <c r="A97939" i="1" s="1"/>
  <c r="A97940" i="1" s="1"/>
  <c r="A97941" i="1" s="1"/>
  <c r="A97942" i="1" s="1"/>
  <c r="A97943" i="1" s="1"/>
  <c r="A97944" i="1" s="1"/>
  <c r="A97945" i="1" s="1"/>
  <c r="A97946" i="1" s="1"/>
  <c r="A97947" i="1" s="1"/>
  <c r="A97948" i="1" s="1"/>
  <c r="A97949" i="1" s="1"/>
  <c r="A97950" i="1" s="1"/>
  <c r="A97951" i="1" s="1"/>
  <c r="A97952" i="1" s="1"/>
  <c r="A97953" i="1" s="1"/>
  <c r="A97954" i="1" s="1"/>
  <c r="A97955" i="1" s="1"/>
  <c r="A97956" i="1" s="1"/>
  <c r="A97957" i="1" s="1"/>
  <c r="A97958" i="1" s="1"/>
  <c r="A97959" i="1" s="1"/>
  <c r="A97960" i="1" s="1"/>
  <c r="A97961" i="1" s="1"/>
  <c r="A97962" i="1" s="1"/>
  <c r="A97963" i="1" s="1"/>
  <c r="A97964" i="1" s="1"/>
  <c r="A97965" i="1" s="1"/>
  <c r="A97966" i="1" s="1"/>
  <c r="A97967" i="1" s="1"/>
  <c r="A97968" i="1" s="1"/>
  <c r="A97969" i="1" s="1"/>
  <c r="A97970" i="1" s="1"/>
  <c r="A97971" i="1" s="1"/>
  <c r="A97972" i="1" s="1"/>
  <c r="A97973" i="1" s="1"/>
  <c r="A97974" i="1" s="1"/>
  <c r="A97975" i="1" s="1"/>
  <c r="A97976" i="1" s="1"/>
  <c r="A97977" i="1" s="1"/>
  <c r="A97978" i="1" s="1"/>
  <c r="A97979" i="1" s="1"/>
  <c r="A97980" i="1" s="1"/>
  <c r="A97981" i="1" s="1"/>
  <c r="A97982" i="1" s="1"/>
  <c r="A97983" i="1" s="1"/>
  <c r="A97984" i="1" s="1"/>
  <c r="A97985" i="1" s="1"/>
  <c r="A97986" i="1" s="1"/>
  <c r="A97987" i="1" s="1"/>
  <c r="A97988" i="1" s="1"/>
  <c r="A97989" i="1" s="1"/>
  <c r="A97990" i="1" s="1"/>
  <c r="A97991" i="1" s="1"/>
  <c r="A97992" i="1" s="1"/>
  <c r="A97993" i="1" s="1"/>
  <c r="A97994" i="1" s="1"/>
  <c r="A97995" i="1" s="1"/>
  <c r="A97996" i="1" s="1"/>
  <c r="A97997" i="1" s="1"/>
  <c r="A97998" i="1" s="1"/>
  <c r="A97999" i="1" s="1"/>
  <c r="A98000" i="1" s="1"/>
  <c r="A98001" i="1" s="1"/>
  <c r="A98002" i="1" s="1"/>
  <c r="A98003" i="1" s="1"/>
  <c r="A98004" i="1" s="1"/>
  <c r="A98005" i="1" s="1"/>
  <c r="A98006" i="1" s="1"/>
  <c r="A98007" i="1" s="1"/>
  <c r="A98008" i="1" s="1"/>
  <c r="A98009" i="1" s="1"/>
  <c r="A98010" i="1" s="1"/>
  <c r="A98011" i="1" s="1"/>
  <c r="A98012" i="1" s="1"/>
  <c r="A98013" i="1" s="1"/>
  <c r="A98014" i="1" s="1"/>
  <c r="A98015" i="1" s="1"/>
  <c r="A98016" i="1" s="1"/>
  <c r="A98017" i="1" s="1"/>
  <c r="A98018" i="1" s="1"/>
  <c r="A98019" i="1" s="1"/>
  <c r="A98020" i="1" s="1"/>
  <c r="A98021" i="1" s="1"/>
  <c r="A98022" i="1" s="1"/>
  <c r="A98023" i="1" s="1"/>
  <c r="A98024" i="1" s="1"/>
  <c r="A98025" i="1" s="1"/>
  <c r="A98026" i="1" s="1"/>
  <c r="A98027" i="1" s="1"/>
  <c r="A98028" i="1" s="1"/>
  <c r="A98029" i="1" s="1"/>
  <c r="A98030" i="1" s="1"/>
  <c r="A98031" i="1" s="1"/>
  <c r="A98032" i="1" s="1"/>
  <c r="A98033" i="1" s="1"/>
  <c r="A98034" i="1" s="1"/>
  <c r="A98035" i="1" s="1"/>
  <c r="A98036" i="1" s="1"/>
  <c r="A98037" i="1" s="1"/>
  <c r="A98038" i="1" s="1"/>
  <c r="A98039" i="1" s="1"/>
  <c r="A98040" i="1" s="1"/>
  <c r="A98041" i="1" s="1"/>
  <c r="A98042" i="1" s="1"/>
  <c r="A98043" i="1" s="1"/>
  <c r="A98044" i="1" s="1"/>
  <c r="A98045" i="1" s="1"/>
  <c r="A98046" i="1" s="1"/>
  <c r="A98047" i="1" s="1"/>
  <c r="A98048" i="1" s="1"/>
  <c r="A98049" i="1" s="1"/>
  <c r="A98050" i="1" s="1"/>
  <c r="A98051" i="1" s="1"/>
  <c r="A98052" i="1" s="1"/>
  <c r="A98053" i="1" s="1"/>
  <c r="A98054" i="1" s="1"/>
  <c r="A98055" i="1" s="1"/>
  <c r="A98056" i="1" s="1"/>
  <c r="A98057" i="1" s="1"/>
  <c r="A98058" i="1" s="1"/>
  <c r="A98059" i="1" s="1"/>
  <c r="A98060" i="1" s="1"/>
  <c r="A98061" i="1" s="1"/>
  <c r="A98062" i="1" s="1"/>
  <c r="A98063" i="1" s="1"/>
  <c r="A98064" i="1" s="1"/>
  <c r="A98065" i="1" s="1"/>
  <c r="A98066" i="1" s="1"/>
  <c r="A98067" i="1" s="1"/>
  <c r="A98068" i="1" s="1"/>
  <c r="A98069" i="1" s="1"/>
  <c r="A98070" i="1" s="1"/>
  <c r="A98071" i="1" s="1"/>
  <c r="A98072" i="1" s="1"/>
  <c r="A98073" i="1" s="1"/>
  <c r="A98074" i="1" s="1"/>
  <c r="A98075" i="1" s="1"/>
  <c r="A98076" i="1" s="1"/>
  <c r="A98077" i="1" s="1"/>
  <c r="A98078" i="1" s="1"/>
  <c r="A98079" i="1" s="1"/>
  <c r="A98080" i="1" s="1"/>
  <c r="A98081" i="1" s="1"/>
  <c r="A98082" i="1" s="1"/>
  <c r="A98083" i="1" s="1"/>
  <c r="A98084" i="1" s="1"/>
  <c r="A98085" i="1" s="1"/>
  <c r="A98086" i="1" s="1"/>
  <c r="A98087" i="1" s="1"/>
  <c r="A98088" i="1" s="1"/>
  <c r="A98089" i="1" s="1"/>
  <c r="A98090" i="1" s="1"/>
  <c r="A98091" i="1" s="1"/>
  <c r="A98092" i="1" s="1"/>
  <c r="A98093" i="1" s="1"/>
  <c r="A98094" i="1" s="1"/>
  <c r="A98095" i="1" s="1"/>
  <c r="A98096" i="1" s="1"/>
  <c r="A98097" i="1" s="1"/>
  <c r="A98098" i="1" s="1"/>
  <c r="A98099" i="1" s="1"/>
  <c r="A98100" i="1" s="1"/>
  <c r="A98101" i="1" s="1"/>
  <c r="A98102" i="1" s="1"/>
  <c r="A98103" i="1" s="1"/>
  <c r="A98104" i="1" s="1"/>
  <c r="A98105" i="1" s="1"/>
  <c r="A98106" i="1" s="1"/>
  <c r="A98107" i="1" s="1"/>
  <c r="A98108" i="1" s="1"/>
  <c r="A98109" i="1" s="1"/>
  <c r="A98110" i="1" s="1"/>
  <c r="A98111" i="1" s="1"/>
  <c r="A98112" i="1" s="1"/>
  <c r="A98113" i="1" s="1"/>
  <c r="A98114" i="1" s="1"/>
  <c r="A98115" i="1" s="1"/>
  <c r="A98116" i="1" s="1"/>
  <c r="A98117" i="1" s="1"/>
  <c r="A98118" i="1" s="1"/>
  <c r="A98119" i="1" s="1"/>
  <c r="A98120" i="1" s="1"/>
  <c r="A98121" i="1" s="1"/>
  <c r="A98122" i="1" s="1"/>
  <c r="A98123" i="1" s="1"/>
  <c r="A98124" i="1" s="1"/>
  <c r="A98125" i="1" s="1"/>
  <c r="A98126" i="1" s="1"/>
  <c r="A98127" i="1" s="1"/>
  <c r="A98128" i="1" s="1"/>
  <c r="A98129" i="1" s="1"/>
  <c r="A98130" i="1" s="1"/>
  <c r="A98131" i="1" s="1"/>
  <c r="A98132" i="1" s="1"/>
  <c r="A98133" i="1" s="1"/>
  <c r="A98134" i="1" s="1"/>
  <c r="A98135" i="1" s="1"/>
  <c r="A98136" i="1" s="1"/>
  <c r="A98137" i="1" s="1"/>
  <c r="A98138" i="1" s="1"/>
  <c r="A98139" i="1" s="1"/>
  <c r="A98140" i="1" s="1"/>
  <c r="A98141" i="1" s="1"/>
  <c r="A98142" i="1" s="1"/>
  <c r="A98143" i="1" s="1"/>
  <c r="A98144" i="1" s="1"/>
  <c r="A98145" i="1" s="1"/>
  <c r="A98146" i="1" s="1"/>
  <c r="A98147" i="1" s="1"/>
  <c r="A98148" i="1" s="1"/>
  <c r="A98149" i="1" s="1"/>
  <c r="A98150" i="1" s="1"/>
  <c r="A98151" i="1" s="1"/>
  <c r="A98152" i="1" s="1"/>
  <c r="A98153" i="1" s="1"/>
  <c r="A98154" i="1" s="1"/>
  <c r="A98155" i="1" s="1"/>
  <c r="A98156" i="1" s="1"/>
  <c r="A98157" i="1" s="1"/>
  <c r="A98158" i="1" s="1"/>
  <c r="A98159" i="1" s="1"/>
  <c r="A98160" i="1" s="1"/>
  <c r="A98161" i="1" s="1"/>
  <c r="A98162" i="1" s="1"/>
  <c r="A98163" i="1" s="1"/>
  <c r="A98164" i="1" s="1"/>
  <c r="A98165" i="1" s="1"/>
  <c r="A98166" i="1" s="1"/>
  <c r="A98167" i="1" s="1"/>
  <c r="A98168" i="1" s="1"/>
  <c r="A98169" i="1" s="1"/>
  <c r="A98170" i="1" s="1"/>
  <c r="A98171" i="1" s="1"/>
  <c r="A98172" i="1" s="1"/>
  <c r="A98173" i="1" s="1"/>
  <c r="A98174" i="1" s="1"/>
  <c r="A98175" i="1" s="1"/>
  <c r="A98176" i="1" s="1"/>
  <c r="A98177" i="1" s="1"/>
  <c r="A98178" i="1" s="1"/>
  <c r="A98179" i="1" s="1"/>
  <c r="A98180" i="1" s="1"/>
  <c r="A98181" i="1" s="1"/>
  <c r="A98182" i="1" s="1"/>
  <c r="A98183" i="1" s="1"/>
  <c r="A98184" i="1" s="1"/>
  <c r="A98185" i="1" s="1"/>
  <c r="A98186" i="1" s="1"/>
  <c r="A98187" i="1" s="1"/>
  <c r="A98188" i="1" s="1"/>
  <c r="A98189" i="1" s="1"/>
  <c r="A98190" i="1" s="1"/>
  <c r="A98191" i="1" s="1"/>
  <c r="A98192" i="1" s="1"/>
  <c r="A98193" i="1" s="1"/>
  <c r="A98194" i="1" s="1"/>
  <c r="A98195" i="1" s="1"/>
  <c r="A98196" i="1" s="1"/>
  <c r="A98197" i="1" s="1"/>
  <c r="A98198" i="1" s="1"/>
  <c r="A98199" i="1" s="1"/>
  <c r="A98200" i="1" s="1"/>
  <c r="A98201" i="1" s="1"/>
  <c r="A98202" i="1" s="1"/>
  <c r="A98203" i="1" s="1"/>
  <c r="A98204" i="1" s="1"/>
  <c r="A98205" i="1" s="1"/>
  <c r="A98206" i="1" s="1"/>
  <c r="A98207" i="1" s="1"/>
  <c r="A98208" i="1" s="1"/>
  <c r="A98209" i="1" s="1"/>
  <c r="A98210" i="1" s="1"/>
  <c r="A98211" i="1" s="1"/>
  <c r="A98212" i="1" s="1"/>
  <c r="A98213" i="1" s="1"/>
  <c r="A98214" i="1" s="1"/>
  <c r="A98215" i="1" s="1"/>
  <c r="A98216" i="1" s="1"/>
  <c r="A98217" i="1" s="1"/>
  <c r="A98218" i="1" s="1"/>
  <c r="A98219" i="1" s="1"/>
  <c r="A98220" i="1" s="1"/>
  <c r="A98221" i="1" s="1"/>
  <c r="A98222" i="1" s="1"/>
  <c r="A98223" i="1" s="1"/>
  <c r="A98224" i="1" s="1"/>
  <c r="A98225" i="1" s="1"/>
  <c r="A98226" i="1" s="1"/>
  <c r="A98227" i="1" s="1"/>
  <c r="A98228" i="1" s="1"/>
  <c r="A98229" i="1" s="1"/>
  <c r="A98230" i="1" s="1"/>
  <c r="A98231" i="1" s="1"/>
  <c r="A98232" i="1" s="1"/>
  <c r="A98233" i="1" s="1"/>
  <c r="A98234" i="1" s="1"/>
  <c r="A98235" i="1" s="1"/>
  <c r="A98236" i="1" s="1"/>
  <c r="A98237" i="1" s="1"/>
  <c r="A98238" i="1" s="1"/>
  <c r="A98239" i="1" s="1"/>
  <c r="A98240" i="1" s="1"/>
  <c r="A98241" i="1" s="1"/>
  <c r="A98242" i="1" s="1"/>
  <c r="A98243" i="1" s="1"/>
  <c r="A98244" i="1" s="1"/>
  <c r="A98245" i="1" s="1"/>
  <c r="A98246" i="1" s="1"/>
  <c r="A98247" i="1" s="1"/>
  <c r="A98248" i="1" s="1"/>
  <c r="A98249" i="1" s="1"/>
  <c r="A98250" i="1" s="1"/>
  <c r="A98251" i="1" s="1"/>
  <c r="A98252" i="1" s="1"/>
  <c r="A98253" i="1" s="1"/>
  <c r="A98254" i="1" s="1"/>
  <c r="A98255" i="1" s="1"/>
  <c r="A98256" i="1" s="1"/>
  <c r="A98257" i="1" s="1"/>
  <c r="A98258" i="1" s="1"/>
  <c r="A98259" i="1" s="1"/>
  <c r="A98260" i="1" s="1"/>
  <c r="A98261" i="1" s="1"/>
  <c r="A98262" i="1" s="1"/>
  <c r="A98263" i="1" s="1"/>
  <c r="A98264" i="1" s="1"/>
  <c r="A98265" i="1" s="1"/>
  <c r="A98266" i="1" s="1"/>
  <c r="A98267" i="1" s="1"/>
  <c r="A98268" i="1" s="1"/>
  <c r="A98269" i="1" s="1"/>
  <c r="A98270" i="1" s="1"/>
  <c r="A98271" i="1" s="1"/>
  <c r="A98272" i="1" s="1"/>
  <c r="A98273" i="1" s="1"/>
  <c r="A98274" i="1" s="1"/>
  <c r="A98275" i="1" s="1"/>
  <c r="A98276" i="1" s="1"/>
  <c r="A98277" i="1" s="1"/>
  <c r="A98278" i="1" s="1"/>
  <c r="A98279" i="1" s="1"/>
  <c r="A98280" i="1" s="1"/>
  <c r="A98281" i="1" s="1"/>
  <c r="A98282" i="1" s="1"/>
  <c r="A98283" i="1" s="1"/>
  <c r="A98284" i="1" s="1"/>
  <c r="A98285" i="1" s="1"/>
  <c r="A98286" i="1" s="1"/>
  <c r="A98287" i="1" s="1"/>
  <c r="A98288" i="1" s="1"/>
  <c r="A98289" i="1" s="1"/>
  <c r="A98290" i="1" s="1"/>
  <c r="A98291" i="1" s="1"/>
  <c r="A98292" i="1" s="1"/>
  <c r="A98293" i="1" s="1"/>
  <c r="A98294" i="1" s="1"/>
  <c r="A98295" i="1" s="1"/>
  <c r="A98296" i="1" s="1"/>
  <c r="A98297" i="1" s="1"/>
  <c r="A98298" i="1" s="1"/>
  <c r="A98299" i="1" s="1"/>
  <c r="A98300" i="1" s="1"/>
  <c r="A98301" i="1" s="1"/>
  <c r="A98302" i="1" s="1"/>
  <c r="A98303" i="1" s="1"/>
  <c r="A98304" i="1" s="1"/>
  <c r="A98305" i="1" s="1"/>
  <c r="A98306" i="1" s="1"/>
  <c r="A98307" i="1" s="1"/>
  <c r="A98308" i="1" s="1"/>
  <c r="A98309" i="1" s="1"/>
  <c r="A98310" i="1" s="1"/>
  <c r="A98311" i="1" s="1"/>
  <c r="A98312" i="1" s="1"/>
  <c r="A98313" i="1" s="1"/>
  <c r="A98314" i="1" s="1"/>
  <c r="A98315" i="1" s="1"/>
  <c r="A98316" i="1" s="1"/>
  <c r="A98317" i="1" s="1"/>
  <c r="A98318" i="1" s="1"/>
  <c r="A98319" i="1" s="1"/>
  <c r="A98320" i="1" s="1"/>
  <c r="A98321" i="1" s="1"/>
  <c r="A98322" i="1" s="1"/>
  <c r="A98323" i="1" s="1"/>
  <c r="A98324" i="1" s="1"/>
  <c r="A98325" i="1" s="1"/>
  <c r="A98326" i="1" s="1"/>
  <c r="A98327" i="1" s="1"/>
  <c r="A98328" i="1" s="1"/>
  <c r="A98329" i="1" s="1"/>
  <c r="A98330" i="1" s="1"/>
  <c r="A98331" i="1" s="1"/>
  <c r="A98332" i="1" s="1"/>
  <c r="A98333" i="1" s="1"/>
  <c r="A98334" i="1" s="1"/>
  <c r="A98335" i="1" s="1"/>
  <c r="A98336" i="1" s="1"/>
  <c r="A98337" i="1" s="1"/>
  <c r="A98338" i="1" s="1"/>
  <c r="A98339" i="1" s="1"/>
  <c r="A98340" i="1" s="1"/>
  <c r="A98341" i="1" s="1"/>
  <c r="A98342" i="1" s="1"/>
  <c r="A98343" i="1" s="1"/>
  <c r="A98344" i="1" s="1"/>
  <c r="A98345" i="1" s="1"/>
  <c r="A98346" i="1" s="1"/>
  <c r="A98347" i="1" s="1"/>
  <c r="A98348" i="1" s="1"/>
  <c r="A98349" i="1" s="1"/>
  <c r="A98350" i="1" s="1"/>
  <c r="A98351" i="1" s="1"/>
  <c r="A98352" i="1" s="1"/>
  <c r="A98353" i="1" s="1"/>
  <c r="A98354" i="1" s="1"/>
  <c r="A98355" i="1" s="1"/>
  <c r="A98356" i="1" s="1"/>
  <c r="A98357" i="1" s="1"/>
  <c r="A98358" i="1" s="1"/>
  <c r="A98359" i="1" s="1"/>
  <c r="A98360" i="1" s="1"/>
  <c r="A98361" i="1" s="1"/>
  <c r="A98362" i="1" s="1"/>
  <c r="A98363" i="1" s="1"/>
  <c r="A98364" i="1" s="1"/>
  <c r="A98365" i="1" s="1"/>
  <c r="A98366" i="1" s="1"/>
  <c r="A98367" i="1" s="1"/>
  <c r="A98368" i="1" s="1"/>
  <c r="A98369" i="1" s="1"/>
  <c r="A98370" i="1" s="1"/>
  <c r="A98371" i="1" s="1"/>
  <c r="A98372" i="1" s="1"/>
  <c r="A98373" i="1" s="1"/>
  <c r="A98374" i="1" s="1"/>
  <c r="A98375" i="1" s="1"/>
  <c r="A98376" i="1" s="1"/>
  <c r="A98377" i="1" s="1"/>
  <c r="A98378" i="1" s="1"/>
  <c r="A98379" i="1" s="1"/>
  <c r="A98380" i="1" s="1"/>
  <c r="A98381" i="1" s="1"/>
  <c r="A98382" i="1" s="1"/>
  <c r="A98383" i="1" s="1"/>
  <c r="A98384" i="1" s="1"/>
  <c r="A98385" i="1" s="1"/>
  <c r="A98386" i="1" s="1"/>
  <c r="A98387" i="1" s="1"/>
  <c r="A98388" i="1" s="1"/>
  <c r="A98389" i="1" s="1"/>
  <c r="A98390" i="1" s="1"/>
  <c r="A98391" i="1" s="1"/>
  <c r="A98392" i="1" s="1"/>
  <c r="A98393" i="1" s="1"/>
  <c r="A98394" i="1" s="1"/>
  <c r="A98395" i="1" s="1"/>
  <c r="A98396" i="1" s="1"/>
  <c r="A98397" i="1" s="1"/>
  <c r="A98398" i="1" s="1"/>
  <c r="A98399" i="1" s="1"/>
  <c r="A98400" i="1" s="1"/>
  <c r="A98401" i="1" s="1"/>
  <c r="A98402" i="1" s="1"/>
  <c r="A98403" i="1" s="1"/>
  <c r="A98404" i="1" s="1"/>
  <c r="A98405" i="1" s="1"/>
  <c r="A98406" i="1" s="1"/>
  <c r="A98407" i="1" s="1"/>
  <c r="A98408" i="1" s="1"/>
  <c r="A98409" i="1" s="1"/>
  <c r="A98410" i="1" s="1"/>
  <c r="A98411" i="1" s="1"/>
  <c r="A98412" i="1" s="1"/>
  <c r="A98413" i="1" s="1"/>
  <c r="A98414" i="1" s="1"/>
  <c r="A98415" i="1" s="1"/>
  <c r="A98416" i="1" s="1"/>
  <c r="A98417" i="1" s="1"/>
  <c r="A98418" i="1" s="1"/>
  <c r="A98419" i="1" s="1"/>
  <c r="A98420" i="1" s="1"/>
  <c r="A98421" i="1" s="1"/>
  <c r="A98422" i="1" s="1"/>
  <c r="A98423" i="1" s="1"/>
  <c r="A98424" i="1" s="1"/>
  <c r="A98425" i="1" s="1"/>
  <c r="A98426" i="1" s="1"/>
  <c r="A98427" i="1" s="1"/>
  <c r="A98428" i="1" s="1"/>
  <c r="A98429" i="1" s="1"/>
  <c r="A98430" i="1" s="1"/>
  <c r="A98431" i="1" s="1"/>
  <c r="A98432" i="1" s="1"/>
  <c r="A98433" i="1" s="1"/>
  <c r="A98434" i="1" s="1"/>
  <c r="A98435" i="1" s="1"/>
  <c r="A98436" i="1" s="1"/>
  <c r="A98437" i="1" s="1"/>
  <c r="A98438" i="1" s="1"/>
  <c r="A98439" i="1" s="1"/>
  <c r="A98440" i="1" s="1"/>
  <c r="A98441" i="1" s="1"/>
  <c r="A98442" i="1" s="1"/>
  <c r="A98443" i="1" s="1"/>
  <c r="A98444" i="1" s="1"/>
  <c r="A98445" i="1" s="1"/>
  <c r="A98446" i="1" s="1"/>
  <c r="A98447" i="1" s="1"/>
  <c r="A98448" i="1" s="1"/>
  <c r="A98449" i="1" s="1"/>
  <c r="A98450" i="1" s="1"/>
  <c r="A98451" i="1" s="1"/>
  <c r="A98452" i="1" s="1"/>
  <c r="A98453" i="1" s="1"/>
  <c r="A98454" i="1" s="1"/>
  <c r="A98455" i="1" s="1"/>
  <c r="A98456" i="1" s="1"/>
  <c r="A98457" i="1" s="1"/>
  <c r="A98458" i="1" s="1"/>
  <c r="A98459" i="1" s="1"/>
  <c r="A98460" i="1" s="1"/>
  <c r="A98461" i="1" s="1"/>
  <c r="A98462" i="1" s="1"/>
  <c r="A98463" i="1" s="1"/>
  <c r="A98464" i="1" s="1"/>
  <c r="A98465" i="1" s="1"/>
  <c r="A98466" i="1" s="1"/>
  <c r="A98467" i="1" s="1"/>
  <c r="A98468" i="1" s="1"/>
  <c r="A98469" i="1" s="1"/>
  <c r="A98470" i="1" s="1"/>
  <c r="A98471" i="1" s="1"/>
  <c r="A98472" i="1" s="1"/>
  <c r="A98473" i="1" s="1"/>
  <c r="A98474" i="1" s="1"/>
  <c r="A98475" i="1" s="1"/>
  <c r="A98476" i="1" s="1"/>
  <c r="A98477" i="1" s="1"/>
  <c r="A98478" i="1" s="1"/>
  <c r="A98479" i="1" s="1"/>
  <c r="A98480" i="1" s="1"/>
  <c r="A98481" i="1" s="1"/>
  <c r="A98482" i="1" s="1"/>
  <c r="A98483" i="1" s="1"/>
  <c r="A98484" i="1" s="1"/>
  <c r="A98485" i="1" s="1"/>
  <c r="A98486" i="1" s="1"/>
  <c r="A98487" i="1" s="1"/>
  <c r="A98488" i="1" s="1"/>
  <c r="A98489" i="1" s="1"/>
  <c r="A98490" i="1" s="1"/>
  <c r="A98491" i="1" s="1"/>
  <c r="A98492" i="1" s="1"/>
  <c r="A98493" i="1" s="1"/>
  <c r="A98494" i="1" s="1"/>
  <c r="A98495" i="1" s="1"/>
  <c r="A98496" i="1" s="1"/>
  <c r="A98497" i="1" s="1"/>
  <c r="A98498" i="1" s="1"/>
  <c r="A98499" i="1" s="1"/>
  <c r="A98500" i="1" s="1"/>
  <c r="A98501" i="1" s="1"/>
  <c r="A98502" i="1" s="1"/>
  <c r="A98503" i="1" s="1"/>
  <c r="A98504" i="1" s="1"/>
  <c r="A98505" i="1" s="1"/>
  <c r="A98506" i="1" s="1"/>
  <c r="A98507" i="1" s="1"/>
  <c r="A98508" i="1" s="1"/>
  <c r="A98509" i="1" s="1"/>
  <c r="A98510" i="1" s="1"/>
  <c r="A98511" i="1" s="1"/>
  <c r="A98512" i="1" s="1"/>
  <c r="A98513" i="1" s="1"/>
  <c r="A98514" i="1" s="1"/>
  <c r="A98515" i="1" s="1"/>
  <c r="A98516" i="1" s="1"/>
  <c r="A98517" i="1" s="1"/>
  <c r="A98518" i="1" s="1"/>
  <c r="A98519" i="1" s="1"/>
  <c r="A98520" i="1" s="1"/>
  <c r="A98521" i="1" s="1"/>
  <c r="A98522" i="1" s="1"/>
  <c r="A98523" i="1" s="1"/>
  <c r="A98524" i="1" s="1"/>
  <c r="A98525" i="1" s="1"/>
  <c r="A98526" i="1" s="1"/>
  <c r="A98527" i="1" s="1"/>
  <c r="A98528" i="1" s="1"/>
  <c r="A98529" i="1" s="1"/>
  <c r="A98530" i="1" s="1"/>
  <c r="A98531" i="1" s="1"/>
  <c r="A98532" i="1" s="1"/>
  <c r="A98533" i="1" s="1"/>
  <c r="A98534" i="1" s="1"/>
  <c r="A98535" i="1" s="1"/>
  <c r="A98536" i="1" s="1"/>
  <c r="A98537" i="1" s="1"/>
  <c r="A98538" i="1" s="1"/>
  <c r="A98539" i="1" s="1"/>
  <c r="A98540" i="1" s="1"/>
  <c r="A98541" i="1" s="1"/>
  <c r="A98542" i="1" s="1"/>
  <c r="A98543" i="1" s="1"/>
  <c r="A98544" i="1" s="1"/>
  <c r="A98545" i="1" s="1"/>
  <c r="A98546" i="1" s="1"/>
  <c r="A98547" i="1" s="1"/>
  <c r="A98548" i="1" s="1"/>
  <c r="A98549" i="1" s="1"/>
  <c r="A98550" i="1" s="1"/>
  <c r="A98551" i="1" s="1"/>
  <c r="A98552" i="1" s="1"/>
  <c r="A98553" i="1" s="1"/>
  <c r="A98554" i="1" s="1"/>
  <c r="A98555" i="1" s="1"/>
  <c r="A98556" i="1" s="1"/>
  <c r="A98557" i="1" s="1"/>
  <c r="A98558" i="1" s="1"/>
  <c r="A98559" i="1" s="1"/>
  <c r="A98560" i="1" s="1"/>
  <c r="A98561" i="1" s="1"/>
  <c r="A98562" i="1" s="1"/>
  <c r="A98563" i="1" s="1"/>
  <c r="A98564" i="1" s="1"/>
  <c r="A98565" i="1" s="1"/>
  <c r="A98566" i="1" s="1"/>
  <c r="A98567" i="1" s="1"/>
  <c r="A98568" i="1" s="1"/>
  <c r="A98569" i="1" s="1"/>
  <c r="A98570" i="1" s="1"/>
  <c r="A98571" i="1" s="1"/>
  <c r="A98572" i="1" s="1"/>
  <c r="A98573" i="1" s="1"/>
  <c r="A98574" i="1" s="1"/>
  <c r="A98575" i="1" s="1"/>
  <c r="A98576" i="1" s="1"/>
  <c r="A98577" i="1" s="1"/>
  <c r="A98578" i="1" s="1"/>
  <c r="A98579" i="1" s="1"/>
  <c r="A98580" i="1" s="1"/>
  <c r="A98581" i="1" s="1"/>
  <c r="A98582" i="1" s="1"/>
  <c r="A98583" i="1" s="1"/>
  <c r="A98584" i="1" s="1"/>
  <c r="A98585" i="1" s="1"/>
  <c r="A98586" i="1" s="1"/>
  <c r="A98587" i="1" s="1"/>
  <c r="A98588" i="1" s="1"/>
  <c r="A98589" i="1" s="1"/>
  <c r="A98590" i="1" s="1"/>
  <c r="A98591" i="1" s="1"/>
  <c r="A98592" i="1" s="1"/>
  <c r="A98593" i="1" s="1"/>
  <c r="A98594" i="1" s="1"/>
  <c r="A98595" i="1" s="1"/>
  <c r="A98596" i="1" s="1"/>
  <c r="A98597" i="1" s="1"/>
  <c r="A98598" i="1" s="1"/>
  <c r="A98599" i="1" s="1"/>
  <c r="A98600" i="1" s="1"/>
  <c r="A98601" i="1" s="1"/>
  <c r="A98602" i="1" s="1"/>
  <c r="A98603" i="1" s="1"/>
  <c r="A98604" i="1" s="1"/>
  <c r="A98605" i="1" s="1"/>
  <c r="A98606" i="1" s="1"/>
  <c r="A98607" i="1" s="1"/>
  <c r="A98608" i="1" s="1"/>
  <c r="A98609" i="1" s="1"/>
  <c r="A98610" i="1" s="1"/>
  <c r="A98611" i="1" s="1"/>
  <c r="A98612" i="1" s="1"/>
  <c r="A98613" i="1" s="1"/>
  <c r="A98614" i="1" s="1"/>
  <c r="A98615" i="1" s="1"/>
  <c r="A98616" i="1" s="1"/>
  <c r="A98617" i="1" s="1"/>
  <c r="A98618" i="1" s="1"/>
  <c r="A98619" i="1" s="1"/>
  <c r="A98620" i="1" s="1"/>
  <c r="A98621" i="1" s="1"/>
  <c r="A98622" i="1" s="1"/>
  <c r="A98623" i="1" s="1"/>
  <c r="A98624" i="1" s="1"/>
  <c r="A98625" i="1" s="1"/>
  <c r="A98626" i="1" s="1"/>
  <c r="A98627" i="1" s="1"/>
  <c r="A98628" i="1" s="1"/>
  <c r="A98629" i="1" s="1"/>
  <c r="A98630" i="1" s="1"/>
  <c r="A98631" i="1" s="1"/>
  <c r="A98632" i="1" s="1"/>
  <c r="A98633" i="1" s="1"/>
  <c r="A98634" i="1" s="1"/>
  <c r="A98635" i="1" s="1"/>
  <c r="A98636" i="1" s="1"/>
  <c r="A98637" i="1" s="1"/>
  <c r="A98638" i="1" s="1"/>
  <c r="A98639" i="1" s="1"/>
  <c r="A98640" i="1" s="1"/>
  <c r="A98641" i="1" s="1"/>
  <c r="A98642" i="1" s="1"/>
  <c r="A98643" i="1" s="1"/>
  <c r="A98644" i="1" s="1"/>
  <c r="A98645" i="1" s="1"/>
  <c r="A98646" i="1" s="1"/>
  <c r="A98647" i="1" s="1"/>
  <c r="A98648" i="1" s="1"/>
  <c r="A98649" i="1" s="1"/>
  <c r="A98650" i="1" s="1"/>
  <c r="A98651" i="1" s="1"/>
  <c r="A98652" i="1" s="1"/>
  <c r="A98653" i="1" s="1"/>
  <c r="A98654" i="1" s="1"/>
  <c r="A98655" i="1" s="1"/>
  <c r="A98656" i="1" s="1"/>
  <c r="A98657" i="1" s="1"/>
  <c r="A98658" i="1" s="1"/>
  <c r="A98659" i="1" s="1"/>
  <c r="A98660" i="1" s="1"/>
  <c r="A98661" i="1" s="1"/>
  <c r="A98662" i="1" s="1"/>
  <c r="A98663" i="1" s="1"/>
  <c r="A98664" i="1" s="1"/>
  <c r="A98665" i="1" s="1"/>
  <c r="A98666" i="1" s="1"/>
  <c r="A98667" i="1" s="1"/>
  <c r="A98668" i="1" s="1"/>
  <c r="A98669" i="1" s="1"/>
  <c r="A98670" i="1" s="1"/>
  <c r="A98671" i="1" s="1"/>
  <c r="A98672" i="1" s="1"/>
  <c r="A98673" i="1" s="1"/>
  <c r="A98674" i="1" s="1"/>
  <c r="A98675" i="1" s="1"/>
  <c r="A98676" i="1" s="1"/>
  <c r="A98677" i="1" s="1"/>
  <c r="A98678" i="1" s="1"/>
  <c r="A98679" i="1" s="1"/>
  <c r="A98680" i="1" s="1"/>
  <c r="A98681" i="1" s="1"/>
  <c r="A98682" i="1" s="1"/>
  <c r="A98683" i="1" s="1"/>
  <c r="A98684" i="1" s="1"/>
  <c r="A98685" i="1" s="1"/>
  <c r="A98686" i="1" s="1"/>
  <c r="A98687" i="1" s="1"/>
  <c r="A98688" i="1" s="1"/>
  <c r="A98689" i="1" s="1"/>
  <c r="A98690" i="1" s="1"/>
  <c r="A98691" i="1" s="1"/>
  <c r="A98692" i="1" s="1"/>
  <c r="A98693" i="1" s="1"/>
  <c r="A98694" i="1" s="1"/>
  <c r="A98695" i="1" s="1"/>
  <c r="A98696" i="1" s="1"/>
  <c r="A98697" i="1" s="1"/>
  <c r="A98698" i="1" s="1"/>
  <c r="A98699" i="1" s="1"/>
  <c r="A98700" i="1" s="1"/>
  <c r="A98701" i="1" s="1"/>
  <c r="A98702" i="1" s="1"/>
  <c r="A98703" i="1" s="1"/>
  <c r="A98704" i="1" s="1"/>
  <c r="A98705" i="1" s="1"/>
  <c r="A98706" i="1" s="1"/>
  <c r="A98707" i="1" s="1"/>
  <c r="A98708" i="1" s="1"/>
  <c r="A98709" i="1" s="1"/>
  <c r="A98710" i="1" s="1"/>
  <c r="A98711" i="1" s="1"/>
  <c r="A98712" i="1" s="1"/>
  <c r="A98713" i="1" s="1"/>
  <c r="A98714" i="1" s="1"/>
  <c r="A98715" i="1" s="1"/>
  <c r="A98716" i="1" s="1"/>
  <c r="A98717" i="1" s="1"/>
  <c r="A98718" i="1" s="1"/>
  <c r="A98719" i="1" s="1"/>
  <c r="A98720" i="1" s="1"/>
  <c r="A98721" i="1" s="1"/>
  <c r="A98722" i="1" s="1"/>
  <c r="A98723" i="1" s="1"/>
  <c r="A98724" i="1" s="1"/>
  <c r="A98725" i="1" s="1"/>
  <c r="A98726" i="1" s="1"/>
  <c r="A98727" i="1" s="1"/>
  <c r="A98728" i="1" s="1"/>
  <c r="A98729" i="1" s="1"/>
  <c r="A98730" i="1" s="1"/>
  <c r="A98731" i="1" s="1"/>
  <c r="A98732" i="1" s="1"/>
  <c r="A98733" i="1" s="1"/>
  <c r="A98734" i="1" s="1"/>
  <c r="A98735" i="1" s="1"/>
  <c r="A98736" i="1" s="1"/>
  <c r="A98737" i="1" s="1"/>
  <c r="A98738" i="1" s="1"/>
  <c r="A98739" i="1" s="1"/>
  <c r="A98740" i="1" s="1"/>
  <c r="A98741" i="1" s="1"/>
  <c r="A98742" i="1" s="1"/>
  <c r="A98743" i="1" s="1"/>
  <c r="A98744" i="1" s="1"/>
  <c r="A98745" i="1" s="1"/>
  <c r="A98746" i="1" s="1"/>
  <c r="A98747" i="1" s="1"/>
  <c r="A98748" i="1" s="1"/>
  <c r="A98749" i="1" s="1"/>
  <c r="A98750" i="1" s="1"/>
  <c r="A98751" i="1" s="1"/>
  <c r="A98752" i="1" s="1"/>
  <c r="A98753" i="1" s="1"/>
  <c r="A98754" i="1" s="1"/>
  <c r="A98755" i="1" s="1"/>
  <c r="A98756" i="1" s="1"/>
  <c r="A98757" i="1" s="1"/>
  <c r="A98758" i="1" s="1"/>
  <c r="A98759" i="1" s="1"/>
  <c r="A98760" i="1" s="1"/>
  <c r="A98761" i="1" s="1"/>
  <c r="A98762" i="1" s="1"/>
  <c r="A98763" i="1" s="1"/>
  <c r="A98764" i="1" s="1"/>
  <c r="A98765" i="1" s="1"/>
  <c r="A98766" i="1" s="1"/>
  <c r="A98767" i="1" s="1"/>
  <c r="A98768" i="1" s="1"/>
  <c r="A98769" i="1" s="1"/>
  <c r="A98770" i="1" s="1"/>
  <c r="A98771" i="1" s="1"/>
  <c r="A98772" i="1" s="1"/>
  <c r="A98773" i="1" s="1"/>
  <c r="A98774" i="1" s="1"/>
  <c r="A98775" i="1" s="1"/>
  <c r="A98776" i="1" s="1"/>
  <c r="A98777" i="1" s="1"/>
  <c r="A98778" i="1" s="1"/>
  <c r="A98779" i="1" s="1"/>
  <c r="A98780" i="1" s="1"/>
  <c r="A98781" i="1" s="1"/>
  <c r="A98782" i="1" s="1"/>
  <c r="A98783" i="1" s="1"/>
  <c r="A98784" i="1" s="1"/>
  <c r="A98785" i="1" s="1"/>
  <c r="A98786" i="1" s="1"/>
  <c r="A98787" i="1" s="1"/>
  <c r="A98788" i="1" s="1"/>
  <c r="A98789" i="1" s="1"/>
  <c r="A98790" i="1" s="1"/>
  <c r="A98791" i="1" s="1"/>
  <c r="A98792" i="1" s="1"/>
  <c r="A98793" i="1" s="1"/>
  <c r="A98794" i="1" s="1"/>
  <c r="A98795" i="1" s="1"/>
  <c r="A98796" i="1" s="1"/>
  <c r="A98797" i="1" s="1"/>
  <c r="A98798" i="1" s="1"/>
  <c r="A98799" i="1" s="1"/>
  <c r="A98800" i="1" s="1"/>
  <c r="A98801" i="1" s="1"/>
  <c r="A98802" i="1" s="1"/>
  <c r="A98803" i="1" s="1"/>
  <c r="A98804" i="1" s="1"/>
  <c r="A98805" i="1" s="1"/>
  <c r="A98806" i="1" s="1"/>
  <c r="A98807" i="1" s="1"/>
  <c r="A98808" i="1" s="1"/>
  <c r="A98809" i="1" s="1"/>
  <c r="A98810" i="1" s="1"/>
  <c r="A98811" i="1" s="1"/>
  <c r="A98812" i="1" s="1"/>
  <c r="A98813" i="1" s="1"/>
  <c r="A98814" i="1" s="1"/>
  <c r="A98815" i="1" s="1"/>
  <c r="A98816" i="1" s="1"/>
  <c r="A98817" i="1" s="1"/>
  <c r="A98818" i="1" s="1"/>
  <c r="A98819" i="1" s="1"/>
  <c r="A98820" i="1" s="1"/>
  <c r="A98821" i="1" s="1"/>
  <c r="A98822" i="1" s="1"/>
  <c r="A98823" i="1" s="1"/>
  <c r="A98824" i="1" s="1"/>
  <c r="A98825" i="1" s="1"/>
  <c r="A98826" i="1" s="1"/>
  <c r="A98827" i="1" s="1"/>
  <c r="A98828" i="1" s="1"/>
  <c r="A98829" i="1" s="1"/>
  <c r="A98830" i="1" s="1"/>
  <c r="A98831" i="1" s="1"/>
  <c r="A98832" i="1" s="1"/>
  <c r="A98833" i="1" s="1"/>
  <c r="A98834" i="1" s="1"/>
  <c r="A98835" i="1" s="1"/>
  <c r="A98836" i="1" s="1"/>
  <c r="A98837" i="1" s="1"/>
  <c r="A98838" i="1" s="1"/>
  <c r="A98839" i="1" s="1"/>
  <c r="A98840" i="1" s="1"/>
  <c r="A98841" i="1" s="1"/>
  <c r="A98842" i="1" s="1"/>
  <c r="A98843" i="1" s="1"/>
  <c r="A98844" i="1" s="1"/>
  <c r="A98845" i="1" s="1"/>
  <c r="A98846" i="1" s="1"/>
  <c r="A98847" i="1" s="1"/>
  <c r="A98848" i="1" s="1"/>
  <c r="A98849" i="1" s="1"/>
  <c r="A98850" i="1" s="1"/>
  <c r="A98851" i="1" s="1"/>
  <c r="A98852" i="1" s="1"/>
  <c r="A98853" i="1" s="1"/>
  <c r="A98854" i="1" s="1"/>
  <c r="A98855" i="1" s="1"/>
  <c r="A98856" i="1" s="1"/>
  <c r="A98857" i="1" s="1"/>
  <c r="A98858" i="1" s="1"/>
  <c r="A98859" i="1" s="1"/>
  <c r="A98860" i="1" s="1"/>
  <c r="A98861" i="1" s="1"/>
  <c r="A98862" i="1" s="1"/>
  <c r="A98863" i="1" s="1"/>
  <c r="A98864" i="1" s="1"/>
  <c r="A98865" i="1" s="1"/>
  <c r="A98866" i="1" s="1"/>
  <c r="A98867" i="1" s="1"/>
  <c r="A98868" i="1" s="1"/>
  <c r="A98869" i="1" s="1"/>
  <c r="A98870" i="1" s="1"/>
  <c r="A98871" i="1" s="1"/>
  <c r="A98872" i="1" s="1"/>
  <c r="A98873" i="1" s="1"/>
  <c r="A98874" i="1" s="1"/>
  <c r="A98875" i="1" s="1"/>
  <c r="A98876" i="1" s="1"/>
  <c r="A98877" i="1" s="1"/>
  <c r="A98878" i="1" s="1"/>
  <c r="A98879" i="1" s="1"/>
  <c r="A98880" i="1" s="1"/>
  <c r="A98881" i="1" s="1"/>
  <c r="A98882" i="1" s="1"/>
  <c r="A98883" i="1" s="1"/>
  <c r="A98884" i="1" s="1"/>
  <c r="A98885" i="1" s="1"/>
  <c r="A98886" i="1" s="1"/>
  <c r="A98887" i="1" s="1"/>
  <c r="A98888" i="1" s="1"/>
  <c r="A98889" i="1" s="1"/>
  <c r="A98890" i="1" s="1"/>
  <c r="A98891" i="1" s="1"/>
  <c r="A98892" i="1" s="1"/>
  <c r="A98893" i="1" s="1"/>
  <c r="A98894" i="1" s="1"/>
  <c r="A98895" i="1" s="1"/>
  <c r="A98896" i="1" s="1"/>
  <c r="A98897" i="1" s="1"/>
  <c r="A98898" i="1" s="1"/>
  <c r="A98899" i="1" s="1"/>
  <c r="A98900" i="1" s="1"/>
  <c r="A98901" i="1" s="1"/>
  <c r="A98902" i="1" s="1"/>
  <c r="A98903" i="1" s="1"/>
  <c r="A98904" i="1" s="1"/>
  <c r="A98905" i="1" s="1"/>
  <c r="A98906" i="1" s="1"/>
  <c r="A98907" i="1" s="1"/>
  <c r="A98908" i="1" s="1"/>
  <c r="A98909" i="1" s="1"/>
  <c r="A98910" i="1" s="1"/>
  <c r="A98911" i="1" s="1"/>
  <c r="A98912" i="1" s="1"/>
  <c r="A98913" i="1" s="1"/>
  <c r="A98914" i="1" s="1"/>
  <c r="A98915" i="1" s="1"/>
  <c r="A98916" i="1" s="1"/>
  <c r="A98917" i="1" s="1"/>
  <c r="A98918" i="1" s="1"/>
  <c r="A98919" i="1" s="1"/>
  <c r="A98920" i="1" s="1"/>
  <c r="A98921" i="1" s="1"/>
  <c r="A98922" i="1" s="1"/>
  <c r="A98923" i="1" s="1"/>
  <c r="A98924" i="1" s="1"/>
  <c r="A98925" i="1" s="1"/>
  <c r="A98926" i="1" s="1"/>
  <c r="A98927" i="1" s="1"/>
  <c r="A98928" i="1" s="1"/>
  <c r="A98929" i="1" s="1"/>
  <c r="A98930" i="1" s="1"/>
  <c r="A98931" i="1" s="1"/>
  <c r="A98932" i="1" s="1"/>
  <c r="A98933" i="1" s="1"/>
  <c r="A98934" i="1" s="1"/>
  <c r="A98935" i="1" s="1"/>
  <c r="A98936" i="1" s="1"/>
  <c r="A98937" i="1" s="1"/>
  <c r="A98938" i="1" s="1"/>
  <c r="A98939" i="1" s="1"/>
  <c r="A98940" i="1" s="1"/>
  <c r="A98941" i="1" s="1"/>
  <c r="A98942" i="1" s="1"/>
  <c r="A98943" i="1" s="1"/>
  <c r="A98944" i="1" s="1"/>
  <c r="A98945" i="1" s="1"/>
  <c r="A98946" i="1" s="1"/>
  <c r="A98947" i="1" s="1"/>
  <c r="A98948" i="1" s="1"/>
  <c r="A98949" i="1" s="1"/>
  <c r="A98950" i="1" s="1"/>
  <c r="A98951" i="1" s="1"/>
  <c r="A98952" i="1" s="1"/>
  <c r="A98953" i="1" s="1"/>
  <c r="A98954" i="1" s="1"/>
  <c r="A98955" i="1" s="1"/>
  <c r="A98956" i="1" s="1"/>
  <c r="A98957" i="1" s="1"/>
  <c r="A98958" i="1" s="1"/>
  <c r="A98959" i="1" s="1"/>
  <c r="A98960" i="1" s="1"/>
  <c r="A98961" i="1" s="1"/>
  <c r="A98962" i="1" s="1"/>
  <c r="A98963" i="1" s="1"/>
  <c r="A98964" i="1" s="1"/>
  <c r="A98965" i="1" s="1"/>
  <c r="A98966" i="1" s="1"/>
  <c r="A98967" i="1" s="1"/>
  <c r="A98968" i="1" s="1"/>
  <c r="A98969" i="1" s="1"/>
  <c r="A98970" i="1" s="1"/>
  <c r="A98971" i="1" s="1"/>
  <c r="A98972" i="1" s="1"/>
  <c r="A98973" i="1" s="1"/>
  <c r="A98974" i="1" s="1"/>
  <c r="A98975" i="1" s="1"/>
  <c r="A98976" i="1" s="1"/>
  <c r="A98977" i="1" s="1"/>
  <c r="A98978" i="1" s="1"/>
  <c r="A98979" i="1" s="1"/>
  <c r="A98980" i="1" s="1"/>
  <c r="A98981" i="1" s="1"/>
  <c r="A98982" i="1" s="1"/>
  <c r="A98983" i="1" s="1"/>
  <c r="A98984" i="1" s="1"/>
  <c r="A98985" i="1" s="1"/>
  <c r="A98986" i="1" s="1"/>
  <c r="A98987" i="1" s="1"/>
  <c r="A98988" i="1" s="1"/>
  <c r="A98989" i="1" s="1"/>
  <c r="A98990" i="1" s="1"/>
  <c r="A98991" i="1" s="1"/>
  <c r="A98992" i="1" s="1"/>
  <c r="A98993" i="1" s="1"/>
  <c r="A98994" i="1" s="1"/>
  <c r="A98995" i="1" s="1"/>
  <c r="A98996" i="1" s="1"/>
  <c r="A98997" i="1" s="1"/>
  <c r="A98998" i="1" s="1"/>
  <c r="A98999" i="1" s="1"/>
  <c r="A99000" i="1" s="1"/>
  <c r="A99001" i="1" s="1"/>
  <c r="A99002" i="1" s="1"/>
  <c r="A99003" i="1" s="1"/>
  <c r="A99004" i="1" s="1"/>
  <c r="A99005" i="1" s="1"/>
  <c r="A99006" i="1" s="1"/>
  <c r="A99007" i="1" s="1"/>
  <c r="A99008" i="1" s="1"/>
  <c r="A99009" i="1" s="1"/>
  <c r="A99010" i="1" s="1"/>
  <c r="A99011" i="1" s="1"/>
  <c r="A99012" i="1" s="1"/>
  <c r="A99013" i="1" s="1"/>
  <c r="A99014" i="1" s="1"/>
  <c r="A99015" i="1" s="1"/>
  <c r="A99016" i="1" s="1"/>
  <c r="A99017" i="1" s="1"/>
  <c r="A99018" i="1" s="1"/>
  <c r="A99019" i="1" s="1"/>
  <c r="A99020" i="1" s="1"/>
  <c r="A99021" i="1" s="1"/>
  <c r="A99022" i="1" s="1"/>
  <c r="A99023" i="1" s="1"/>
  <c r="A99024" i="1" s="1"/>
  <c r="A99025" i="1" s="1"/>
  <c r="A99026" i="1" s="1"/>
  <c r="A99027" i="1" s="1"/>
  <c r="A99028" i="1" s="1"/>
  <c r="A99029" i="1" s="1"/>
  <c r="A99030" i="1" s="1"/>
  <c r="A99031" i="1" s="1"/>
  <c r="A99032" i="1" s="1"/>
  <c r="A99033" i="1" s="1"/>
  <c r="A99034" i="1" s="1"/>
  <c r="A99035" i="1" s="1"/>
  <c r="A99036" i="1" s="1"/>
  <c r="A99037" i="1" s="1"/>
  <c r="A99038" i="1" s="1"/>
  <c r="A99039" i="1" s="1"/>
  <c r="A99040" i="1" s="1"/>
  <c r="A99041" i="1" s="1"/>
  <c r="A99042" i="1" s="1"/>
  <c r="A99043" i="1" s="1"/>
  <c r="A99044" i="1" s="1"/>
  <c r="A99045" i="1" s="1"/>
  <c r="A99046" i="1" s="1"/>
  <c r="A99047" i="1" s="1"/>
  <c r="A99048" i="1" s="1"/>
  <c r="A99049" i="1" s="1"/>
  <c r="A99050" i="1" s="1"/>
  <c r="A99051" i="1" s="1"/>
  <c r="A99052" i="1" s="1"/>
  <c r="A99053" i="1" s="1"/>
  <c r="A99054" i="1" s="1"/>
  <c r="A99055" i="1" s="1"/>
  <c r="A99056" i="1" s="1"/>
  <c r="A99057" i="1" s="1"/>
  <c r="A99058" i="1" s="1"/>
  <c r="A99059" i="1" s="1"/>
  <c r="A99060" i="1" s="1"/>
  <c r="A99061" i="1" s="1"/>
  <c r="A99062" i="1" s="1"/>
  <c r="A99063" i="1" s="1"/>
  <c r="A99064" i="1" s="1"/>
  <c r="A99065" i="1" s="1"/>
  <c r="A99066" i="1" s="1"/>
  <c r="A99067" i="1" s="1"/>
  <c r="A99068" i="1" s="1"/>
  <c r="A99069" i="1" s="1"/>
  <c r="A99070" i="1" s="1"/>
  <c r="A99071" i="1" s="1"/>
  <c r="A99072" i="1" s="1"/>
  <c r="A99073" i="1" s="1"/>
  <c r="A99074" i="1" s="1"/>
  <c r="A99075" i="1" s="1"/>
  <c r="A99076" i="1" s="1"/>
  <c r="A99077" i="1" s="1"/>
  <c r="A99078" i="1" s="1"/>
  <c r="A99079" i="1" s="1"/>
  <c r="A99080" i="1" s="1"/>
  <c r="A99081" i="1" s="1"/>
  <c r="A99082" i="1" s="1"/>
  <c r="A99083" i="1" s="1"/>
  <c r="A99084" i="1" s="1"/>
  <c r="A99085" i="1" s="1"/>
  <c r="A99086" i="1" s="1"/>
  <c r="A99087" i="1" s="1"/>
  <c r="A99088" i="1" s="1"/>
  <c r="A99089" i="1" s="1"/>
  <c r="A99090" i="1" s="1"/>
  <c r="A99091" i="1" s="1"/>
  <c r="A99092" i="1" s="1"/>
  <c r="A99093" i="1" s="1"/>
  <c r="A99094" i="1" s="1"/>
  <c r="A99095" i="1" s="1"/>
  <c r="A99096" i="1" s="1"/>
  <c r="A99097" i="1" s="1"/>
  <c r="A99098" i="1" s="1"/>
  <c r="A99099" i="1" s="1"/>
  <c r="A99100" i="1" s="1"/>
  <c r="A99101" i="1" s="1"/>
  <c r="A99102" i="1" s="1"/>
  <c r="A99103" i="1" s="1"/>
  <c r="A99104" i="1" s="1"/>
  <c r="A99105" i="1" s="1"/>
  <c r="A99106" i="1" s="1"/>
  <c r="A99107" i="1" s="1"/>
  <c r="A99108" i="1" s="1"/>
  <c r="A99109" i="1" s="1"/>
  <c r="A99110" i="1" s="1"/>
  <c r="A99111" i="1" s="1"/>
  <c r="A99112" i="1" s="1"/>
  <c r="A99113" i="1" s="1"/>
  <c r="A99114" i="1" s="1"/>
  <c r="A99115" i="1" s="1"/>
  <c r="A99116" i="1" s="1"/>
  <c r="A99117" i="1" s="1"/>
  <c r="A99118" i="1" s="1"/>
  <c r="A99119" i="1" s="1"/>
  <c r="A99120" i="1" s="1"/>
  <c r="A99121" i="1" s="1"/>
  <c r="A99122" i="1" s="1"/>
  <c r="A99123" i="1" s="1"/>
  <c r="A99124" i="1" s="1"/>
  <c r="A99125" i="1" s="1"/>
  <c r="A99126" i="1" s="1"/>
  <c r="A99127" i="1" s="1"/>
  <c r="A99128" i="1" s="1"/>
  <c r="A99129" i="1" s="1"/>
  <c r="A99130" i="1" s="1"/>
  <c r="A99131" i="1" s="1"/>
  <c r="A99132" i="1" s="1"/>
  <c r="A99133" i="1" s="1"/>
  <c r="A99134" i="1" s="1"/>
  <c r="A99135" i="1" s="1"/>
  <c r="A99136" i="1" s="1"/>
  <c r="A99137" i="1" s="1"/>
  <c r="A99138" i="1" s="1"/>
  <c r="A99139" i="1" s="1"/>
  <c r="A99140" i="1" s="1"/>
  <c r="A99141" i="1" s="1"/>
  <c r="A99142" i="1" s="1"/>
  <c r="A99143" i="1" s="1"/>
  <c r="A99144" i="1" s="1"/>
  <c r="A99145" i="1" s="1"/>
  <c r="A99146" i="1" s="1"/>
  <c r="A99147" i="1" s="1"/>
  <c r="A99148" i="1" s="1"/>
  <c r="A99149" i="1" s="1"/>
  <c r="A99150" i="1" s="1"/>
  <c r="A99151" i="1" s="1"/>
  <c r="A99152" i="1" s="1"/>
  <c r="A99153" i="1" s="1"/>
  <c r="A99154" i="1" s="1"/>
  <c r="A99155" i="1" s="1"/>
  <c r="A99156" i="1" s="1"/>
  <c r="A99157" i="1" s="1"/>
  <c r="A99158" i="1" s="1"/>
  <c r="A99159" i="1" s="1"/>
  <c r="A99160" i="1" s="1"/>
  <c r="A99161" i="1" s="1"/>
  <c r="A99162" i="1" s="1"/>
  <c r="A99163" i="1" s="1"/>
  <c r="A99164" i="1" s="1"/>
  <c r="A99165" i="1" s="1"/>
  <c r="A99166" i="1" s="1"/>
  <c r="A99167" i="1" s="1"/>
  <c r="A99168" i="1" s="1"/>
  <c r="A99169" i="1" s="1"/>
  <c r="A99170" i="1" s="1"/>
  <c r="A99171" i="1" s="1"/>
  <c r="A99172" i="1" s="1"/>
  <c r="A99173" i="1" s="1"/>
  <c r="A99174" i="1" s="1"/>
  <c r="A99175" i="1" s="1"/>
  <c r="A99176" i="1" s="1"/>
  <c r="A99177" i="1" s="1"/>
  <c r="A99178" i="1" s="1"/>
  <c r="A99179" i="1" s="1"/>
  <c r="A99180" i="1" s="1"/>
  <c r="A99181" i="1" s="1"/>
  <c r="A99182" i="1" s="1"/>
  <c r="A99183" i="1" s="1"/>
  <c r="A99184" i="1" s="1"/>
  <c r="A99185" i="1" s="1"/>
  <c r="A99186" i="1" s="1"/>
  <c r="A99187" i="1" s="1"/>
  <c r="A99188" i="1" s="1"/>
  <c r="A99189" i="1" s="1"/>
  <c r="A99190" i="1" s="1"/>
  <c r="A99191" i="1" s="1"/>
  <c r="A99192" i="1" s="1"/>
  <c r="A99193" i="1" s="1"/>
  <c r="A99194" i="1" s="1"/>
  <c r="A99195" i="1" s="1"/>
  <c r="A99196" i="1" s="1"/>
  <c r="A99197" i="1" s="1"/>
  <c r="A99198" i="1" s="1"/>
  <c r="A99199" i="1" s="1"/>
  <c r="A99200" i="1" s="1"/>
  <c r="A99201" i="1" s="1"/>
  <c r="A99202" i="1" s="1"/>
  <c r="A99203" i="1" s="1"/>
  <c r="A99204" i="1" s="1"/>
  <c r="A99205" i="1" s="1"/>
  <c r="A99206" i="1" s="1"/>
  <c r="A99207" i="1" s="1"/>
  <c r="A99208" i="1" s="1"/>
  <c r="A99209" i="1" s="1"/>
  <c r="A99210" i="1" s="1"/>
  <c r="A99211" i="1" s="1"/>
  <c r="A99212" i="1" s="1"/>
  <c r="A99213" i="1" s="1"/>
  <c r="A99214" i="1" s="1"/>
  <c r="A99215" i="1" s="1"/>
  <c r="A99216" i="1" s="1"/>
  <c r="A99217" i="1" s="1"/>
  <c r="A99218" i="1" s="1"/>
  <c r="A99219" i="1" s="1"/>
  <c r="A99220" i="1" s="1"/>
  <c r="A99221" i="1" s="1"/>
  <c r="A99222" i="1" s="1"/>
  <c r="A99223" i="1" s="1"/>
  <c r="A99224" i="1" s="1"/>
  <c r="A99225" i="1" s="1"/>
  <c r="A99226" i="1" s="1"/>
  <c r="A99227" i="1" s="1"/>
  <c r="A99228" i="1" s="1"/>
  <c r="A99229" i="1" s="1"/>
  <c r="A99230" i="1" s="1"/>
  <c r="A99231" i="1" s="1"/>
  <c r="A99232" i="1" s="1"/>
  <c r="A99233" i="1" s="1"/>
  <c r="A99234" i="1" s="1"/>
  <c r="A99235" i="1" s="1"/>
  <c r="A99236" i="1" s="1"/>
  <c r="A99237" i="1" s="1"/>
  <c r="A99238" i="1" s="1"/>
  <c r="A99239" i="1" s="1"/>
  <c r="A99240" i="1" s="1"/>
  <c r="A99241" i="1" s="1"/>
  <c r="A99242" i="1" s="1"/>
  <c r="A99243" i="1" s="1"/>
  <c r="A99244" i="1" s="1"/>
  <c r="A99245" i="1" s="1"/>
  <c r="A99246" i="1" s="1"/>
  <c r="A99247" i="1" s="1"/>
  <c r="A99248" i="1" s="1"/>
  <c r="A99249" i="1" s="1"/>
  <c r="A99250" i="1" s="1"/>
  <c r="A99251" i="1" s="1"/>
  <c r="A99252" i="1" s="1"/>
  <c r="A99253" i="1" s="1"/>
  <c r="A99254" i="1" s="1"/>
  <c r="A99255" i="1" s="1"/>
  <c r="A99256" i="1" s="1"/>
  <c r="A99257" i="1" s="1"/>
  <c r="A99258" i="1" s="1"/>
  <c r="A99259" i="1" s="1"/>
  <c r="A99260" i="1" s="1"/>
  <c r="A99261" i="1" s="1"/>
  <c r="A99262" i="1" s="1"/>
  <c r="A99263" i="1" s="1"/>
  <c r="A99264" i="1" s="1"/>
  <c r="A99265" i="1" s="1"/>
  <c r="A99266" i="1" s="1"/>
  <c r="A99267" i="1" s="1"/>
  <c r="A99268" i="1" s="1"/>
  <c r="A99269" i="1" s="1"/>
  <c r="A99270" i="1" s="1"/>
  <c r="A99271" i="1" s="1"/>
  <c r="A99272" i="1" s="1"/>
  <c r="A99273" i="1" s="1"/>
  <c r="A99274" i="1" s="1"/>
  <c r="A99275" i="1" s="1"/>
  <c r="A99276" i="1" s="1"/>
  <c r="A99277" i="1" s="1"/>
  <c r="A99278" i="1" s="1"/>
  <c r="A99279" i="1" s="1"/>
  <c r="A99280" i="1" s="1"/>
  <c r="A99281" i="1" s="1"/>
  <c r="A99282" i="1" s="1"/>
  <c r="A99283" i="1" s="1"/>
  <c r="A99284" i="1" s="1"/>
  <c r="A99285" i="1" s="1"/>
  <c r="A99286" i="1" s="1"/>
  <c r="A99287" i="1" s="1"/>
  <c r="A99288" i="1" s="1"/>
  <c r="A99289" i="1" s="1"/>
  <c r="A99290" i="1" s="1"/>
  <c r="A99291" i="1" s="1"/>
  <c r="A99292" i="1" s="1"/>
  <c r="A99293" i="1" s="1"/>
  <c r="A99294" i="1" s="1"/>
  <c r="A99295" i="1" s="1"/>
  <c r="A99296" i="1" s="1"/>
  <c r="A99297" i="1" s="1"/>
  <c r="A99298" i="1" s="1"/>
  <c r="A99299" i="1" s="1"/>
  <c r="A99300" i="1" s="1"/>
  <c r="A99301" i="1" s="1"/>
  <c r="A99302" i="1" s="1"/>
  <c r="A99303" i="1" s="1"/>
  <c r="A99304" i="1" s="1"/>
  <c r="A99305" i="1" s="1"/>
  <c r="A99306" i="1" s="1"/>
  <c r="A99307" i="1" s="1"/>
  <c r="A99308" i="1" s="1"/>
  <c r="A99309" i="1" s="1"/>
  <c r="A99310" i="1" s="1"/>
  <c r="A99311" i="1" s="1"/>
  <c r="A99312" i="1" s="1"/>
  <c r="A99313" i="1" s="1"/>
  <c r="A99314" i="1" s="1"/>
  <c r="A99315" i="1" s="1"/>
  <c r="A99316" i="1" s="1"/>
  <c r="A99317" i="1" s="1"/>
  <c r="A99318" i="1" s="1"/>
  <c r="A99319" i="1" s="1"/>
  <c r="A99320" i="1" s="1"/>
  <c r="A99321" i="1" s="1"/>
  <c r="A99322" i="1" s="1"/>
  <c r="A99323" i="1" s="1"/>
  <c r="A99324" i="1" s="1"/>
  <c r="A99325" i="1" s="1"/>
  <c r="A99326" i="1" s="1"/>
  <c r="A99327" i="1" s="1"/>
  <c r="A99328" i="1" s="1"/>
  <c r="A99329" i="1" s="1"/>
  <c r="A99330" i="1" s="1"/>
  <c r="A99331" i="1" s="1"/>
  <c r="A99332" i="1" s="1"/>
  <c r="A99333" i="1" s="1"/>
  <c r="A99334" i="1" s="1"/>
  <c r="A99335" i="1" s="1"/>
  <c r="A99336" i="1" s="1"/>
  <c r="A99337" i="1" s="1"/>
  <c r="A99338" i="1" s="1"/>
  <c r="A99339" i="1" s="1"/>
  <c r="A99340" i="1" s="1"/>
  <c r="A99341" i="1" s="1"/>
  <c r="A99342" i="1" s="1"/>
  <c r="A99343" i="1" s="1"/>
  <c r="A99344" i="1" s="1"/>
  <c r="A99345" i="1" s="1"/>
  <c r="A99346" i="1" s="1"/>
  <c r="A99347" i="1" s="1"/>
  <c r="A99348" i="1" s="1"/>
  <c r="A99349" i="1" s="1"/>
  <c r="A99350" i="1" s="1"/>
  <c r="A99351" i="1" s="1"/>
  <c r="A99352" i="1" s="1"/>
  <c r="A99353" i="1" s="1"/>
  <c r="A99354" i="1" s="1"/>
  <c r="A99355" i="1" s="1"/>
  <c r="A99356" i="1" s="1"/>
  <c r="A99357" i="1" s="1"/>
  <c r="A99358" i="1" s="1"/>
  <c r="A99359" i="1" s="1"/>
  <c r="A99360" i="1" s="1"/>
  <c r="A99361" i="1" s="1"/>
  <c r="A99362" i="1" s="1"/>
  <c r="A99363" i="1" s="1"/>
  <c r="A99364" i="1" s="1"/>
  <c r="A99365" i="1" s="1"/>
  <c r="A99366" i="1" s="1"/>
  <c r="A99367" i="1" s="1"/>
  <c r="A99368" i="1" s="1"/>
  <c r="A99369" i="1" s="1"/>
  <c r="A99370" i="1" s="1"/>
  <c r="A99371" i="1" s="1"/>
  <c r="A99372" i="1" s="1"/>
  <c r="A99373" i="1" s="1"/>
  <c r="A99374" i="1" s="1"/>
  <c r="A99375" i="1" s="1"/>
  <c r="A99376" i="1" s="1"/>
  <c r="A99377" i="1" s="1"/>
  <c r="A99378" i="1" s="1"/>
  <c r="A99379" i="1" s="1"/>
  <c r="A99380" i="1" s="1"/>
  <c r="A99381" i="1" s="1"/>
  <c r="A99382" i="1" s="1"/>
  <c r="A99383" i="1" s="1"/>
  <c r="A99384" i="1" s="1"/>
  <c r="A99385" i="1" s="1"/>
  <c r="A99386" i="1" s="1"/>
  <c r="A99387" i="1" s="1"/>
  <c r="A99388" i="1" s="1"/>
  <c r="A99389" i="1" s="1"/>
  <c r="A99390" i="1" s="1"/>
  <c r="A99391" i="1" s="1"/>
  <c r="A99392" i="1" s="1"/>
  <c r="A99393" i="1" s="1"/>
  <c r="A99394" i="1" s="1"/>
  <c r="A99395" i="1" s="1"/>
  <c r="A99396" i="1" s="1"/>
  <c r="A99397" i="1" s="1"/>
  <c r="A99398" i="1" s="1"/>
  <c r="A99399" i="1" s="1"/>
  <c r="A99400" i="1" s="1"/>
  <c r="A99401" i="1" s="1"/>
  <c r="A99402" i="1" s="1"/>
  <c r="A99403" i="1" s="1"/>
  <c r="A99404" i="1" s="1"/>
  <c r="A99405" i="1" s="1"/>
  <c r="A99406" i="1" s="1"/>
  <c r="A99407" i="1" s="1"/>
  <c r="A99408" i="1" s="1"/>
  <c r="A99409" i="1" s="1"/>
  <c r="A99410" i="1" s="1"/>
  <c r="A99411" i="1" s="1"/>
  <c r="A99412" i="1" s="1"/>
  <c r="A99413" i="1" s="1"/>
  <c r="A99414" i="1" s="1"/>
  <c r="A99415" i="1" s="1"/>
  <c r="A99416" i="1" s="1"/>
  <c r="A99417" i="1" s="1"/>
  <c r="A99418" i="1" s="1"/>
  <c r="A99419" i="1" s="1"/>
  <c r="A99420" i="1" s="1"/>
  <c r="A99421" i="1" s="1"/>
  <c r="A99422" i="1" s="1"/>
  <c r="A99423" i="1" s="1"/>
  <c r="A99424" i="1" s="1"/>
  <c r="A99425" i="1" s="1"/>
  <c r="A99426" i="1" s="1"/>
  <c r="A99427" i="1" s="1"/>
  <c r="A99428" i="1" s="1"/>
  <c r="A99429" i="1" s="1"/>
  <c r="A99430" i="1" s="1"/>
  <c r="A99431" i="1" s="1"/>
  <c r="A99432" i="1" s="1"/>
  <c r="A99433" i="1" s="1"/>
  <c r="A99434" i="1" s="1"/>
  <c r="A99435" i="1" s="1"/>
  <c r="A99436" i="1" s="1"/>
  <c r="A99437" i="1" s="1"/>
  <c r="A99438" i="1" s="1"/>
  <c r="A99439" i="1" s="1"/>
  <c r="A99440" i="1" s="1"/>
  <c r="A99441" i="1" s="1"/>
  <c r="A99442" i="1" s="1"/>
  <c r="A99443" i="1" s="1"/>
  <c r="A99444" i="1" s="1"/>
  <c r="A99445" i="1" s="1"/>
  <c r="A99446" i="1" s="1"/>
  <c r="A99447" i="1" s="1"/>
  <c r="A99448" i="1" s="1"/>
  <c r="A99449" i="1" s="1"/>
  <c r="A99450" i="1" s="1"/>
  <c r="A99451" i="1" s="1"/>
  <c r="A99452" i="1" s="1"/>
  <c r="A99453" i="1" s="1"/>
  <c r="A99454" i="1" s="1"/>
  <c r="A99455" i="1" s="1"/>
  <c r="A99456" i="1" s="1"/>
  <c r="A99457" i="1" s="1"/>
  <c r="A99458" i="1" s="1"/>
  <c r="A99459" i="1" s="1"/>
  <c r="A99460" i="1" s="1"/>
  <c r="A99461" i="1" s="1"/>
  <c r="A99462" i="1" s="1"/>
  <c r="A99463" i="1" s="1"/>
  <c r="A99464" i="1" s="1"/>
  <c r="A99465" i="1" s="1"/>
  <c r="A99466" i="1" s="1"/>
  <c r="A99467" i="1" s="1"/>
  <c r="A99468" i="1" s="1"/>
  <c r="A99469" i="1" s="1"/>
  <c r="A99470" i="1" s="1"/>
  <c r="A99471" i="1" s="1"/>
  <c r="A99472" i="1" s="1"/>
  <c r="A99473" i="1" s="1"/>
  <c r="A99474" i="1" s="1"/>
  <c r="A99475" i="1" s="1"/>
  <c r="A99476" i="1" s="1"/>
  <c r="A99477" i="1" s="1"/>
  <c r="A99478" i="1" s="1"/>
  <c r="A99479" i="1" s="1"/>
  <c r="A99480" i="1" s="1"/>
  <c r="A99481" i="1" s="1"/>
  <c r="A99482" i="1" s="1"/>
  <c r="A99483" i="1" s="1"/>
  <c r="A99484" i="1" s="1"/>
  <c r="A99485" i="1" s="1"/>
  <c r="A99486" i="1" s="1"/>
  <c r="A99487" i="1" s="1"/>
  <c r="A99488" i="1" s="1"/>
  <c r="A99489" i="1" s="1"/>
  <c r="A99490" i="1" s="1"/>
  <c r="A99491" i="1" s="1"/>
  <c r="A99492" i="1" s="1"/>
  <c r="A99493" i="1" s="1"/>
  <c r="A99494" i="1" s="1"/>
  <c r="A99495" i="1" s="1"/>
  <c r="A99496" i="1" s="1"/>
  <c r="A99497" i="1" s="1"/>
  <c r="A99498" i="1" s="1"/>
  <c r="A99499" i="1" s="1"/>
  <c r="A99500" i="1" s="1"/>
  <c r="A99501" i="1" s="1"/>
  <c r="A99502" i="1" s="1"/>
  <c r="A99503" i="1" s="1"/>
  <c r="A99504" i="1" s="1"/>
  <c r="A99505" i="1" s="1"/>
  <c r="A99506" i="1" s="1"/>
  <c r="A99507" i="1" s="1"/>
  <c r="A99508" i="1" s="1"/>
  <c r="A99509" i="1" s="1"/>
  <c r="A99510" i="1" s="1"/>
  <c r="A99511" i="1" s="1"/>
  <c r="A99512" i="1" s="1"/>
  <c r="A99513" i="1" s="1"/>
  <c r="A99514" i="1" s="1"/>
  <c r="A99515" i="1" s="1"/>
  <c r="A99516" i="1" s="1"/>
  <c r="A99517" i="1" s="1"/>
  <c r="A99518" i="1" s="1"/>
  <c r="A99519" i="1" s="1"/>
  <c r="A99520" i="1" s="1"/>
  <c r="A99521" i="1" s="1"/>
  <c r="A99522" i="1" s="1"/>
  <c r="A99523" i="1" s="1"/>
  <c r="A99524" i="1" s="1"/>
  <c r="A99525" i="1" s="1"/>
  <c r="A99526" i="1" s="1"/>
  <c r="A99527" i="1" s="1"/>
  <c r="A99528" i="1" s="1"/>
  <c r="A99529" i="1" s="1"/>
  <c r="A99530" i="1" s="1"/>
  <c r="A99531" i="1" s="1"/>
  <c r="A99532" i="1" s="1"/>
  <c r="A99533" i="1" s="1"/>
  <c r="A99534" i="1" s="1"/>
  <c r="A99535" i="1" s="1"/>
  <c r="A99536" i="1" s="1"/>
  <c r="A99537" i="1" s="1"/>
  <c r="A99538" i="1" s="1"/>
  <c r="A99539" i="1" s="1"/>
  <c r="A99540" i="1" s="1"/>
  <c r="A99541" i="1" s="1"/>
  <c r="A99542" i="1" s="1"/>
  <c r="A99543" i="1" s="1"/>
  <c r="A99544" i="1" s="1"/>
  <c r="A99545" i="1" s="1"/>
  <c r="A99546" i="1" s="1"/>
  <c r="A99547" i="1" s="1"/>
  <c r="A99548" i="1" s="1"/>
  <c r="A99549" i="1" s="1"/>
  <c r="A99550" i="1" s="1"/>
  <c r="A99551" i="1" s="1"/>
  <c r="A99552" i="1" s="1"/>
  <c r="A99553" i="1" s="1"/>
  <c r="A99554" i="1" s="1"/>
  <c r="A99555" i="1" s="1"/>
  <c r="A99556" i="1" s="1"/>
  <c r="A99557" i="1" s="1"/>
  <c r="A99558" i="1" s="1"/>
  <c r="A99559" i="1" s="1"/>
  <c r="A99560" i="1" s="1"/>
  <c r="A99561" i="1" s="1"/>
  <c r="A99562" i="1" s="1"/>
  <c r="A99563" i="1" s="1"/>
  <c r="A99564" i="1" s="1"/>
  <c r="A99565" i="1" s="1"/>
  <c r="A99566" i="1" s="1"/>
  <c r="A99567" i="1" s="1"/>
  <c r="A99568" i="1" s="1"/>
  <c r="A99569" i="1" s="1"/>
  <c r="A99570" i="1" s="1"/>
  <c r="A99571" i="1" s="1"/>
  <c r="A99572" i="1" s="1"/>
  <c r="A99573" i="1" s="1"/>
  <c r="A99574" i="1" s="1"/>
  <c r="A99575" i="1" s="1"/>
  <c r="A99576" i="1" s="1"/>
  <c r="A99577" i="1" s="1"/>
  <c r="A99578" i="1" s="1"/>
  <c r="A99579" i="1" s="1"/>
  <c r="A99580" i="1" s="1"/>
  <c r="A99581" i="1" s="1"/>
  <c r="A99582" i="1" s="1"/>
  <c r="A99583" i="1" s="1"/>
  <c r="A99584" i="1" s="1"/>
  <c r="A99585" i="1" s="1"/>
  <c r="A99586" i="1" s="1"/>
  <c r="A99587" i="1" s="1"/>
  <c r="A99588" i="1" s="1"/>
  <c r="A99589" i="1" s="1"/>
  <c r="A99590" i="1" s="1"/>
  <c r="A99591" i="1" s="1"/>
  <c r="A99592" i="1" s="1"/>
  <c r="A99593" i="1" s="1"/>
  <c r="A99594" i="1" s="1"/>
  <c r="A99595" i="1" s="1"/>
  <c r="A99596" i="1" s="1"/>
  <c r="A99597" i="1" s="1"/>
  <c r="A99598" i="1" s="1"/>
  <c r="A99599" i="1" s="1"/>
  <c r="A99600" i="1" s="1"/>
  <c r="A99601" i="1" s="1"/>
  <c r="A99602" i="1" s="1"/>
  <c r="A99603" i="1" s="1"/>
  <c r="A99604" i="1" s="1"/>
  <c r="A99605" i="1" s="1"/>
  <c r="A99606" i="1" s="1"/>
  <c r="A99607" i="1" s="1"/>
  <c r="A99608" i="1" s="1"/>
  <c r="A99609" i="1" s="1"/>
  <c r="A99610" i="1" s="1"/>
  <c r="A99611" i="1" s="1"/>
  <c r="A99612" i="1" s="1"/>
  <c r="A99613" i="1" s="1"/>
  <c r="A99614" i="1" s="1"/>
  <c r="A99615" i="1" s="1"/>
  <c r="A99616" i="1" s="1"/>
  <c r="A99617" i="1" s="1"/>
  <c r="A99618" i="1" s="1"/>
  <c r="A99619" i="1" s="1"/>
  <c r="A99620" i="1" s="1"/>
  <c r="A99621" i="1" s="1"/>
  <c r="A99622" i="1" s="1"/>
  <c r="A99623" i="1" s="1"/>
  <c r="A99624" i="1" s="1"/>
  <c r="A99625" i="1" s="1"/>
  <c r="A99626" i="1" s="1"/>
  <c r="A99627" i="1" s="1"/>
  <c r="A99628" i="1" s="1"/>
  <c r="A99629" i="1" s="1"/>
  <c r="A99630" i="1" s="1"/>
  <c r="A99631" i="1" s="1"/>
  <c r="A99632" i="1" s="1"/>
  <c r="A99633" i="1" s="1"/>
  <c r="A99634" i="1" s="1"/>
  <c r="A99635" i="1" s="1"/>
  <c r="A99636" i="1" s="1"/>
  <c r="A99637" i="1" s="1"/>
  <c r="A99638" i="1" s="1"/>
  <c r="A99639" i="1" s="1"/>
  <c r="A99640" i="1" s="1"/>
  <c r="A99641" i="1" s="1"/>
  <c r="A99642" i="1" s="1"/>
  <c r="A99643" i="1" s="1"/>
  <c r="A99644" i="1" s="1"/>
  <c r="A99645" i="1" s="1"/>
  <c r="A99646" i="1" s="1"/>
  <c r="A99647" i="1" s="1"/>
  <c r="A99648" i="1" s="1"/>
  <c r="A99649" i="1" s="1"/>
  <c r="A99650" i="1" s="1"/>
  <c r="A99651" i="1" s="1"/>
  <c r="A99652" i="1" s="1"/>
  <c r="A99653" i="1" s="1"/>
  <c r="A99654" i="1" s="1"/>
  <c r="A99655" i="1" s="1"/>
  <c r="A99656" i="1" s="1"/>
  <c r="A99657" i="1" s="1"/>
  <c r="A99658" i="1" s="1"/>
  <c r="A99659" i="1" s="1"/>
  <c r="A99660" i="1" s="1"/>
  <c r="A99661" i="1" s="1"/>
  <c r="A99662" i="1" s="1"/>
  <c r="A99663" i="1" s="1"/>
  <c r="A99664" i="1" s="1"/>
  <c r="A99665" i="1" s="1"/>
  <c r="A99666" i="1" s="1"/>
  <c r="A99667" i="1" s="1"/>
  <c r="A99668" i="1" s="1"/>
  <c r="A99669" i="1" s="1"/>
  <c r="A99670" i="1" s="1"/>
  <c r="A99671" i="1" s="1"/>
  <c r="A99672" i="1" s="1"/>
  <c r="A99673" i="1" s="1"/>
  <c r="A99674" i="1" s="1"/>
  <c r="A99675" i="1" s="1"/>
  <c r="A99676" i="1" s="1"/>
  <c r="A99677" i="1" s="1"/>
  <c r="A99678" i="1" s="1"/>
  <c r="A99679" i="1" s="1"/>
  <c r="A99680" i="1" s="1"/>
  <c r="A99681" i="1" s="1"/>
  <c r="A99682" i="1" s="1"/>
  <c r="A99683" i="1" s="1"/>
  <c r="A99684" i="1" s="1"/>
  <c r="A99685" i="1" s="1"/>
  <c r="A99686" i="1" s="1"/>
  <c r="A99687" i="1" s="1"/>
  <c r="A99688" i="1" s="1"/>
  <c r="A99689" i="1" s="1"/>
  <c r="A99690" i="1" s="1"/>
  <c r="A99691" i="1" s="1"/>
  <c r="A99692" i="1" s="1"/>
  <c r="A99693" i="1" s="1"/>
  <c r="A99694" i="1" s="1"/>
  <c r="A99695" i="1" s="1"/>
  <c r="A99696" i="1" s="1"/>
  <c r="A99697" i="1" s="1"/>
  <c r="A99698" i="1" s="1"/>
  <c r="A99699" i="1" s="1"/>
  <c r="A99700" i="1" s="1"/>
  <c r="A99701" i="1" s="1"/>
  <c r="A99702" i="1" s="1"/>
  <c r="A99703" i="1" s="1"/>
  <c r="A99704" i="1" s="1"/>
  <c r="A99705" i="1" s="1"/>
  <c r="A99706" i="1" s="1"/>
  <c r="A99707" i="1" s="1"/>
  <c r="A99708" i="1" s="1"/>
  <c r="A99709" i="1" s="1"/>
  <c r="A99710" i="1" s="1"/>
  <c r="A99711" i="1" s="1"/>
  <c r="A99712" i="1" s="1"/>
  <c r="A99713" i="1" s="1"/>
  <c r="A99714" i="1" s="1"/>
  <c r="A99715" i="1" s="1"/>
  <c r="A99716" i="1" s="1"/>
  <c r="A99717" i="1" s="1"/>
  <c r="A99718" i="1" s="1"/>
  <c r="A99719" i="1" s="1"/>
  <c r="A99720" i="1" s="1"/>
  <c r="A99721" i="1" s="1"/>
  <c r="A99722" i="1" s="1"/>
  <c r="A99723" i="1" s="1"/>
  <c r="A99724" i="1" s="1"/>
  <c r="A99725" i="1" s="1"/>
  <c r="A99726" i="1" s="1"/>
  <c r="A99727" i="1" s="1"/>
  <c r="A99728" i="1" s="1"/>
  <c r="A99729" i="1" s="1"/>
  <c r="A99730" i="1" s="1"/>
  <c r="A99731" i="1" s="1"/>
  <c r="A99732" i="1" s="1"/>
  <c r="A99733" i="1" s="1"/>
  <c r="A99734" i="1" s="1"/>
  <c r="A99735" i="1" s="1"/>
  <c r="A99736" i="1" s="1"/>
  <c r="A99737" i="1" s="1"/>
  <c r="A99738" i="1" s="1"/>
  <c r="A99739" i="1" s="1"/>
  <c r="A99740" i="1" s="1"/>
  <c r="A99741" i="1" s="1"/>
  <c r="A99742" i="1" s="1"/>
  <c r="A99743" i="1" s="1"/>
  <c r="A99744" i="1" s="1"/>
  <c r="A99745" i="1" s="1"/>
  <c r="A99746" i="1" s="1"/>
  <c r="A99747" i="1" s="1"/>
  <c r="A99748" i="1" s="1"/>
  <c r="A99749" i="1" s="1"/>
  <c r="A99750" i="1" s="1"/>
  <c r="A99751" i="1" s="1"/>
  <c r="A99752" i="1" s="1"/>
  <c r="A99753" i="1" s="1"/>
  <c r="A99754" i="1" s="1"/>
  <c r="A99755" i="1" s="1"/>
  <c r="A99756" i="1" s="1"/>
  <c r="A99757" i="1" s="1"/>
  <c r="A99758" i="1" s="1"/>
  <c r="A99759" i="1" s="1"/>
  <c r="A99760" i="1" s="1"/>
  <c r="A99761" i="1" s="1"/>
  <c r="A99762" i="1" s="1"/>
  <c r="A99763" i="1" s="1"/>
  <c r="A99764" i="1" s="1"/>
  <c r="A99765" i="1" s="1"/>
  <c r="A99766" i="1" s="1"/>
  <c r="A99767" i="1" s="1"/>
  <c r="A99768" i="1" s="1"/>
  <c r="A99769" i="1" s="1"/>
  <c r="A99770" i="1" s="1"/>
  <c r="A99771" i="1" s="1"/>
  <c r="A99772" i="1" s="1"/>
  <c r="A99773" i="1" s="1"/>
  <c r="A99774" i="1" s="1"/>
  <c r="A99775" i="1" s="1"/>
  <c r="A99776" i="1" s="1"/>
  <c r="A99777" i="1" s="1"/>
  <c r="A99778" i="1" s="1"/>
  <c r="A99779" i="1" s="1"/>
  <c r="A99780" i="1" s="1"/>
  <c r="A99781" i="1" s="1"/>
  <c r="A99782" i="1" s="1"/>
  <c r="A99783" i="1" s="1"/>
  <c r="A99784" i="1" s="1"/>
  <c r="A99785" i="1" s="1"/>
  <c r="A99786" i="1" s="1"/>
  <c r="A99787" i="1" s="1"/>
  <c r="A99788" i="1" s="1"/>
  <c r="A99789" i="1" s="1"/>
  <c r="A99790" i="1" s="1"/>
  <c r="A99791" i="1" s="1"/>
  <c r="A99792" i="1" s="1"/>
  <c r="A99793" i="1" s="1"/>
  <c r="A99794" i="1" s="1"/>
  <c r="A99795" i="1" s="1"/>
  <c r="A99796" i="1" s="1"/>
  <c r="A99797" i="1" s="1"/>
  <c r="A99798" i="1" s="1"/>
  <c r="A99799" i="1" s="1"/>
  <c r="A99800" i="1" s="1"/>
  <c r="A99801" i="1" s="1"/>
  <c r="A99802" i="1" s="1"/>
  <c r="A99803" i="1" s="1"/>
  <c r="A99804" i="1" s="1"/>
  <c r="A99805" i="1" s="1"/>
  <c r="A99806" i="1" s="1"/>
  <c r="A99807" i="1" s="1"/>
  <c r="A99808" i="1" s="1"/>
  <c r="A99809" i="1" s="1"/>
  <c r="A99810" i="1" s="1"/>
  <c r="A99811" i="1" s="1"/>
  <c r="A99812" i="1" s="1"/>
  <c r="A99813" i="1" s="1"/>
  <c r="A99814" i="1" s="1"/>
  <c r="A99815" i="1" s="1"/>
  <c r="A99816" i="1" s="1"/>
  <c r="A99817" i="1" s="1"/>
  <c r="A99818" i="1" s="1"/>
  <c r="A99819" i="1" s="1"/>
  <c r="A99820" i="1" s="1"/>
  <c r="A99821" i="1" s="1"/>
  <c r="A99822" i="1" s="1"/>
  <c r="A99823" i="1" s="1"/>
  <c r="A99824" i="1" s="1"/>
  <c r="A99825" i="1" s="1"/>
  <c r="A99826" i="1" s="1"/>
  <c r="A99827" i="1" s="1"/>
  <c r="A99828" i="1" s="1"/>
  <c r="A99829" i="1" s="1"/>
  <c r="A99830" i="1" s="1"/>
  <c r="A99831" i="1" s="1"/>
  <c r="A99832" i="1" s="1"/>
  <c r="A99833" i="1" s="1"/>
  <c r="A99834" i="1" s="1"/>
  <c r="A99835" i="1" s="1"/>
  <c r="A99836" i="1" s="1"/>
  <c r="A99837" i="1" s="1"/>
  <c r="A99838" i="1" s="1"/>
  <c r="A99839" i="1" s="1"/>
  <c r="A99840" i="1" s="1"/>
  <c r="A99841" i="1" s="1"/>
  <c r="A99842" i="1" s="1"/>
  <c r="A99843" i="1" s="1"/>
  <c r="A99844" i="1" s="1"/>
  <c r="A99845" i="1" s="1"/>
  <c r="A99846" i="1" s="1"/>
  <c r="A99847" i="1" s="1"/>
  <c r="A99848" i="1" s="1"/>
  <c r="A99849" i="1" s="1"/>
  <c r="A99850" i="1" s="1"/>
  <c r="A99851" i="1" s="1"/>
  <c r="A99852" i="1" s="1"/>
  <c r="A99853" i="1" s="1"/>
  <c r="A99854" i="1" s="1"/>
  <c r="A99855" i="1" s="1"/>
  <c r="A99856" i="1" s="1"/>
  <c r="A99857" i="1" s="1"/>
  <c r="A99858" i="1" s="1"/>
  <c r="A99859" i="1" s="1"/>
  <c r="A99860" i="1" s="1"/>
  <c r="A99861" i="1" s="1"/>
  <c r="A99862" i="1" s="1"/>
  <c r="A99863" i="1" s="1"/>
  <c r="A99864" i="1" s="1"/>
  <c r="A99865" i="1" s="1"/>
  <c r="A99866" i="1" s="1"/>
  <c r="A99867" i="1" s="1"/>
  <c r="A99868" i="1" s="1"/>
  <c r="A99869" i="1" s="1"/>
  <c r="A99870" i="1" s="1"/>
  <c r="A99871" i="1" s="1"/>
  <c r="A99872" i="1" s="1"/>
  <c r="A99873" i="1" s="1"/>
  <c r="A99874" i="1" s="1"/>
  <c r="A99875" i="1" s="1"/>
  <c r="A99876" i="1" s="1"/>
  <c r="A99877" i="1" s="1"/>
  <c r="A99878" i="1" s="1"/>
  <c r="A99879" i="1" s="1"/>
  <c r="A99880" i="1" s="1"/>
  <c r="A99881" i="1" s="1"/>
  <c r="A99882" i="1" s="1"/>
  <c r="A99883" i="1" s="1"/>
  <c r="A99884" i="1" s="1"/>
  <c r="A99885" i="1" s="1"/>
  <c r="A99886" i="1" s="1"/>
  <c r="A99887" i="1" s="1"/>
  <c r="A99888" i="1" s="1"/>
  <c r="A99889" i="1" s="1"/>
  <c r="A99890" i="1" s="1"/>
  <c r="A99891" i="1" s="1"/>
  <c r="A99892" i="1" s="1"/>
  <c r="A99893" i="1" s="1"/>
  <c r="A99894" i="1" s="1"/>
  <c r="A99895" i="1" s="1"/>
  <c r="A99896" i="1" s="1"/>
  <c r="A99897" i="1" s="1"/>
  <c r="A99898" i="1" s="1"/>
  <c r="A99899" i="1" s="1"/>
  <c r="A99900" i="1" s="1"/>
  <c r="A99901" i="1" s="1"/>
  <c r="A99902" i="1" s="1"/>
  <c r="A99903" i="1" s="1"/>
  <c r="A99904" i="1" s="1"/>
  <c r="A99905" i="1" s="1"/>
  <c r="A99906" i="1" s="1"/>
  <c r="A99907" i="1" s="1"/>
  <c r="A99908" i="1" s="1"/>
  <c r="A99909" i="1" s="1"/>
  <c r="A99910" i="1" s="1"/>
  <c r="A99911" i="1" s="1"/>
  <c r="A99912" i="1" s="1"/>
  <c r="A99913" i="1" s="1"/>
  <c r="A99914" i="1" s="1"/>
  <c r="A99915" i="1" s="1"/>
  <c r="A99916" i="1" s="1"/>
  <c r="A99917" i="1" s="1"/>
  <c r="A99918" i="1" s="1"/>
  <c r="A99919" i="1" s="1"/>
  <c r="A99920" i="1" s="1"/>
  <c r="A99921" i="1" s="1"/>
  <c r="A99922" i="1" s="1"/>
  <c r="A99923" i="1" s="1"/>
  <c r="A99924" i="1" s="1"/>
  <c r="A99925" i="1" s="1"/>
  <c r="A99926" i="1" s="1"/>
  <c r="A99927" i="1" s="1"/>
  <c r="A99928" i="1" s="1"/>
  <c r="A99929" i="1" s="1"/>
  <c r="A99930" i="1" s="1"/>
  <c r="A99931" i="1" s="1"/>
  <c r="A99932" i="1" s="1"/>
  <c r="A99933" i="1" s="1"/>
  <c r="A99934" i="1" s="1"/>
  <c r="A99935" i="1" s="1"/>
  <c r="A99936" i="1" s="1"/>
  <c r="A99937" i="1" s="1"/>
  <c r="A99938" i="1" s="1"/>
  <c r="A99939" i="1" s="1"/>
  <c r="A99940" i="1" s="1"/>
  <c r="A99941" i="1" s="1"/>
  <c r="A99942" i="1" s="1"/>
  <c r="A99943" i="1" s="1"/>
  <c r="A99944" i="1" s="1"/>
  <c r="A99945" i="1" s="1"/>
  <c r="A99946" i="1" s="1"/>
  <c r="A99947" i="1" s="1"/>
  <c r="A99948" i="1" s="1"/>
  <c r="A99949" i="1" s="1"/>
  <c r="A99950" i="1" s="1"/>
  <c r="A99951" i="1" s="1"/>
  <c r="A99952" i="1" s="1"/>
  <c r="A99953" i="1" s="1"/>
  <c r="A99954" i="1" s="1"/>
  <c r="A99955" i="1" s="1"/>
  <c r="A99956" i="1" s="1"/>
  <c r="A99957" i="1" s="1"/>
  <c r="A99958" i="1" s="1"/>
  <c r="A99959" i="1" s="1"/>
  <c r="A99960" i="1" s="1"/>
  <c r="A99961" i="1" s="1"/>
  <c r="A99962" i="1" s="1"/>
  <c r="A99963" i="1" s="1"/>
  <c r="A99964" i="1" s="1"/>
  <c r="A99965" i="1" s="1"/>
  <c r="A99966" i="1" s="1"/>
  <c r="A99967" i="1" s="1"/>
  <c r="A99968" i="1" s="1"/>
  <c r="A99969" i="1" s="1"/>
  <c r="A99970" i="1" s="1"/>
  <c r="A99971" i="1" s="1"/>
  <c r="A99972" i="1" s="1"/>
  <c r="A99973" i="1" s="1"/>
  <c r="A99974" i="1" s="1"/>
  <c r="A99975" i="1" s="1"/>
  <c r="A99976" i="1" s="1"/>
  <c r="A99977" i="1" s="1"/>
  <c r="A99978" i="1" s="1"/>
  <c r="A99979" i="1" s="1"/>
  <c r="A99980" i="1" s="1"/>
  <c r="A99981" i="1" s="1"/>
  <c r="A99982" i="1" s="1"/>
  <c r="A99983" i="1" s="1"/>
  <c r="A99984" i="1" s="1"/>
  <c r="A99985" i="1" s="1"/>
  <c r="A99986" i="1" s="1"/>
  <c r="A99987" i="1" s="1"/>
  <c r="A99988" i="1" s="1"/>
  <c r="A99989" i="1" s="1"/>
  <c r="A99990" i="1" s="1"/>
  <c r="A99991" i="1" s="1"/>
  <c r="A99992" i="1" s="1"/>
  <c r="A99993" i="1" s="1"/>
  <c r="A99994" i="1" s="1"/>
  <c r="A99995" i="1" s="1"/>
  <c r="A99996" i="1" s="1"/>
  <c r="A99997" i="1" s="1"/>
  <c r="A99998" i="1" s="1"/>
  <c r="A99999" i="1" s="1"/>
  <c r="A100000" i="1" s="1"/>
  <c r="A100001" i="1" s="1"/>
  <c r="A100002" i="1" s="1"/>
  <c r="A100003" i="1" s="1"/>
  <c r="A100004" i="1" s="1"/>
  <c r="A100005" i="1" s="1"/>
  <c r="A100006" i="1" s="1"/>
  <c r="A100007" i="1" s="1"/>
  <c r="A100008" i="1" s="1"/>
  <c r="A100009" i="1" s="1"/>
  <c r="A100010" i="1" s="1"/>
  <c r="A100011" i="1" s="1"/>
  <c r="A100012" i="1" s="1"/>
  <c r="A100013" i="1" s="1"/>
  <c r="A100014" i="1" s="1"/>
  <c r="A100015" i="1" s="1"/>
  <c r="A100016" i="1" s="1"/>
  <c r="A100017" i="1" s="1"/>
  <c r="A100018" i="1" s="1"/>
  <c r="A100019" i="1" s="1"/>
  <c r="A100020" i="1" s="1"/>
  <c r="A100021" i="1" s="1"/>
  <c r="A100022" i="1" s="1"/>
  <c r="A100023" i="1" s="1"/>
  <c r="A100024" i="1" s="1"/>
  <c r="A100025" i="1" s="1"/>
  <c r="A100026" i="1" s="1"/>
  <c r="A100027" i="1" s="1"/>
  <c r="A100028" i="1" s="1"/>
  <c r="A100029" i="1" s="1"/>
  <c r="A100030" i="1" s="1"/>
  <c r="A100031" i="1" s="1"/>
  <c r="A100032" i="1" s="1"/>
  <c r="A100033" i="1" s="1"/>
  <c r="A100034" i="1" s="1"/>
  <c r="A100035" i="1" s="1"/>
  <c r="A100036" i="1" s="1"/>
  <c r="A100037" i="1" s="1"/>
  <c r="A100038" i="1" s="1"/>
  <c r="A100039" i="1" s="1"/>
  <c r="A100040" i="1" s="1"/>
  <c r="A100041" i="1" s="1"/>
  <c r="A100042" i="1" s="1"/>
  <c r="A100043" i="1" s="1"/>
  <c r="A100044" i="1" s="1"/>
  <c r="A100045" i="1" s="1"/>
  <c r="A100046" i="1" s="1"/>
  <c r="A100047" i="1" s="1"/>
  <c r="A100048" i="1" s="1"/>
  <c r="A100049" i="1" s="1"/>
  <c r="A100050" i="1" s="1"/>
  <c r="A100051" i="1" s="1"/>
  <c r="A100052" i="1" s="1"/>
  <c r="A100053" i="1" s="1"/>
  <c r="A100054" i="1" s="1"/>
  <c r="A100055" i="1" s="1"/>
  <c r="A100056" i="1" s="1"/>
  <c r="A100057" i="1" s="1"/>
  <c r="A100058" i="1" s="1"/>
  <c r="A100059" i="1" s="1"/>
  <c r="A100060" i="1" s="1"/>
  <c r="A100061" i="1" s="1"/>
  <c r="A100062" i="1" s="1"/>
  <c r="A100063" i="1" s="1"/>
  <c r="A100064" i="1" s="1"/>
  <c r="A100065" i="1" s="1"/>
  <c r="A100066" i="1" s="1"/>
  <c r="A100067" i="1" s="1"/>
  <c r="A100068" i="1" s="1"/>
  <c r="A100069" i="1" s="1"/>
  <c r="A100070" i="1" s="1"/>
  <c r="A100071" i="1" s="1"/>
  <c r="A100072" i="1" s="1"/>
  <c r="A100073" i="1" s="1"/>
  <c r="A100074" i="1" s="1"/>
  <c r="A100075" i="1" s="1"/>
  <c r="A100076" i="1" s="1"/>
  <c r="A100077" i="1" s="1"/>
  <c r="A100078" i="1" s="1"/>
  <c r="A100079" i="1" s="1"/>
  <c r="A100080" i="1" s="1"/>
  <c r="A100081" i="1" s="1"/>
  <c r="A100082" i="1" s="1"/>
  <c r="A100083" i="1" s="1"/>
  <c r="A100084" i="1" s="1"/>
  <c r="A100085" i="1" s="1"/>
  <c r="A100086" i="1" s="1"/>
  <c r="A100087" i="1" s="1"/>
  <c r="A100088" i="1" s="1"/>
  <c r="A100089" i="1" s="1"/>
  <c r="A100090" i="1" s="1"/>
  <c r="A100091" i="1" s="1"/>
  <c r="A100092" i="1" s="1"/>
  <c r="A100093" i="1" s="1"/>
  <c r="A100094" i="1" s="1"/>
  <c r="A100095" i="1" s="1"/>
  <c r="A100096" i="1" s="1"/>
  <c r="A100097" i="1" s="1"/>
  <c r="A100098" i="1" s="1"/>
  <c r="A100099" i="1" s="1"/>
  <c r="A100100" i="1" s="1"/>
  <c r="A100101" i="1" s="1"/>
  <c r="A100102" i="1" s="1"/>
  <c r="A100103" i="1" s="1"/>
  <c r="A100104" i="1" s="1"/>
  <c r="A100105" i="1" s="1"/>
  <c r="A100106" i="1" s="1"/>
  <c r="A100107" i="1" s="1"/>
  <c r="A100108" i="1" s="1"/>
  <c r="A100109" i="1" s="1"/>
  <c r="A100110" i="1" s="1"/>
  <c r="A100111" i="1" s="1"/>
  <c r="A100112" i="1" s="1"/>
  <c r="A100113" i="1" s="1"/>
  <c r="A100114" i="1" s="1"/>
  <c r="A100115" i="1" s="1"/>
  <c r="A100116" i="1" s="1"/>
  <c r="A100117" i="1" s="1"/>
  <c r="A100118" i="1" s="1"/>
  <c r="A100119" i="1" s="1"/>
  <c r="A100120" i="1" s="1"/>
  <c r="A100121" i="1" s="1"/>
  <c r="A100122" i="1" s="1"/>
  <c r="A100123" i="1" s="1"/>
  <c r="A100124" i="1" s="1"/>
  <c r="A100125" i="1" s="1"/>
  <c r="A100126" i="1" s="1"/>
  <c r="A100127" i="1" s="1"/>
  <c r="A100128" i="1" s="1"/>
  <c r="A100129" i="1" s="1"/>
  <c r="A100130" i="1" s="1"/>
  <c r="A100131" i="1" s="1"/>
  <c r="A100132" i="1" s="1"/>
  <c r="A100133" i="1" s="1"/>
  <c r="A100134" i="1" s="1"/>
  <c r="A100135" i="1" s="1"/>
  <c r="A100136" i="1" s="1"/>
  <c r="A100137" i="1" s="1"/>
  <c r="A100138" i="1" s="1"/>
  <c r="A100139" i="1" s="1"/>
  <c r="A100140" i="1" s="1"/>
  <c r="A100141" i="1" s="1"/>
  <c r="A100142" i="1" s="1"/>
  <c r="A100143" i="1" s="1"/>
  <c r="A100144" i="1" s="1"/>
  <c r="A100145" i="1" s="1"/>
  <c r="A100146" i="1" s="1"/>
  <c r="A100147" i="1" s="1"/>
  <c r="A100148" i="1" s="1"/>
  <c r="A100149" i="1" s="1"/>
  <c r="A100150" i="1" s="1"/>
  <c r="A100151" i="1" s="1"/>
  <c r="A100152" i="1" s="1"/>
  <c r="A100153" i="1" s="1"/>
  <c r="A100154" i="1" s="1"/>
  <c r="A100155" i="1" s="1"/>
  <c r="A100156" i="1" s="1"/>
  <c r="A100157" i="1" s="1"/>
  <c r="A100158" i="1" s="1"/>
  <c r="A100159" i="1" s="1"/>
  <c r="A100160" i="1" s="1"/>
  <c r="A100161" i="1" s="1"/>
  <c r="A100162" i="1" s="1"/>
  <c r="A100163" i="1" s="1"/>
  <c r="A100164" i="1" s="1"/>
  <c r="A100165" i="1" s="1"/>
  <c r="A100166" i="1" s="1"/>
  <c r="A100167" i="1" s="1"/>
  <c r="A100168" i="1" s="1"/>
  <c r="A100169" i="1" s="1"/>
  <c r="A100170" i="1" s="1"/>
  <c r="A100171" i="1" s="1"/>
  <c r="A100172" i="1" s="1"/>
  <c r="A100173" i="1" s="1"/>
  <c r="A100174" i="1" s="1"/>
  <c r="A100175" i="1" s="1"/>
  <c r="A100176" i="1" s="1"/>
  <c r="A100177" i="1" s="1"/>
  <c r="A100178" i="1" s="1"/>
  <c r="A100179" i="1" s="1"/>
  <c r="A100180" i="1" s="1"/>
  <c r="A100181" i="1" s="1"/>
  <c r="A100182" i="1" s="1"/>
  <c r="A100183" i="1" s="1"/>
  <c r="A100184" i="1" s="1"/>
  <c r="A100185" i="1" s="1"/>
  <c r="A100186" i="1" s="1"/>
  <c r="A100187" i="1" s="1"/>
  <c r="A100188" i="1" s="1"/>
  <c r="A100189" i="1" s="1"/>
  <c r="A100190" i="1" s="1"/>
  <c r="A100191" i="1" s="1"/>
  <c r="A100192" i="1" s="1"/>
  <c r="A100193" i="1" s="1"/>
  <c r="A100194" i="1" s="1"/>
  <c r="A100195" i="1" s="1"/>
  <c r="A100196" i="1" s="1"/>
  <c r="A100197" i="1" s="1"/>
  <c r="A100198" i="1" s="1"/>
  <c r="A100199" i="1" s="1"/>
  <c r="A100200" i="1" s="1"/>
  <c r="A100201" i="1" s="1"/>
  <c r="A100202" i="1" s="1"/>
  <c r="A100203" i="1" s="1"/>
  <c r="A100204" i="1" s="1"/>
  <c r="A100205" i="1" s="1"/>
  <c r="A100206" i="1" s="1"/>
  <c r="A100207" i="1" s="1"/>
  <c r="A100208" i="1" s="1"/>
  <c r="A100209" i="1" s="1"/>
  <c r="A100210" i="1" s="1"/>
  <c r="A100211" i="1" s="1"/>
  <c r="A100212" i="1" s="1"/>
  <c r="A100213" i="1" s="1"/>
  <c r="A100214" i="1" s="1"/>
  <c r="A100215" i="1" s="1"/>
  <c r="A100216" i="1" s="1"/>
  <c r="A100217" i="1" s="1"/>
  <c r="A100218" i="1" s="1"/>
  <c r="A100219" i="1" s="1"/>
  <c r="A100220" i="1" s="1"/>
  <c r="A100221" i="1" s="1"/>
  <c r="A100222" i="1" s="1"/>
  <c r="A100223" i="1" s="1"/>
  <c r="A100224" i="1" s="1"/>
  <c r="A100225" i="1" s="1"/>
  <c r="A100226" i="1" s="1"/>
  <c r="A100227" i="1" s="1"/>
  <c r="A100228" i="1" s="1"/>
  <c r="A100229" i="1" s="1"/>
  <c r="A100230" i="1" s="1"/>
  <c r="A100231" i="1" s="1"/>
  <c r="A100232" i="1" s="1"/>
  <c r="A100233" i="1" s="1"/>
  <c r="A100234" i="1" s="1"/>
  <c r="A100235" i="1" s="1"/>
  <c r="A100236" i="1" s="1"/>
  <c r="A100237" i="1" s="1"/>
  <c r="A100238" i="1" s="1"/>
  <c r="A100239" i="1" s="1"/>
  <c r="A100240" i="1" s="1"/>
  <c r="A100241" i="1" s="1"/>
  <c r="A100242" i="1" s="1"/>
  <c r="A100243" i="1" s="1"/>
  <c r="A100244" i="1" s="1"/>
  <c r="A100245" i="1" s="1"/>
  <c r="A100246" i="1" s="1"/>
  <c r="A100247" i="1" s="1"/>
  <c r="A100248" i="1" s="1"/>
  <c r="A100249" i="1" s="1"/>
  <c r="A100250" i="1" s="1"/>
  <c r="A100251" i="1" s="1"/>
  <c r="A100252" i="1" s="1"/>
  <c r="A100253" i="1" s="1"/>
  <c r="A100254" i="1" s="1"/>
  <c r="A100255" i="1" s="1"/>
  <c r="A100256" i="1" s="1"/>
  <c r="A100257" i="1" s="1"/>
  <c r="A100258" i="1" s="1"/>
  <c r="A100259" i="1" s="1"/>
  <c r="A100260" i="1" s="1"/>
  <c r="A100261" i="1" s="1"/>
  <c r="A100262" i="1" s="1"/>
  <c r="A100263" i="1" s="1"/>
  <c r="A100264" i="1" s="1"/>
  <c r="A100265" i="1" s="1"/>
  <c r="A100266" i="1" s="1"/>
  <c r="A100267" i="1" s="1"/>
  <c r="A100268" i="1" s="1"/>
  <c r="A100269" i="1" s="1"/>
  <c r="A100270" i="1" s="1"/>
  <c r="A100271" i="1" s="1"/>
  <c r="A100272" i="1" s="1"/>
  <c r="A100273" i="1" s="1"/>
  <c r="A100274" i="1" s="1"/>
  <c r="A100275" i="1" s="1"/>
  <c r="A100276" i="1" s="1"/>
  <c r="A100277" i="1" s="1"/>
  <c r="A100278" i="1" s="1"/>
  <c r="A100279" i="1" s="1"/>
  <c r="A100280" i="1" s="1"/>
  <c r="A100281" i="1" s="1"/>
  <c r="A100282" i="1" s="1"/>
  <c r="A100283" i="1" s="1"/>
  <c r="A100284" i="1" s="1"/>
  <c r="A100285" i="1" s="1"/>
  <c r="A100286" i="1" s="1"/>
  <c r="A100287" i="1" s="1"/>
  <c r="A100288" i="1" s="1"/>
  <c r="A100289" i="1" s="1"/>
  <c r="A100290" i="1" s="1"/>
  <c r="A100291" i="1" s="1"/>
  <c r="A100292" i="1" s="1"/>
  <c r="A100293" i="1" s="1"/>
  <c r="A100294" i="1" s="1"/>
  <c r="A100295" i="1" s="1"/>
  <c r="A100296" i="1" s="1"/>
  <c r="A100297" i="1" s="1"/>
  <c r="A100298" i="1" s="1"/>
  <c r="A100299" i="1" s="1"/>
  <c r="A100300" i="1" s="1"/>
  <c r="A100301" i="1" s="1"/>
  <c r="A100302" i="1" s="1"/>
  <c r="A100303" i="1" s="1"/>
  <c r="A100304" i="1" s="1"/>
  <c r="A100305" i="1" s="1"/>
  <c r="A100306" i="1" s="1"/>
  <c r="A100307" i="1" s="1"/>
  <c r="A100308" i="1" s="1"/>
  <c r="A100309" i="1" s="1"/>
  <c r="A100310" i="1" s="1"/>
  <c r="A100311" i="1" s="1"/>
  <c r="A100312" i="1" s="1"/>
  <c r="A100313" i="1" s="1"/>
  <c r="A100314" i="1" s="1"/>
  <c r="A100315" i="1" s="1"/>
  <c r="A100316" i="1" s="1"/>
  <c r="A100317" i="1" s="1"/>
  <c r="A100318" i="1" s="1"/>
  <c r="A100319" i="1" s="1"/>
  <c r="A100320" i="1" s="1"/>
  <c r="A100321" i="1" s="1"/>
  <c r="A100322" i="1" s="1"/>
  <c r="A100323" i="1" s="1"/>
  <c r="A100324" i="1" s="1"/>
  <c r="A100325" i="1" s="1"/>
  <c r="A100326" i="1" s="1"/>
  <c r="A100327" i="1" s="1"/>
  <c r="A100328" i="1" s="1"/>
  <c r="A100329" i="1" s="1"/>
  <c r="A100330" i="1" s="1"/>
  <c r="A100331" i="1" s="1"/>
  <c r="A100332" i="1" s="1"/>
  <c r="A100333" i="1" s="1"/>
  <c r="A100334" i="1" s="1"/>
  <c r="A100335" i="1" s="1"/>
  <c r="A100336" i="1" s="1"/>
  <c r="A100337" i="1" s="1"/>
  <c r="A100338" i="1" s="1"/>
  <c r="A100339" i="1" s="1"/>
  <c r="A100340" i="1" s="1"/>
  <c r="A100341" i="1" s="1"/>
  <c r="A100342" i="1" s="1"/>
  <c r="A100343" i="1" s="1"/>
  <c r="A100344" i="1" s="1"/>
  <c r="A100345" i="1" s="1"/>
  <c r="A100346" i="1" s="1"/>
  <c r="A100347" i="1" s="1"/>
  <c r="A100348" i="1" s="1"/>
  <c r="A100349" i="1" s="1"/>
  <c r="A100350" i="1" s="1"/>
  <c r="A100351" i="1" s="1"/>
  <c r="A100352" i="1" s="1"/>
  <c r="A100353" i="1" s="1"/>
  <c r="A100354" i="1" s="1"/>
  <c r="A100355" i="1" s="1"/>
  <c r="A100356" i="1" s="1"/>
  <c r="A100357" i="1" s="1"/>
  <c r="A100358" i="1" s="1"/>
  <c r="A100359" i="1" s="1"/>
  <c r="A100360" i="1" s="1"/>
  <c r="A100361" i="1" s="1"/>
  <c r="A100362" i="1" s="1"/>
  <c r="A100363" i="1" s="1"/>
  <c r="A100364" i="1" s="1"/>
  <c r="A100365" i="1" s="1"/>
  <c r="A100366" i="1" s="1"/>
  <c r="A100367" i="1" s="1"/>
  <c r="A100368" i="1" s="1"/>
  <c r="A100369" i="1" s="1"/>
  <c r="A100370" i="1" s="1"/>
  <c r="A100371" i="1" s="1"/>
  <c r="A100372" i="1" s="1"/>
  <c r="A100373" i="1" s="1"/>
  <c r="A100374" i="1" s="1"/>
  <c r="A100375" i="1" s="1"/>
  <c r="A100376" i="1" s="1"/>
  <c r="A100377" i="1" s="1"/>
  <c r="A100378" i="1" s="1"/>
  <c r="A100379" i="1" s="1"/>
  <c r="A100380" i="1" s="1"/>
  <c r="A100381" i="1" s="1"/>
  <c r="A100382" i="1" s="1"/>
  <c r="A100383" i="1" s="1"/>
  <c r="A100384" i="1" s="1"/>
  <c r="A100385" i="1" s="1"/>
  <c r="A100386" i="1" s="1"/>
  <c r="A100387" i="1" s="1"/>
  <c r="A100388" i="1" s="1"/>
  <c r="A100389" i="1" s="1"/>
  <c r="A100390" i="1" s="1"/>
  <c r="A100391" i="1" s="1"/>
  <c r="A100392" i="1" s="1"/>
  <c r="A100393" i="1" s="1"/>
  <c r="A100394" i="1" s="1"/>
  <c r="A100395" i="1" s="1"/>
  <c r="A100396" i="1" s="1"/>
  <c r="A100397" i="1" s="1"/>
  <c r="A100398" i="1" s="1"/>
  <c r="A100399" i="1" s="1"/>
  <c r="A100400" i="1" s="1"/>
  <c r="A100401" i="1" s="1"/>
  <c r="A100402" i="1" s="1"/>
  <c r="A100403" i="1" s="1"/>
  <c r="A100404" i="1" s="1"/>
  <c r="A100405" i="1" s="1"/>
  <c r="A100406" i="1" s="1"/>
  <c r="A100407" i="1" s="1"/>
  <c r="A100408" i="1" s="1"/>
  <c r="A100409" i="1" s="1"/>
  <c r="A100410" i="1" s="1"/>
  <c r="A100411" i="1" s="1"/>
  <c r="A100412" i="1" s="1"/>
  <c r="A100413" i="1" s="1"/>
  <c r="A100414" i="1" s="1"/>
  <c r="A100415" i="1" s="1"/>
  <c r="A100416" i="1" s="1"/>
  <c r="A100417" i="1" s="1"/>
  <c r="A100418" i="1" s="1"/>
  <c r="A100419" i="1" s="1"/>
  <c r="A100420" i="1" s="1"/>
  <c r="A100421" i="1" s="1"/>
  <c r="A100422" i="1" s="1"/>
  <c r="A100423" i="1" s="1"/>
  <c r="A100424" i="1" s="1"/>
  <c r="A100425" i="1" s="1"/>
  <c r="A100426" i="1" s="1"/>
  <c r="A100427" i="1" s="1"/>
  <c r="A100428" i="1" s="1"/>
  <c r="A100429" i="1" s="1"/>
  <c r="A100430" i="1" s="1"/>
  <c r="A100431" i="1" s="1"/>
  <c r="A100432" i="1" s="1"/>
  <c r="A100433" i="1" s="1"/>
  <c r="A100434" i="1" s="1"/>
  <c r="A100435" i="1" s="1"/>
  <c r="A100436" i="1" s="1"/>
  <c r="A100437" i="1" s="1"/>
  <c r="A100438" i="1" s="1"/>
  <c r="A100439" i="1" s="1"/>
  <c r="A100440" i="1" s="1"/>
  <c r="A100441" i="1" s="1"/>
  <c r="A100442" i="1" s="1"/>
  <c r="A100443" i="1" s="1"/>
  <c r="A100444" i="1" s="1"/>
  <c r="A100445" i="1" s="1"/>
  <c r="A100446" i="1" s="1"/>
  <c r="A100447" i="1" s="1"/>
  <c r="A100448" i="1" s="1"/>
  <c r="A100449" i="1" s="1"/>
  <c r="A100450" i="1" s="1"/>
  <c r="A100451" i="1" s="1"/>
  <c r="A100452" i="1" s="1"/>
  <c r="A100453" i="1" s="1"/>
  <c r="A100454" i="1" s="1"/>
  <c r="A100455" i="1" s="1"/>
  <c r="A100456" i="1" s="1"/>
  <c r="A100457" i="1" s="1"/>
  <c r="A100458" i="1" s="1"/>
  <c r="A100459" i="1" s="1"/>
  <c r="A100460" i="1" s="1"/>
  <c r="A100461" i="1" s="1"/>
  <c r="A100462" i="1" s="1"/>
  <c r="A100463" i="1" s="1"/>
  <c r="A100464" i="1" s="1"/>
  <c r="A100465" i="1" s="1"/>
  <c r="A100466" i="1" s="1"/>
  <c r="A100467" i="1" s="1"/>
  <c r="A100468" i="1" s="1"/>
  <c r="A100469" i="1" s="1"/>
  <c r="A100470" i="1" s="1"/>
  <c r="A100471" i="1" s="1"/>
  <c r="A100472" i="1" s="1"/>
  <c r="A100473" i="1" s="1"/>
  <c r="A100474" i="1" s="1"/>
  <c r="A100475" i="1" s="1"/>
  <c r="A100476" i="1" s="1"/>
  <c r="A100477" i="1" s="1"/>
  <c r="A100478" i="1" s="1"/>
  <c r="A100479" i="1" s="1"/>
  <c r="A100480" i="1" s="1"/>
  <c r="A100481" i="1" s="1"/>
  <c r="A100482" i="1" s="1"/>
  <c r="A100483" i="1" s="1"/>
  <c r="A100484" i="1" s="1"/>
  <c r="A100485" i="1" s="1"/>
  <c r="A100486" i="1" s="1"/>
  <c r="A100487" i="1" s="1"/>
  <c r="A100488" i="1" s="1"/>
  <c r="A100489" i="1" s="1"/>
  <c r="A100490" i="1" s="1"/>
  <c r="A100491" i="1" s="1"/>
  <c r="A100492" i="1" s="1"/>
  <c r="A100493" i="1" s="1"/>
  <c r="A100494" i="1" s="1"/>
  <c r="A100495" i="1" s="1"/>
  <c r="A100496" i="1" s="1"/>
  <c r="A100497" i="1" s="1"/>
  <c r="A100498" i="1" s="1"/>
  <c r="A100499" i="1" s="1"/>
  <c r="A100500" i="1" s="1"/>
  <c r="A100501" i="1" s="1"/>
  <c r="A100502" i="1" s="1"/>
  <c r="A100503" i="1" s="1"/>
  <c r="A100504" i="1" s="1"/>
  <c r="A100505" i="1" s="1"/>
  <c r="A100506" i="1" s="1"/>
  <c r="A100507" i="1" s="1"/>
  <c r="A100508" i="1" s="1"/>
  <c r="A100509" i="1" s="1"/>
  <c r="A100510" i="1" s="1"/>
  <c r="A100511" i="1" s="1"/>
  <c r="A100512" i="1" s="1"/>
  <c r="A100513" i="1" s="1"/>
  <c r="A100514" i="1" s="1"/>
  <c r="A100515" i="1" s="1"/>
  <c r="A100516" i="1" s="1"/>
  <c r="A100517" i="1" s="1"/>
  <c r="A100518" i="1" s="1"/>
  <c r="A100519" i="1" s="1"/>
  <c r="A100520" i="1" s="1"/>
  <c r="A100521" i="1" s="1"/>
  <c r="A100522" i="1" s="1"/>
  <c r="A100523" i="1" s="1"/>
  <c r="A100524" i="1" s="1"/>
  <c r="A100525" i="1" s="1"/>
  <c r="A100526" i="1" s="1"/>
  <c r="A100527" i="1" s="1"/>
  <c r="A100528" i="1" s="1"/>
  <c r="A100529" i="1" s="1"/>
  <c r="A100530" i="1" s="1"/>
  <c r="A100531" i="1" s="1"/>
  <c r="A100532" i="1" s="1"/>
  <c r="A100533" i="1" s="1"/>
  <c r="A100534" i="1" s="1"/>
  <c r="A100535" i="1" s="1"/>
  <c r="A100536" i="1" s="1"/>
  <c r="A100537" i="1" s="1"/>
  <c r="A100538" i="1" s="1"/>
  <c r="A100539" i="1" s="1"/>
  <c r="A100540" i="1" s="1"/>
  <c r="A100541" i="1" s="1"/>
  <c r="A100542" i="1" s="1"/>
  <c r="A100543" i="1" s="1"/>
  <c r="A100544" i="1" s="1"/>
  <c r="A100545" i="1" s="1"/>
  <c r="A100546" i="1" s="1"/>
  <c r="A100547" i="1" s="1"/>
  <c r="A100548" i="1" s="1"/>
  <c r="A100549" i="1" s="1"/>
  <c r="A100550" i="1" s="1"/>
  <c r="A100551" i="1" s="1"/>
  <c r="A100552" i="1" s="1"/>
  <c r="A100553" i="1" s="1"/>
  <c r="A100554" i="1" s="1"/>
  <c r="A100555" i="1" s="1"/>
  <c r="A100556" i="1" s="1"/>
  <c r="A100557" i="1" s="1"/>
  <c r="A100558" i="1" s="1"/>
  <c r="A100559" i="1" s="1"/>
  <c r="A100560" i="1" s="1"/>
  <c r="A100561" i="1" s="1"/>
  <c r="A100562" i="1" s="1"/>
  <c r="A100563" i="1" s="1"/>
  <c r="A100564" i="1" s="1"/>
  <c r="A100565" i="1" s="1"/>
  <c r="A100566" i="1" s="1"/>
  <c r="A100567" i="1" s="1"/>
  <c r="A100568" i="1" s="1"/>
  <c r="A100569" i="1" s="1"/>
  <c r="A100570" i="1" s="1"/>
  <c r="A100571" i="1" s="1"/>
  <c r="A100572" i="1" s="1"/>
  <c r="A100573" i="1" s="1"/>
  <c r="A100574" i="1" s="1"/>
  <c r="A100575" i="1" s="1"/>
  <c r="A100576" i="1" s="1"/>
  <c r="A100577" i="1" s="1"/>
  <c r="A100578" i="1" s="1"/>
  <c r="A100579" i="1" s="1"/>
  <c r="A100580" i="1" s="1"/>
  <c r="A100581" i="1" s="1"/>
  <c r="A100582" i="1" s="1"/>
  <c r="A100583" i="1" s="1"/>
  <c r="A100584" i="1" s="1"/>
  <c r="A100585" i="1" s="1"/>
  <c r="A100586" i="1" s="1"/>
  <c r="A100587" i="1" s="1"/>
  <c r="A100588" i="1" s="1"/>
  <c r="A100589" i="1" s="1"/>
  <c r="A100590" i="1" s="1"/>
  <c r="A100591" i="1" s="1"/>
  <c r="A100592" i="1" s="1"/>
  <c r="A100593" i="1" s="1"/>
  <c r="A100594" i="1" s="1"/>
  <c r="A100595" i="1" s="1"/>
  <c r="A100596" i="1" s="1"/>
  <c r="A100597" i="1" s="1"/>
  <c r="A100598" i="1" s="1"/>
  <c r="A100599" i="1" s="1"/>
  <c r="A100600" i="1" s="1"/>
  <c r="A100601" i="1" s="1"/>
  <c r="A100602" i="1" s="1"/>
  <c r="A100603" i="1" s="1"/>
  <c r="A100604" i="1" s="1"/>
  <c r="A100605" i="1" s="1"/>
  <c r="A100606" i="1" s="1"/>
  <c r="A100607" i="1" s="1"/>
  <c r="A100608" i="1" s="1"/>
  <c r="A100609" i="1" s="1"/>
  <c r="A100610" i="1" s="1"/>
  <c r="A100611" i="1" s="1"/>
  <c r="A100612" i="1" s="1"/>
  <c r="A100613" i="1" s="1"/>
  <c r="A100614" i="1" s="1"/>
  <c r="A100615" i="1" s="1"/>
  <c r="A100616" i="1" s="1"/>
  <c r="A100617" i="1" s="1"/>
  <c r="A100618" i="1" s="1"/>
  <c r="A100619" i="1" s="1"/>
  <c r="A100620" i="1" s="1"/>
  <c r="A100621" i="1" s="1"/>
  <c r="A100622" i="1" s="1"/>
  <c r="A100623" i="1" s="1"/>
  <c r="A100624" i="1" s="1"/>
  <c r="A100625" i="1" s="1"/>
  <c r="A100626" i="1" s="1"/>
  <c r="A100627" i="1" s="1"/>
  <c r="A100628" i="1" s="1"/>
  <c r="A100629" i="1" s="1"/>
  <c r="A100630" i="1" s="1"/>
  <c r="A100631" i="1" s="1"/>
  <c r="A100632" i="1" s="1"/>
  <c r="A100633" i="1" s="1"/>
  <c r="A100634" i="1" s="1"/>
  <c r="A100635" i="1" s="1"/>
  <c r="A100636" i="1" s="1"/>
  <c r="A100637" i="1" s="1"/>
  <c r="A100638" i="1" s="1"/>
  <c r="A100639" i="1" s="1"/>
  <c r="A100640" i="1" s="1"/>
  <c r="A100641" i="1" s="1"/>
  <c r="A100642" i="1" s="1"/>
  <c r="A100643" i="1" s="1"/>
  <c r="A100644" i="1" s="1"/>
  <c r="A100645" i="1" s="1"/>
  <c r="A100646" i="1" s="1"/>
  <c r="A100647" i="1" s="1"/>
  <c r="A100648" i="1" s="1"/>
  <c r="A100649" i="1" s="1"/>
  <c r="A100650" i="1" s="1"/>
  <c r="A100651" i="1" s="1"/>
  <c r="A100652" i="1" s="1"/>
  <c r="A100653" i="1" s="1"/>
  <c r="A100654" i="1" s="1"/>
  <c r="A100655" i="1" s="1"/>
  <c r="A100656" i="1" s="1"/>
  <c r="A100657" i="1" s="1"/>
  <c r="A100658" i="1" s="1"/>
  <c r="A100659" i="1" s="1"/>
  <c r="A100660" i="1" s="1"/>
  <c r="A100661" i="1" s="1"/>
  <c r="A100662" i="1" s="1"/>
  <c r="A100663" i="1" s="1"/>
  <c r="A100664" i="1" s="1"/>
  <c r="A100665" i="1" s="1"/>
  <c r="A100666" i="1" s="1"/>
  <c r="A100667" i="1" s="1"/>
  <c r="A100668" i="1" s="1"/>
  <c r="A100669" i="1" s="1"/>
  <c r="A100670" i="1" s="1"/>
  <c r="A100671" i="1" s="1"/>
  <c r="A100672" i="1" s="1"/>
  <c r="A100673" i="1" s="1"/>
  <c r="A100674" i="1" s="1"/>
  <c r="A100675" i="1" s="1"/>
  <c r="A100676" i="1" s="1"/>
  <c r="A100677" i="1" s="1"/>
  <c r="A100678" i="1" s="1"/>
  <c r="A100679" i="1" s="1"/>
  <c r="A100680" i="1" s="1"/>
  <c r="A100681" i="1" s="1"/>
  <c r="A100682" i="1" s="1"/>
  <c r="A100683" i="1" s="1"/>
  <c r="A100684" i="1" s="1"/>
  <c r="A100685" i="1" s="1"/>
  <c r="A100686" i="1" s="1"/>
  <c r="A100687" i="1" s="1"/>
  <c r="A100688" i="1" s="1"/>
  <c r="A100689" i="1" s="1"/>
  <c r="A100690" i="1" s="1"/>
  <c r="A100691" i="1" s="1"/>
  <c r="A100692" i="1" s="1"/>
  <c r="A100693" i="1" s="1"/>
  <c r="A100694" i="1" s="1"/>
  <c r="A100695" i="1" s="1"/>
  <c r="A100696" i="1" s="1"/>
  <c r="A100697" i="1" s="1"/>
  <c r="A100698" i="1" s="1"/>
  <c r="A100699" i="1" s="1"/>
  <c r="A100700" i="1" s="1"/>
  <c r="A100701" i="1" s="1"/>
  <c r="A100702" i="1" s="1"/>
  <c r="A100703" i="1" s="1"/>
  <c r="A100704" i="1" s="1"/>
  <c r="A100705" i="1" s="1"/>
  <c r="A100706" i="1" s="1"/>
  <c r="A100707" i="1" s="1"/>
  <c r="A100708" i="1" s="1"/>
  <c r="A100709" i="1" s="1"/>
  <c r="A100710" i="1" s="1"/>
  <c r="A100711" i="1" s="1"/>
  <c r="A100712" i="1" s="1"/>
  <c r="A100713" i="1" s="1"/>
  <c r="A100714" i="1" s="1"/>
  <c r="A100715" i="1" s="1"/>
  <c r="A100716" i="1" s="1"/>
  <c r="A100717" i="1" s="1"/>
  <c r="A100718" i="1" s="1"/>
  <c r="A100719" i="1" s="1"/>
  <c r="A100720" i="1" s="1"/>
  <c r="A100721" i="1" s="1"/>
  <c r="A100722" i="1" s="1"/>
  <c r="A100723" i="1" s="1"/>
  <c r="A100724" i="1" s="1"/>
  <c r="A100725" i="1" s="1"/>
  <c r="A100726" i="1" s="1"/>
  <c r="A100727" i="1" s="1"/>
  <c r="A100728" i="1" s="1"/>
  <c r="A100729" i="1" s="1"/>
  <c r="A100730" i="1" s="1"/>
  <c r="A100731" i="1" s="1"/>
  <c r="A100732" i="1" s="1"/>
  <c r="A100733" i="1" s="1"/>
  <c r="A100734" i="1" s="1"/>
  <c r="A100735" i="1" s="1"/>
  <c r="A100736" i="1" s="1"/>
  <c r="A100737" i="1" s="1"/>
  <c r="A100738" i="1" s="1"/>
  <c r="A100739" i="1" s="1"/>
  <c r="A100740" i="1" s="1"/>
  <c r="A100741" i="1" s="1"/>
  <c r="A100742" i="1" s="1"/>
  <c r="A100743" i="1" s="1"/>
  <c r="A100744" i="1" s="1"/>
  <c r="A100745" i="1" s="1"/>
  <c r="A100746" i="1" s="1"/>
  <c r="A100747" i="1" s="1"/>
  <c r="A100748" i="1" s="1"/>
  <c r="A100749" i="1" s="1"/>
  <c r="A100750" i="1" s="1"/>
  <c r="A100751" i="1" s="1"/>
  <c r="A100752" i="1" s="1"/>
  <c r="A100753" i="1" s="1"/>
  <c r="A100754" i="1" s="1"/>
  <c r="A100755" i="1" s="1"/>
  <c r="A100756" i="1" s="1"/>
  <c r="A100757" i="1" s="1"/>
  <c r="A100758" i="1" s="1"/>
  <c r="A100759" i="1" s="1"/>
  <c r="A100760" i="1" s="1"/>
  <c r="A100761" i="1" s="1"/>
  <c r="A100762" i="1" s="1"/>
  <c r="A100763" i="1" s="1"/>
  <c r="A100764" i="1" s="1"/>
  <c r="A100765" i="1" s="1"/>
  <c r="A100766" i="1" s="1"/>
  <c r="A100767" i="1" s="1"/>
  <c r="A100768" i="1" s="1"/>
  <c r="A100769" i="1" s="1"/>
  <c r="A100770" i="1" s="1"/>
  <c r="A100771" i="1" s="1"/>
  <c r="A100772" i="1" s="1"/>
  <c r="A100773" i="1" s="1"/>
  <c r="A100774" i="1" s="1"/>
  <c r="A100775" i="1" s="1"/>
  <c r="A100776" i="1" s="1"/>
  <c r="A100777" i="1" s="1"/>
  <c r="A100778" i="1" s="1"/>
  <c r="A100779" i="1" s="1"/>
  <c r="A100780" i="1" s="1"/>
  <c r="A100781" i="1" s="1"/>
  <c r="A100782" i="1" s="1"/>
  <c r="A100783" i="1" s="1"/>
  <c r="A100784" i="1" s="1"/>
  <c r="A100785" i="1" s="1"/>
  <c r="A100786" i="1" s="1"/>
  <c r="A100787" i="1" s="1"/>
  <c r="A100788" i="1" s="1"/>
  <c r="A100789" i="1" s="1"/>
  <c r="A100790" i="1" s="1"/>
  <c r="A100791" i="1" s="1"/>
  <c r="A100792" i="1" s="1"/>
  <c r="A100793" i="1" s="1"/>
  <c r="A100794" i="1" s="1"/>
  <c r="A100795" i="1" s="1"/>
  <c r="A100796" i="1" s="1"/>
  <c r="A100797" i="1" s="1"/>
  <c r="A100798" i="1" s="1"/>
  <c r="A100799" i="1" s="1"/>
  <c r="A100800" i="1" s="1"/>
  <c r="A100801" i="1" s="1"/>
  <c r="A100802" i="1" s="1"/>
  <c r="A100803" i="1" s="1"/>
  <c r="A100804" i="1" s="1"/>
  <c r="A100805" i="1" s="1"/>
  <c r="A100806" i="1" s="1"/>
  <c r="A100807" i="1" s="1"/>
  <c r="A100808" i="1" s="1"/>
  <c r="A100809" i="1" s="1"/>
  <c r="A100810" i="1" s="1"/>
  <c r="A100811" i="1" s="1"/>
  <c r="A100812" i="1" s="1"/>
  <c r="A100813" i="1" s="1"/>
  <c r="A100814" i="1" s="1"/>
  <c r="A100815" i="1" s="1"/>
  <c r="A100816" i="1" s="1"/>
  <c r="A100817" i="1" s="1"/>
  <c r="A100818" i="1" s="1"/>
  <c r="A100819" i="1" s="1"/>
  <c r="A100820" i="1" s="1"/>
  <c r="A100821" i="1" s="1"/>
  <c r="A100822" i="1" s="1"/>
  <c r="A100823" i="1" s="1"/>
  <c r="A100824" i="1" s="1"/>
  <c r="A100825" i="1" s="1"/>
  <c r="A100826" i="1" s="1"/>
  <c r="A100827" i="1" s="1"/>
  <c r="A100828" i="1" s="1"/>
  <c r="A100829" i="1" s="1"/>
  <c r="A100830" i="1" s="1"/>
  <c r="A100831" i="1" s="1"/>
  <c r="A100832" i="1" s="1"/>
  <c r="A100833" i="1" s="1"/>
  <c r="A100834" i="1" s="1"/>
  <c r="A100835" i="1" s="1"/>
  <c r="A100836" i="1" s="1"/>
  <c r="A100837" i="1" s="1"/>
  <c r="A100838" i="1" s="1"/>
  <c r="A100839" i="1" s="1"/>
  <c r="A100840" i="1" s="1"/>
  <c r="A100841" i="1" s="1"/>
  <c r="A100842" i="1" s="1"/>
  <c r="A100843" i="1" s="1"/>
  <c r="A100844" i="1" s="1"/>
  <c r="A100845" i="1" s="1"/>
  <c r="A100846" i="1" s="1"/>
  <c r="A100847" i="1" s="1"/>
  <c r="A100848" i="1" s="1"/>
  <c r="A100849" i="1" s="1"/>
  <c r="A100850" i="1" s="1"/>
  <c r="A100851" i="1" s="1"/>
  <c r="A100852" i="1" s="1"/>
  <c r="A100853" i="1" s="1"/>
  <c r="A100854" i="1" s="1"/>
  <c r="A100855" i="1" s="1"/>
  <c r="A100856" i="1" s="1"/>
  <c r="A100857" i="1" s="1"/>
  <c r="A100858" i="1" s="1"/>
  <c r="A100859" i="1" s="1"/>
  <c r="A100860" i="1" s="1"/>
  <c r="A100861" i="1" s="1"/>
  <c r="A100862" i="1" s="1"/>
  <c r="A100863" i="1" s="1"/>
  <c r="A100864" i="1" s="1"/>
  <c r="A100865" i="1" s="1"/>
  <c r="A100866" i="1" s="1"/>
  <c r="A100867" i="1" s="1"/>
  <c r="A100868" i="1" s="1"/>
  <c r="A100869" i="1" s="1"/>
  <c r="A100870" i="1" s="1"/>
  <c r="A100871" i="1" s="1"/>
  <c r="A100872" i="1" s="1"/>
  <c r="A100873" i="1" s="1"/>
  <c r="A100874" i="1" s="1"/>
  <c r="A100875" i="1" s="1"/>
  <c r="A100876" i="1" s="1"/>
  <c r="A100877" i="1" s="1"/>
  <c r="A100878" i="1" s="1"/>
  <c r="A100879" i="1" s="1"/>
  <c r="A100880" i="1" s="1"/>
  <c r="A100881" i="1" s="1"/>
  <c r="A100882" i="1" s="1"/>
  <c r="A100883" i="1" s="1"/>
  <c r="A100884" i="1" s="1"/>
  <c r="A100885" i="1" s="1"/>
  <c r="A100886" i="1" s="1"/>
  <c r="A100887" i="1" s="1"/>
  <c r="A100888" i="1" s="1"/>
  <c r="A100889" i="1" s="1"/>
  <c r="A100890" i="1" s="1"/>
  <c r="A100891" i="1" s="1"/>
  <c r="A100892" i="1" s="1"/>
  <c r="A100893" i="1" s="1"/>
  <c r="A100894" i="1" s="1"/>
  <c r="A100895" i="1" s="1"/>
  <c r="A100896" i="1" s="1"/>
  <c r="A100897" i="1" s="1"/>
  <c r="A100898" i="1" s="1"/>
  <c r="A100899" i="1" s="1"/>
  <c r="A100900" i="1" s="1"/>
  <c r="A100901" i="1" s="1"/>
  <c r="A100902" i="1" s="1"/>
  <c r="A100903" i="1" s="1"/>
  <c r="A100904" i="1" s="1"/>
  <c r="A100905" i="1" s="1"/>
  <c r="A100906" i="1" s="1"/>
  <c r="A100907" i="1" s="1"/>
  <c r="A100908" i="1" s="1"/>
  <c r="A100909" i="1" s="1"/>
  <c r="A100910" i="1" s="1"/>
  <c r="A100911" i="1" s="1"/>
  <c r="A100912" i="1" s="1"/>
  <c r="A100913" i="1" s="1"/>
  <c r="A100914" i="1" s="1"/>
  <c r="A100915" i="1" s="1"/>
  <c r="A100916" i="1" s="1"/>
  <c r="A100917" i="1" s="1"/>
  <c r="A100918" i="1" s="1"/>
  <c r="A100919" i="1" s="1"/>
  <c r="A100920" i="1" s="1"/>
  <c r="A100921" i="1" s="1"/>
  <c r="A100922" i="1" s="1"/>
  <c r="A100923" i="1" s="1"/>
  <c r="A100924" i="1" s="1"/>
  <c r="A100925" i="1" s="1"/>
  <c r="A100926" i="1" s="1"/>
  <c r="A100927" i="1" s="1"/>
  <c r="A100928" i="1" s="1"/>
  <c r="A100929" i="1" s="1"/>
  <c r="A100930" i="1" s="1"/>
  <c r="A100931" i="1" s="1"/>
  <c r="A100932" i="1" s="1"/>
  <c r="A100933" i="1" s="1"/>
  <c r="A100934" i="1" s="1"/>
  <c r="A100935" i="1" s="1"/>
  <c r="A100936" i="1" s="1"/>
  <c r="A100937" i="1" s="1"/>
  <c r="A100938" i="1" s="1"/>
  <c r="A100939" i="1" s="1"/>
  <c r="A100940" i="1" s="1"/>
  <c r="A100941" i="1" s="1"/>
  <c r="A100942" i="1" s="1"/>
  <c r="A100943" i="1" s="1"/>
  <c r="A100944" i="1" s="1"/>
  <c r="A100945" i="1" s="1"/>
  <c r="A100946" i="1" s="1"/>
  <c r="A100947" i="1" s="1"/>
  <c r="A100948" i="1" s="1"/>
  <c r="A100949" i="1" s="1"/>
  <c r="A100950" i="1" s="1"/>
  <c r="A100951" i="1" s="1"/>
  <c r="A100952" i="1" s="1"/>
  <c r="A100953" i="1" s="1"/>
  <c r="A100954" i="1" s="1"/>
  <c r="A100955" i="1" s="1"/>
  <c r="A100956" i="1" s="1"/>
  <c r="A100957" i="1" s="1"/>
  <c r="A100958" i="1" s="1"/>
  <c r="A100959" i="1" s="1"/>
  <c r="A100960" i="1" s="1"/>
  <c r="A100961" i="1" s="1"/>
  <c r="A100962" i="1" s="1"/>
  <c r="A100963" i="1" s="1"/>
  <c r="A100964" i="1" s="1"/>
  <c r="A100965" i="1" s="1"/>
  <c r="A100966" i="1" s="1"/>
  <c r="A100967" i="1" s="1"/>
  <c r="A100968" i="1" s="1"/>
  <c r="A100969" i="1" s="1"/>
  <c r="A100970" i="1" s="1"/>
  <c r="A100971" i="1" s="1"/>
  <c r="A100972" i="1" s="1"/>
  <c r="A100973" i="1" s="1"/>
  <c r="A100974" i="1" s="1"/>
  <c r="A100975" i="1" s="1"/>
  <c r="A100976" i="1" s="1"/>
  <c r="A100977" i="1" s="1"/>
  <c r="A100978" i="1" s="1"/>
  <c r="A100979" i="1" s="1"/>
  <c r="A100980" i="1" s="1"/>
  <c r="A100981" i="1" s="1"/>
  <c r="A100982" i="1" s="1"/>
  <c r="A100983" i="1" s="1"/>
  <c r="A100984" i="1" s="1"/>
  <c r="A100985" i="1" s="1"/>
  <c r="A100986" i="1" s="1"/>
  <c r="A100987" i="1" s="1"/>
  <c r="A100988" i="1" s="1"/>
  <c r="A100989" i="1" s="1"/>
  <c r="A100990" i="1" s="1"/>
  <c r="A100991" i="1" s="1"/>
  <c r="A100992" i="1" s="1"/>
  <c r="A100993" i="1" s="1"/>
  <c r="A100994" i="1" s="1"/>
  <c r="A100995" i="1" s="1"/>
  <c r="A100996" i="1" s="1"/>
  <c r="A100997" i="1" s="1"/>
  <c r="A100998" i="1" s="1"/>
  <c r="A100999" i="1" s="1"/>
  <c r="A101000" i="1" s="1"/>
  <c r="A101001" i="1" s="1"/>
  <c r="A101002" i="1" s="1"/>
  <c r="A101003" i="1" s="1"/>
  <c r="A101004" i="1" s="1"/>
  <c r="A101005" i="1" s="1"/>
  <c r="A101006" i="1" s="1"/>
  <c r="A101007" i="1" s="1"/>
  <c r="A101008" i="1" s="1"/>
  <c r="A101009" i="1" s="1"/>
  <c r="A101010" i="1" s="1"/>
  <c r="A101011" i="1" s="1"/>
  <c r="A101012" i="1" s="1"/>
  <c r="A101013" i="1" s="1"/>
  <c r="A101014" i="1" s="1"/>
  <c r="A101015" i="1" s="1"/>
  <c r="A101016" i="1" s="1"/>
  <c r="A101017" i="1" s="1"/>
  <c r="A101018" i="1" s="1"/>
  <c r="A101019" i="1" s="1"/>
  <c r="A101020" i="1" s="1"/>
  <c r="A101021" i="1" s="1"/>
  <c r="A101022" i="1" s="1"/>
  <c r="A101023" i="1" s="1"/>
  <c r="A101024" i="1" s="1"/>
  <c r="A101025" i="1" s="1"/>
  <c r="A101026" i="1" s="1"/>
  <c r="A101027" i="1" s="1"/>
  <c r="A101028" i="1" s="1"/>
  <c r="A101029" i="1" s="1"/>
  <c r="A101030" i="1" s="1"/>
  <c r="A101031" i="1" s="1"/>
  <c r="A101032" i="1" s="1"/>
  <c r="A101033" i="1" s="1"/>
  <c r="A101034" i="1" s="1"/>
  <c r="A101035" i="1" s="1"/>
  <c r="A101036" i="1" s="1"/>
  <c r="A101037" i="1" s="1"/>
  <c r="A101038" i="1" s="1"/>
  <c r="A101039" i="1" s="1"/>
  <c r="A101040" i="1" s="1"/>
  <c r="A101041" i="1" s="1"/>
  <c r="A101042" i="1" s="1"/>
  <c r="A101043" i="1" s="1"/>
  <c r="A101044" i="1" s="1"/>
  <c r="A101045" i="1" s="1"/>
  <c r="A101046" i="1" s="1"/>
  <c r="A101047" i="1" s="1"/>
  <c r="A101048" i="1" s="1"/>
  <c r="A101049" i="1" s="1"/>
  <c r="A101050" i="1" s="1"/>
  <c r="A101051" i="1" s="1"/>
  <c r="A101052" i="1" s="1"/>
  <c r="A101053" i="1" s="1"/>
  <c r="A101054" i="1" s="1"/>
  <c r="A101055" i="1" s="1"/>
  <c r="A101056" i="1" s="1"/>
  <c r="A101057" i="1" s="1"/>
  <c r="A101058" i="1" s="1"/>
  <c r="A101059" i="1" s="1"/>
  <c r="A101060" i="1" s="1"/>
  <c r="A101061" i="1" s="1"/>
  <c r="A101062" i="1" s="1"/>
  <c r="A101063" i="1" s="1"/>
  <c r="A101064" i="1" s="1"/>
  <c r="A101065" i="1" s="1"/>
  <c r="A101066" i="1" s="1"/>
  <c r="A101067" i="1" s="1"/>
  <c r="A101068" i="1" s="1"/>
  <c r="A101069" i="1" s="1"/>
  <c r="A101070" i="1" s="1"/>
  <c r="A101071" i="1" s="1"/>
  <c r="A101072" i="1" s="1"/>
  <c r="A101073" i="1" s="1"/>
  <c r="A101074" i="1" s="1"/>
  <c r="A101075" i="1" s="1"/>
  <c r="A101076" i="1" s="1"/>
  <c r="A101077" i="1" s="1"/>
  <c r="A101078" i="1" s="1"/>
  <c r="A101079" i="1" s="1"/>
  <c r="A101080" i="1" s="1"/>
  <c r="A101081" i="1" s="1"/>
  <c r="A101082" i="1" s="1"/>
  <c r="A101083" i="1" s="1"/>
  <c r="A101084" i="1" s="1"/>
  <c r="A101085" i="1" s="1"/>
  <c r="A101086" i="1" s="1"/>
  <c r="A101087" i="1" s="1"/>
  <c r="A101088" i="1" s="1"/>
  <c r="A101089" i="1" s="1"/>
  <c r="A101090" i="1" s="1"/>
  <c r="A101091" i="1" s="1"/>
  <c r="A101092" i="1" s="1"/>
  <c r="A101093" i="1" s="1"/>
  <c r="A101094" i="1" s="1"/>
  <c r="A101095" i="1" s="1"/>
  <c r="A101096" i="1" s="1"/>
  <c r="A101097" i="1" s="1"/>
  <c r="A101098" i="1" s="1"/>
  <c r="A101099" i="1" s="1"/>
  <c r="A101100" i="1" s="1"/>
  <c r="A101101" i="1" s="1"/>
  <c r="A101102" i="1" s="1"/>
  <c r="A101103" i="1" s="1"/>
  <c r="A101104" i="1" s="1"/>
  <c r="A101105" i="1" s="1"/>
  <c r="A101106" i="1" s="1"/>
  <c r="A101107" i="1" s="1"/>
  <c r="A101108" i="1" s="1"/>
  <c r="A101109" i="1" s="1"/>
  <c r="A101110" i="1" s="1"/>
  <c r="A101111" i="1" s="1"/>
  <c r="A101112" i="1" s="1"/>
  <c r="A101113" i="1" s="1"/>
  <c r="A101114" i="1" s="1"/>
  <c r="A101115" i="1" s="1"/>
  <c r="A101116" i="1" s="1"/>
  <c r="A101117" i="1" s="1"/>
  <c r="A101118" i="1" s="1"/>
  <c r="A101119" i="1" s="1"/>
  <c r="A101120" i="1" s="1"/>
  <c r="A101121" i="1" s="1"/>
  <c r="A101122" i="1" s="1"/>
  <c r="A101123" i="1" s="1"/>
  <c r="A101124" i="1" s="1"/>
  <c r="A101125" i="1" s="1"/>
  <c r="A101126" i="1" s="1"/>
  <c r="A101127" i="1" s="1"/>
  <c r="A101128" i="1" s="1"/>
  <c r="A101129" i="1" s="1"/>
  <c r="A101130" i="1" s="1"/>
  <c r="A101131" i="1" s="1"/>
  <c r="A101132" i="1" s="1"/>
  <c r="A101133" i="1" s="1"/>
  <c r="A101134" i="1" s="1"/>
  <c r="A101135" i="1" s="1"/>
  <c r="A101136" i="1" s="1"/>
  <c r="A101137" i="1" s="1"/>
  <c r="A101138" i="1" s="1"/>
  <c r="A101139" i="1" s="1"/>
  <c r="A101140" i="1" s="1"/>
  <c r="A101141" i="1" s="1"/>
  <c r="A101142" i="1" s="1"/>
  <c r="A101143" i="1" s="1"/>
  <c r="A101144" i="1" s="1"/>
  <c r="A101145" i="1" s="1"/>
  <c r="A101146" i="1" s="1"/>
  <c r="A101147" i="1" s="1"/>
  <c r="A101148" i="1" s="1"/>
  <c r="A101149" i="1" s="1"/>
  <c r="A101150" i="1" s="1"/>
  <c r="A101151" i="1" s="1"/>
  <c r="A101152" i="1" s="1"/>
  <c r="A101153" i="1" s="1"/>
  <c r="A101154" i="1" s="1"/>
  <c r="A101155" i="1" s="1"/>
  <c r="A101156" i="1" s="1"/>
  <c r="A101157" i="1" s="1"/>
  <c r="A101158" i="1" s="1"/>
  <c r="A101159" i="1" s="1"/>
  <c r="A101160" i="1" s="1"/>
  <c r="A101161" i="1" s="1"/>
  <c r="A101162" i="1" s="1"/>
  <c r="A101163" i="1" s="1"/>
  <c r="A101164" i="1" s="1"/>
  <c r="A101165" i="1" s="1"/>
  <c r="A101166" i="1" s="1"/>
  <c r="A101167" i="1" s="1"/>
  <c r="A101168" i="1" s="1"/>
  <c r="A101169" i="1" s="1"/>
  <c r="A101170" i="1" s="1"/>
  <c r="A101171" i="1" s="1"/>
  <c r="A101172" i="1" s="1"/>
  <c r="A101173" i="1" s="1"/>
  <c r="A101174" i="1" s="1"/>
  <c r="A101175" i="1" s="1"/>
  <c r="A101176" i="1" s="1"/>
  <c r="A101177" i="1" s="1"/>
  <c r="A101178" i="1" s="1"/>
  <c r="A101179" i="1" s="1"/>
  <c r="A101180" i="1" s="1"/>
  <c r="A101181" i="1" s="1"/>
  <c r="A101182" i="1" s="1"/>
  <c r="A101183" i="1" s="1"/>
  <c r="A101184" i="1" s="1"/>
  <c r="A101185" i="1" s="1"/>
  <c r="A101186" i="1" s="1"/>
  <c r="A101187" i="1" s="1"/>
  <c r="A101188" i="1" s="1"/>
  <c r="A101189" i="1" s="1"/>
  <c r="A101190" i="1" s="1"/>
  <c r="A101191" i="1" s="1"/>
  <c r="A101192" i="1" s="1"/>
  <c r="A101193" i="1" s="1"/>
  <c r="A101194" i="1" s="1"/>
  <c r="A101195" i="1" s="1"/>
  <c r="A101196" i="1" s="1"/>
  <c r="A101197" i="1" s="1"/>
  <c r="A101198" i="1" s="1"/>
  <c r="A101199" i="1" s="1"/>
  <c r="A101200" i="1" s="1"/>
  <c r="A101201" i="1" s="1"/>
  <c r="A101202" i="1" s="1"/>
  <c r="A101203" i="1" s="1"/>
  <c r="A101204" i="1" s="1"/>
  <c r="A101205" i="1" s="1"/>
  <c r="A101206" i="1" s="1"/>
  <c r="A101207" i="1" s="1"/>
  <c r="A101208" i="1" s="1"/>
  <c r="A101209" i="1" s="1"/>
  <c r="A101210" i="1" s="1"/>
  <c r="A101211" i="1" s="1"/>
  <c r="A101212" i="1" s="1"/>
  <c r="A101213" i="1" s="1"/>
  <c r="A101214" i="1" s="1"/>
  <c r="A101215" i="1" s="1"/>
  <c r="A101216" i="1" s="1"/>
  <c r="A101217" i="1" s="1"/>
  <c r="A101218" i="1" s="1"/>
  <c r="A101219" i="1" s="1"/>
  <c r="A101220" i="1" s="1"/>
  <c r="A101221" i="1" s="1"/>
  <c r="A101222" i="1" s="1"/>
  <c r="A101223" i="1" s="1"/>
  <c r="A101224" i="1" s="1"/>
  <c r="A101225" i="1" s="1"/>
  <c r="A101226" i="1" s="1"/>
  <c r="A101227" i="1" s="1"/>
  <c r="A101228" i="1" s="1"/>
  <c r="A101229" i="1" s="1"/>
  <c r="A101230" i="1" s="1"/>
  <c r="A101231" i="1" s="1"/>
  <c r="A101232" i="1" s="1"/>
  <c r="A101233" i="1" s="1"/>
  <c r="A101234" i="1" s="1"/>
  <c r="A101235" i="1" s="1"/>
  <c r="A101236" i="1" s="1"/>
  <c r="A101237" i="1" s="1"/>
  <c r="A101238" i="1" s="1"/>
  <c r="A101239" i="1" s="1"/>
  <c r="A101240" i="1" s="1"/>
  <c r="A101241" i="1" s="1"/>
  <c r="A101242" i="1" s="1"/>
  <c r="A101243" i="1" s="1"/>
  <c r="A101244" i="1" s="1"/>
  <c r="A101245" i="1" s="1"/>
  <c r="A101246" i="1" s="1"/>
  <c r="A101247" i="1" s="1"/>
  <c r="A101248" i="1" s="1"/>
  <c r="A101249" i="1" s="1"/>
  <c r="A101250" i="1" s="1"/>
  <c r="A101251" i="1" s="1"/>
  <c r="A101252" i="1" s="1"/>
  <c r="A101253" i="1" s="1"/>
  <c r="A101254" i="1" s="1"/>
  <c r="A101255" i="1" s="1"/>
  <c r="A101256" i="1" s="1"/>
  <c r="A101257" i="1" s="1"/>
  <c r="A101258" i="1" s="1"/>
  <c r="A101259" i="1" s="1"/>
  <c r="A101260" i="1" s="1"/>
  <c r="A101261" i="1" s="1"/>
  <c r="A101262" i="1" s="1"/>
  <c r="A101263" i="1" s="1"/>
  <c r="A101264" i="1" s="1"/>
  <c r="A101265" i="1" s="1"/>
  <c r="A101266" i="1" s="1"/>
  <c r="A101267" i="1" s="1"/>
  <c r="A101268" i="1" s="1"/>
  <c r="A101269" i="1" s="1"/>
  <c r="A101270" i="1" s="1"/>
  <c r="A101271" i="1" s="1"/>
  <c r="A101272" i="1" s="1"/>
  <c r="A101273" i="1" s="1"/>
  <c r="A101274" i="1" s="1"/>
  <c r="A101275" i="1" s="1"/>
  <c r="A101276" i="1" s="1"/>
  <c r="A101277" i="1" s="1"/>
  <c r="A101278" i="1" s="1"/>
  <c r="A101279" i="1" s="1"/>
  <c r="A101280" i="1" s="1"/>
  <c r="A101281" i="1" s="1"/>
  <c r="A101282" i="1" s="1"/>
  <c r="A101283" i="1" s="1"/>
  <c r="A101284" i="1" s="1"/>
  <c r="A101285" i="1" s="1"/>
  <c r="A101286" i="1" s="1"/>
  <c r="A101287" i="1" s="1"/>
  <c r="A101288" i="1" s="1"/>
  <c r="A101289" i="1" s="1"/>
  <c r="A101290" i="1" s="1"/>
  <c r="A101291" i="1" s="1"/>
  <c r="A101292" i="1" s="1"/>
  <c r="A101293" i="1" s="1"/>
  <c r="A101294" i="1" s="1"/>
  <c r="A101295" i="1" s="1"/>
  <c r="A101296" i="1" s="1"/>
  <c r="A101297" i="1" s="1"/>
  <c r="A101298" i="1" s="1"/>
  <c r="A101299" i="1" s="1"/>
  <c r="A101300" i="1" s="1"/>
  <c r="A101301" i="1" s="1"/>
  <c r="A101302" i="1" s="1"/>
  <c r="A101303" i="1" s="1"/>
  <c r="A101304" i="1" s="1"/>
  <c r="A101305" i="1" s="1"/>
  <c r="A101306" i="1" s="1"/>
  <c r="A101307" i="1" s="1"/>
  <c r="A101308" i="1" s="1"/>
  <c r="A101309" i="1" s="1"/>
  <c r="A101310" i="1" s="1"/>
  <c r="A101311" i="1" s="1"/>
  <c r="A101312" i="1" s="1"/>
  <c r="A101313" i="1" s="1"/>
  <c r="A101314" i="1" s="1"/>
  <c r="A101315" i="1" s="1"/>
  <c r="A101316" i="1" s="1"/>
  <c r="A101317" i="1" s="1"/>
  <c r="A101318" i="1" s="1"/>
  <c r="A101319" i="1" s="1"/>
  <c r="A101320" i="1" s="1"/>
  <c r="A101321" i="1" s="1"/>
  <c r="A101322" i="1" s="1"/>
  <c r="A101323" i="1" s="1"/>
  <c r="A101324" i="1" s="1"/>
  <c r="A101325" i="1" s="1"/>
  <c r="A101326" i="1" s="1"/>
  <c r="A101327" i="1" s="1"/>
  <c r="A101328" i="1" s="1"/>
  <c r="A101329" i="1" s="1"/>
  <c r="A101330" i="1" s="1"/>
  <c r="A101331" i="1" s="1"/>
  <c r="A101332" i="1" s="1"/>
  <c r="A101333" i="1" s="1"/>
  <c r="A101334" i="1" s="1"/>
  <c r="A101335" i="1" s="1"/>
  <c r="A101336" i="1" s="1"/>
  <c r="A101337" i="1" s="1"/>
  <c r="A101338" i="1" s="1"/>
  <c r="A101339" i="1" s="1"/>
  <c r="A101340" i="1" s="1"/>
  <c r="A101341" i="1" s="1"/>
  <c r="A101342" i="1" s="1"/>
  <c r="A101343" i="1" s="1"/>
  <c r="A101344" i="1" s="1"/>
  <c r="A101345" i="1" s="1"/>
  <c r="A101346" i="1" s="1"/>
  <c r="A101347" i="1" s="1"/>
  <c r="A101348" i="1" s="1"/>
  <c r="A101349" i="1" s="1"/>
  <c r="A101350" i="1" s="1"/>
  <c r="A101351" i="1" s="1"/>
  <c r="A101352" i="1" s="1"/>
  <c r="A101353" i="1" s="1"/>
  <c r="A101354" i="1" s="1"/>
  <c r="A101355" i="1" s="1"/>
  <c r="A101356" i="1" s="1"/>
  <c r="A101357" i="1" s="1"/>
  <c r="A101358" i="1" s="1"/>
  <c r="A101359" i="1" s="1"/>
  <c r="A101360" i="1" s="1"/>
  <c r="A101361" i="1" s="1"/>
  <c r="A101362" i="1" s="1"/>
  <c r="A101363" i="1" s="1"/>
  <c r="A101364" i="1" s="1"/>
  <c r="A101365" i="1" s="1"/>
  <c r="A101366" i="1" s="1"/>
  <c r="A101367" i="1" s="1"/>
  <c r="A101368" i="1" s="1"/>
  <c r="A101369" i="1" s="1"/>
  <c r="A101370" i="1" s="1"/>
  <c r="A101371" i="1" s="1"/>
  <c r="A101372" i="1" s="1"/>
  <c r="A101373" i="1" s="1"/>
  <c r="A101374" i="1" s="1"/>
  <c r="A101375" i="1" s="1"/>
  <c r="A101376" i="1" s="1"/>
  <c r="A101377" i="1" s="1"/>
  <c r="A101378" i="1" s="1"/>
  <c r="A101379" i="1" s="1"/>
  <c r="A101380" i="1" s="1"/>
  <c r="A101381" i="1" s="1"/>
  <c r="A101382" i="1" s="1"/>
  <c r="A101383" i="1" s="1"/>
  <c r="A101384" i="1" s="1"/>
  <c r="A101385" i="1" s="1"/>
  <c r="A101386" i="1" s="1"/>
  <c r="A101387" i="1" s="1"/>
  <c r="A101388" i="1" s="1"/>
  <c r="A101389" i="1" s="1"/>
  <c r="A101390" i="1" s="1"/>
  <c r="A101391" i="1" s="1"/>
  <c r="A101392" i="1" s="1"/>
  <c r="A101393" i="1" s="1"/>
  <c r="A101394" i="1" s="1"/>
  <c r="A101395" i="1" s="1"/>
  <c r="A101396" i="1" s="1"/>
  <c r="A101397" i="1" s="1"/>
  <c r="A101398" i="1" s="1"/>
  <c r="A101399" i="1" s="1"/>
  <c r="A101400" i="1" s="1"/>
  <c r="A101401" i="1" s="1"/>
  <c r="A101402" i="1" s="1"/>
  <c r="A101403" i="1" s="1"/>
  <c r="A101404" i="1" s="1"/>
  <c r="A101405" i="1" s="1"/>
  <c r="A101406" i="1" s="1"/>
  <c r="A101407" i="1" s="1"/>
  <c r="A101408" i="1" s="1"/>
  <c r="A101409" i="1" s="1"/>
  <c r="A101410" i="1" s="1"/>
  <c r="A101411" i="1" s="1"/>
  <c r="A101412" i="1" s="1"/>
  <c r="A101413" i="1" s="1"/>
  <c r="A101414" i="1" s="1"/>
  <c r="A101415" i="1" s="1"/>
  <c r="A101416" i="1" s="1"/>
  <c r="A101417" i="1" s="1"/>
  <c r="A101418" i="1" s="1"/>
  <c r="A101419" i="1" s="1"/>
  <c r="A101420" i="1" s="1"/>
  <c r="A101421" i="1" s="1"/>
  <c r="A101422" i="1" s="1"/>
  <c r="A101423" i="1" s="1"/>
  <c r="A101424" i="1" s="1"/>
  <c r="A101425" i="1" s="1"/>
  <c r="A101426" i="1" s="1"/>
  <c r="A101427" i="1" s="1"/>
  <c r="A101428" i="1" s="1"/>
  <c r="A101429" i="1" s="1"/>
  <c r="A101430" i="1" s="1"/>
  <c r="A101431" i="1" s="1"/>
  <c r="A101432" i="1" s="1"/>
  <c r="A101433" i="1" s="1"/>
  <c r="A101434" i="1" s="1"/>
  <c r="A101435" i="1" s="1"/>
  <c r="A101436" i="1" s="1"/>
  <c r="A101437" i="1" s="1"/>
  <c r="A101438" i="1" s="1"/>
  <c r="A101439" i="1" s="1"/>
  <c r="A101440" i="1" s="1"/>
  <c r="A101441" i="1" s="1"/>
  <c r="A101442" i="1" s="1"/>
  <c r="A101443" i="1" s="1"/>
  <c r="A101444" i="1" s="1"/>
  <c r="A101445" i="1" s="1"/>
  <c r="A101446" i="1" s="1"/>
  <c r="A101447" i="1" s="1"/>
  <c r="A101448" i="1" s="1"/>
  <c r="A101449" i="1" s="1"/>
  <c r="A101450" i="1" s="1"/>
  <c r="A101451" i="1" s="1"/>
  <c r="A101452" i="1" s="1"/>
  <c r="A101453" i="1" s="1"/>
  <c r="A101454" i="1" s="1"/>
  <c r="A101455" i="1" s="1"/>
  <c r="A101456" i="1" s="1"/>
  <c r="A101457" i="1" s="1"/>
  <c r="A101458" i="1" s="1"/>
  <c r="A101459" i="1" s="1"/>
  <c r="A101460" i="1" s="1"/>
  <c r="A101461" i="1" s="1"/>
  <c r="A101462" i="1" s="1"/>
  <c r="A101463" i="1" s="1"/>
  <c r="A101464" i="1" s="1"/>
  <c r="A101465" i="1" s="1"/>
  <c r="A101466" i="1" s="1"/>
  <c r="A101467" i="1" s="1"/>
  <c r="A101468" i="1" s="1"/>
  <c r="A101469" i="1" s="1"/>
  <c r="A101470" i="1" s="1"/>
  <c r="A101471" i="1" s="1"/>
  <c r="A101472" i="1" s="1"/>
  <c r="A101473" i="1" s="1"/>
  <c r="A101474" i="1" s="1"/>
  <c r="A101475" i="1" s="1"/>
  <c r="A101476" i="1" s="1"/>
  <c r="A101477" i="1" s="1"/>
  <c r="A101478" i="1" s="1"/>
  <c r="A101479" i="1" s="1"/>
  <c r="A101480" i="1" s="1"/>
  <c r="A101481" i="1" s="1"/>
  <c r="A101482" i="1" s="1"/>
  <c r="A101483" i="1" s="1"/>
  <c r="A101484" i="1" s="1"/>
  <c r="A101485" i="1" s="1"/>
  <c r="A101486" i="1" s="1"/>
  <c r="A101487" i="1" s="1"/>
  <c r="A101488" i="1" s="1"/>
  <c r="A101489" i="1" s="1"/>
  <c r="A101490" i="1" s="1"/>
  <c r="A101491" i="1" s="1"/>
  <c r="A101492" i="1" s="1"/>
  <c r="A101493" i="1" s="1"/>
  <c r="A101494" i="1" s="1"/>
  <c r="A101495" i="1" s="1"/>
  <c r="A101496" i="1" s="1"/>
  <c r="A101497" i="1" s="1"/>
  <c r="A101498" i="1" s="1"/>
  <c r="A101499" i="1" s="1"/>
  <c r="A101500" i="1" s="1"/>
  <c r="A101501" i="1" s="1"/>
  <c r="A101502" i="1" s="1"/>
  <c r="A101503" i="1" s="1"/>
  <c r="A101504" i="1" s="1"/>
  <c r="A101505" i="1" s="1"/>
  <c r="A101506" i="1" s="1"/>
  <c r="A101507" i="1" s="1"/>
  <c r="A101508" i="1" s="1"/>
  <c r="A101509" i="1" s="1"/>
  <c r="A101510" i="1" s="1"/>
  <c r="A101511" i="1" s="1"/>
  <c r="A101512" i="1" s="1"/>
  <c r="A101513" i="1" s="1"/>
  <c r="A101514" i="1" s="1"/>
  <c r="A101515" i="1" s="1"/>
  <c r="A101516" i="1" s="1"/>
  <c r="A101517" i="1" s="1"/>
  <c r="A101518" i="1" s="1"/>
  <c r="A101519" i="1" s="1"/>
  <c r="A101520" i="1" s="1"/>
  <c r="A101521" i="1" s="1"/>
  <c r="A101522" i="1" s="1"/>
  <c r="A101523" i="1" s="1"/>
  <c r="A101524" i="1" s="1"/>
  <c r="A101525" i="1" s="1"/>
  <c r="A101526" i="1" s="1"/>
  <c r="A101527" i="1" s="1"/>
  <c r="A101528" i="1" s="1"/>
  <c r="A101529" i="1" s="1"/>
  <c r="A101530" i="1" s="1"/>
  <c r="A101531" i="1" s="1"/>
  <c r="A101532" i="1" s="1"/>
  <c r="A101533" i="1" s="1"/>
  <c r="A101534" i="1" s="1"/>
  <c r="A101535" i="1" s="1"/>
  <c r="A101536" i="1" s="1"/>
  <c r="A101537" i="1" s="1"/>
  <c r="A101538" i="1" s="1"/>
  <c r="A101539" i="1" s="1"/>
  <c r="A101540" i="1" s="1"/>
  <c r="A101541" i="1" s="1"/>
  <c r="A101542" i="1" s="1"/>
  <c r="A101543" i="1" s="1"/>
  <c r="A101544" i="1" s="1"/>
  <c r="A101545" i="1" s="1"/>
  <c r="A101546" i="1" s="1"/>
  <c r="A101547" i="1" s="1"/>
  <c r="A101548" i="1" s="1"/>
  <c r="A101549" i="1" s="1"/>
  <c r="A101550" i="1" s="1"/>
  <c r="A101551" i="1" s="1"/>
  <c r="A101552" i="1" s="1"/>
  <c r="A101553" i="1" s="1"/>
  <c r="A101554" i="1" s="1"/>
  <c r="A101555" i="1" s="1"/>
  <c r="A101556" i="1" s="1"/>
  <c r="A101557" i="1" s="1"/>
  <c r="A101558" i="1" s="1"/>
  <c r="A101559" i="1" s="1"/>
  <c r="A101560" i="1" s="1"/>
  <c r="A101561" i="1" s="1"/>
  <c r="A101562" i="1" s="1"/>
  <c r="A101563" i="1" s="1"/>
  <c r="A101564" i="1" s="1"/>
  <c r="A101565" i="1" s="1"/>
  <c r="A101566" i="1" s="1"/>
  <c r="A101567" i="1" s="1"/>
  <c r="A101568" i="1" s="1"/>
  <c r="A101569" i="1" s="1"/>
  <c r="A101570" i="1" s="1"/>
  <c r="A101571" i="1" s="1"/>
  <c r="A101572" i="1" s="1"/>
  <c r="A101573" i="1" s="1"/>
  <c r="A101574" i="1" s="1"/>
  <c r="A101575" i="1" s="1"/>
  <c r="A101576" i="1" s="1"/>
  <c r="A101577" i="1" s="1"/>
  <c r="A101578" i="1" s="1"/>
  <c r="A101579" i="1" s="1"/>
  <c r="A101580" i="1" s="1"/>
  <c r="A101581" i="1" s="1"/>
  <c r="A101582" i="1" s="1"/>
  <c r="A101583" i="1" s="1"/>
  <c r="A101584" i="1" s="1"/>
  <c r="A101585" i="1" s="1"/>
  <c r="A101586" i="1" s="1"/>
  <c r="A101587" i="1" s="1"/>
  <c r="A101588" i="1" s="1"/>
  <c r="A101589" i="1" s="1"/>
  <c r="A101590" i="1" s="1"/>
  <c r="A101591" i="1" s="1"/>
  <c r="A101592" i="1" s="1"/>
  <c r="A101593" i="1" s="1"/>
  <c r="A101594" i="1" s="1"/>
  <c r="A101595" i="1" s="1"/>
  <c r="A101596" i="1" s="1"/>
  <c r="A101597" i="1" s="1"/>
  <c r="A101598" i="1" s="1"/>
  <c r="A101599" i="1" s="1"/>
  <c r="A101600" i="1" s="1"/>
  <c r="A101601" i="1" s="1"/>
  <c r="A101602" i="1" s="1"/>
  <c r="A101603" i="1" s="1"/>
  <c r="A101604" i="1" s="1"/>
  <c r="A101605" i="1" s="1"/>
  <c r="A101606" i="1" s="1"/>
  <c r="A101607" i="1" s="1"/>
  <c r="A101608" i="1" s="1"/>
  <c r="A101609" i="1" s="1"/>
  <c r="A101610" i="1" s="1"/>
  <c r="A101611" i="1" s="1"/>
  <c r="A101612" i="1" s="1"/>
  <c r="A101613" i="1" s="1"/>
  <c r="A101614" i="1" s="1"/>
  <c r="A101615" i="1" s="1"/>
  <c r="A101616" i="1" s="1"/>
  <c r="A101617" i="1" s="1"/>
  <c r="A101618" i="1" s="1"/>
  <c r="A101619" i="1" s="1"/>
  <c r="A101620" i="1" s="1"/>
  <c r="A101621" i="1" s="1"/>
  <c r="A101622" i="1" s="1"/>
  <c r="A101623" i="1" s="1"/>
  <c r="A101624" i="1" s="1"/>
  <c r="A101625" i="1" s="1"/>
  <c r="A101626" i="1" s="1"/>
  <c r="A101627" i="1" s="1"/>
  <c r="A101628" i="1" s="1"/>
  <c r="A101629" i="1" s="1"/>
  <c r="A101630" i="1" s="1"/>
  <c r="A101631" i="1" s="1"/>
  <c r="A101632" i="1" s="1"/>
  <c r="A101633" i="1" s="1"/>
  <c r="A101634" i="1" s="1"/>
  <c r="A101635" i="1" s="1"/>
  <c r="A101636" i="1" s="1"/>
  <c r="A101637" i="1" s="1"/>
  <c r="A101638" i="1" s="1"/>
  <c r="A101639" i="1" s="1"/>
  <c r="A101640" i="1" s="1"/>
  <c r="A101641" i="1" s="1"/>
  <c r="A101642" i="1" s="1"/>
  <c r="A101643" i="1" s="1"/>
  <c r="A101644" i="1" s="1"/>
  <c r="A101645" i="1" s="1"/>
  <c r="A101646" i="1" s="1"/>
  <c r="A101647" i="1" s="1"/>
  <c r="A101648" i="1" s="1"/>
  <c r="A101649" i="1" s="1"/>
  <c r="A101650" i="1" s="1"/>
  <c r="A101651" i="1" s="1"/>
  <c r="A101652" i="1" s="1"/>
  <c r="A101653" i="1" s="1"/>
  <c r="A101654" i="1" s="1"/>
  <c r="A101655" i="1" s="1"/>
  <c r="A101656" i="1" s="1"/>
  <c r="A101657" i="1" s="1"/>
  <c r="A101658" i="1" s="1"/>
  <c r="A101659" i="1" s="1"/>
  <c r="A101660" i="1" s="1"/>
  <c r="A101661" i="1" s="1"/>
  <c r="A101662" i="1" s="1"/>
  <c r="A101663" i="1" s="1"/>
  <c r="A101664" i="1" s="1"/>
  <c r="A101665" i="1" s="1"/>
  <c r="A101666" i="1" s="1"/>
  <c r="A101667" i="1" s="1"/>
  <c r="A101668" i="1" s="1"/>
  <c r="A101669" i="1" s="1"/>
  <c r="A101670" i="1" s="1"/>
  <c r="A101671" i="1" s="1"/>
  <c r="A101672" i="1" s="1"/>
  <c r="A101673" i="1" s="1"/>
  <c r="A101674" i="1" s="1"/>
  <c r="A101675" i="1" s="1"/>
  <c r="A101676" i="1" s="1"/>
  <c r="A101677" i="1" s="1"/>
  <c r="A101678" i="1" s="1"/>
  <c r="A101679" i="1" s="1"/>
  <c r="A101680" i="1" s="1"/>
  <c r="A101681" i="1" s="1"/>
  <c r="A101682" i="1" s="1"/>
  <c r="A101683" i="1" s="1"/>
  <c r="A101684" i="1" s="1"/>
  <c r="A101685" i="1" s="1"/>
  <c r="A101686" i="1" s="1"/>
  <c r="A101687" i="1" s="1"/>
  <c r="A101688" i="1" s="1"/>
  <c r="A101689" i="1" s="1"/>
  <c r="A101690" i="1" s="1"/>
  <c r="A101691" i="1" s="1"/>
  <c r="A101692" i="1" s="1"/>
  <c r="A101693" i="1" s="1"/>
  <c r="A101694" i="1" s="1"/>
  <c r="A101695" i="1" s="1"/>
  <c r="A101696" i="1" s="1"/>
  <c r="A101697" i="1" s="1"/>
  <c r="A101698" i="1" s="1"/>
  <c r="A101699" i="1" s="1"/>
  <c r="A101700" i="1" s="1"/>
  <c r="A101701" i="1" s="1"/>
  <c r="A101702" i="1" s="1"/>
  <c r="A101703" i="1" s="1"/>
  <c r="A101704" i="1" s="1"/>
  <c r="A101705" i="1" s="1"/>
  <c r="A101706" i="1" s="1"/>
  <c r="A101707" i="1" s="1"/>
  <c r="A101708" i="1" s="1"/>
  <c r="A101709" i="1" s="1"/>
  <c r="A101710" i="1" s="1"/>
  <c r="A101711" i="1" s="1"/>
  <c r="A101712" i="1" s="1"/>
  <c r="A101713" i="1" s="1"/>
  <c r="A101714" i="1" s="1"/>
  <c r="A101715" i="1" s="1"/>
  <c r="A101716" i="1" s="1"/>
  <c r="A101717" i="1" s="1"/>
  <c r="A101718" i="1" s="1"/>
  <c r="A101719" i="1" s="1"/>
  <c r="A101720" i="1" s="1"/>
  <c r="A101721" i="1" s="1"/>
  <c r="A101722" i="1" s="1"/>
  <c r="A101723" i="1" s="1"/>
  <c r="A101724" i="1" s="1"/>
  <c r="A101725" i="1" s="1"/>
  <c r="A101726" i="1" s="1"/>
  <c r="A101727" i="1" s="1"/>
  <c r="A101728" i="1" s="1"/>
  <c r="A101729" i="1" s="1"/>
  <c r="A101730" i="1" s="1"/>
  <c r="A101731" i="1" s="1"/>
  <c r="A101732" i="1" s="1"/>
  <c r="A101733" i="1" s="1"/>
  <c r="A101734" i="1" s="1"/>
  <c r="A101735" i="1" s="1"/>
  <c r="A101736" i="1" s="1"/>
  <c r="A101737" i="1" s="1"/>
  <c r="A101738" i="1" s="1"/>
  <c r="A101739" i="1" s="1"/>
  <c r="A101740" i="1" s="1"/>
  <c r="A101741" i="1" s="1"/>
  <c r="A101742" i="1" s="1"/>
  <c r="A101743" i="1" s="1"/>
  <c r="A101744" i="1" s="1"/>
  <c r="A101745" i="1" s="1"/>
  <c r="A101746" i="1" s="1"/>
  <c r="A101747" i="1" s="1"/>
  <c r="A101748" i="1" s="1"/>
  <c r="A101749" i="1" s="1"/>
  <c r="A101750" i="1" s="1"/>
  <c r="A101751" i="1" s="1"/>
  <c r="A101752" i="1" s="1"/>
  <c r="A101753" i="1" s="1"/>
  <c r="A101754" i="1" s="1"/>
  <c r="A101755" i="1" s="1"/>
  <c r="A101756" i="1" s="1"/>
  <c r="A101757" i="1" s="1"/>
  <c r="A101758" i="1" s="1"/>
  <c r="A101759" i="1" s="1"/>
  <c r="A101760" i="1" s="1"/>
  <c r="A101761" i="1" s="1"/>
  <c r="A101762" i="1" s="1"/>
  <c r="A101763" i="1" s="1"/>
  <c r="A101764" i="1" s="1"/>
  <c r="A101765" i="1" s="1"/>
  <c r="A101766" i="1" s="1"/>
  <c r="A101767" i="1" s="1"/>
  <c r="A101768" i="1" s="1"/>
  <c r="A101769" i="1" s="1"/>
  <c r="A101770" i="1" s="1"/>
  <c r="A101771" i="1" s="1"/>
  <c r="A101772" i="1" s="1"/>
  <c r="A101773" i="1" s="1"/>
  <c r="A101774" i="1" s="1"/>
  <c r="A101775" i="1" s="1"/>
  <c r="A101776" i="1" s="1"/>
  <c r="A101777" i="1" s="1"/>
  <c r="A101778" i="1" s="1"/>
  <c r="A101779" i="1" s="1"/>
  <c r="A101780" i="1" s="1"/>
  <c r="A101781" i="1" s="1"/>
  <c r="A101782" i="1" s="1"/>
  <c r="A101783" i="1" s="1"/>
  <c r="A101784" i="1" s="1"/>
  <c r="A101785" i="1" s="1"/>
  <c r="A101786" i="1" s="1"/>
  <c r="A101787" i="1" s="1"/>
  <c r="A101788" i="1" s="1"/>
  <c r="A101789" i="1" s="1"/>
  <c r="A101790" i="1" s="1"/>
  <c r="A101791" i="1" s="1"/>
  <c r="A101792" i="1" s="1"/>
  <c r="A101793" i="1" s="1"/>
  <c r="A101794" i="1" s="1"/>
  <c r="A101795" i="1" s="1"/>
  <c r="A101796" i="1" s="1"/>
  <c r="A101797" i="1" s="1"/>
  <c r="A101798" i="1" s="1"/>
  <c r="A101799" i="1" s="1"/>
  <c r="A101800" i="1" s="1"/>
  <c r="A101801" i="1" s="1"/>
  <c r="A101802" i="1" s="1"/>
  <c r="A101803" i="1" s="1"/>
  <c r="A101804" i="1" s="1"/>
  <c r="A101805" i="1" s="1"/>
  <c r="A101806" i="1" s="1"/>
  <c r="A101807" i="1" s="1"/>
  <c r="A101808" i="1" s="1"/>
  <c r="A101809" i="1" s="1"/>
  <c r="A101810" i="1" s="1"/>
  <c r="A101811" i="1" s="1"/>
  <c r="A101812" i="1" s="1"/>
  <c r="A101813" i="1" s="1"/>
  <c r="A101814" i="1" s="1"/>
  <c r="A101815" i="1" s="1"/>
  <c r="A101816" i="1" s="1"/>
  <c r="A101817" i="1" s="1"/>
  <c r="A101818" i="1" s="1"/>
  <c r="A101819" i="1" s="1"/>
  <c r="A101820" i="1" s="1"/>
  <c r="A101821" i="1" s="1"/>
  <c r="A101822" i="1" s="1"/>
  <c r="A101823" i="1" s="1"/>
  <c r="A101824" i="1" s="1"/>
  <c r="A101825" i="1" s="1"/>
  <c r="A101826" i="1" s="1"/>
  <c r="A101827" i="1" s="1"/>
  <c r="A101828" i="1" s="1"/>
  <c r="A101829" i="1" s="1"/>
  <c r="A101830" i="1" s="1"/>
  <c r="A101831" i="1" s="1"/>
  <c r="A101832" i="1" s="1"/>
  <c r="A101833" i="1" s="1"/>
  <c r="A101834" i="1" s="1"/>
  <c r="A101835" i="1" s="1"/>
  <c r="A101836" i="1" s="1"/>
  <c r="A101837" i="1" s="1"/>
  <c r="A101838" i="1" s="1"/>
  <c r="A101839" i="1" s="1"/>
  <c r="A101840" i="1" s="1"/>
  <c r="A101841" i="1" s="1"/>
  <c r="A101842" i="1" s="1"/>
  <c r="A101843" i="1" s="1"/>
  <c r="A101844" i="1" s="1"/>
  <c r="A101845" i="1" s="1"/>
  <c r="A101846" i="1" s="1"/>
  <c r="A101847" i="1" s="1"/>
  <c r="A101848" i="1" s="1"/>
  <c r="A101849" i="1" s="1"/>
  <c r="A101850" i="1" s="1"/>
  <c r="A101851" i="1" s="1"/>
  <c r="A101852" i="1" s="1"/>
  <c r="A101853" i="1" s="1"/>
  <c r="A101854" i="1" s="1"/>
  <c r="A101855" i="1" s="1"/>
  <c r="A101856" i="1" s="1"/>
  <c r="A101857" i="1" s="1"/>
  <c r="A101858" i="1" s="1"/>
  <c r="A101859" i="1" s="1"/>
  <c r="A101860" i="1" s="1"/>
  <c r="A101861" i="1" s="1"/>
  <c r="A101862" i="1" s="1"/>
  <c r="A101863" i="1" s="1"/>
  <c r="A101864" i="1" s="1"/>
  <c r="A101865" i="1" s="1"/>
  <c r="A101866" i="1" s="1"/>
  <c r="A101867" i="1" s="1"/>
  <c r="A101868" i="1" s="1"/>
  <c r="A101869" i="1" s="1"/>
  <c r="A101870" i="1" s="1"/>
  <c r="A101871" i="1" s="1"/>
  <c r="A101872" i="1" s="1"/>
  <c r="A101873" i="1" s="1"/>
  <c r="A101874" i="1" s="1"/>
  <c r="A101875" i="1" s="1"/>
  <c r="A101876" i="1" s="1"/>
  <c r="A101877" i="1" s="1"/>
  <c r="A101878" i="1" s="1"/>
  <c r="A101879" i="1" s="1"/>
  <c r="A101880" i="1" s="1"/>
  <c r="A101881" i="1" s="1"/>
  <c r="A101882" i="1" s="1"/>
  <c r="A101883" i="1" s="1"/>
  <c r="A101884" i="1" s="1"/>
  <c r="A101885" i="1" s="1"/>
  <c r="A101886" i="1" s="1"/>
  <c r="A101887" i="1" s="1"/>
  <c r="A101888" i="1" s="1"/>
  <c r="A101889" i="1" s="1"/>
  <c r="A101890" i="1" s="1"/>
  <c r="A101891" i="1" s="1"/>
  <c r="A101892" i="1" s="1"/>
  <c r="A101893" i="1" s="1"/>
  <c r="A101894" i="1" s="1"/>
  <c r="A101895" i="1" s="1"/>
  <c r="A101896" i="1" s="1"/>
  <c r="A101897" i="1" s="1"/>
  <c r="A101898" i="1" s="1"/>
  <c r="A101899" i="1" s="1"/>
  <c r="A101900" i="1" s="1"/>
  <c r="A101901" i="1" s="1"/>
  <c r="A101902" i="1" s="1"/>
  <c r="A101903" i="1" s="1"/>
  <c r="A101904" i="1" s="1"/>
  <c r="A101905" i="1" s="1"/>
  <c r="A101906" i="1" s="1"/>
  <c r="A101907" i="1" s="1"/>
  <c r="A101908" i="1" s="1"/>
  <c r="A101909" i="1" s="1"/>
  <c r="A101910" i="1" s="1"/>
  <c r="A101911" i="1" s="1"/>
  <c r="A101912" i="1" s="1"/>
  <c r="A101913" i="1" s="1"/>
  <c r="A101914" i="1" s="1"/>
  <c r="A101915" i="1" s="1"/>
  <c r="A101916" i="1" s="1"/>
  <c r="A101917" i="1" s="1"/>
  <c r="A101918" i="1" s="1"/>
  <c r="A101919" i="1" s="1"/>
  <c r="A101920" i="1" s="1"/>
  <c r="A101921" i="1" s="1"/>
  <c r="A101922" i="1" s="1"/>
  <c r="A101923" i="1" s="1"/>
  <c r="A101924" i="1" s="1"/>
  <c r="A101925" i="1" s="1"/>
  <c r="A101926" i="1" s="1"/>
  <c r="A101927" i="1" s="1"/>
  <c r="A101928" i="1" s="1"/>
  <c r="A101929" i="1" s="1"/>
  <c r="A101930" i="1" s="1"/>
  <c r="A101931" i="1" s="1"/>
  <c r="A101932" i="1" s="1"/>
  <c r="A101933" i="1" s="1"/>
  <c r="A101934" i="1" s="1"/>
  <c r="A101935" i="1" s="1"/>
  <c r="A101936" i="1" s="1"/>
  <c r="A101937" i="1" s="1"/>
  <c r="A101938" i="1" s="1"/>
  <c r="A101939" i="1" s="1"/>
  <c r="A101940" i="1" s="1"/>
  <c r="A101941" i="1" s="1"/>
  <c r="A101942" i="1" s="1"/>
  <c r="A101943" i="1" s="1"/>
  <c r="A101944" i="1" s="1"/>
  <c r="A101945" i="1" s="1"/>
  <c r="A101946" i="1" s="1"/>
  <c r="A101947" i="1" s="1"/>
  <c r="A101948" i="1" s="1"/>
  <c r="A101949" i="1" s="1"/>
  <c r="A101950" i="1" s="1"/>
  <c r="A101951" i="1" s="1"/>
  <c r="A101952" i="1" s="1"/>
  <c r="A101953" i="1" s="1"/>
  <c r="A101954" i="1" s="1"/>
  <c r="A101955" i="1" s="1"/>
  <c r="A101956" i="1" s="1"/>
  <c r="A101957" i="1" s="1"/>
  <c r="A101958" i="1" s="1"/>
  <c r="A101959" i="1" s="1"/>
  <c r="A101960" i="1" s="1"/>
  <c r="A101961" i="1" s="1"/>
  <c r="A101962" i="1" s="1"/>
  <c r="A101963" i="1" s="1"/>
  <c r="A101964" i="1" s="1"/>
  <c r="A101965" i="1" s="1"/>
  <c r="A101966" i="1" s="1"/>
  <c r="A101967" i="1" s="1"/>
  <c r="A101968" i="1" s="1"/>
  <c r="A101969" i="1" s="1"/>
  <c r="A101970" i="1" s="1"/>
  <c r="A101971" i="1" s="1"/>
  <c r="A101972" i="1" s="1"/>
  <c r="A101973" i="1" s="1"/>
  <c r="A101974" i="1" s="1"/>
  <c r="A101975" i="1" s="1"/>
  <c r="A101976" i="1" s="1"/>
  <c r="A101977" i="1" s="1"/>
  <c r="A101978" i="1" s="1"/>
  <c r="A101979" i="1" s="1"/>
  <c r="A101980" i="1" s="1"/>
  <c r="A101981" i="1" s="1"/>
  <c r="A101982" i="1" s="1"/>
  <c r="A101983" i="1" s="1"/>
  <c r="A101984" i="1" s="1"/>
  <c r="A101985" i="1" s="1"/>
  <c r="A101986" i="1" s="1"/>
  <c r="A101987" i="1" s="1"/>
  <c r="A101988" i="1" s="1"/>
  <c r="A101989" i="1" s="1"/>
  <c r="A101990" i="1" s="1"/>
  <c r="A101991" i="1" s="1"/>
  <c r="A101992" i="1" s="1"/>
  <c r="A101993" i="1" s="1"/>
  <c r="A101994" i="1" s="1"/>
  <c r="A101995" i="1" s="1"/>
  <c r="A101996" i="1" s="1"/>
  <c r="A101997" i="1" s="1"/>
  <c r="A101998" i="1" s="1"/>
  <c r="A101999" i="1" s="1"/>
  <c r="A102000" i="1" s="1"/>
  <c r="A102001" i="1" s="1"/>
  <c r="A102002" i="1" s="1"/>
  <c r="A102003" i="1" s="1"/>
  <c r="A102004" i="1" s="1"/>
  <c r="A102005" i="1" s="1"/>
  <c r="A102006" i="1" s="1"/>
  <c r="A102007" i="1" s="1"/>
  <c r="A102008" i="1" s="1"/>
  <c r="A102009" i="1" s="1"/>
  <c r="A102010" i="1" s="1"/>
  <c r="A102011" i="1" s="1"/>
  <c r="A102012" i="1" s="1"/>
  <c r="A102013" i="1" s="1"/>
  <c r="A102014" i="1" s="1"/>
  <c r="A102015" i="1" s="1"/>
  <c r="A102016" i="1" s="1"/>
  <c r="A102017" i="1" s="1"/>
  <c r="A102018" i="1" s="1"/>
  <c r="A102019" i="1" s="1"/>
  <c r="A102020" i="1" s="1"/>
  <c r="A102021" i="1" s="1"/>
  <c r="A102022" i="1" s="1"/>
  <c r="A102023" i="1" s="1"/>
  <c r="A102024" i="1" s="1"/>
  <c r="A102025" i="1" s="1"/>
  <c r="A102026" i="1" s="1"/>
  <c r="A102027" i="1" s="1"/>
  <c r="A102028" i="1" s="1"/>
  <c r="A102029" i="1" s="1"/>
  <c r="A102030" i="1" s="1"/>
  <c r="A102031" i="1" s="1"/>
  <c r="A102032" i="1" s="1"/>
  <c r="A102033" i="1" s="1"/>
  <c r="A102034" i="1" s="1"/>
  <c r="A102035" i="1" s="1"/>
  <c r="A102036" i="1" s="1"/>
  <c r="A102037" i="1" s="1"/>
  <c r="A102038" i="1" s="1"/>
  <c r="A102039" i="1" s="1"/>
  <c r="A102040" i="1" s="1"/>
  <c r="A102041" i="1" s="1"/>
  <c r="A102042" i="1" s="1"/>
  <c r="A102043" i="1" s="1"/>
  <c r="A102044" i="1" s="1"/>
  <c r="A102045" i="1" s="1"/>
  <c r="A102046" i="1" s="1"/>
  <c r="A102047" i="1" s="1"/>
  <c r="A102048" i="1" s="1"/>
  <c r="A102049" i="1" s="1"/>
  <c r="A102050" i="1" s="1"/>
  <c r="A102051" i="1" s="1"/>
  <c r="A102052" i="1" s="1"/>
  <c r="A102053" i="1" s="1"/>
  <c r="A102054" i="1" s="1"/>
  <c r="A102055" i="1" s="1"/>
  <c r="A102056" i="1" s="1"/>
  <c r="A102057" i="1" s="1"/>
  <c r="A102058" i="1" s="1"/>
  <c r="A102059" i="1" s="1"/>
  <c r="A102060" i="1" s="1"/>
  <c r="A102061" i="1" s="1"/>
  <c r="A102062" i="1" s="1"/>
  <c r="A102063" i="1" s="1"/>
  <c r="A102064" i="1" s="1"/>
  <c r="A102065" i="1" s="1"/>
  <c r="A102066" i="1" s="1"/>
  <c r="A102067" i="1" s="1"/>
  <c r="A102068" i="1" s="1"/>
  <c r="A102069" i="1" s="1"/>
  <c r="A102070" i="1" s="1"/>
  <c r="A102071" i="1" s="1"/>
  <c r="A102072" i="1" s="1"/>
  <c r="A102073" i="1" s="1"/>
  <c r="A102074" i="1" s="1"/>
  <c r="A102075" i="1" s="1"/>
  <c r="A102076" i="1" s="1"/>
  <c r="A102077" i="1" s="1"/>
  <c r="A102078" i="1" s="1"/>
  <c r="A102079" i="1" s="1"/>
  <c r="A102080" i="1" s="1"/>
  <c r="A102081" i="1" s="1"/>
  <c r="A102082" i="1" s="1"/>
  <c r="A102083" i="1" s="1"/>
  <c r="A102084" i="1" s="1"/>
  <c r="A102085" i="1" s="1"/>
  <c r="A102086" i="1" s="1"/>
  <c r="A102087" i="1" s="1"/>
  <c r="A102088" i="1" s="1"/>
  <c r="A102089" i="1" s="1"/>
  <c r="A102090" i="1" s="1"/>
  <c r="A102091" i="1" s="1"/>
  <c r="A102092" i="1" s="1"/>
  <c r="A102093" i="1" s="1"/>
  <c r="A102094" i="1" s="1"/>
  <c r="A102095" i="1" s="1"/>
  <c r="A102096" i="1" s="1"/>
  <c r="A102097" i="1" s="1"/>
  <c r="A102098" i="1" s="1"/>
  <c r="A102099" i="1" s="1"/>
  <c r="A102100" i="1" s="1"/>
  <c r="A102101" i="1" s="1"/>
  <c r="A102102" i="1" s="1"/>
  <c r="A102103" i="1" s="1"/>
  <c r="A102104" i="1" s="1"/>
  <c r="A102105" i="1" s="1"/>
  <c r="A102106" i="1" s="1"/>
  <c r="A102107" i="1" s="1"/>
  <c r="A102108" i="1" s="1"/>
  <c r="A102109" i="1" s="1"/>
  <c r="A102110" i="1" s="1"/>
  <c r="A102111" i="1" s="1"/>
  <c r="A102112" i="1" s="1"/>
  <c r="A102113" i="1" s="1"/>
  <c r="A102114" i="1" s="1"/>
  <c r="A102115" i="1" s="1"/>
  <c r="A102116" i="1" s="1"/>
  <c r="A102117" i="1" s="1"/>
  <c r="A102118" i="1" s="1"/>
  <c r="A102119" i="1" s="1"/>
  <c r="A102120" i="1" s="1"/>
  <c r="A102121" i="1" s="1"/>
  <c r="A102122" i="1" s="1"/>
  <c r="A102123" i="1" s="1"/>
  <c r="A102124" i="1" s="1"/>
  <c r="A102125" i="1" s="1"/>
  <c r="A102126" i="1" s="1"/>
  <c r="A102127" i="1" s="1"/>
  <c r="A102128" i="1" s="1"/>
  <c r="A102129" i="1" s="1"/>
  <c r="A102130" i="1" s="1"/>
  <c r="A102131" i="1" s="1"/>
  <c r="A102132" i="1" s="1"/>
  <c r="A102133" i="1" s="1"/>
  <c r="A102134" i="1" s="1"/>
  <c r="A102135" i="1" s="1"/>
  <c r="A102136" i="1" s="1"/>
  <c r="A102137" i="1" s="1"/>
  <c r="A102138" i="1" s="1"/>
  <c r="A102139" i="1" s="1"/>
  <c r="A102140" i="1" s="1"/>
  <c r="A102141" i="1" s="1"/>
  <c r="A102142" i="1" s="1"/>
  <c r="A102143" i="1" s="1"/>
  <c r="A102144" i="1" s="1"/>
  <c r="A102145" i="1" s="1"/>
  <c r="A102146" i="1" s="1"/>
  <c r="A102147" i="1" s="1"/>
  <c r="A102148" i="1" s="1"/>
  <c r="A102149" i="1" s="1"/>
  <c r="A102150" i="1" s="1"/>
  <c r="A102151" i="1" s="1"/>
  <c r="A102152" i="1" s="1"/>
  <c r="A102153" i="1" s="1"/>
  <c r="A102154" i="1" s="1"/>
  <c r="A102155" i="1" s="1"/>
  <c r="A102156" i="1" s="1"/>
  <c r="A102157" i="1" s="1"/>
  <c r="A102158" i="1" s="1"/>
  <c r="A102159" i="1" s="1"/>
  <c r="A102160" i="1" s="1"/>
  <c r="A102161" i="1" s="1"/>
  <c r="A102162" i="1" s="1"/>
  <c r="A102163" i="1" s="1"/>
  <c r="A102164" i="1" s="1"/>
  <c r="A102165" i="1" s="1"/>
  <c r="A102166" i="1" s="1"/>
  <c r="A102167" i="1" s="1"/>
  <c r="A102168" i="1" s="1"/>
  <c r="A102169" i="1" s="1"/>
  <c r="A102170" i="1" s="1"/>
  <c r="A102171" i="1" s="1"/>
  <c r="A102172" i="1" s="1"/>
  <c r="A102173" i="1" s="1"/>
  <c r="A102174" i="1" s="1"/>
  <c r="A102175" i="1" s="1"/>
  <c r="A102176" i="1" s="1"/>
  <c r="A102177" i="1" s="1"/>
  <c r="A102178" i="1" s="1"/>
  <c r="A102179" i="1" s="1"/>
  <c r="A102180" i="1" s="1"/>
  <c r="A102181" i="1" s="1"/>
  <c r="A102182" i="1" s="1"/>
  <c r="A102183" i="1" s="1"/>
  <c r="A102184" i="1" s="1"/>
  <c r="A102185" i="1" s="1"/>
  <c r="A102186" i="1" s="1"/>
  <c r="A102187" i="1" s="1"/>
  <c r="A102188" i="1" s="1"/>
  <c r="A102189" i="1" s="1"/>
  <c r="A102190" i="1" s="1"/>
  <c r="A102191" i="1" s="1"/>
  <c r="A102192" i="1" s="1"/>
  <c r="A102193" i="1" s="1"/>
  <c r="A102194" i="1" s="1"/>
  <c r="A102195" i="1" s="1"/>
  <c r="A102196" i="1" s="1"/>
  <c r="A102197" i="1" s="1"/>
  <c r="A102198" i="1" s="1"/>
  <c r="A102199" i="1" s="1"/>
  <c r="A102200" i="1" s="1"/>
  <c r="A102201" i="1" s="1"/>
  <c r="A102202" i="1" s="1"/>
  <c r="A102203" i="1" s="1"/>
  <c r="A102204" i="1" s="1"/>
  <c r="A102205" i="1" s="1"/>
  <c r="A102206" i="1" s="1"/>
  <c r="A102207" i="1" s="1"/>
  <c r="A102208" i="1" s="1"/>
  <c r="A102209" i="1" s="1"/>
  <c r="A102210" i="1" s="1"/>
  <c r="A102211" i="1" s="1"/>
  <c r="A102212" i="1" s="1"/>
  <c r="A102213" i="1" s="1"/>
  <c r="A102214" i="1" s="1"/>
  <c r="A102215" i="1" s="1"/>
  <c r="A102216" i="1" s="1"/>
  <c r="A102217" i="1" s="1"/>
  <c r="A102218" i="1" s="1"/>
  <c r="A102219" i="1" s="1"/>
  <c r="A102220" i="1" s="1"/>
  <c r="A102221" i="1" s="1"/>
  <c r="A102222" i="1" s="1"/>
  <c r="A102223" i="1" s="1"/>
  <c r="A102224" i="1" s="1"/>
  <c r="A102225" i="1" s="1"/>
  <c r="A102226" i="1" s="1"/>
  <c r="A102227" i="1" s="1"/>
  <c r="A102228" i="1" s="1"/>
  <c r="A102229" i="1" s="1"/>
  <c r="A102230" i="1" s="1"/>
  <c r="A102231" i="1" s="1"/>
  <c r="A102232" i="1" s="1"/>
  <c r="A102233" i="1" s="1"/>
  <c r="A102234" i="1" s="1"/>
  <c r="A102235" i="1" s="1"/>
  <c r="A102236" i="1" s="1"/>
  <c r="A102237" i="1" s="1"/>
  <c r="A102238" i="1" s="1"/>
  <c r="A102239" i="1" s="1"/>
  <c r="A102240" i="1" s="1"/>
  <c r="A102241" i="1" s="1"/>
  <c r="A102242" i="1" s="1"/>
  <c r="A102243" i="1" s="1"/>
  <c r="A102244" i="1" s="1"/>
  <c r="A102245" i="1" s="1"/>
  <c r="A102246" i="1" s="1"/>
  <c r="A102247" i="1" s="1"/>
  <c r="A102248" i="1" s="1"/>
  <c r="A102249" i="1" s="1"/>
  <c r="A102250" i="1" s="1"/>
  <c r="A102251" i="1" s="1"/>
  <c r="A102252" i="1" s="1"/>
  <c r="A102253" i="1" s="1"/>
  <c r="A102254" i="1" s="1"/>
  <c r="A102255" i="1" s="1"/>
  <c r="A102256" i="1" s="1"/>
  <c r="A102257" i="1" s="1"/>
  <c r="A102258" i="1" s="1"/>
  <c r="A102259" i="1" s="1"/>
  <c r="A102260" i="1" s="1"/>
  <c r="A102261" i="1" s="1"/>
  <c r="A102262" i="1" s="1"/>
  <c r="A102263" i="1" s="1"/>
  <c r="A102264" i="1" s="1"/>
  <c r="A102265" i="1" s="1"/>
  <c r="A102266" i="1" s="1"/>
  <c r="A102267" i="1" s="1"/>
  <c r="A102268" i="1" s="1"/>
  <c r="A102269" i="1" s="1"/>
  <c r="A102270" i="1" s="1"/>
  <c r="A102271" i="1" s="1"/>
  <c r="A102272" i="1" s="1"/>
  <c r="A102273" i="1" s="1"/>
  <c r="A102274" i="1" s="1"/>
  <c r="A102275" i="1" s="1"/>
  <c r="A102276" i="1" s="1"/>
  <c r="A102277" i="1" s="1"/>
  <c r="A102278" i="1" s="1"/>
  <c r="A102279" i="1" s="1"/>
  <c r="A102280" i="1" s="1"/>
  <c r="A102281" i="1" s="1"/>
  <c r="A102282" i="1" s="1"/>
  <c r="A102283" i="1" s="1"/>
  <c r="A102284" i="1" s="1"/>
  <c r="A102285" i="1" s="1"/>
  <c r="A102286" i="1" s="1"/>
  <c r="A102287" i="1" s="1"/>
  <c r="A102288" i="1" s="1"/>
  <c r="A102289" i="1" s="1"/>
  <c r="A102290" i="1" s="1"/>
  <c r="A102291" i="1" s="1"/>
  <c r="A102292" i="1" s="1"/>
  <c r="A102293" i="1" s="1"/>
  <c r="A102294" i="1" s="1"/>
  <c r="A102295" i="1" s="1"/>
  <c r="A102296" i="1" s="1"/>
  <c r="A102297" i="1" s="1"/>
  <c r="A102298" i="1" s="1"/>
  <c r="A102299" i="1" s="1"/>
  <c r="A102300" i="1" s="1"/>
  <c r="A102301" i="1" s="1"/>
  <c r="A102302" i="1" s="1"/>
  <c r="A102303" i="1" s="1"/>
  <c r="A102304" i="1" s="1"/>
  <c r="A102305" i="1" s="1"/>
  <c r="A102306" i="1" s="1"/>
  <c r="A102307" i="1" s="1"/>
  <c r="A102308" i="1" s="1"/>
  <c r="A102309" i="1" s="1"/>
  <c r="A102310" i="1" s="1"/>
  <c r="A102311" i="1" s="1"/>
  <c r="A102312" i="1" s="1"/>
  <c r="A102313" i="1" s="1"/>
  <c r="A102314" i="1" s="1"/>
  <c r="A102315" i="1" s="1"/>
  <c r="A102316" i="1" s="1"/>
  <c r="A102317" i="1" s="1"/>
  <c r="A102318" i="1" s="1"/>
  <c r="A102319" i="1" s="1"/>
  <c r="A102320" i="1" s="1"/>
  <c r="A102321" i="1" s="1"/>
  <c r="A102322" i="1" s="1"/>
  <c r="A102323" i="1" s="1"/>
  <c r="A102324" i="1" s="1"/>
  <c r="A102325" i="1" s="1"/>
  <c r="A102326" i="1" s="1"/>
  <c r="A102327" i="1" s="1"/>
  <c r="A102328" i="1" s="1"/>
  <c r="A102329" i="1" s="1"/>
  <c r="A102330" i="1" s="1"/>
  <c r="A102331" i="1" s="1"/>
  <c r="A102332" i="1" s="1"/>
  <c r="A102333" i="1" s="1"/>
  <c r="A102334" i="1" s="1"/>
  <c r="A102335" i="1" s="1"/>
  <c r="A102336" i="1" s="1"/>
  <c r="A102337" i="1" s="1"/>
  <c r="A102338" i="1" s="1"/>
  <c r="A102339" i="1" s="1"/>
  <c r="A102340" i="1" s="1"/>
  <c r="A102341" i="1" s="1"/>
  <c r="A102342" i="1" s="1"/>
  <c r="A102343" i="1" s="1"/>
  <c r="A102344" i="1" s="1"/>
  <c r="A102345" i="1" s="1"/>
  <c r="A102346" i="1" s="1"/>
  <c r="A102347" i="1" s="1"/>
  <c r="A102348" i="1" s="1"/>
  <c r="A102349" i="1" s="1"/>
  <c r="A102350" i="1" s="1"/>
  <c r="A102351" i="1" s="1"/>
  <c r="A102352" i="1" s="1"/>
  <c r="A102353" i="1" s="1"/>
  <c r="A102354" i="1" s="1"/>
  <c r="A102355" i="1" s="1"/>
  <c r="A102356" i="1" s="1"/>
  <c r="A102357" i="1" s="1"/>
  <c r="A102358" i="1" s="1"/>
  <c r="A102359" i="1" s="1"/>
  <c r="A102360" i="1" s="1"/>
  <c r="A102361" i="1" s="1"/>
  <c r="A102362" i="1" s="1"/>
  <c r="A102363" i="1" s="1"/>
  <c r="A102364" i="1" s="1"/>
  <c r="A102365" i="1" s="1"/>
  <c r="A102366" i="1" s="1"/>
  <c r="A102367" i="1" s="1"/>
  <c r="A102368" i="1" s="1"/>
  <c r="A102369" i="1" s="1"/>
  <c r="A102370" i="1" s="1"/>
  <c r="A102371" i="1" s="1"/>
  <c r="A102372" i="1" s="1"/>
  <c r="A102373" i="1" s="1"/>
  <c r="A102374" i="1" s="1"/>
  <c r="A102375" i="1" s="1"/>
  <c r="A102376" i="1" s="1"/>
  <c r="A102377" i="1" s="1"/>
  <c r="A102378" i="1" s="1"/>
  <c r="A102379" i="1" s="1"/>
  <c r="A102380" i="1" s="1"/>
  <c r="A102381" i="1" s="1"/>
  <c r="A102382" i="1" s="1"/>
  <c r="A102383" i="1" s="1"/>
  <c r="A102384" i="1" s="1"/>
  <c r="A102385" i="1" s="1"/>
  <c r="A102386" i="1" s="1"/>
  <c r="A102387" i="1" s="1"/>
  <c r="A102388" i="1" s="1"/>
  <c r="A102389" i="1" s="1"/>
  <c r="A102390" i="1" s="1"/>
  <c r="A102391" i="1" s="1"/>
  <c r="A102392" i="1" s="1"/>
  <c r="A102393" i="1" s="1"/>
  <c r="A102394" i="1" s="1"/>
  <c r="A102395" i="1" s="1"/>
  <c r="A102396" i="1" s="1"/>
  <c r="A102397" i="1" s="1"/>
  <c r="A102398" i="1" s="1"/>
  <c r="A102399" i="1" s="1"/>
  <c r="A102400" i="1" s="1"/>
  <c r="A102401" i="1" s="1"/>
  <c r="A102402" i="1" s="1"/>
  <c r="A102403" i="1" s="1"/>
  <c r="A102404" i="1" s="1"/>
  <c r="A102405" i="1" s="1"/>
  <c r="A102406" i="1" s="1"/>
  <c r="A102407" i="1" s="1"/>
  <c r="A102408" i="1" s="1"/>
  <c r="A102409" i="1" s="1"/>
  <c r="A102410" i="1" s="1"/>
  <c r="A102411" i="1" s="1"/>
  <c r="A102412" i="1" s="1"/>
  <c r="A102413" i="1" s="1"/>
  <c r="A102414" i="1" s="1"/>
  <c r="A102415" i="1" s="1"/>
  <c r="A102416" i="1" s="1"/>
  <c r="A102417" i="1" s="1"/>
  <c r="A102418" i="1" s="1"/>
  <c r="A102419" i="1" s="1"/>
  <c r="A102420" i="1" s="1"/>
  <c r="A102421" i="1" s="1"/>
  <c r="A102422" i="1" s="1"/>
  <c r="A102423" i="1" s="1"/>
  <c r="A102424" i="1" s="1"/>
  <c r="A102425" i="1" s="1"/>
  <c r="A102426" i="1" s="1"/>
  <c r="A102427" i="1" s="1"/>
  <c r="A102428" i="1" s="1"/>
  <c r="A102429" i="1" s="1"/>
  <c r="A102430" i="1" s="1"/>
  <c r="A102431" i="1" s="1"/>
  <c r="A102432" i="1" s="1"/>
  <c r="A102433" i="1" s="1"/>
  <c r="A102434" i="1" s="1"/>
  <c r="A102435" i="1" s="1"/>
  <c r="A102436" i="1" s="1"/>
  <c r="A102437" i="1" s="1"/>
  <c r="A102438" i="1" s="1"/>
  <c r="A102439" i="1" s="1"/>
  <c r="A102440" i="1" s="1"/>
  <c r="A102441" i="1" s="1"/>
  <c r="A102442" i="1" s="1"/>
  <c r="A102443" i="1" s="1"/>
  <c r="A102444" i="1" s="1"/>
  <c r="A102445" i="1" s="1"/>
  <c r="A102446" i="1" s="1"/>
  <c r="A102447" i="1" s="1"/>
  <c r="A102448" i="1" s="1"/>
  <c r="A102449" i="1" s="1"/>
  <c r="A102450" i="1" s="1"/>
  <c r="A102451" i="1" s="1"/>
  <c r="A102452" i="1" s="1"/>
  <c r="A102453" i="1" s="1"/>
  <c r="A102454" i="1" s="1"/>
  <c r="A102455" i="1" s="1"/>
  <c r="A102456" i="1" s="1"/>
  <c r="A102457" i="1" s="1"/>
  <c r="A102458" i="1" s="1"/>
  <c r="A102459" i="1" s="1"/>
  <c r="A102460" i="1" s="1"/>
  <c r="A102461" i="1" s="1"/>
  <c r="A102462" i="1" s="1"/>
  <c r="A102463" i="1" s="1"/>
  <c r="A102464" i="1" s="1"/>
  <c r="A102465" i="1" s="1"/>
  <c r="A102466" i="1" s="1"/>
  <c r="A102467" i="1" s="1"/>
  <c r="A102468" i="1" s="1"/>
  <c r="A102469" i="1" s="1"/>
  <c r="A102470" i="1" s="1"/>
  <c r="A102471" i="1" s="1"/>
  <c r="A102472" i="1" s="1"/>
  <c r="A102473" i="1" s="1"/>
  <c r="A102474" i="1" s="1"/>
  <c r="A102475" i="1" s="1"/>
  <c r="A102476" i="1" s="1"/>
  <c r="A102477" i="1" s="1"/>
  <c r="A102478" i="1" s="1"/>
  <c r="A102479" i="1" s="1"/>
  <c r="A102480" i="1" s="1"/>
  <c r="A102481" i="1" s="1"/>
  <c r="A102482" i="1" s="1"/>
  <c r="A102483" i="1" s="1"/>
  <c r="A102484" i="1" s="1"/>
  <c r="A102485" i="1" s="1"/>
  <c r="A102486" i="1" s="1"/>
  <c r="A102487" i="1" s="1"/>
  <c r="A102488" i="1" s="1"/>
  <c r="A102489" i="1" s="1"/>
  <c r="A102490" i="1" s="1"/>
  <c r="A102491" i="1" s="1"/>
  <c r="A102492" i="1" s="1"/>
  <c r="A102493" i="1" s="1"/>
  <c r="A102494" i="1" s="1"/>
  <c r="A102495" i="1" s="1"/>
  <c r="A102496" i="1" s="1"/>
  <c r="A102497" i="1" s="1"/>
  <c r="A102498" i="1" s="1"/>
  <c r="A102499" i="1" s="1"/>
  <c r="A102500" i="1" s="1"/>
  <c r="A102501" i="1" s="1"/>
  <c r="A102502" i="1" s="1"/>
  <c r="A102503" i="1" s="1"/>
  <c r="A102504" i="1" s="1"/>
  <c r="A102505" i="1" s="1"/>
  <c r="A102506" i="1" s="1"/>
  <c r="A102507" i="1" s="1"/>
  <c r="A102508" i="1" s="1"/>
  <c r="A102509" i="1" s="1"/>
  <c r="A102510" i="1" s="1"/>
  <c r="A102511" i="1" s="1"/>
  <c r="A102512" i="1" s="1"/>
  <c r="A102513" i="1" s="1"/>
  <c r="A102514" i="1" s="1"/>
  <c r="A102515" i="1" s="1"/>
  <c r="A102516" i="1" s="1"/>
  <c r="A102517" i="1" s="1"/>
  <c r="A102518" i="1" s="1"/>
  <c r="A102519" i="1" s="1"/>
  <c r="A102520" i="1" s="1"/>
  <c r="A102521" i="1" s="1"/>
  <c r="A102522" i="1" s="1"/>
  <c r="A102523" i="1" s="1"/>
  <c r="A102524" i="1" s="1"/>
  <c r="A102525" i="1" s="1"/>
  <c r="A102526" i="1" s="1"/>
  <c r="A102527" i="1" s="1"/>
  <c r="A102528" i="1" s="1"/>
  <c r="A102529" i="1" s="1"/>
  <c r="A102530" i="1" s="1"/>
  <c r="A102531" i="1" s="1"/>
  <c r="A102532" i="1" s="1"/>
  <c r="A102533" i="1" s="1"/>
  <c r="A102534" i="1" s="1"/>
  <c r="A102535" i="1" s="1"/>
  <c r="A102536" i="1" s="1"/>
  <c r="A102537" i="1" s="1"/>
  <c r="A102538" i="1" s="1"/>
  <c r="A102539" i="1" s="1"/>
  <c r="A102540" i="1" s="1"/>
  <c r="A102541" i="1" s="1"/>
  <c r="A102542" i="1" s="1"/>
  <c r="A102543" i="1" s="1"/>
  <c r="A102544" i="1" s="1"/>
  <c r="A102545" i="1" s="1"/>
  <c r="A102546" i="1" s="1"/>
  <c r="A102547" i="1" s="1"/>
  <c r="A102548" i="1" s="1"/>
  <c r="A102549" i="1" s="1"/>
  <c r="A102550" i="1" s="1"/>
  <c r="A102551" i="1" s="1"/>
  <c r="A102552" i="1" s="1"/>
  <c r="A102553" i="1" s="1"/>
  <c r="A102554" i="1" s="1"/>
  <c r="A102555" i="1" s="1"/>
  <c r="A102556" i="1" s="1"/>
  <c r="A102557" i="1" s="1"/>
  <c r="A102558" i="1" s="1"/>
  <c r="A102559" i="1" s="1"/>
  <c r="A102560" i="1" s="1"/>
  <c r="A102561" i="1" s="1"/>
  <c r="A102562" i="1" s="1"/>
  <c r="A102563" i="1" s="1"/>
  <c r="A102564" i="1" s="1"/>
  <c r="A102565" i="1" s="1"/>
  <c r="A102566" i="1" s="1"/>
  <c r="A102567" i="1" s="1"/>
  <c r="A102568" i="1" s="1"/>
  <c r="A102569" i="1" s="1"/>
  <c r="A102570" i="1" s="1"/>
  <c r="A102571" i="1" s="1"/>
  <c r="A102572" i="1" s="1"/>
  <c r="A102573" i="1" s="1"/>
  <c r="A102574" i="1" s="1"/>
  <c r="A102575" i="1" s="1"/>
  <c r="A102576" i="1" s="1"/>
  <c r="A102577" i="1" s="1"/>
  <c r="A102578" i="1" s="1"/>
  <c r="A102579" i="1" s="1"/>
  <c r="A102580" i="1" s="1"/>
  <c r="A102581" i="1" s="1"/>
  <c r="A102582" i="1" s="1"/>
  <c r="A102583" i="1" s="1"/>
  <c r="A102584" i="1" s="1"/>
  <c r="A102585" i="1" s="1"/>
  <c r="A102586" i="1" s="1"/>
  <c r="A102587" i="1" s="1"/>
  <c r="A102588" i="1" s="1"/>
  <c r="A102589" i="1" s="1"/>
  <c r="A102590" i="1" s="1"/>
  <c r="A102591" i="1" s="1"/>
  <c r="A102592" i="1" s="1"/>
  <c r="A102593" i="1" s="1"/>
  <c r="A102594" i="1" s="1"/>
  <c r="A102595" i="1" s="1"/>
  <c r="A102596" i="1" s="1"/>
  <c r="A102597" i="1" s="1"/>
  <c r="A102598" i="1" s="1"/>
  <c r="A102599" i="1" s="1"/>
  <c r="A102600" i="1" s="1"/>
  <c r="A102601" i="1" s="1"/>
  <c r="A102602" i="1" s="1"/>
  <c r="A102603" i="1" s="1"/>
  <c r="A102604" i="1" s="1"/>
  <c r="A102605" i="1" s="1"/>
  <c r="A102606" i="1" s="1"/>
  <c r="A102607" i="1" s="1"/>
  <c r="A102608" i="1" s="1"/>
  <c r="A102609" i="1" s="1"/>
  <c r="A102610" i="1" s="1"/>
  <c r="A102611" i="1" s="1"/>
  <c r="A102612" i="1" s="1"/>
  <c r="A102613" i="1" s="1"/>
  <c r="A102614" i="1" s="1"/>
  <c r="A102615" i="1" s="1"/>
  <c r="A102616" i="1" s="1"/>
  <c r="A102617" i="1" s="1"/>
  <c r="A102618" i="1" s="1"/>
  <c r="A102619" i="1" s="1"/>
  <c r="A102620" i="1" s="1"/>
  <c r="A102621" i="1" s="1"/>
  <c r="A102622" i="1" s="1"/>
  <c r="A102623" i="1" s="1"/>
  <c r="A102624" i="1" s="1"/>
  <c r="A102625" i="1" s="1"/>
  <c r="A102626" i="1" s="1"/>
  <c r="A102627" i="1" s="1"/>
  <c r="A102628" i="1" s="1"/>
  <c r="A102629" i="1" s="1"/>
  <c r="A102630" i="1" s="1"/>
  <c r="A102631" i="1" s="1"/>
  <c r="A102632" i="1" s="1"/>
  <c r="A102633" i="1" s="1"/>
  <c r="A102634" i="1" s="1"/>
  <c r="A102635" i="1" s="1"/>
  <c r="A102636" i="1" s="1"/>
  <c r="A102637" i="1" s="1"/>
  <c r="A102638" i="1" s="1"/>
  <c r="A102639" i="1" s="1"/>
  <c r="A102640" i="1" s="1"/>
  <c r="A102641" i="1" s="1"/>
  <c r="A102642" i="1" s="1"/>
  <c r="A102643" i="1" s="1"/>
  <c r="A102644" i="1" s="1"/>
  <c r="A102645" i="1" s="1"/>
  <c r="A102646" i="1" s="1"/>
  <c r="A102647" i="1" s="1"/>
  <c r="A102648" i="1" s="1"/>
  <c r="A102649" i="1" s="1"/>
  <c r="A102650" i="1" s="1"/>
  <c r="A102651" i="1" s="1"/>
  <c r="A102652" i="1" s="1"/>
  <c r="A102653" i="1" s="1"/>
  <c r="A102654" i="1" s="1"/>
  <c r="A102655" i="1" s="1"/>
  <c r="A102656" i="1" s="1"/>
  <c r="A102657" i="1" s="1"/>
  <c r="A102658" i="1" s="1"/>
  <c r="A102659" i="1" s="1"/>
  <c r="A102660" i="1" s="1"/>
  <c r="A102661" i="1" s="1"/>
  <c r="A102662" i="1" s="1"/>
  <c r="A102663" i="1" s="1"/>
  <c r="A102664" i="1" s="1"/>
  <c r="A102665" i="1" s="1"/>
  <c r="A102666" i="1" s="1"/>
  <c r="A102667" i="1" s="1"/>
  <c r="A102668" i="1" s="1"/>
  <c r="A102669" i="1" s="1"/>
  <c r="A102670" i="1" s="1"/>
  <c r="A102671" i="1" s="1"/>
  <c r="A102672" i="1" s="1"/>
  <c r="A102673" i="1" s="1"/>
  <c r="A102674" i="1" s="1"/>
  <c r="A102675" i="1" s="1"/>
  <c r="A102676" i="1" s="1"/>
  <c r="A102677" i="1" s="1"/>
  <c r="A102678" i="1" s="1"/>
  <c r="A102679" i="1" s="1"/>
  <c r="A102680" i="1" s="1"/>
  <c r="A102681" i="1" s="1"/>
  <c r="A102682" i="1" s="1"/>
  <c r="A102683" i="1" s="1"/>
  <c r="A102684" i="1" s="1"/>
  <c r="A102685" i="1" s="1"/>
  <c r="A102686" i="1" s="1"/>
  <c r="A102687" i="1" s="1"/>
  <c r="A102688" i="1" s="1"/>
  <c r="A102689" i="1" s="1"/>
  <c r="A102690" i="1" s="1"/>
  <c r="A102691" i="1" s="1"/>
  <c r="A102692" i="1" s="1"/>
  <c r="A102693" i="1" s="1"/>
  <c r="A102694" i="1" s="1"/>
  <c r="A102695" i="1" s="1"/>
  <c r="A102696" i="1" s="1"/>
  <c r="A102697" i="1" s="1"/>
  <c r="A102698" i="1" s="1"/>
  <c r="A102699" i="1" s="1"/>
  <c r="A102700" i="1" s="1"/>
  <c r="A102701" i="1" s="1"/>
  <c r="A102702" i="1" s="1"/>
  <c r="A102703" i="1" s="1"/>
  <c r="A102704" i="1" s="1"/>
  <c r="A102705" i="1" s="1"/>
  <c r="A102706" i="1" s="1"/>
  <c r="A102707" i="1" s="1"/>
  <c r="A102708" i="1" s="1"/>
  <c r="A102709" i="1" s="1"/>
  <c r="A102710" i="1" s="1"/>
  <c r="A102711" i="1" s="1"/>
  <c r="A102712" i="1" s="1"/>
  <c r="A102713" i="1" s="1"/>
  <c r="A102714" i="1" s="1"/>
  <c r="A102715" i="1" s="1"/>
  <c r="A102716" i="1" s="1"/>
  <c r="A102717" i="1" s="1"/>
  <c r="A102718" i="1" s="1"/>
  <c r="A102719" i="1" s="1"/>
  <c r="A102720" i="1" s="1"/>
  <c r="A102721" i="1" s="1"/>
  <c r="A102722" i="1" s="1"/>
  <c r="A102723" i="1" s="1"/>
  <c r="A102724" i="1" s="1"/>
  <c r="A102725" i="1" s="1"/>
  <c r="A102726" i="1" s="1"/>
  <c r="A102727" i="1" s="1"/>
  <c r="A102728" i="1" s="1"/>
  <c r="A102729" i="1" s="1"/>
  <c r="A102730" i="1" s="1"/>
  <c r="A102731" i="1" s="1"/>
  <c r="A102732" i="1" s="1"/>
  <c r="A102733" i="1" s="1"/>
  <c r="A102734" i="1" s="1"/>
  <c r="A102735" i="1" s="1"/>
  <c r="A102736" i="1" s="1"/>
  <c r="A102737" i="1" s="1"/>
  <c r="A102738" i="1" s="1"/>
  <c r="A102739" i="1" s="1"/>
  <c r="A102740" i="1" s="1"/>
  <c r="A102741" i="1" s="1"/>
  <c r="A102742" i="1" s="1"/>
  <c r="A102743" i="1" s="1"/>
  <c r="A102744" i="1" s="1"/>
  <c r="A102745" i="1" s="1"/>
  <c r="A102746" i="1" s="1"/>
  <c r="A102747" i="1" s="1"/>
  <c r="A102748" i="1" s="1"/>
  <c r="A102749" i="1" s="1"/>
  <c r="A102750" i="1" s="1"/>
  <c r="A102751" i="1" s="1"/>
  <c r="A102752" i="1" s="1"/>
  <c r="A102753" i="1" s="1"/>
  <c r="A102754" i="1" s="1"/>
  <c r="A102755" i="1" s="1"/>
  <c r="A102756" i="1" s="1"/>
  <c r="A102757" i="1" s="1"/>
  <c r="A102758" i="1" s="1"/>
  <c r="A102759" i="1" s="1"/>
  <c r="A102760" i="1" s="1"/>
  <c r="A102761" i="1" s="1"/>
  <c r="A102762" i="1" s="1"/>
  <c r="A102763" i="1" s="1"/>
  <c r="A102764" i="1" s="1"/>
  <c r="A102765" i="1" s="1"/>
  <c r="A102766" i="1" s="1"/>
  <c r="A102767" i="1" s="1"/>
  <c r="A102768" i="1" s="1"/>
  <c r="A102769" i="1" s="1"/>
  <c r="A102770" i="1" s="1"/>
  <c r="A102771" i="1" s="1"/>
  <c r="A102772" i="1" s="1"/>
  <c r="A102773" i="1" s="1"/>
  <c r="A102774" i="1" s="1"/>
  <c r="A102775" i="1" s="1"/>
  <c r="A102776" i="1" s="1"/>
  <c r="A102777" i="1" s="1"/>
  <c r="A102778" i="1" s="1"/>
  <c r="A102779" i="1" s="1"/>
  <c r="A102780" i="1" s="1"/>
  <c r="A102781" i="1" s="1"/>
  <c r="A102782" i="1" s="1"/>
  <c r="A102783" i="1" s="1"/>
  <c r="A102784" i="1" s="1"/>
  <c r="A102785" i="1" s="1"/>
  <c r="A102786" i="1" s="1"/>
  <c r="A102787" i="1" s="1"/>
  <c r="A102788" i="1" s="1"/>
  <c r="A102789" i="1" s="1"/>
  <c r="A102790" i="1" s="1"/>
  <c r="A102791" i="1" s="1"/>
  <c r="A102792" i="1" s="1"/>
  <c r="A102793" i="1" s="1"/>
  <c r="A102794" i="1" s="1"/>
  <c r="A102795" i="1" s="1"/>
  <c r="A102796" i="1" s="1"/>
  <c r="A102797" i="1" s="1"/>
  <c r="A102798" i="1" s="1"/>
  <c r="A102799" i="1" s="1"/>
  <c r="A102800" i="1" s="1"/>
  <c r="A102801" i="1" s="1"/>
  <c r="A102802" i="1" s="1"/>
  <c r="A102803" i="1" s="1"/>
  <c r="A102804" i="1" s="1"/>
  <c r="A102805" i="1" s="1"/>
  <c r="A102806" i="1" s="1"/>
  <c r="A102807" i="1" s="1"/>
  <c r="A102808" i="1" s="1"/>
  <c r="A102809" i="1" s="1"/>
  <c r="A102810" i="1" s="1"/>
  <c r="A102811" i="1" s="1"/>
  <c r="A102812" i="1" s="1"/>
  <c r="A102813" i="1" s="1"/>
  <c r="A102814" i="1" s="1"/>
  <c r="A102815" i="1" s="1"/>
  <c r="A102816" i="1" s="1"/>
  <c r="A102817" i="1" s="1"/>
  <c r="A102818" i="1" s="1"/>
  <c r="A102819" i="1" s="1"/>
  <c r="A102820" i="1" s="1"/>
  <c r="A102821" i="1" s="1"/>
  <c r="A102822" i="1" s="1"/>
  <c r="A102823" i="1" s="1"/>
  <c r="A102824" i="1" s="1"/>
  <c r="A102825" i="1" s="1"/>
  <c r="A102826" i="1" s="1"/>
  <c r="A102827" i="1" s="1"/>
  <c r="A102828" i="1" s="1"/>
  <c r="A102829" i="1" s="1"/>
  <c r="A102830" i="1" s="1"/>
  <c r="A102831" i="1" s="1"/>
  <c r="A102832" i="1" s="1"/>
  <c r="A102833" i="1" s="1"/>
  <c r="A102834" i="1" s="1"/>
  <c r="A102835" i="1" s="1"/>
  <c r="A102836" i="1" s="1"/>
  <c r="A102837" i="1" s="1"/>
  <c r="A102838" i="1" s="1"/>
  <c r="A102839" i="1" s="1"/>
  <c r="A102840" i="1" s="1"/>
  <c r="A102841" i="1" s="1"/>
  <c r="A102842" i="1" s="1"/>
  <c r="A102843" i="1" s="1"/>
  <c r="A102844" i="1" s="1"/>
  <c r="A102845" i="1" s="1"/>
  <c r="A102846" i="1" s="1"/>
  <c r="A102847" i="1" s="1"/>
  <c r="A102848" i="1" s="1"/>
  <c r="A102849" i="1" s="1"/>
  <c r="A102850" i="1" s="1"/>
  <c r="A102851" i="1" s="1"/>
  <c r="A102852" i="1" s="1"/>
  <c r="A102853" i="1" s="1"/>
  <c r="A102854" i="1" s="1"/>
  <c r="A102855" i="1" s="1"/>
  <c r="A102856" i="1" s="1"/>
  <c r="A102857" i="1" s="1"/>
  <c r="A102858" i="1" s="1"/>
  <c r="A102859" i="1" s="1"/>
  <c r="A102860" i="1" s="1"/>
  <c r="A102861" i="1" s="1"/>
  <c r="A102862" i="1" s="1"/>
  <c r="A102863" i="1" s="1"/>
  <c r="A102864" i="1" s="1"/>
  <c r="A102865" i="1" s="1"/>
  <c r="A102866" i="1" s="1"/>
  <c r="A102867" i="1" s="1"/>
  <c r="A102868" i="1" s="1"/>
  <c r="A102869" i="1" s="1"/>
  <c r="A102870" i="1" s="1"/>
  <c r="A102871" i="1" s="1"/>
  <c r="A102872" i="1" s="1"/>
  <c r="A102873" i="1" s="1"/>
  <c r="A102874" i="1" s="1"/>
  <c r="A102875" i="1" s="1"/>
  <c r="A102876" i="1" s="1"/>
  <c r="A102877" i="1" s="1"/>
  <c r="A102878" i="1" s="1"/>
  <c r="A102879" i="1" s="1"/>
  <c r="A102880" i="1" s="1"/>
  <c r="A102881" i="1" s="1"/>
  <c r="A102882" i="1" s="1"/>
  <c r="A102883" i="1" s="1"/>
  <c r="A102884" i="1" s="1"/>
  <c r="A102885" i="1" s="1"/>
  <c r="A102886" i="1" s="1"/>
  <c r="A102887" i="1" s="1"/>
  <c r="A102888" i="1" s="1"/>
  <c r="A102889" i="1" s="1"/>
  <c r="A102890" i="1" s="1"/>
  <c r="A102891" i="1" s="1"/>
  <c r="A102892" i="1" s="1"/>
  <c r="A102893" i="1" s="1"/>
  <c r="A102894" i="1" s="1"/>
  <c r="A102895" i="1" s="1"/>
  <c r="A102896" i="1" s="1"/>
  <c r="A102897" i="1" s="1"/>
  <c r="A102898" i="1" s="1"/>
  <c r="A102899" i="1" s="1"/>
  <c r="A102900" i="1" s="1"/>
  <c r="A102901" i="1" s="1"/>
  <c r="A102902" i="1" s="1"/>
  <c r="A102903" i="1" s="1"/>
  <c r="A102904" i="1" s="1"/>
  <c r="A102905" i="1" s="1"/>
  <c r="A102906" i="1" s="1"/>
  <c r="A102907" i="1" s="1"/>
  <c r="A102908" i="1" s="1"/>
  <c r="A102909" i="1" s="1"/>
  <c r="A102910" i="1" s="1"/>
  <c r="A102911" i="1" s="1"/>
  <c r="A102912" i="1" s="1"/>
  <c r="A102913" i="1" s="1"/>
  <c r="A102914" i="1" s="1"/>
  <c r="A102915" i="1" s="1"/>
  <c r="A102916" i="1" s="1"/>
  <c r="A102917" i="1" s="1"/>
  <c r="A102918" i="1" s="1"/>
  <c r="A102919" i="1" s="1"/>
  <c r="A102920" i="1" s="1"/>
  <c r="A102921" i="1" s="1"/>
  <c r="A102922" i="1" s="1"/>
  <c r="A102923" i="1" s="1"/>
  <c r="A102924" i="1" s="1"/>
  <c r="A102925" i="1" s="1"/>
  <c r="A102926" i="1" s="1"/>
  <c r="A102927" i="1" s="1"/>
  <c r="A102928" i="1" s="1"/>
  <c r="A102929" i="1" s="1"/>
  <c r="A102930" i="1" s="1"/>
  <c r="A102931" i="1" s="1"/>
  <c r="A102932" i="1" s="1"/>
  <c r="A102933" i="1" s="1"/>
  <c r="A102934" i="1" s="1"/>
  <c r="A102935" i="1" s="1"/>
  <c r="A102936" i="1" s="1"/>
  <c r="A102937" i="1" s="1"/>
  <c r="A102938" i="1" s="1"/>
  <c r="A102939" i="1" s="1"/>
  <c r="A102940" i="1" s="1"/>
  <c r="A102941" i="1" s="1"/>
  <c r="A102942" i="1" s="1"/>
  <c r="A102943" i="1" s="1"/>
  <c r="A102944" i="1" s="1"/>
  <c r="A102945" i="1" s="1"/>
  <c r="A102946" i="1" s="1"/>
  <c r="A102947" i="1" s="1"/>
  <c r="A102948" i="1" s="1"/>
  <c r="A102949" i="1" s="1"/>
  <c r="A102950" i="1" s="1"/>
  <c r="A102951" i="1" s="1"/>
  <c r="A102952" i="1" s="1"/>
  <c r="A102953" i="1" s="1"/>
  <c r="A102954" i="1" s="1"/>
  <c r="A102955" i="1" s="1"/>
  <c r="A102956" i="1" s="1"/>
  <c r="A102957" i="1" s="1"/>
  <c r="A102958" i="1" s="1"/>
  <c r="A102959" i="1" s="1"/>
  <c r="A102960" i="1" s="1"/>
  <c r="A102961" i="1" s="1"/>
  <c r="A102962" i="1" s="1"/>
  <c r="A102963" i="1" s="1"/>
  <c r="A102964" i="1" s="1"/>
  <c r="A102965" i="1" s="1"/>
  <c r="A102966" i="1" s="1"/>
  <c r="A102967" i="1" s="1"/>
  <c r="A102968" i="1" s="1"/>
  <c r="A102969" i="1" s="1"/>
  <c r="A102970" i="1" s="1"/>
  <c r="A102971" i="1" s="1"/>
  <c r="A102972" i="1" s="1"/>
  <c r="A102973" i="1" s="1"/>
  <c r="A102974" i="1" s="1"/>
  <c r="A102975" i="1" s="1"/>
  <c r="A102976" i="1" s="1"/>
  <c r="A102977" i="1" s="1"/>
  <c r="A102978" i="1" s="1"/>
  <c r="A102979" i="1" s="1"/>
  <c r="A102980" i="1" s="1"/>
  <c r="A102981" i="1" s="1"/>
  <c r="A102982" i="1" s="1"/>
  <c r="A102983" i="1" s="1"/>
  <c r="A102984" i="1" s="1"/>
  <c r="A102985" i="1" s="1"/>
  <c r="A102986" i="1" s="1"/>
  <c r="A102987" i="1" s="1"/>
  <c r="A102988" i="1" s="1"/>
  <c r="A102989" i="1" s="1"/>
  <c r="A102990" i="1" s="1"/>
  <c r="A102991" i="1" s="1"/>
  <c r="A102992" i="1" s="1"/>
  <c r="A102993" i="1" s="1"/>
  <c r="A102994" i="1" s="1"/>
  <c r="A102995" i="1" s="1"/>
  <c r="A102996" i="1" s="1"/>
  <c r="A102997" i="1" s="1"/>
  <c r="A102998" i="1" s="1"/>
  <c r="A102999" i="1" s="1"/>
  <c r="A103000" i="1" s="1"/>
  <c r="A103001" i="1" s="1"/>
  <c r="A103002" i="1" s="1"/>
  <c r="A103003" i="1" s="1"/>
  <c r="A103004" i="1" s="1"/>
  <c r="A103005" i="1" s="1"/>
  <c r="A103006" i="1" s="1"/>
  <c r="A103007" i="1" s="1"/>
  <c r="A103008" i="1" s="1"/>
  <c r="A103009" i="1" s="1"/>
  <c r="A103010" i="1" s="1"/>
  <c r="A103011" i="1" s="1"/>
  <c r="A103012" i="1" s="1"/>
  <c r="A103013" i="1" s="1"/>
  <c r="A103014" i="1" s="1"/>
  <c r="A103015" i="1" s="1"/>
  <c r="A103016" i="1" s="1"/>
  <c r="A103017" i="1" s="1"/>
  <c r="A103018" i="1" s="1"/>
  <c r="A103019" i="1" s="1"/>
  <c r="A103020" i="1" s="1"/>
  <c r="A103021" i="1" s="1"/>
  <c r="A103022" i="1" s="1"/>
  <c r="A103023" i="1" s="1"/>
  <c r="A103024" i="1" s="1"/>
  <c r="A103025" i="1" s="1"/>
  <c r="A103026" i="1" s="1"/>
  <c r="A103027" i="1" s="1"/>
  <c r="A103028" i="1" s="1"/>
  <c r="A103029" i="1" s="1"/>
  <c r="A103030" i="1" s="1"/>
  <c r="A103031" i="1" s="1"/>
  <c r="A103032" i="1" s="1"/>
  <c r="A103033" i="1" s="1"/>
  <c r="A103034" i="1" s="1"/>
  <c r="A103035" i="1" s="1"/>
  <c r="A103036" i="1" s="1"/>
  <c r="A103037" i="1" s="1"/>
  <c r="A103038" i="1" s="1"/>
  <c r="A103039" i="1" s="1"/>
  <c r="A103040" i="1" s="1"/>
  <c r="A103041" i="1" s="1"/>
  <c r="A103042" i="1" s="1"/>
  <c r="A103043" i="1" s="1"/>
  <c r="A103044" i="1" s="1"/>
  <c r="A103045" i="1" s="1"/>
  <c r="A103046" i="1" s="1"/>
  <c r="A103047" i="1" s="1"/>
  <c r="A103048" i="1" s="1"/>
  <c r="A103049" i="1" s="1"/>
  <c r="A103050" i="1" s="1"/>
  <c r="A103051" i="1" s="1"/>
  <c r="A103052" i="1" s="1"/>
  <c r="A103053" i="1" s="1"/>
  <c r="A103054" i="1" s="1"/>
  <c r="A103055" i="1" s="1"/>
  <c r="A103056" i="1" s="1"/>
  <c r="A103057" i="1" s="1"/>
  <c r="A103058" i="1" s="1"/>
  <c r="A103059" i="1" s="1"/>
  <c r="A103060" i="1" s="1"/>
  <c r="A103061" i="1" s="1"/>
  <c r="A103062" i="1" s="1"/>
  <c r="A103063" i="1" s="1"/>
  <c r="A103064" i="1" s="1"/>
  <c r="A103065" i="1" s="1"/>
  <c r="A103066" i="1" s="1"/>
  <c r="A103067" i="1" s="1"/>
  <c r="A103068" i="1" s="1"/>
  <c r="A103069" i="1" s="1"/>
  <c r="A103070" i="1" s="1"/>
  <c r="A103071" i="1" s="1"/>
  <c r="A103072" i="1" s="1"/>
  <c r="A103073" i="1" s="1"/>
  <c r="A103074" i="1" s="1"/>
  <c r="A103075" i="1" s="1"/>
  <c r="A103076" i="1" s="1"/>
  <c r="A103077" i="1" s="1"/>
  <c r="A103078" i="1" s="1"/>
  <c r="A103079" i="1" s="1"/>
  <c r="A103080" i="1" s="1"/>
  <c r="A103081" i="1" s="1"/>
  <c r="A103082" i="1" s="1"/>
  <c r="A103083" i="1" s="1"/>
  <c r="A103084" i="1" s="1"/>
  <c r="A103085" i="1" s="1"/>
  <c r="A103086" i="1" s="1"/>
  <c r="A103087" i="1" s="1"/>
  <c r="A103088" i="1" s="1"/>
  <c r="A103089" i="1" s="1"/>
  <c r="A103090" i="1" s="1"/>
  <c r="A103091" i="1" s="1"/>
  <c r="A103092" i="1" s="1"/>
  <c r="A103093" i="1" s="1"/>
  <c r="A103094" i="1" s="1"/>
  <c r="A103095" i="1" s="1"/>
  <c r="A103096" i="1" s="1"/>
  <c r="A103097" i="1" s="1"/>
  <c r="A103098" i="1" s="1"/>
  <c r="A103099" i="1" s="1"/>
  <c r="A103100" i="1" s="1"/>
  <c r="A103101" i="1" s="1"/>
  <c r="A103102" i="1" s="1"/>
  <c r="A103103" i="1" s="1"/>
  <c r="A103104" i="1" s="1"/>
  <c r="A103105" i="1" s="1"/>
  <c r="A103106" i="1" s="1"/>
  <c r="A103107" i="1" s="1"/>
  <c r="A103108" i="1" s="1"/>
  <c r="A103109" i="1" s="1"/>
  <c r="A103110" i="1" s="1"/>
  <c r="A103111" i="1" s="1"/>
  <c r="A103112" i="1" s="1"/>
  <c r="A103113" i="1" s="1"/>
  <c r="A103114" i="1" s="1"/>
  <c r="A103115" i="1" s="1"/>
  <c r="A103116" i="1" s="1"/>
  <c r="A103117" i="1" s="1"/>
  <c r="A103118" i="1" s="1"/>
  <c r="A103119" i="1" s="1"/>
  <c r="A103120" i="1" s="1"/>
  <c r="A103121" i="1" s="1"/>
  <c r="A103122" i="1" s="1"/>
  <c r="A103123" i="1" s="1"/>
  <c r="A103124" i="1" s="1"/>
  <c r="A103125" i="1" s="1"/>
  <c r="A103126" i="1" s="1"/>
  <c r="A103127" i="1" s="1"/>
  <c r="A103128" i="1" s="1"/>
  <c r="A103129" i="1" s="1"/>
  <c r="A103130" i="1" s="1"/>
  <c r="A103131" i="1" s="1"/>
  <c r="A103132" i="1" s="1"/>
  <c r="A103133" i="1" s="1"/>
  <c r="A103134" i="1" s="1"/>
  <c r="A103135" i="1" s="1"/>
  <c r="A103136" i="1" s="1"/>
  <c r="A103137" i="1" s="1"/>
  <c r="A103138" i="1" s="1"/>
  <c r="A103139" i="1" s="1"/>
  <c r="A103140" i="1" s="1"/>
  <c r="A103141" i="1" s="1"/>
  <c r="A103142" i="1" s="1"/>
  <c r="A103143" i="1" s="1"/>
  <c r="A103144" i="1" s="1"/>
  <c r="A103145" i="1" s="1"/>
  <c r="A103146" i="1" s="1"/>
  <c r="A103147" i="1" s="1"/>
  <c r="A103148" i="1" s="1"/>
  <c r="A103149" i="1" s="1"/>
  <c r="A103150" i="1" s="1"/>
  <c r="A103151" i="1" s="1"/>
  <c r="A103152" i="1" s="1"/>
  <c r="A103153" i="1" s="1"/>
  <c r="A103154" i="1" s="1"/>
  <c r="A103155" i="1" s="1"/>
  <c r="A103156" i="1" s="1"/>
  <c r="A103157" i="1" s="1"/>
  <c r="A103158" i="1" s="1"/>
  <c r="A103159" i="1" s="1"/>
  <c r="A103160" i="1" s="1"/>
  <c r="A103161" i="1" s="1"/>
  <c r="A103162" i="1" s="1"/>
  <c r="A103163" i="1" s="1"/>
  <c r="A103164" i="1" s="1"/>
  <c r="A103165" i="1" s="1"/>
  <c r="A103166" i="1" s="1"/>
  <c r="A103167" i="1" s="1"/>
  <c r="A103168" i="1" s="1"/>
  <c r="A103169" i="1" s="1"/>
  <c r="A103170" i="1" s="1"/>
  <c r="A103171" i="1" s="1"/>
  <c r="A103172" i="1" s="1"/>
  <c r="A103173" i="1" s="1"/>
  <c r="A103174" i="1" s="1"/>
  <c r="A103175" i="1" s="1"/>
  <c r="A103176" i="1" s="1"/>
  <c r="A103177" i="1" s="1"/>
  <c r="A103178" i="1" s="1"/>
  <c r="A103179" i="1" s="1"/>
  <c r="A103180" i="1" s="1"/>
  <c r="A103181" i="1" s="1"/>
  <c r="A103182" i="1" s="1"/>
  <c r="A103183" i="1" s="1"/>
  <c r="A103184" i="1" s="1"/>
  <c r="A103185" i="1" s="1"/>
  <c r="A103186" i="1" s="1"/>
  <c r="A103187" i="1" s="1"/>
  <c r="A103188" i="1" s="1"/>
  <c r="A103189" i="1" s="1"/>
  <c r="A103190" i="1" s="1"/>
  <c r="A103191" i="1" s="1"/>
  <c r="A103192" i="1" s="1"/>
  <c r="A103193" i="1" s="1"/>
  <c r="A103194" i="1" s="1"/>
  <c r="A103195" i="1" s="1"/>
  <c r="A103196" i="1" s="1"/>
  <c r="A103197" i="1" s="1"/>
  <c r="A103198" i="1" s="1"/>
  <c r="A103199" i="1" s="1"/>
  <c r="A103200" i="1" s="1"/>
  <c r="A103201" i="1" s="1"/>
  <c r="A103202" i="1" s="1"/>
  <c r="A103203" i="1" s="1"/>
  <c r="A103204" i="1" s="1"/>
  <c r="A103205" i="1" s="1"/>
  <c r="A103206" i="1" s="1"/>
  <c r="A103207" i="1" s="1"/>
  <c r="A103208" i="1" s="1"/>
  <c r="A103209" i="1" s="1"/>
  <c r="A103210" i="1" s="1"/>
  <c r="A103211" i="1" s="1"/>
  <c r="A103212" i="1" s="1"/>
  <c r="A103213" i="1" s="1"/>
  <c r="A103214" i="1" s="1"/>
  <c r="A103215" i="1" s="1"/>
  <c r="A103216" i="1" s="1"/>
  <c r="A103217" i="1" s="1"/>
  <c r="A103218" i="1" s="1"/>
  <c r="A103219" i="1" s="1"/>
  <c r="A103220" i="1" s="1"/>
  <c r="A103221" i="1" s="1"/>
  <c r="A103222" i="1" s="1"/>
  <c r="A103223" i="1" s="1"/>
  <c r="A103224" i="1" s="1"/>
  <c r="A103225" i="1" s="1"/>
  <c r="A103226" i="1" s="1"/>
  <c r="A103227" i="1" s="1"/>
  <c r="A103228" i="1" s="1"/>
  <c r="A103229" i="1" s="1"/>
  <c r="A103230" i="1" s="1"/>
  <c r="A103231" i="1" s="1"/>
  <c r="A103232" i="1" s="1"/>
  <c r="A103233" i="1" s="1"/>
  <c r="A103234" i="1" s="1"/>
  <c r="A103235" i="1" s="1"/>
  <c r="A103236" i="1" s="1"/>
  <c r="A103237" i="1" s="1"/>
  <c r="A103238" i="1" s="1"/>
  <c r="A103239" i="1" s="1"/>
  <c r="A103240" i="1" s="1"/>
  <c r="A103241" i="1" s="1"/>
  <c r="A103242" i="1" s="1"/>
  <c r="A103243" i="1" s="1"/>
  <c r="A103244" i="1" s="1"/>
  <c r="A103245" i="1" s="1"/>
  <c r="A103246" i="1" s="1"/>
  <c r="A103247" i="1" s="1"/>
  <c r="A103248" i="1" s="1"/>
  <c r="A103249" i="1" s="1"/>
  <c r="A103250" i="1" s="1"/>
  <c r="A103251" i="1" s="1"/>
  <c r="A103252" i="1" s="1"/>
  <c r="A103253" i="1" s="1"/>
  <c r="A103254" i="1" s="1"/>
  <c r="A103255" i="1" s="1"/>
  <c r="A103256" i="1" s="1"/>
  <c r="A103257" i="1" s="1"/>
  <c r="A103258" i="1" s="1"/>
  <c r="A103259" i="1" s="1"/>
  <c r="A103260" i="1" s="1"/>
  <c r="A103261" i="1" s="1"/>
  <c r="A103262" i="1" s="1"/>
  <c r="A103263" i="1" s="1"/>
  <c r="A103264" i="1" s="1"/>
  <c r="A103265" i="1" s="1"/>
  <c r="A103266" i="1" s="1"/>
  <c r="A103267" i="1" s="1"/>
  <c r="A103268" i="1" s="1"/>
  <c r="A103269" i="1" s="1"/>
  <c r="A103270" i="1" s="1"/>
  <c r="A103271" i="1" s="1"/>
  <c r="A103272" i="1" s="1"/>
  <c r="A103273" i="1" s="1"/>
  <c r="A103274" i="1" s="1"/>
  <c r="A103275" i="1" s="1"/>
  <c r="A103276" i="1" s="1"/>
  <c r="A103277" i="1" s="1"/>
  <c r="A103278" i="1" s="1"/>
  <c r="A103279" i="1" s="1"/>
  <c r="A103280" i="1" s="1"/>
  <c r="A103281" i="1" s="1"/>
  <c r="A103282" i="1" s="1"/>
  <c r="A103283" i="1" s="1"/>
  <c r="A103284" i="1" s="1"/>
  <c r="A103285" i="1" s="1"/>
  <c r="A103286" i="1" s="1"/>
  <c r="A103287" i="1" s="1"/>
  <c r="A103288" i="1" s="1"/>
  <c r="A103289" i="1" s="1"/>
  <c r="A103290" i="1" s="1"/>
  <c r="A103291" i="1" s="1"/>
  <c r="A103292" i="1" s="1"/>
  <c r="A103293" i="1" s="1"/>
  <c r="A103294" i="1" s="1"/>
  <c r="A103295" i="1" s="1"/>
  <c r="A103296" i="1" s="1"/>
  <c r="A103297" i="1" s="1"/>
  <c r="A103298" i="1" s="1"/>
  <c r="A103299" i="1" s="1"/>
  <c r="A103300" i="1" s="1"/>
  <c r="A103301" i="1" s="1"/>
  <c r="A103302" i="1" s="1"/>
  <c r="A103303" i="1" s="1"/>
  <c r="A103304" i="1" s="1"/>
  <c r="A103305" i="1" s="1"/>
  <c r="A103306" i="1" s="1"/>
  <c r="A103307" i="1" s="1"/>
  <c r="A103308" i="1" s="1"/>
  <c r="A103309" i="1" s="1"/>
  <c r="A103310" i="1" s="1"/>
  <c r="A103311" i="1" s="1"/>
  <c r="A103312" i="1" s="1"/>
  <c r="A103313" i="1" s="1"/>
  <c r="A103314" i="1" s="1"/>
  <c r="A103315" i="1" s="1"/>
  <c r="A103316" i="1" s="1"/>
  <c r="A103317" i="1" s="1"/>
  <c r="A103318" i="1" s="1"/>
  <c r="A103319" i="1" s="1"/>
  <c r="A103320" i="1" s="1"/>
  <c r="A103321" i="1" s="1"/>
  <c r="A103322" i="1" s="1"/>
  <c r="A103323" i="1" s="1"/>
  <c r="A103324" i="1" s="1"/>
  <c r="A103325" i="1" s="1"/>
  <c r="A103326" i="1" s="1"/>
  <c r="A103327" i="1" s="1"/>
  <c r="A103328" i="1" s="1"/>
  <c r="A103329" i="1" s="1"/>
  <c r="A103330" i="1" s="1"/>
  <c r="A103331" i="1" s="1"/>
  <c r="A103332" i="1" s="1"/>
  <c r="A103333" i="1" s="1"/>
  <c r="A103334" i="1" s="1"/>
  <c r="A103335" i="1" s="1"/>
  <c r="A103336" i="1" s="1"/>
  <c r="A103337" i="1" s="1"/>
  <c r="A103338" i="1" s="1"/>
  <c r="A103339" i="1" s="1"/>
  <c r="A103340" i="1" s="1"/>
  <c r="A103341" i="1" s="1"/>
  <c r="A103342" i="1" s="1"/>
  <c r="A103343" i="1" s="1"/>
  <c r="A103344" i="1" s="1"/>
  <c r="A103345" i="1" s="1"/>
  <c r="A103346" i="1" s="1"/>
  <c r="A103347" i="1" s="1"/>
  <c r="A103348" i="1" s="1"/>
  <c r="A103349" i="1" s="1"/>
  <c r="A103350" i="1" s="1"/>
  <c r="A103351" i="1" s="1"/>
  <c r="A103352" i="1" s="1"/>
  <c r="A103353" i="1" s="1"/>
  <c r="A103354" i="1" s="1"/>
  <c r="A103355" i="1" s="1"/>
  <c r="A103356" i="1" s="1"/>
  <c r="A103357" i="1" s="1"/>
  <c r="A103358" i="1" s="1"/>
  <c r="A103359" i="1" s="1"/>
  <c r="A103360" i="1" s="1"/>
  <c r="A103361" i="1" s="1"/>
  <c r="A103362" i="1" s="1"/>
  <c r="A103363" i="1" s="1"/>
  <c r="A103364" i="1" s="1"/>
  <c r="A103365" i="1" s="1"/>
  <c r="A103366" i="1" s="1"/>
  <c r="A103367" i="1" s="1"/>
  <c r="A103368" i="1" s="1"/>
  <c r="A103369" i="1" s="1"/>
  <c r="A103370" i="1" s="1"/>
  <c r="A103371" i="1" s="1"/>
  <c r="A103372" i="1" s="1"/>
  <c r="A103373" i="1" s="1"/>
  <c r="A103374" i="1" s="1"/>
  <c r="A103375" i="1" s="1"/>
  <c r="A103376" i="1" s="1"/>
  <c r="A103377" i="1" s="1"/>
  <c r="A103378" i="1" s="1"/>
  <c r="A103379" i="1" s="1"/>
  <c r="A103380" i="1" s="1"/>
  <c r="A103381" i="1" s="1"/>
  <c r="A103382" i="1" s="1"/>
  <c r="A103383" i="1" s="1"/>
  <c r="A103384" i="1" s="1"/>
  <c r="A103385" i="1" s="1"/>
  <c r="A103386" i="1" s="1"/>
  <c r="A103387" i="1" s="1"/>
  <c r="A103388" i="1" s="1"/>
  <c r="A103389" i="1" s="1"/>
  <c r="A103390" i="1" s="1"/>
  <c r="A103391" i="1" s="1"/>
  <c r="A103392" i="1" s="1"/>
  <c r="A103393" i="1" s="1"/>
  <c r="A103394" i="1" s="1"/>
  <c r="A103395" i="1" s="1"/>
  <c r="A103396" i="1" s="1"/>
  <c r="A103397" i="1" s="1"/>
  <c r="A103398" i="1" s="1"/>
  <c r="A103399" i="1" s="1"/>
  <c r="A103400" i="1" s="1"/>
  <c r="A103401" i="1" s="1"/>
  <c r="A103402" i="1" s="1"/>
  <c r="A103403" i="1" s="1"/>
  <c r="A103404" i="1" s="1"/>
  <c r="A103405" i="1" s="1"/>
  <c r="A103406" i="1" s="1"/>
  <c r="A103407" i="1" s="1"/>
  <c r="A103408" i="1" s="1"/>
  <c r="A103409" i="1" s="1"/>
  <c r="A103410" i="1" s="1"/>
  <c r="A103411" i="1" s="1"/>
  <c r="A103412" i="1" s="1"/>
  <c r="A103413" i="1" s="1"/>
  <c r="A103414" i="1" s="1"/>
  <c r="A103415" i="1" s="1"/>
  <c r="A103416" i="1" s="1"/>
  <c r="A103417" i="1" s="1"/>
  <c r="A103418" i="1" s="1"/>
  <c r="A103419" i="1" s="1"/>
  <c r="A103420" i="1" s="1"/>
  <c r="A103421" i="1" s="1"/>
  <c r="A103422" i="1" s="1"/>
  <c r="A103423" i="1" s="1"/>
  <c r="A103424" i="1" s="1"/>
  <c r="A103425" i="1" s="1"/>
  <c r="A103426" i="1" s="1"/>
  <c r="A103427" i="1" s="1"/>
  <c r="A103428" i="1" s="1"/>
  <c r="A103429" i="1" s="1"/>
  <c r="A103430" i="1" s="1"/>
  <c r="A103431" i="1" s="1"/>
  <c r="A103432" i="1" s="1"/>
  <c r="A103433" i="1" s="1"/>
  <c r="A103434" i="1" s="1"/>
  <c r="A103435" i="1" s="1"/>
  <c r="A103436" i="1" s="1"/>
  <c r="A103437" i="1" s="1"/>
  <c r="A103438" i="1" s="1"/>
  <c r="A103439" i="1" s="1"/>
  <c r="A103440" i="1" s="1"/>
  <c r="A103441" i="1" s="1"/>
  <c r="A103442" i="1" s="1"/>
  <c r="A103443" i="1" s="1"/>
  <c r="A103444" i="1" s="1"/>
  <c r="A103445" i="1" s="1"/>
  <c r="A103446" i="1" s="1"/>
  <c r="A103447" i="1" s="1"/>
  <c r="A103448" i="1" s="1"/>
  <c r="A103449" i="1" s="1"/>
  <c r="A103450" i="1" s="1"/>
  <c r="A103451" i="1" s="1"/>
  <c r="A103452" i="1" s="1"/>
  <c r="A103453" i="1" s="1"/>
  <c r="A103454" i="1" s="1"/>
  <c r="A103455" i="1" s="1"/>
  <c r="A103456" i="1" s="1"/>
  <c r="A103457" i="1" s="1"/>
  <c r="A103458" i="1" s="1"/>
  <c r="A103459" i="1" s="1"/>
  <c r="A103460" i="1" s="1"/>
  <c r="A103461" i="1" s="1"/>
  <c r="A103462" i="1" s="1"/>
  <c r="A103463" i="1" s="1"/>
  <c r="A103464" i="1" s="1"/>
  <c r="A103465" i="1" s="1"/>
  <c r="A103466" i="1" s="1"/>
  <c r="A103467" i="1" s="1"/>
  <c r="A103468" i="1" s="1"/>
  <c r="A103469" i="1" s="1"/>
  <c r="A103470" i="1" s="1"/>
  <c r="A103471" i="1" s="1"/>
  <c r="A103472" i="1" s="1"/>
  <c r="A103473" i="1" s="1"/>
  <c r="A103474" i="1" s="1"/>
  <c r="A103475" i="1" s="1"/>
  <c r="A103476" i="1" s="1"/>
  <c r="A103477" i="1" s="1"/>
  <c r="A103478" i="1" s="1"/>
  <c r="A103479" i="1" s="1"/>
  <c r="A103480" i="1" s="1"/>
  <c r="A103481" i="1" s="1"/>
  <c r="A103482" i="1" s="1"/>
  <c r="A103483" i="1" s="1"/>
  <c r="A103484" i="1" s="1"/>
  <c r="A103485" i="1" s="1"/>
  <c r="A103486" i="1" s="1"/>
  <c r="A103487" i="1" s="1"/>
  <c r="A103488" i="1" s="1"/>
  <c r="A103489" i="1" s="1"/>
  <c r="A103490" i="1" s="1"/>
  <c r="A103491" i="1" s="1"/>
  <c r="A103492" i="1" s="1"/>
  <c r="A103493" i="1" s="1"/>
  <c r="A103494" i="1" s="1"/>
  <c r="A103495" i="1" s="1"/>
  <c r="A103496" i="1" s="1"/>
  <c r="A103497" i="1" s="1"/>
  <c r="A103498" i="1" s="1"/>
  <c r="A103499" i="1" s="1"/>
  <c r="A103500" i="1" s="1"/>
  <c r="A103501" i="1" s="1"/>
  <c r="A103502" i="1" s="1"/>
  <c r="A103503" i="1" s="1"/>
  <c r="A103504" i="1" s="1"/>
  <c r="A103505" i="1" s="1"/>
  <c r="A103506" i="1" s="1"/>
  <c r="A103507" i="1" s="1"/>
  <c r="A103508" i="1" s="1"/>
  <c r="A103509" i="1" s="1"/>
  <c r="A103510" i="1" s="1"/>
  <c r="A103511" i="1" s="1"/>
  <c r="A103512" i="1" s="1"/>
  <c r="A103513" i="1" s="1"/>
  <c r="A103514" i="1" s="1"/>
  <c r="A103515" i="1" s="1"/>
  <c r="A103516" i="1" s="1"/>
  <c r="A103517" i="1" s="1"/>
  <c r="A103518" i="1" s="1"/>
  <c r="A103519" i="1" s="1"/>
  <c r="A103520" i="1" s="1"/>
  <c r="A103521" i="1" s="1"/>
  <c r="A103522" i="1" s="1"/>
  <c r="A103523" i="1" s="1"/>
  <c r="A103524" i="1" s="1"/>
  <c r="A103525" i="1" s="1"/>
  <c r="A103526" i="1" s="1"/>
  <c r="A103527" i="1" s="1"/>
  <c r="A103528" i="1" s="1"/>
  <c r="A103529" i="1" s="1"/>
  <c r="A103530" i="1" s="1"/>
  <c r="A103531" i="1" s="1"/>
  <c r="A103532" i="1" s="1"/>
  <c r="A103533" i="1" s="1"/>
  <c r="A103534" i="1" s="1"/>
  <c r="A103535" i="1" s="1"/>
  <c r="A103536" i="1" s="1"/>
  <c r="A103537" i="1" s="1"/>
  <c r="A103538" i="1" s="1"/>
  <c r="A103539" i="1" s="1"/>
  <c r="A103540" i="1" s="1"/>
  <c r="A103541" i="1" s="1"/>
  <c r="A103542" i="1" s="1"/>
  <c r="A103543" i="1" s="1"/>
  <c r="A103544" i="1" s="1"/>
  <c r="A103545" i="1" s="1"/>
  <c r="A103546" i="1" s="1"/>
  <c r="A103547" i="1" s="1"/>
  <c r="A103548" i="1" s="1"/>
  <c r="A103549" i="1" s="1"/>
  <c r="A103550" i="1" s="1"/>
  <c r="A103551" i="1" s="1"/>
  <c r="A103552" i="1" s="1"/>
  <c r="A103553" i="1" s="1"/>
  <c r="A103554" i="1" s="1"/>
  <c r="A103555" i="1" s="1"/>
  <c r="A103556" i="1" s="1"/>
  <c r="A103557" i="1" s="1"/>
  <c r="A103558" i="1" s="1"/>
  <c r="A103559" i="1" s="1"/>
  <c r="A103560" i="1" s="1"/>
  <c r="A103561" i="1" s="1"/>
  <c r="A103562" i="1" s="1"/>
  <c r="A103563" i="1" s="1"/>
  <c r="A103564" i="1" s="1"/>
  <c r="A103565" i="1" s="1"/>
  <c r="A103566" i="1" s="1"/>
  <c r="A103567" i="1" s="1"/>
  <c r="A103568" i="1" s="1"/>
  <c r="A103569" i="1" s="1"/>
  <c r="A103570" i="1" s="1"/>
  <c r="A103571" i="1" s="1"/>
  <c r="A103572" i="1" s="1"/>
  <c r="A103573" i="1" s="1"/>
  <c r="A103574" i="1" s="1"/>
  <c r="A103575" i="1" s="1"/>
  <c r="A103576" i="1" s="1"/>
  <c r="A103577" i="1" s="1"/>
  <c r="A103578" i="1" s="1"/>
  <c r="A103579" i="1" s="1"/>
  <c r="A103580" i="1" s="1"/>
  <c r="A103581" i="1" s="1"/>
  <c r="A103582" i="1" s="1"/>
  <c r="A103583" i="1" s="1"/>
  <c r="A103584" i="1" s="1"/>
  <c r="A103585" i="1" s="1"/>
  <c r="A103586" i="1" s="1"/>
  <c r="A103587" i="1" s="1"/>
  <c r="A103588" i="1" s="1"/>
  <c r="A103589" i="1" s="1"/>
  <c r="A103590" i="1" s="1"/>
  <c r="A103591" i="1" s="1"/>
  <c r="A103592" i="1" s="1"/>
  <c r="A103593" i="1" s="1"/>
  <c r="A103594" i="1" s="1"/>
  <c r="A103595" i="1" s="1"/>
  <c r="A103596" i="1" s="1"/>
  <c r="A103597" i="1" s="1"/>
  <c r="A103598" i="1" s="1"/>
  <c r="A103599" i="1" s="1"/>
  <c r="A103600" i="1" s="1"/>
  <c r="A103601" i="1" s="1"/>
  <c r="A103602" i="1" s="1"/>
  <c r="A103603" i="1" s="1"/>
  <c r="A103604" i="1" s="1"/>
  <c r="A103605" i="1" s="1"/>
  <c r="A103606" i="1" s="1"/>
  <c r="A103607" i="1" s="1"/>
  <c r="A103608" i="1" s="1"/>
  <c r="A103609" i="1" s="1"/>
  <c r="A103610" i="1" s="1"/>
  <c r="A103611" i="1" s="1"/>
  <c r="A103612" i="1" s="1"/>
  <c r="A103613" i="1" s="1"/>
  <c r="A103614" i="1" s="1"/>
  <c r="A103615" i="1" s="1"/>
  <c r="A103616" i="1" s="1"/>
  <c r="A103617" i="1" s="1"/>
  <c r="A103618" i="1" s="1"/>
  <c r="A103619" i="1" s="1"/>
  <c r="A103620" i="1" s="1"/>
  <c r="A103621" i="1" s="1"/>
  <c r="A103622" i="1" s="1"/>
  <c r="A103623" i="1" s="1"/>
  <c r="A103624" i="1" s="1"/>
  <c r="A103625" i="1" s="1"/>
  <c r="A103626" i="1" s="1"/>
  <c r="A103627" i="1" s="1"/>
  <c r="A103628" i="1" s="1"/>
  <c r="A103629" i="1" s="1"/>
  <c r="A103630" i="1" s="1"/>
  <c r="A103631" i="1" s="1"/>
  <c r="A103632" i="1" s="1"/>
  <c r="A103633" i="1" s="1"/>
  <c r="A103634" i="1" s="1"/>
  <c r="A103635" i="1" s="1"/>
  <c r="A103636" i="1" s="1"/>
  <c r="A103637" i="1" s="1"/>
  <c r="A103638" i="1" s="1"/>
  <c r="A103639" i="1" s="1"/>
  <c r="A103640" i="1" s="1"/>
  <c r="A103641" i="1" s="1"/>
  <c r="A103642" i="1" s="1"/>
  <c r="A103643" i="1" s="1"/>
  <c r="A103644" i="1" s="1"/>
  <c r="A103645" i="1" s="1"/>
  <c r="A103646" i="1" s="1"/>
  <c r="A103647" i="1" s="1"/>
  <c r="A103648" i="1" s="1"/>
  <c r="A103649" i="1" s="1"/>
  <c r="A103650" i="1" s="1"/>
  <c r="A103651" i="1" s="1"/>
  <c r="A103652" i="1" s="1"/>
  <c r="A103653" i="1" s="1"/>
  <c r="A103654" i="1" s="1"/>
  <c r="A103655" i="1" s="1"/>
  <c r="A103656" i="1" s="1"/>
  <c r="A103657" i="1" s="1"/>
  <c r="A103658" i="1" s="1"/>
  <c r="A103659" i="1" s="1"/>
  <c r="A103660" i="1" s="1"/>
  <c r="A103661" i="1" s="1"/>
  <c r="A103662" i="1" s="1"/>
  <c r="A103663" i="1" s="1"/>
  <c r="A103664" i="1" s="1"/>
  <c r="A103665" i="1" s="1"/>
  <c r="A103666" i="1" s="1"/>
  <c r="A103667" i="1" s="1"/>
  <c r="A103668" i="1" s="1"/>
  <c r="A103669" i="1" s="1"/>
  <c r="A103670" i="1" s="1"/>
  <c r="A103671" i="1" s="1"/>
  <c r="A103672" i="1" s="1"/>
  <c r="A103673" i="1" s="1"/>
  <c r="A103674" i="1" s="1"/>
  <c r="A103675" i="1" s="1"/>
  <c r="A103676" i="1" s="1"/>
  <c r="A103677" i="1" s="1"/>
  <c r="A103678" i="1" s="1"/>
  <c r="A103679" i="1" s="1"/>
  <c r="A103680" i="1" s="1"/>
  <c r="A103681" i="1" s="1"/>
  <c r="A103682" i="1" s="1"/>
  <c r="A103683" i="1" s="1"/>
  <c r="A103684" i="1" s="1"/>
  <c r="A103685" i="1" s="1"/>
  <c r="A103686" i="1" s="1"/>
  <c r="A103687" i="1" s="1"/>
  <c r="A103688" i="1" s="1"/>
  <c r="A103689" i="1" s="1"/>
  <c r="A103690" i="1" s="1"/>
  <c r="A103691" i="1" s="1"/>
  <c r="A103692" i="1" s="1"/>
  <c r="A103693" i="1" s="1"/>
  <c r="A103694" i="1" s="1"/>
  <c r="A103695" i="1" s="1"/>
  <c r="A103696" i="1" s="1"/>
  <c r="A103697" i="1" s="1"/>
  <c r="A103698" i="1" s="1"/>
  <c r="A103699" i="1" s="1"/>
  <c r="A103700" i="1" s="1"/>
  <c r="A103701" i="1" s="1"/>
  <c r="A103702" i="1" s="1"/>
  <c r="A103703" i="1" s="1"/>
  <c r="A103704" i="1" s="1"/>
  <c r="A103705" i="1" s="1"/>
  <c r="A103706" i="1" s="1"/>
  <c r="A103707" i="1" s="1"/>
  <c r="A103708" i="1" s="1"/>
  <c r="A103709" i="1" s="1"/>
  <c r="A103710" i="1" s="1"/>
  <c r="A103711" i="1" s="1"/>
  <c r="A103712" i="1" s="1"/>
  <c r="A103713" i="1" s="1"/>
  <c r="A103714" i="1" s="1"/>
  <c r="A103715" i="1" s="1"/>
  <c r="A103716" i="1" s="1"/>
  <c r="A103717" i="1" s="1"/>
  <c r="A103718" i="1" s="1"/>
  <c r="A103719" i="1" s="1"/>
  <c r="A103720" i="1" s="1"/>
  <c r="A103721" i="1" s="1"/>
  <c r="A103722" i="1" s="1"/>
  <c r="A103723" i="1" s="1"/>
  <c r="A103724" i="1" s="1"/>
  <c r="A103725" i="1" s="1"/>
  <c r="A103726" i="1" s="1"/>
  <c r="A103727" i="1" s="1"/>
  <c r="A103728" i="1" s="1"/>
  <c r="A103729" i="1" s="1"/>
  <c r="A103730" i="1" s="1"/>
  <c r="A103731" i="1" s="1"/>
  <c r="A103732" i="1" s="1"/>
  <c r="A103733" i="1" s="1"/>
  <c r="A103734" i="1" s="1"/>
  <c r="A103735" i="1" s="1"/>
  <c r="A103736" i="1" s="1"/>
  <c r="A103737" i="1" s="1"/>
  <c r="A103738" i="1" s="1"/>
  <c r="A103739" i="1" s="1"/>
  <c r="A103740" i="1" s="1"/>
  <c r="A103741" i="1" s="1"/>
  <c r="A103742" i="1" s="1"/>
  <c r="A103743" i="1" s="1"/>
  <c r="A103744" i="1" s="1"/>
  <c r="A103745" i="1" s="1"/>
  <c r="A103746" i="1" s="1"/>
  <c r="A103747" i="1" s="1"/>
  <c r="A103748" i="1" s="1"/>
  <c r="A103749" i="1" s="1"/>
  <c r="A103750" i="1" s="1"/>
  <c r="A103751" i="1" s="1"/>
  <c r="A103752" i="1" s="1"/>
  <c r="A103753" i="1" s="1"/>
  <c r="A103754" i="1" s="1"/>
  <c r="A103755" i="1" s="1"/>
  <c r="A103756" i="1" s="1"/>
  <c r="A103757" i="1" s="1"/>
  <c r="A103758" i="1" s="1"/>
  <c r="A103759" i="1" s="1"/>
  <c r="A103760" i="1" s="1"/>
  <c r="A103761" i="1" s="1"/>
  <c r="A103762" i="1" s="1"/>
  <c r="A103763" i="1" s="1"/>
  <c r="A103764" i="1" s="1"/>
  <c r="A103765" i="1" s="1"/>
  <c r="A103766" i="1" s="1"/>
  <c r="A103767" i="1" s="1"/>
  <c r="A103768" i="1" s="1"/>
  <c r="A103769" i="1" s="1"/>
  <c r="A103770" i="1" s="1"/>
  <c r="A103771" i="1" s="1"/>
  <c r="A103772" i="1" s="1"/>
  <c r="A103773" i="1" s="1"/>
  <c r="A103774" i="1" s="1"/>
  <c r="A103775" i="1" s="1"/>
  <c r="A103776" i="1" s="1"/>
  <c r="A103777" i="1" s="1"/>
  <c r="A103778" i="1" s="1"/>
  <c r="A103779" i="1" s="1"/>
  <c r="A103780" i="1" s="1"/>
  <c r="A103781" i="1" s="1"/>
  <c r="A103782" i="1" s="1"/>
  <c r="A103783" i="1" s="1"/>
  <c r="A103784" i="1" s="1"/>
  <c r="A103785" i="1" s="1"/>
  <c r="A103786" i="1" s="1"/>
  <c r="A103787" i="1" s="1"/>
  <c r="A103788" i="1" s="1"/>
  <c r="A103789" i="1" s="1"/>
  <c r="A103790" i="1" s="1"/>
  <c r="A103791" i="1" s="1"/>
  <c r="A103792" i="1" s="1"/>
  <c r="A103793" i="1" s="1"/>
  <c r="A103794" i="1" s="1"/>
  <c r="A103795" i="1" s="1"/>
  <c r="A103796" i="1" s="1"/>
  <c r="A103797" i="1" s="1"/>
  <c r="A103798" i="1" s="1"/>
  <c r="A103799" i="1" s="1"/>
  <c r="A103800" i="1" s="1"/>
  <c r="A103801" i="1" s="1"/>
  <c r="A103802" i="1" s="1"/>
  <c r="A103803" i="1" s="1"/>
  <c r="A103804" i="1" s="1"/>
  <c r="A103805" i="1" s="1"/>
  <c r="A103806" i="1" s="1"/>
  <c r="A103807" i="1" s="1"/>
  <c r="A103808" i="1" s="1"/>
  <c r="A103809" i="1" s="1"/>
  <c r="A103810" i="1" s="1"/>
  <c r="A103811" i="1" s="1"/>
  <c r="A103812" i="1" s="1"/>
  <c r="A103813" i="1" s="1"/>
  <c r="A103814" i="1" s="1"/>
  <c r="A103815" i="1" s="1"/>
  <c r="A103816" i="1" s="1"/>
  <c r="A103817" i="1" s="1"/>
  <c r="A103818" i="1" s="1"/>
  <c r="A103819" i="1" s="1"/>
  <c r="A103820" i="1" s="1"/>
  <c r="A103821" i="1" s="1"/>
  <c r="A103822" i="1" s="1"/>
  <c r="A103823" i="1" s="1"/>
  <c r="A103824" i="1" s="1"/>
  <c r="A103825" i="1" s="1"/>
  <c r="A103826" i="1" s="1"/>
  <c r="A103827" i="1" s="1"/>
  <c r="A103828" i="1" s="1"/>
  <c r="A103829" i="1" s="1"/>
  <c r="A103830" i="1" s="1"/>
  <c r="A103831" i="1" s="1"/>
  <c r="A103832" i="1" s="1"/>
  <c r="A103833" i="1" s="1"/>
  <c r="A103834" i="1" s="1"/>
  <c r="A103835" i="1" s="1"/>
  <c r="A103836" i="1" s="1"/>
  <c r="A103837" i="1" s="1"/>
  <c r="A103838" i="1" s="1"/>
  <c r="A103839" i="1" s="1"/>
  <c r="A103840" i="1" s="1"/>
  <c r="A103841" i="1" s="1"/>
  <c r="A103842" i="1" s="1"/>
  <c r="A103843" i="1" s="1"/>
  <c r="A103844" i="1" s="1"/>
  <c r="A103845" i="1" s="1"/>
  <c r="A103846" i="1" s="1"/>
  <c r="A103847" i="1" s="1"/>
  <c r="A103848" i="1" s="1"/>
  <c r="A103849" i="1" s="1"/>
  <c r="A103850" i="1" s="1"/>
  <c r="A103851" i="1" s="1"/>
  <c r="A103852" i="1" s="1"/>
  <c r="A103853" i="1" s="1"/>
  <c r="A103854" i="1" s="1"/>
  <c r="A103855" i="1" s="1"/>
  <c r="A103856" i="1" s="1"/>
  <c r="A103857" i="1" s="1"/>
  <c r="A103858" i="1" s="1"/>
  <c r="A103859" i="1" s="1"/>
  <c r="A103860" i="1" s="1"/>
  <c r="A103861" i="1" s="1"/>
  <c r="A103862" i="1" s="1"/>
  <c r="A103863" i="1" s="1"/>
  <c r="A103864" i="1" s="1"/>
  <c r="A103865" i="1" s="1"/>
  <c r="A103866" i="1" s="1"/>
  <c r="A103867" i="1" s="1"/>
  <c r="A103868" i="1" s="1"/>
  <c r="A103869" i="1" s="1"/>
  <c r="A103870" i="1" s="1"/>
  <c r="A103871" i="1" s="1"/>
  <c r="A103872" i="1" s="1"/>
  <c r="A103873" i="1" s="1"/>
  <c r="A103874" i="1" s="1"/>
  <c r="A103875" i="1" s="1"/>
  <c r="A103876" i="1" s="1"/>
  <c r="A103877" i="1" s="1"/>
  <c r="A103878" i="1" s="1"/>
  <c r="A103879" i="1" s="1"/>
  <c r="A103880" i="1" s="1"/>
  <c r="A103881" i="1" s="1"/>
  <c r="A103882" i="1" s="1"/>
  <c r="A103883" i="1" s="1"/>
  <c r="A103884" i="1" s="1"/>
  <c r="A103885" i="1" s="1"/>
  <c r="A103886" i="1" s="1"/>
  <c r="A103887" i="1" s="1"/>
  <c r="A103888" i="1" s="1"/>
  <c r="A103889" i="1" s="1"/>
  <c r="A103890" i="1" s="1"/>
  <c r="A103891" i="1" s="1"/>
  <c r="A103892" i="1" s="1"/>
  <c r="A103893" i="1" s="1"/>
  <c r="A103894" i="1" s="1"/>
  <c r="A103895" i="1" s="1"/>
  <c r="A103896" i="1" s="1"/>
  <c r="A103897" i="1" s="1"/>
  <c r="A103898" i="1" s="1"/>
  <c r="A103899" i="1" s="1"/>
  <c r="A103900" i="1" s="1"/>
  <c r="A103901" i="1" s="1"/>
  <c r="A103902" i="1" s="1"/>
  <c r="A103903" i="1" s="1"/>
  <c r="A103904" i="1" s="1"/>
  <c r="A103905" i="1" s="1"/>
  <c r="A103906" i="1" s="1"/>
  <c r="A103907" i="1" s="1"/>
  <c r="A103908" i="1" s="1"/>
  <c r="A103909" i="1" s="1"/>
  <c r="A103910" i="1" s="1"/>
  <c r="A103911" i="1" s="1"/>
  <c r="A103912" i="1" s="1"/>
  <c r="A103913" i="1" s="1"/>
  <c r="A103914" i="1" s="1"/>
  <c r="A103915" i="1" s="1"/>
  <c r="A103916" i="1" s="1"/>
  <c r="A103917" i="1" s="1"/>
  <c r="A103918" i="1" s="1"/>
  <c r="A103919" i="1" s="1"/>
  <c r="A103920" i="1" s="1"/>
  <c r="A103921" i="1" s="1"/>
  <c r="A103922" i="1" s="1"/>
  <c r="A103923" i="1" s="1"/>
  <c r="A103924" i="1" s="1"/>
  <c r="A103925" i="1" s="1"/>
  <c r="A103926" i="1" s="1"/>
  <c r="A103927" i="1" s="1"/>
  <c r="A103928" i="1" s="1"/>
  <c r="A103929" i="1" s="1"/>
  <c r="A103930" i="1" s="1"/>
  <c r="A103931" i="1" s="1"/>
  <c r="A103932" i="1" s="1"/>
  <c r="A103933" i="1" s="1"/>
  <c r="A103934" i="1" s="1"/>
  <c r="A103935" i="1" s="1"/>
  <c r="A103936" i="1" s="1"/>
  <c r="A103937" i="1" s="1"/>
  <c r="A103938" i="1" s="1"/>
  <c r="A103939" i="1" s="1"/>
  <c r="A103940" i="1" s="1"/>
  <c r="A103941" i="1" s="1"/>
  <c r="A103942" i="1" s="1"/>
  <c r="A103943" i="1" s="1"/>
  <c r="A103944" i="1" s="1"/>
  <c r="A103945" i="1" s="1"/>
  <c r="A103946" i="1" s="1"/>
  <c r="A103947" i="1" s="1"/>
  <c r="A103948" i="1" s="1"/>
  <c r="A103949" i="1" s="1"/>
  <c r="A103950" i="1" s="1"/>
  <c r="A103951" i="1" s="1"/>
  <c r="A103952" i="1" s="1"/>
  <c r="A103953" i="1" s="1"/>
  <c r="A103954" i="1" s="1"/>
  <c r="A103955" i="1" s="1"/>
  <c r="A103956" i="1" s="1"/>
  <c r="A103957" i="1" s="1"/>
  <c r="A103958" i="1" s="1"/>
  <c r="A103959" i="1" s="1"/>
  <c r="A103960" i="1" s="1"/>
  <c r="A103961" i="1" s="1"/>
  <c r="A103962" i="1" s="1"/>
  <c r="A103963" i="1" s="1"/>
  <c r="A103964" i="1" s="1"/>
  <c r="A103965" i="1" s="1"/>
  <c r="A103966" i="1" s="1"/>
  <c r="A103967" i="1" s="1"/>
  <c r="A103968" i="1" s="1"/>
  <c r="A103969" i="1" s="1"/>
  <c r="A103970" i="1" s="1"/>
  <c r="A103971" i="1" s="1"/>
  <c r="A103972" i="1" s="1"/>
  <c r="A103973" i="1" s="1"/>
  <c r="A103974" i="1" s="1"/>
  <c r="A103975" i="1" s="1"/>
  <c r="A103976" i="1" s="1"/>
  <c r="A103977" i="1" s="1"/>
  <c r="A103978" i="1" s="1"/>
  <c r="A103979" i="1" s="1"/>
  <c r="A103980" i="1" s="1"/>
  <c r="A103981" i="1" s="1"/>
  <c r="A103982" i="1" s="1"/>
  <c r="A103983" i="1" s="1"/>
  <c r="A103984" i="1" s="1"/>
  <c r="A103985" i="1" s="1"/>
  <c r="A103986" i="1" s="1"/>
  <c r="A103987" i="1" s="1"/>
  <c r="A103988" i="1" s="1"/>
  <c r="A103989" i="1" s="1"/>
  <c r="A103990" i="1" s="1"/>
  <c r="A103991" i="1" s="1"/>
  <c r="A103992" i="1" s="1"/>
  <c r="A103993" i="1" s="1"/>
  <c r="A103994" i="1" s="1"/>
  <c r="A103995" i="1" s="1"/>
  <c r="A103996" i="1" s="1"/>
  <c r="A103997" i="1" s="1"/>
  <c r="A103998" i="1" s="1"/>
  <c r="A103999" i="1" s="1"/>
  <c r="A104000" i="1" s="1"/>
  <c r="A104001" i="1" s="1"/>
  <c r="A104002" i="1" s="1"/>
  <c r="A104003" i="1" s="1"/>
  <c r="A104004" i="1" s="1"/>
  <c r="A104005" i="1" s="1"/>
  <c r="A104006" i="1" s="1"/>
  <c r="A104007" i="1" s="1"/>
  <c r="A104008" i="1" s="1"/>
  <c r="A104009" i="1" s="1"/>
  <c r="A104010" i="1" s="1"/>
  <c r="A104011" i="1" s="1"/>
  <c r="A104012" i="1" s="1"/>
  <c r="A104013" i="1" s="1"/>
  <c r="A104014" i="1" s="1"/>
  <c r="A104015" i="1" s="1"/>
  <c r="A104016" i="1" s="1"/>
  <c r="A104017" i="1" s="1"/>
  <c r="A104018" i="1" s="1"/>
  <c r="A104019" i="1" s="1"/>
  <c r="A104020" i="1" s="1"/>
  <c r="A104021" i="1" s="1"/>
  <c r="A104022" i="1" s="1"/>
  <c r="A104023" i="1" s="1"/>
  <c r="A104024" i="1" s="1"/>
  <c r="A104025" i="1" s="1"/>
  <c r="A104026" i="1" s="1"/>
  <c r="A104027" i="1" s="1"/>
  <c r="A104028" i="1" s="1"/>
  <c r="A104029" i="1" s="1"/>
  <c r="A104030" i="1" s="1"/>
  <c r="A104031" i="1" s="1"/>
  <c r="A104032" i="1" s="1"/>
  <c r="A104033" i="1" s="1"/>
  <c r="A104034" i="1" s="1"/>
  <c r="A104035" i="1" s="1"/>
  <c r="A104036" i="1" s="1"/>
  <c r="A104037" i="1" s="1"/>
  <c r="A104038" i="1" s="1"/>
  <c r="A104039" i="1" s="1"/>
  <c r="A104040" i="1" s="1"/>
  <c r="A104041" i="1" s="1"/>
  <c r="A104042" i="1" s="1"/>
  <c r="A104043" i="1" s="1"/>
  <c r="A104044" i="1" s="1"/>
  <c r="A104045" i="1" s="1"/>
  <c r="A104046" i="1" s="1"/>
  <c r="A104047" i="1" s="1"/>
  <c r="A104048" i="1" s="1"/>
  <c r="A104049" i="1" s="1"/>
  <c r="A104050" i="1" s="1"/>
  <c r="A104051" i="1" s="1"/>
  <c r="A104052" i="1" s="1"/>
  <c r="A104053" i="1" s="1"/>
  <c r="A104054" i="1" s="1"/>
  <c r="A104055" i="1" s="1"/>
  <c r="A104056" i="1" s="1"/>
  <c r="A104057" i="1" s="1"/>
  <c r="A104058" i="1" s="1"/>
  <c r="A104059" i="1" s="1"/>
  <c r="A104060" i="1" s="1"/>
  <c r="A104061" i="1" s="1"/>
  <c r="A104062" i="1" s="1"/>
  <c r="A104063" i="1" s="1"/>
  <c r="A104064" i="1" s="1"/>
  <c r="A104065" i="1" s="1"/>
  <c r="A104066" i="1" s="1"/>
  <c r="A104067" i="1" s="1"/>
  <c r="A104068" i="1" s="1"/>
  <c r="A104069" i="1" s="1"/>
  <c r="A104070" i="1" s="1"/>
  <c r="A104071" i="1" s="1"/>
  <c r="A104072" i="1" s="1"/>
  <c r="A104073" i="1" s="1"/>
  <c r="A104074" i="1" s="1"/>
  <c r="A104075" i="1" s="1"/>
  <c r="A104076" i="1" s="1"/>
  <c r="A104077" i="1" s="1"/>
  <c r="A104078" i="1" s="1"/>
  <c r="A104079" i="1" s="1"/>
  <c r="A104080" i="1" s="1"/>
  <c r="A104081" i="1" s="1"/>
  <c r="A104082" i="1" s="1"/>
  <c r="A104083" i="1" s="1"/>
  <c r="A104084" i="1" s="1"/>
  <c r="A104085" i="1" s="1"/>
  <c r="A104086" i="1" s="1"/>
  <c r="A104087" i="1" s="1"/>
  <c r="A104088" i="1" s="1"/>
  <c r="A104089" i="1" s="1"/>
  <c r="A104090" i="1" s="1"/>
  <c r="A104091" i="1" s="1"/>
  <c r="A104092" i="1" s="1"/>
  <c r="A104093" i="1" s="1"/>
  <c r="A104094" i="1" s="1"/>
  <c r="A104095" i="1" s="1"/>
  <c r="A104096" i="1" s="1"/>
  <c r="A104097" i="1" s="1"/>
  <c r="A104098" i="1" s="1"/>
  <c r="A104099" i="1" s="1"/>
  <c r="A104100" i="1" s="1"/>
  <c r="A104101" i="1" s="1"/>
  <c r="A104102" i="1" s="1"/>
  <c r="A104103" i="1" s="1"/>
  <c r="A104104" i="1" s="1"/>
  <c r="A104105" i="1" s="1"/>
  <c r="A104106" i="1" s="1"/>
  <c r="A104107" i="1" s="1"/>
  <c r="A104108" i="1" s="1"/>
  <c r="A104109" i="1" s="1"/>
  <c r="A104110" i="1" s="1"/>
  <c r="A104111" i="1" s="1"/>
  <c r="A104112" i="1" s="1"/>
  <c r="A104113" i="1" s="1"/>
  <c r="A104114" i="1" s="1"/>
  <c r="A104115" i="1" s="1"/>
  <c r="A104116" i="1" s="1"/>
  <c r="A104117" i="1" s="1"/>
  <c r="A104118" i="1" s="1"/>
  <c r="A104119" i="1" s="1"/>
  <c r="A104120" i="1" s="1"/>
  <c r="A104121" i="1" s="1"/>
  <c r="A104122" i="1" s="1"/>
  <c r="A104123" i="1" s="1"/>
  <c r="A104124" i="1" s="1"/>
  <c r="A104125" i="1" s="1"/>
  <c r="A104126" i="1" s="1"/>
  <c r="A104127" i="1" s="1"/>
  <c r="A104128" i="1" s="1"/>
  <c r="A104129" i="1" s="1"/>
  <c r="A104130" i="1" s="1"/>
  <c r="A104131" i="1" s="1"/>
  <c r="A104132" i="1" s="1"/>
  <c r="A104133" i="1" s="1"/>
  <c r="A104134" i="1" s="1"/>
  <c r="A104135" i="1" s="1"/>
  <c r="A104136" i="1" s="1"/>
  <c r="A104137" i="1" s="1"/>
  <c r="A104138" i="1" s="1"/>
  <c r="A104139" i="1" s="1"/>
  <c r="A104140" i="1" s="1"/>
  <c r="A104141" i="1" s="1"/>
  <c r="A104142" i="1" s="1"/>
  <c r="A104143" i="1" s="1"/>
  <c r="A104144" i="1" s="1"/>
  <c r="A104145" i="1" s="1"/>
  <c r="A104146" i="1" s="1"/>
  <c r="A104147" i="1" s="1"/>
  <c r="A104148" i="1" s="1"/>
  <c r="A104149" i="1" s="1"/>
  <c r="A104150" i="1" s="1"/>
  <c r="A104151" i="1" s="1"/>
  <c r="A104152" i="1" s="1"/>
  <c r="A104153" i="1" s="1"/>
  <c r="A104154" i="1" s="1"/>
  <c r="A104155" i="1" s="1"/>
  <c r="A104156" i="1" s="1"/>
  <c r="A104157" i="1" s="1"/>
  <c r="A104158" i="1" s="1"/>
  <c r="A104159" i="1" s="1"/>
  <c r="A104160" i="1" s="1"/>
  <c r="A104161" i="1" s="1"/>
  <c r="A104162" i="1" s="1"/>
  <c r="A104163" i="1" s="1"/>
  <c r="A104164" i="1" s="1"/>
  <c r="A104165" i="1" s="1"/>
  <c r="A104166" i="1" s="1"/>
  <c r="A104167" i="1" s="1"/>
  <c r="A104168" i="1" s="1"/>
  <c r="A104169" i="1" s="1"/>
  <c r="A104170" i="1" s="1"/>
  <c r="A104171" i="1" s="1"/>
  <c r="A104172" i="1" s="1"/>
  <c r="A104173" i="1" s="1"/>
  <c r="A104174" i="1" s="1"/>
  <c r="A104175" i="1" s="1"/>
  <c r="A104176" i="1" s="1"/>
  <c r="A104177" i="1" s="1"/>
  <c r="A104178" i="1" s="1"/>
  <c r="A104179" i="1" s="1"/>
  <c r="A104180" i="1" s="1"/>
  <c r="A104181" i="1" s="1"/>
  <c r="A104182" i="1" s="1"/>
  <c r="A104183" i="1" s="1"/>
  <c r="A104184" i="1" s="1"/>
  <c r="A104185" i="1" s="1"/>
  <c r="A104186" i="1" s="1"/>
  <c r="A104187" i="1" s="1"/>
  <c r="A104188" i="1" s="1"/>
  <c r="A104189" i="1" s="1"/>
  <c r="A104190" i="1" s="1"/>
  <c r="A104191" i="1" s="1"/>
  <c r="A104192" i="1" s="1"/>
  <c r="A104193" i="1" s="1"/>
  <c r="A104194" i="1" s="1"/>
  <c r="A104195" i="1" s="1"/>
  <c r="A104196" i="1" s="1"/>
  <c r="A104197" i="1" s="1"/>
  <c r="A104198" i="1" s="1"/>
  <c r="A104199" i="1" s="1"/>
  <c r="A104200" i="1" s="1"/>
  <c r="A104201" i="1" s="1"/>
  <c r="A104202" i="1" s="1"/>
  <c r="A104203" i="1" s="1"/>
  <c r="A104204" i="1" s="1"/>
  <c r="A104205" i="1" s="1"/>
  <c r="A104206" i="1" s="1"/>
  <c r="A104207" i="1" s="1"/>
  <c r="A104208" i="1" s="1"/>
  <c r="A104209" i="1" s="1"/>
  <c r="A104210" i="1" s="1"/>
  <c r="A104211" i="1" s="1"/>
  <c r="A104212" i="1" s="1"/>
  <c r="A104213" i="1" s="1"/>
  <c r="A104214" i="1" s="1"/>
  <c r="A104215" i="1" s="1"/>
  <c r="A104216" i="1" s="1"/>
  <c r="A104217" i="1" s="1"/>
  <c r="A104218" i="1" s="1"/>
  <c r="A104219" i="1" s="1"/>
  <c r="A104220" i="1" s="1"/>
  <c r="A104221" i="1" s="1"/>
  <c r="A104222" i="1" s="1"/>
  <c r="A104223" i="1" s="1"/>
  <c r="A104224" i="1" s="1"/>
  <c r="A104225" i="1" s="1"/>
  <c r="A104226" i="1" s="1"/>
  <c r="A104227" i="1" s="1"/>
  <c r="A104228" i="1" s="1"/>
  <c r="A104229" i="1" s="1"/>
  <c r="A104230" i="1" s="1"/>
  <c r="A104231" i="1" s="1"/>
  <c r="A104232" i="1" s="1"/>
  <c r="A104233" i="1" s="1"/>
  <c r="A104234" i="1" s="1"/>
  <c r="A104235" i="1" s="1"/>
  <c r="A104236" i="1" s="1"/>
  <c r="A104237" i="1" s="1"/>
  <c r="A104238" i="1" s="1"/>
  <c r="A104239" i="1" s="1"/>
  <c r="A104240" i="1" s="1"/>
  <c r="A104241" i="1" s="1"/>
  <c r="A104242" i="1" s="1"/>
  <c r="A104243" i="1" s="1"/>
  <c r="A104244" i="1" s="1"/>
  <c r="A104245" i="1" s="1"/>
  <c r="A104246" i="1" s="1"/>
  <c r="A104247" i="1" s="1"/>
  <c r="A104248" i="1" s="1"/>
  <c r="A104249" i="1" s="1"/>
  <c r="A104250" i="1" s="1"/>
  <c r="A104251" i="1" s="1"/>
  <c r="A104252" i="1" s="1"/>
  <c r="A104253" i="1" s="1"/>
  <c r="A104254" i="1" s="1"/>
  <c r="A104255" i="1" s="1"/>
  <c r="A104256" i="1" s="1"/>
  <c r="A104257" i="1" s="1"/>
  <c r="A104258" i="1" s="1"/>
  <c r="A104259" i="1" s="1"/>
  <c r="A104260" i="1" s="1"/>
  <c r="A104261" i="1" s="1"/>
  <c r="A104262" i="1" s="1"/>
  <c r="A104263" i="1" s="1"/>
  <c r="A104264" i="1" s="1"/>
  <c r="A104265" i="1" s="1"/>
  <c r="A104266" i="1" s="1"/>
  <c r="A104267" i="1" s="1"/>
  <c r="A104268" i="1" s="1"/>
  <c r="A104269" i="1" s="1"/>
  <c r="A104270" i="1" s="1"/>
  <c r="A104271" i="1" s="1"/>
  <c r="A104272" i="1" s="1"/>
  <c r="A104273" i="1" s="1"/>
  <c r="A104274" i="1" s="1"/>
  <c r="A104275" i="1" s="1"/>
  <c r="A104276" i="1" s="1"/>
  <c r="A104277" i="1" s="1"/>
  <c r="A104278" i="1" s="1"/>
  <c r="A104279" i="1" s="1"/>
  <c r="A104280" i="1" s="1"/>
  <c r="A104281" i="1" s="1"/>
  <c r="A104282" i="1" s="1"/>
  <c r="A104283" i="1" s="1"/>
  <c r="A104284" i="1" s="1"/>
  <c r="A104285" i="1" s="1"/>
  <c r="A104286" i="1" s="1"/>
  <c r="A104287" i="1" s="1"/>
  <c r="A104288" i="1" s="1"/>
  <c r="A104289" i="1" s="1"/>
  <c r="A104290" i="1" s="1"/>
  <c r="A104291" i="1" s="1"/>
  <c r="A104292" i="1" s="1"/>
  <c r="A104293" i="1" s="1"/>
  <c r="A104294" i="1" s="1"/>
  <c r="A104295" i="1" s="1"/>
  <c r="A104296" i="1" s="1"/>
  <c r="A104297" i="1" s="1"/>
  <c r="A104298" i="1" s="1"/>
  <c r="A104299" i="1" s="1"/>
  <c r="A104300" i="1" s="1"/>
  <c r="A104301" i="1" s="1"/>
  <c r="A104302" i="1" s="1"/>
  <c r="A104303" i="1" s="1"/>
  <c r="A104304" i="1" s="1"/>
  <c r="A104305" i="1" s="1"/>
  <c r="A104306" i="1" s="1"/>
  <c r="A104307" i="1" s="1"/>
  <c r="A104308" i="1" s="1"/>
  <c r="A104309" i="1" s="1"/>
  <c r="A104310" i="1" s="1"/>
  <c r="A104311" i="1" s="1"/>
  <c r="A104312" i="1" s="1"/>
  <c r="A104313" i="1" s="1"/>
  <c r="A104314" i="1" s="1"/>
  <c r="A104315" i="1" s="1"/>
  <c r="A104316" i="1" s="1"/>
  <c r="A104317" i="1" s="1"/>
  <c r="A104318" i="1" s="1"/>
  <c r="A104319" i="1" s="1"/>
  <c r="A104320" i="1" s="1"/>
  <c r="A104321" i="1" s="1"/>
  <c r="A104322" i="1" s="1"/>
  <c r="A104323" i="1" s="1"/>
  <c r="A104324" i="1" s="1"/>
  <c r="A104325" i="1" s="1"/>
  <c r="A104326" i="1" s="1"/>
  <c r="A104327" i="1" s="1"/>
  <c r="A104328" i="1" s="1"/>
  <c r="A104329" i="1" s="1"/>
  <c r="A104330" i="1" s="1"/>
  <c r="A104331" i="1" s="1"/>
  <c r="A104332" i="1" s="1"/>
  <c r="A104333" i="1" s="1"/>
  <c r="A104334" i="1" s="1"/>
  <c r="A104335" i="1" s="1"/>
  <c r="A104336" i="1" s="1"/>
  <c r="A104337" i="1" s="1"/>
  <c r="A104338" i="1" s="1"/>
  <c r="A104339" i="1" s="1"/>
  <c r="A104340" i="1" s="1"/>
  <c r="A104341" i="1" s="1"/>
  <c r="A104342" i="1" s="1"/>
  <c r="A104343" i="1" s="1"/>
  <c r="A104344" i="1" s="1"/>
  <c r="A104345" i="1" s="1"/>
  <c r="A104346" i="1" s="1"/>
  <c r="A104347" i="1" s="1"/>
  <c r="A104348" i="1" s="1"/>
  <c r="A104349" i="1" s="1"/>
  <c r="A104350" i="1" s="1"/>
  <c r="A104351" i="1" s="1"/>
  <c r="A104352" i="1" s="1"/>
  <c r="A104353" i="1" s="1"/>
  <c r="A104354" i="1" s="1"/>
  <c r="A104355" i="1" s="1"/>
  <c r="A104356" i="1" s="1"/>
  <c r="A104357" i="1" s="1"/>
  <c r="A104358" i="1" s="1"/>
  <c r="A104359" i="1" s="1"/>
  <c r="A104360" i="1" s="1"/>
  <c r="A104361" i="1" s="1"/>
  <c r="A104362" i="1" s="1"/>
  <c r="A104363" i="1" s="1"/>
  <c r="A104364" i="1" s="1"/>
  <c r="A104365" i="1" s="1"/>
  <c r="A104366" i="1" s="1"/>
  <c r="A104367" i="1" s="1"/>
  <c r="A104368" i="1" s="1"/>
  <c r="A104369" i="1" s="1"/>
  <c r="A104370" i="1" s="1"/>
  <c r="A104371" i="1" s="1"/>
  <c r="A104372" i="1" s="1"/>
  <c r="A104373" i="1" s="1"/>
  <c r="A104374" i="1" s="1"/>
  <c r="A104375" i="1" s="1"/>
  <c r="A104376" i="1" s="1"/>
  <c r="A104377" i="1" s="1"/>
  <c r="A104378" i="1" s="1"/>
  <c r="A104379" i="1" s="1"/>
  <c r="A104380" i="1" s="1"/>
  <c r="A104381" i="1" s="1"/>
  <c r="A104382" i="1" s="1"/>
  <c r="A104383" i="1" s="1"/>
  <c r="A104384" i="1" s="1"/>
  <c r="A104385" i="1" s="1"/>
  <c r="A104386" i="1" s="1"/>
  <c r="A104387" i="1" s="1"/>
  <c r="A104388" i="1" s="1"/>
  <c r="A104389" i="1" s="1"/>
  <c r="A104390" i="1" s="1"/>
  <c r="A104391" i="1" s="1"/>
  <c r="A104392" i="1" s="1"/>
  <c r="A104393" i="1" s="1"/>
  <c r="A104394" i="1" s="1"/>
  <c r="A104395" i="1" s="1"/>
  <c r="A104396" i="1" s="1"/>
  <c r="A104397" i="1" s="1"/>
  <c r="A104398" i="1" s="1"/>
  <c r="A104399" i="1" s="1"/>
  <c r="A104400" i="1" s="1"/>
  <c r="A104401" i="1" s="1"/>
  <c r="A104402" i="1" s="1"/>
  <c r="A104403" i="1" s="1"/>
  <c r="A104404" i="1" s="1"/>
  <c r="A104405" i="1" s="1"/>
  <c r="A104406" i="1" s="1"/>
  <c r="A104407" i="1" s="1"/>
  <c r="A104408" i="1" s="1"/>
  <c r="A104409" i="1" s="1"/>
  <c r="A104410" i="1" s="1"/>
  <c r="A104411" i="1" s="1"/>
  <c r="A104412" i="1" s="1"/>
  <c r="A104413" i="1" s="1"/>
  <c r="A104414" i="1" s="1"/>
  <c r="A104415" i="1" s="1"/>
  <c r="A104416" i="1" s="1"/>
  <c r="A104417" i="1" s="1"/>
  <c r="A104418" i="1" s="1"/>
  <c r="A104419" i="1" s="1"/>
  <c r="A104420" i="1" s="1"/>
  <c r="A104421" i="1" s="1"/>
  <c r="A104422" i="1" s="1"/>
  <c r="A104423" i="1" s="1"/>
  <c r="A104424" i="1" s="1"/>
  <c r="A104425" i="1" s="1"/>
  <c r="A104426" i="1" s="1"/>
  <c r="A104427" i="1" s="1"/>
  <c r="A104428" i="1" s="1"/>
  <c r="A104429" i="1" s="1"/>
  <c r="A104430" i="1" s="1"/>
  <c r="A104431" i="1" s="1"/>
  <c r="A104432" i="1" s="1"/>
  <c r="A104433" i="1" s="1"/>
  <c r="A104434" i="1" s="1"/>
  <c r="A104435" i="1" s="1"/>
  <c r="A104436" i="1" s="1"/>
  <c r="A104437" i="1" s="1"/>
  <c r="A104438" i="1" s="1"/>
  <c r="A104439" i="1" s="1"/>
  <c r="A104440" i="1" s="1"/>
  <c r="A104441" i="1" s="1"/>
  <c r="A104442" i="1" s="1"/>
  <c r="A104443" i="1" s="1"/>
  <c r="A104444" i="1" s="1"/>
  <c r="A104445" i="1" s="1"/>
  <c r="A104446" i="1" s="1"/>
  <c r="A104447" i="1" s="1"/>
  <c r="A104448" i="1" s="1"/>
  <c r="A104449" i="1" s="1"/>
  <c r="A104450" i="1" s="1"/>
  <c r="A104451" i="1" s="1"/>
  <c r="A104452" i="1" s="1"/>
  <c r="A104453" i="1" s="1"/>
  <c r="A104454" i="1" s="1"/>
  <c r="A104455" i="1" s="1"/>
  <c r="A104456" i="1" s="1"/>
  <c r="A104457" i="1" s="1"/>
  <c r="A104458" i="1" s="1"/>
  <c r="A104459" i="1" s="1"/>
  <c r="A104460" i="1" s="1"/>
  <c r="A104461" i="1" s="1"/>
  <c r="A104462" i="1" s="1"/>
  <c r="A104463" i="1" s="1"/>
  <c r="A104464" i="1" s="1"/>
  <c r="A104465" i="1" s="1"/>
  <c r="A104466" i="1" s="1"/>
  <c r="A104467" i="1" s="1"/>
  <c r="A104468" i="1" s="1"/>
  <c r="A104469" i="1" s="1"/>
  <c r="A104470" i="1" s="1"/>
  <c r="A104471" i="1" s="1"/>
  <c r="A104472" i="1" s="1"/>
  <c r="A104473" i="1" s="1"/>
  <c r="A104474" i="1" s="1"/>
  <c r="A104475" i="1" s="1"/>
  <c r="A104476" i="1" s="1"/>
  <c r="A104477" i="1" s="1"/>
  <c r="A104478" i="1" s="1"/>
  <c r="A104479" i="1" s="1"/>
  <c r="A104480" i="1" s="1"/>
  <c r="A104481" i="1" s="1"/>
  <c r="A104482" i="1" s="1"/>
  <c r="A104483" i="1" s="1"/>
  <c r="A104484" i="1" s="1"/>
  <c r="A104485" i="1" s="1"/>
  <c r="A104486" i="1" s="1"/>
  <c r="A104487" i="1" s="1"/>
  <c r="A104488" i="1" s="1"/>
  <c r="A104489" i="1" s="1"/>
  <c r="A104490" i="1" s="1"/>
  <c r="A104491" i="1" s="1"/>
  <c r="A104492" i="1" s="1"/>
  <c r="A104493" i="1" s="1"/>
  <c r="A104494" i="1" s="1"/>
  <c r="A104495" i="1" s="1"/>
  <c r="A104496" i="1" s="1"/>
  <c r="A104497" i="1" s="1"/>
  <c r="A104498" i="1" s="1"/>
  <c r="A104499" i="1" s="1"/>
  <c r="A104500" i="1" s="1"/>
  <c r="A104501" i="1" s="1"/>
  <c r="A104502" i="1" s="1"/>
  <c r="A104503" i="1" s="1"/>
  <c r="A104504" i="1" s="1"/>
  <c r="A104505" i="1" s="1"/>
  <c r="A104506" i="1" s="1"/>
  <c r="A104507" i="1" s="1"/>
  <c r="A104508" i="1" s="1"/>
  <c r="A104509" i="1" s="1"/>
  <c r="A104510" i="1" s="1"/>
  <c r="A104511" i="1" s="1"/>
  <c r="A104512" i="1" s="1"/>
  <c r="A104513" i="1" s="1"/>
  <c r="A104514" i="1" s="1"/>
  <c r="A104515" i="1" s="1"/>
  <c r="A104516" i="1" s="1"/>
  <c r="A104517" i="1" s="1"/>
  <c r="A104518" i="1" s="1"/>
  <c r="A104519" i="1" s="1"/>
  <c r="A104520" i="1" s="1"/>
  <c r="A104521" i="1" s="1"/>
  <c r="A104522" i="1" s="1"/>
  <c r="A104523" i="1" s="1"/>
  <c r="A104524" i="1" s="1"/>
  <c r="A104525" i="1" s="1"/>
  <c r="A104526" i="1" s="1"/>
  <c r="A104527" i="1" s="1"/>
  <c r="A104528" i="1" s="1"/>
  <c r="A104529" i="1" s="1"/>
  <c r="A104530" i="1" s="1"/>
  <c r="A104531" i="1" s="1"/>
  <c r="A104532" i="1" s="1"/>
  <c r="A104533" i="1" s="1"/>
  <c r="A104534" i="1" s="1"/>
  <c r="A104535" i="1" s="1"/>
  <c r="A104536" i="1" s="1"/>
  <c r="A104537" i="1" s="1"/>
  <c r="A104538" i="1" s="1"/>
  <c r="A104539" i="1" s="1"/>
  <c r="A104540" i="1" s="1"/>
  <c r="A104541" i="1" s="1"/>
  <c r="A104542" i="1" s="1"/>
  <c r="A104543" i="1" s="1"/>
  <c r="A104544" i="1" s="1"/>
  <c r="A104545" i="1" s="1"/>
  <c r="A104546" i="1" s="1"/>
  <c r="A104547" i="1" s="1"/>
  <c r="A104548" i="1" s="1"/>
  <c r="A104549" i="1" s="1"/>
  <c r="A104550" i="1" s="1"/>
  <c r="A104551" i="1" s="1"/>
  <c r="A104552" i="1" s="1"/>
  <c r="A104553" i="1" s="1"/>
  <c r="A104554" i="1" s="1"/>
  <c r="A104555" i="1" s="1"/>
  <c r="A104556" i="1" s="1"/>
  <c r="A104557" i="1" s="1"/>
  <c r="A104558" i="1" s="1"/>
  <c r="A104559" i="1" s="1"/>
  <c r="A104560" i="1" s="1"/>
  <c r="A104561" i="1" s="1"/>
  <c r="A104562" i="1" s="1"/>
  <c r="A104563" i="1" s="1"/>
  <c r="A104564" i="1" s="1"/>
  <c r="A104565" i="1" s="1"/>
  <c r="A104566" i="1" s="1"/>
  <c r="A104567" i="1" s="1"/>
  <c r="A104568" i="1" s="1"/>
  <c r="A104569" i="1" s="1"/>
  <c r="A104570" i="1" s="1"/>
  <c r="A104571" i="1" s="1"/>
  <c r="A104572" i="1" s="1"/>
  <c r="A104573" i="1" s="1"/>
  <c r="A104574" i="1" s="1"/>
  <c r="A104575" i="1" s="1"/>
  <c r="A104576" i="1" s="1"/>
  <c r="A104577" i="1" s="1"/>
  <c r="A104578" i="1" s="1"/>
  <c r="A104579" i="1" s="1"/>
  <c r="A104580" i="1" s="1"/>
  <c r="A104581" i="1" s="1"/>
  <c r="A104582" i="1" s="1"/>
  <c r="A104583" i="1" s="1"/>
  <c r="A104584" i="1" s="1"/>
  <c r="A104585" i="1" s="1"/>
  <c r="A104586" i="1" s="1"/>
  <c r="A104587" i="1" s="1"/>
  <c r="A104588" i="1" s="1"/>
  <c r="A104589" i="1" s="1"/>
  <c r="A104590" i="1" s="1"/>
  <c r="A104591" i="1" s="1"/>
  <c r="A104592" i="1" s="1"/>
  <c r="A104593" i="1" s="1"/>
  <c r="A104594" i="1" s="1"/>
  <c r="A104595" i="1" s="1"/>
  <c r="A104596" i="1" s="1"/>
  <c r="A104597" i="1" s="1"/>
  <c r="A104598" i="1" s="1"/>
  <c r="A104599" i="1" s="1"/>
  <c r="A104600" i="1" s="1"/>
  <c r="A104601" i="1" s="1"/>
  <c r="A104602" i="1" s="1"/>
  <c r="A104603" i="1" s="1"/>
  <c r="A104604" i="1" s="1"/>
  <c r="A104605" i="1" s="1"/>
  <c r="A104606" i="1" s="1"/>
  <c r="A104607" i="1" s="1"/>
  <c r="A104608" i="1" s="1"/>
  <c r="A104609" i="1" s="1"/>
  <c r="A104610" i="1" s="1"/>
  <c r="A104611" i="1" s="1"/>
  <c r="A104612" i="1" s="1"/>
  <c r="A104613" i="1" s="1"/>
  <c r="A104614" i="1" s="1"/>
  <c r="A104615" i="1" s="1"/>
  <c r="A104616" i="1" s="1"/>
  <c r="A104617" i="1" s="1"/>
  <c r="A104618" i="1" s="1"/>
  <c r="A104619" i="1" s="1"/>
  <c r="A104620" i="1" s="1"/>
  <c r="A104621" i="1" s="1"/>
  <c r="A104622" i="1" s="1"/>
  <c r="A104623" i="1" s="1"/>
  <c r="A104624" i="1" s="1"/>
  <c r="A104625" i="1" s="1"/>
  <c r="A104626" i="1" s="1"/>
  <c r="A104627" i="1" s="1"/>
  <c r="A104628" i="1" s="1"/>
  <c r="A104629" i="1" s="1"/>
  <c r="A104630" i="1" s="1"/>
  <c r="A104631" i="1" s="1"/>
  <c r="A104632" i="1" s="1"/>
  <c r="A104633" i="1" s="1"/>
  <c r="A104634" i="1" s="1"/>
  <c r="A104635" i="1" s="1"/>
  <c r="A104636" i="1" s="1"/>
  <c r="A104637" i="1" s="1"/>
  <c r="A104638" i="1" s="1"/>
  <c r="A104639" i="1" s="1"/>
  <c r="A104640" i="1" s="1"/>
  <c r="A104641" i="1" s="1"/>
  <c r="A104642" i="1" s="1"/>
  <c r="A104643" i="1" s="1"/>
  <c r="A104644" i="1" s="1"/>
  <c r="A104645" i="1" s="1"/>
  <c r="A104646" i="1" s="1"/>
  <c r="A104647" i="1" s="1"/>
  <c r="A104648" i="1" s="1"/>
  <c r="A104649" i="1" s="1"/>
  <c r="A104650" i="1" s="1"/>
  <c r="A104651" i="1" s="1"/>
  <c r="A104652" i="1" s="1"/>
  <c r="A104653" i="1" s="1"/>
  <c r="A104654" i="1" s="1"/>
  <c r="A104655" i="1" s="1"/>
  <c r="A104656" i="1" s="1"/>
  <c r="A104657" i="1" s="1"/>
  <c r="A104658" i="1" s="1"/>
  <c r="A104659" i="1" s="1"/>
  <c r="A104660" i="1" s="1"/>
  <c r="A104661" i="1" s="1"/>
  <c r="A104662" i="1" s="1"/>
  <c r="A104663" i="1" s="1"/>
  <c r="A104664" i="1" s="1"/>
  <c r="A104665" i="1" s="1"/>
  <c r="A104666" i="1" s="1"/>
  <c r="A104667" i="1" s="1"/>
  <c r="A104668" i="1" s="1"/>
  <c r="A104669" i="1" s="1"/>
  <c r="A104670" i="1" s="1"/>
  <c r="A104671" i="1" s="1"/>
  <c r="A104672" i="1" s="1"/>
  <c r="A104673" i="1" s="1"/>
  <c r="A104674" i="1" s="1"/>
  <c r="A104675" i="1" s="1"/>
  <c r="A104676" i="1" s="1"/>
  <c r="A104677" i="1" s="1"/>
  <c r="A104678" i="1" s="1"/>
  <c r="A104679" i="1" s="1"/>
  <c r="A104680" i="1" s="1"/>
  <c r="A104681" i="1" s="1"/>
  <c r="A104682" i="1" s="1"/>
  <c r="A104683" i="1" s="1"/>
  <c r="A104684" i="1" s="1"/>
  <c r="A104685" i="1" s="1"/>
  <c r="A104686" i="1" s="1"/>
  <c r="A104687" i="1" s="1"/>
  <c r="A104688" i="1" s="1"/>
  <c r="A104689" i="1" s="1"/>
  <c r="A104690" i="1" s="1"/>
  <c r="A104691" i="1" s="1"/>
  <c r="A104692" i="1" s="1"/>
  <c r="A104693" i="1" s="1"/>
  <c r="A104694" i="1" s="1"/>
  <c r="A104695" i="1" s="1"/>
  <c r="A104696" i="1" s="1"/>
  <c r="A104697" i="1" s="1"/>
  <c r="A104698" i="1" s="1"/>
  <c r="A104699" i="1" s="1"/>
  <c r="A104700" i="1" s="1"/>
  <c r="A104701" i="1" s="1"/>
  <c r="A104702" i="1" s="1"/>
  <c r="A104703" i="1" s="1"/>
  <c r="A104704" i="1" s="1"/>
  <c r="A104705" i="1" s="1"/>
  <c r="A104706" i="1" s="1"/>
  <c r="A104707" i="1" s="1"/>
  <c r="A104708" i="1" s="1"/>
  <c r="A104709" i="1" s="1"/>
  <c r="A104710" i="1" s="1"/>
  <c r="A104711" i="1" s="1"/>
  <c r="A104712" i="1" s="1"/>
  <c r="A104713" i="1" s="1"/>
  <c r="A104714" i="1" s="1"/>
  <c r="A104715" i="1" s="1"/>
  <c r="A104716" i="1" s="1"/>
  <c r="A104717" i="1" s="1"/>
  <c r="A104718" i="1" s="1"/>
  <c r="A104719" i="1" s="1"/>
  <c r="A104720" i="1" s="1"/>
  <c r="A104721" i="1" s="1"/>
  <c r="A104722" i="1" s="1"/>
  <c r="A104723" i="1" s="1"/>
  <c r="A104724" i="1" s="1"/>
  <c r="A104725" i="1" s="1"/>
  <c r="A104726" i="1" s="1"/>
  <c r="A104727" i="1" s="1"/>
  <c r="A104728" i="1" s="1"/>
  <c r="A104729" i="1" s="1"/>
  <c r="A104730" i="1" s="1"/>
  <c r="A104731" i="1" s="1"/>
  <c r="A104732" i="1" s="1"/>
  <c r="A104733" i="1" s="1"/>
  <c r="A104734" i="1" s="1"/>
  <c r="A104735" i="1" s="1"/>
  <c r="A104736" i="1" s="1"/>
  <c r="A104737" i="1" s="1"/>
  <c r="A104738" i="1" s="1"/>
  <c r="A104739" i="1" s="1"/>
  <c r="A104740" i="1" s="1"/>
  <c r="A104741" i="1" s="1"/>
  <c r="A104742" i="1" s="1"/>
  <c r="A104743" i="1" s="1"/>
  <c r="A104744" i="1" s="1"/>
  <c r="A104745" i="1" s="1"/>
  <c r="A104746" i="1" s="1"/>
  <c r="A104747" i="1" s="1"/>
  <c r="A104748" i="1" s="1"/>
  <c r="A104749" i="1" s="1"/>
  <c r="A104750" i="1" s="1"/>
  <c r="A104751" i="1" s="1"/>
  <c r="A104752" i="1" s="1"/>
  <c r="A104753" i="1" s="1"/>
  <c r="A104754" i="1" s="1"/>
  <c r="A104755" i="1" s="1"/>
  <c r="A104756" i="1" s="1"/>
  <c r="A104757" i="1" s="1"/>
  <c r="A104758" i="1" s="1"/>
  <c r="A104759" i="1" s="1"/>
  <c r="A104760" i="1" s="1"/>
  <c r="A104761" i="1" s="1"/>
  <c r="A104762" i="1" s="1"/>
  <c r="A104763" i="1" s="1"/>
  <c r="A104764" i="1" s="1"/>
  <c r="A104765" i="1" s="1"/>
  <c r="A104766" i="1" s="1"/>
  <c r="A104767" i="1" s="1"/>
  <c r="A104768" i="1" s="1"/>
  <c r="A104769" i="1" s="1"/>
  <c r="A104770" i="1" s="1"/>
  <c r="A104771" i="1" s="1"/>
  <c r="A104772" i="1" s="1"/>
  <c r="A104773" i="1" s="1"/>
  <c r="A104774" i="1" s="1"/>
  <c r="A104775" i="1" s="1"/>
  <c r="A104776" i="1" s="1"/>
  <c r="A104777" i="1" s="1"/>
  <c r="A104778" i="1" s="1"/>
  <c r="A104779" i="1" s="1"/>
  <c r="A104780" i="1" s="1"/>
  <c r="A104781" i="1" s="1"/>
  <c r="A104782" i="1" s="1"/>
  <c r="A104783" i="1" s="1"/>
  <c r="A104784" i="1" s="1"/>
  <c r="A104785" i="1" s="1"/>
  <c r="A104786" i="1" s="1"/>
  <c r="A104787" i="1" s="1"/>
  <c r="A104788" i="1" s="1"/>
  <c r="A104789" i="1" s="1"/>
  <c r="A104790" i="1" s="1"/>
  <c r="A104791" i="1" s="1"/>
  <c r="A104792" i="1" s="1"/>
  <c r="A104793" i="1" s="1"/>
  <c r="A104794" i="1" s="1"/>
  <c r="A104795" i="1" s="1"/>
  <c r="A104796" i="1" s="1"/>
  <c r="A104797" i="1" s="1"/>
  <c r="A104798" i="1" s="1"/>
  <c r="A104799" i="1" s="1"/>
  <c r="A104800" i="1" s="1"/>
  <c r="A104801" i="1" s="1"/>
  <c r="A104802" i="1" s="1"/>
  <c r="A104803" i="1" s="1"/>
  <c r="A104804" i="1" s="1"/>
  <c r="A104805" i="1" s="1"/>
  <c r="A104806" i="1" s="1"/>
  <c r="A104807" i="1" s="1"/>
  <c r="A104808" i="1" s="1"/>
  <c r="A104809" i="1" s="1"/>
  <c r="A104810" i="1" s="1"/>
  <c r="A104811" i="1" s="1"/>
  <c r="A104812" i="1" s="1"/>
  <c r="A104813" i="1" s="1"/>
  <c r="A104814" i="1" s="1"/>
  <c r="A104815" i="1" s="1"/>
  <c r="A104816" i="1" s="1"/>
  <c r="A104817" i="1" s="1"/>
  <c r="A104818" i="1" s="1"/>
  <c r="A104819" i="1" s="1"/>
  <c r="A104820" i="1" s="1"/>
  <c r="A104821" i="1" s="1"/>
  <c r="A104822" i="1" s="1"/>
  <c r="A104823" i="1" s="1"/>
  <c r="A104824" i="1" s="1"/>
  <c r="A104825" i="1" s="1"/>
  <c r="A104826" i="1" s="1"/>
  <c r="A104827" i="1" s="1"/>
  <c r="A104828" i="1" s="1"/>
  <c r="A104829" i="1" s="1"/>
  <c r="A104830" i="1" s="1"/>
  <c r="A104831" i="1" s="1"/>
  <c r="A104832" i="1" s="1"/>
  <c r="A104833" i="1" s="1"/>
  <c r="A104834" i="1" s="1"/>
  <c r="A104835" i="1" s="1"/>
  <c r="A104836" i="1" s="1"/>
  <c r="A104837" i="1" s="1"/>
  <c r="A104838" i="1" s="1"/>
  <c r="A104839" i="1" s="1"/>
  <c r="A104840" i="1" s="1"/>
  <c r="A104841" i="1" s="1"/>
  <c r="A104842" i="1" s="1"/>
  <c r="A104843" i="1" s="1"/>
  <c r="A104844" i="1" s="1"/>
  <c r="A104845" i="1" s="1"/>
  <c r="A104846" i="1" s="1"/>
  <c r="A104847" i="1" s="1"/>
  <c r="A104848" i="1" s="1"/>
  <c r="A104849" i="1" s="1"/>
  <c r="A104850" i="1" s="1"/>
  <c r="A104851" i="1" s="1"/>
  <c r="A104852" i="1" s="1"/>
  <c r="A104853" i="1" s="1"/>
  <c r="A104854" i="1" s="1"/>
  <c r="A104855" i="1" s="1"/>
  <c r="A104856" i="1" s="1"/>
  <c r="A104857" i="1" s="1"/>
  <c r="A104858" i="1" s="1"/>
  <c r="A104859" i="1" s="1"/>
  <c r="A104860" i="1" s="1"/>
  <c r="A104861" i="1" s="1"/>
  <c r="A104862" i="1" s="1"/>
  <c r="A104863" i="1" s="1"/>
  <c r="A104864" i="1" s="1"/>
  <c r="A104865" i="1" s="1"/>
  <c r="A104866" i="1" s="1"/>
  <c r="A104867" i="1" s="1"/>
  <c r="A104868" i="1" s="1"/>
  <c r="A104869" i="1" s="1"/>
  <c r="A104870" i="1" s="1"/>
  <c r="A104871" i="1" s="1"/>
  <c r="A104872" i="1" s="1"/>
  <c r="A104873" i="1" s="1"/>
  <c r="A104874" i="1" s="1"/>
  <c r="A104875" i="1" s="1"/>
  <c r="A104876" i="1" s="1"/>
  <c r="A104877" i="1" s="1"/>
  <c r="A104878" i="1" s="1"/>
  <c r="A104879" i="1" s="1"/>
  <c r="A104880" i="1" s="1"/>
  <c r="A104881" i="1" s="1"/>
  <c r="A104882" i="1" s="1"/>
  <c r="A104883" i="1" s="1"/>
  <c r="A104884" i="1" s="1"/>
  <c r="A104885" i="1" s="1"/>
  <c r="A104886" i="1" s="1"/>
  <c r="A104887" i="1" s="1"/>
  <c r="A104888" i="1" s="1"/>
  <c r="A104889" i="1" s="1"/>
  <c r="A104890" i="1" s="1"/>
  <c r="A104891" i="1" s="1"/>
  <c r="A104892" i="1" s="1"/>
  <c r="A104893" i="1" s="1"/>
  <c r="A104894" i="1" s="1"/>
  <c r="A104895" i="1" s="1"/>
  <c r="A104896" i="1" s="1"/>
  <c r="A104897" i="1" s="1"/>
  <c r="A104898" i="1" s="1"/>
  <c r="A104899" i="1" s="1"/>
  <c r="A104900" i="1" s="1"/>
  <c r="A104901" i="1" s="1"/>
  <c r="A104902" i="1" s="1"/>
  <c r="A104903" i="1" s="1"/>
  <c r="A104904" i="1" s="1"/>
  <c r="A104905" i="1" s="1"/>
  <c r="A104906" i="1" s="1"/>
  <c r="A104907" i="1" s="1"/>
  <c r="A104908" i="1" s="1"/>
  <c r="A104909" i="1" s="1"/>
  <c r="A104910" i="1" s="1"/>
  <c r="A104911" i="1" s="1"/>
  <c r="A104912" i="1" s="1"/>
  <c r="A104913" i="1" s="1"/>
  <c r="A104914" i="1" s="1"/>
  <c r="A104915" i="1" s="1"/>
  <c r="A104916" i="1" s="1"/>
  <c r="A104917" i="1" s="1"/>
  <c r="A104918" i="1" s="1"/>
  <c r="A104919" i="1" s="1"/>
  <c r="A104920" i="1" s="1"/>
  <c r="A104921" i="1" s="1"/>
  <c r="A104922" i="1" s="1"/>
  <c r="A104923" i="1" s="1"/>
  <c r="A104924" i="1" s="1"/>
  <c r="A104925" i="1" s="1"/>
  <c r="A104926" i="1" s="1"/>
  <c r="A104927" i="1" s="1"/>
  <c r="A104928" i="1" s="1"/>
  <c r="A104929" i="1" s="1"/>
  <c r="A104930" i="1" s="1"/>
  <c r="A104931" i="1" s="1"/>
  <c r="A104932" i="1" s="1"/>
  <c r="A104933" i="1" s="1"/>
  <c r="A104934" i="1" s="1"/>
  <c r="A104935" i="1" s="1"/>
  <c r="A104936" i="1" s="1"/>
  <c r="A104937" i="1" s="1"/>
  <c r="A104938" i="1" s="1"/>
  <c r="A104939" i="1" s="1"/>
  <c r="A104940" i="1" s="1"/>
  <c r="A104941" i="1" s="1"/>
  <c r="A104942" i="1" s="1"/>
  <c r="A104943" i="1" s="1"/>
  <c r="A104944" i="1" s="1"/>
  <c r="A104945" i="1" s="1"/>
  <c r="A104946" i="1" s="1"/>
  <c r="A104947" i="1" s="1"/>
  <c r="A104948" i="1" s="1"/>
  <c r="A104949" i="1" s="1"/>
  <c r="A104950" i="1" s="1"/>
  <c r="A104951" i="1" s="1"/>
  <c r="A104952" i="1" s="1"/>
  <c r="A104953" i="1" s="1"/>
  <c r="A104954" i="1" s="1"/>
  <c r="A104955" i="1" s="1"/>
  <c r="A104956" i="1" s="1"/>
  <c r="A104957" i="1" s="1"/>
  <c r="A104958" i="1" s="1"/>
  <c r="A104959" i="1" s="1"/>
  <c r="A104960" i="1" s="1"/>
  <c r="A104961" i="1" s="1"/>
  <c r="A104962" i="1" s="1"/>
  <c r="A104963" i="1" s="1"/>
  <c r="A104964" i="1" s="1"/>
  <c r="A104965" i="1" s="1"/>
  <c r="A104966" i="1" s="1"/>
  <c r="A104967" i="1" s="1"/>
  <c r="A104968" i="1" s="1"/>
  <c r="A104969" i="1" s="1"/>
  <c r="A104970" i="1" s="1"/>
  <c r="A104971" i="1" s="1"/>
  <c r="A104972" i="1" s="1"/>
  <c r="A104973" i="1" s="1"/>
  <c r="A104974" i="1" s="1"/>
  <c r="A104975" i="1" s="1"/>
  <c r="A104976" i="1" s="1"/>
  <c r="A104977" i="1" s="1"/>
  <c r="A104978" i="1" s="1"/>
  <c r="A104979" i="1" s="1"/>
  <c r="A104980" i="1" s="1"/>
  <c r="A104981" i="1" s="1"/>
  <c r="A104982" i="1" s="1"/>
  <c r="A104983" i="1" s="1"/>
  <c r="A104984" i="1" s="1"/>
  <c r="A104985" i="1" s="1"/>
  <c r="A104986" i="1" s="1"/>
  <c r="A104987" i="1" s="1"/>
  <c r="A104988" i="1" s="1"/>
  <c r="A104989" i="1" s="1"/>
  <c r="A104990" i="1" s="1"/>
  <c r="A104991" i="1" s="1"/>
  <c r="A104992" i="1" s="1"/>
  <c r="A104993" i="1" s="1"/>
  <c r="A104994" i="1" s="1"/>
  <c r="A104995" i="1" s="1"/>
  <c r="A104996" i="1" s="1"/>
  <c r="A104997" i="1" s="1"/>
  <c r="A104998" i="1" s="1"/>
  <c r="A104999" i="1" s="1"/>
  <c r="A105000" i="1" s="1"/>
  <c r="A105001" i="1" s="1"/>
  <c r="A105002" i="1" s="1"/>
  <c r="A105003" i="1" s="1"/>
  <c r="A105004" i="1" s="1"/>
  <c r="A105005" i="1" s="1"/>
  <c r="A105006" i="1" s="1"/>
  <c r="A105007" i="1" s="1"/>
  <c r="A105008" i="1" s="1"/>
  <c r="A105009" i="1" s="1"/>
  <c r="A105010" i="1" s="1"/>
  <c r="A105011" i="1" s="1"/>
  <c r="A105012" i="1" s="1"/>
  <c r="A105013" i="1" s="1"/>
  <c r="A105014" i="1" s="1"/>
  <c r="A105015" i="1" s="1"/>
  <c r="A105016" i="1" s="1"/>
  <c r="A105017" i="1" s="1"/>
  <c r="A105018" i="1" s="1"/>
  <c r="A105019" i="1" s="1"/>
  <c r="A105020" i="1" s="1"/>
  <c r="A105021" i="1" s="1"/>
  <c r="A105022" i="1" s="1"/>
  <c r="A105023" i="1" s="1"/>
  <c r="A105024" i="1" s="1"/>
  <c r="A105025" i="1" s="1"/>
  <c r="A105026" i="1" s="1"/>
  <c r="A105027" i="1" s="1"/>
  <c r="A105028" i="1" s="1"/>
  <c r="A105029" i="1" s="1"/>
  <c r="A105030" i="1" s="1"/>
  <c r="A105031" i="1" s="1"/>
  <c r="A105032" i="1" s="1"/>
  <c r="A105033" i="1" s="1"/>
  <c r="A105034" i="1" s="1"/>
  <c r="A105035" i="1" s="1"/>
  <c r="A105036" i="1" s="1"/>
  <c r="A105037" i="1" s="1"/>
  <c r="A105038" i="1" s="1"/>
  <c r="A105039" i="1" s="1"/>
  <c r="A105040" i="1" s="1"/>
  <c r="A105041" i="1" s="1"/>
  <c r="A105042" i="1" s="1"/>
  <c r="A105043" i="1" s="1"/>
  <c r="A105044" i="1" s="1"/>
  <c r="A105045" i="1" s="1"/>
  <c r="A105046" i="1" s="1"/>
  <c r="A105047" i="1" s="1"/>
  <c r="A105048" i="1" s="1"/>
  <c r="A105049" i="1" s="1"/>
  <c r="A105050" i="1" s="1"/>
  <c r="A105051" i="1" s="1"/>
  <c r="A105052" i="1" s="1"/>
  <c r="A105053" i="1" s="1"/>
  <c r="A105054" i="1" s="1"/>
  <c r="A105055" i="1" s="1"/>
  <c r="A105056" i="1" s="1"/>
  <c r="A105057" i="1" s="1"/>
  <c r="A105058" i="1" s="1"/>
  <c r="A105059" i="1" s="1"/>
  <c r="A105060" i="1" s="1"/>
  <c r="A105061" i="1" s="1"/>
  <c r="A105062" i="1" s="1"/>
  <c r="A105063" i="1" s="1"/>
  <c r="A105064" i="1" s="1"/>
  <c r="A105065" i="1" s="1"/>
  <c r="A105066" i="1" s="1"/>
  <c r="A105067" i="1" s="1"/>
  <c r="A105068" i="1" s="1"/>
  <c r="A105069" i="1" s="1"/>
  <c r="A105070" i="1" s="1"/>
  <c r="A105071" i="1" s="1"/>
  <c r="A105072" i="1" s="1"/>
  <c r="A105073" i="1" s="1"/>
  <c r="A105074" i="1" s="1"/>
  <c r="A105075" i="1" s="1"/>
  <c r="A105076" i="1" s="1"/>
  <c r="A105077" i="1" s="1"/>
  <c r="A105078" i="1" s="1"/>
  <c r="A105079" i="1" s="1"/>
  <c r="A105080" i="1" s="1"/>
  <c r="A105081" i="1" s="1"/>
  <c r="A105082" i="1" s="1"/>
  <c r="A105083" i="1" s="1"/>
  <c r="A105084" i="1" s="1"/>
  <c r="A105085" i="1" s="1"/>
  <c r="A105086" i="1" s="1"/>
  <c r="A105087" i="1" s="1"/>
  <c r="A105088" i="1" s="1"/>
  <c r="A105089" i="1" s="1"/>
  <c r="A105090" i="1" s="1"/>
  <c r="A105091" i="1" s="1"/>
  <c r="A105092" i="1" s="1"/>
  <c r="A105093" i="1" s="1"/>
  <c r="A105094" i="1" s="1"/>
  <c r="A105095" i="1" s="1"/>
  <c r="A105096" i="1" s="1"/>
  <c r="A105097" i="1" s="1"/>
  <c r="A105098" i="1" s="1"/>
  <c r="A105099" i="1" s="1"/>
  <c r="A105100" i="1" s="1"/>
  <c r="A105101" i="1" s="1"/>
  <c r="A105102" i="1" s="1"/>
  <c r="A105103" i="1" s="1"/>
  <c r="A105104" i="1" s="1"/>
  <c r="A105105" i="1" s="1"/>
  <c r="A105106" i="1" s="1"/>
  <c r="A105107" i="1" s="1"/>
  <c r="A105108" i="1" s="1"/>
  <c r="A105109" i="1" s="1"/>
  <c r="A105110" i="1" s="1"/>
  <c r="A105111" i="1" s="1"/>
  <c r="A105112" i="1" s="1"/>
  <c r="A105113" i="1" s="1"/>
  <c r="A105114" i="1" s="1"/>
  <c r="A105115" i="1" s="1"/>
  <c r="A105116" i="1" s="1"/>
  <c r="A105117" i="1" s="1"/>
  <c r="A105118" i="1" s="1"/>
  <c r="A105119" i="1" s="1"/>
  <c r="A105120" i="1" s="1"/>
  <c r="A105121" i="1" s="1"/>
  <c r="A105122" i="1" s="1"/>
  <c r="A105123" i="1" s="1"/>
  <c r="A105124" i="1" s="1"/>
  <c r="A105125" i="1" s="1"/>
  <c r="A105126" i="1" s="1"/>
  <c r="A105127" i="1" s="1"/>
  <c r="A105128" i="1" s="1"/>
  <c r="A105129" i="1" s="1"/>
  <c r="A105130" i="1" s="1"/>
  <c r="A105131" i="1" s="1"/>
  <c r="A105132" i="1" s="1"/>
  <c r="A105133" i="1" s="1"/>
  <c r="A105134" i="1" s="1"/>
  <c r="A105135" i="1" s="1"/>
  <c r="A105136" i="1" s="1"/>
  <c r="A105137" i="1" s="1"/>
  <c r="A105138" i="1" s="1"/>
  <c r="A105139" i="1" s="1"/>
  <c r="A105140" i="1" s="1"/>
  <c r="A105141" i="1" s="1"/>
  <c r="A105142" i="1" s="1"/>
  <c r="A105143" i="1" s="1"/>
  <c r="A105144" i="1" s="1"/>
  <c r="A105145" i="1" s="1"/>
  <c r="A105146" i="1" s="1"/>
  <c r="A105147" i="1" s="1"/>
  <c r="A105148" i="1" s="1"/>
  <c r="A105149" i="1" s="1"/>
  <c r="A105150" i="1" s="1"/>
  <c r="A105151" i="1" s="1"/>
  <c r="A105152" i="1" s="1"/>
  <c r="A105153" i="1" s="1"/>
  <c r="A105154" i="1" s="1"/>
  <c r="A105155" i="1" s="1"/>
  <c r="A105156" i="1" s="1"/>
  <c r="A105157" i="1" s="1"/>
  <c r="A105158" i="1" s="1"/>
  <c r="A105159" i="1" s="1"/>
  <c r="A105160" i="1" s="1"/>
  <c r="A105161" i="1" s="1"/>
  <c r="A105162" i="1" s="1"/>
  <c r="A105163" i="1" s="1"/>
  <c r="A105164" i="1" s="1"/>
  <c r="A105165" i="1" s="1"/>
  <c r="A105166" i="1" s="1"/>
  <c r="A105167" i="1" s="1"/>
  <c r="A105168" i="1" s="1"/>
  <c r="A105169" i="1" s="1"/>
  <c r="A105170" i="1" s="1"/>
  <c r="A105171" i="1" s="1"/>
  <c r="A105172" i="1" s="1"/>
  <c r="A105173" i="1" s="1"/>
  <c r="A105174" i="1" s="1"/>
  <c r="A105175" i="1" s="1"/>
  <c r="A105176" i="1" s="1"/>
  <c r="A105177" i="1" s="1"/>
  <c r="A105178" i="1" s="1"/>
  <c r="A105179" i="1" s="1"/>
  <c r="A105180" i="1" s="1"/>
  <c r="A105181" i="1" s="1"/>
  <c r="A105182" i="1" s="1"/>
  <c r="A105183" i="1" s="1"/>
  <c r="A105184" i="1" s="1"/>
  <c r="A105185" i="1" s="1"/>
  <c r="A105186" i="1" s="1"/>
  <c r="A105187" i="1" s="1"/>
  <c r="A105188" i="1" s="1"/>
  <c r="A105189" i="1" s="1"/>
  <c r="A105190" i="1" s="1"/>
  <c r="A105191" i="1" s="1"/>
  <c r="A105192" i="1" s="1"/>
  <c r="A105193" i="1" s="1"/>
  <c r="A105194" i="1" s="1"/>
  <c r="A105195" i="1" s="1"/>
  <c r="A105196" i="1" s="1"/>
  <c r="A105197" i="1" s="1"/>
  <c r="A105198" i="1" s="1"/>
  <c r="A105199" i="1" s="1"/>
  <c r="A105200" i="1" s="1"/>
  <c r="A105201" i="1" s="1"/>
  <c r="A105202" i="1" s="1"/>
  <c r="A105203" i="1" s="1"/>
  <c r="A105204" i="1" s="1"/>
  <c r="A105205" i="1" s="1"/>
  <c r="A105206" i="1" s="1"/>
  <c r="A105207" i="1" s="1"/>
  <c r="A105208" i="1" s="1"/>
  <c r="A105209" i="1" s="1"/>
  <c r="A105210" i="1" s="1"/>
  <c r="A105211" i="1" s="1"/>
  <c r="A105212" i="1" s="1"/>
  <c r="A105213" i="1" s="1"/>
  <c r="A105214" i="1" s="1"/>
  <c r="A105215" i="1" s="1"/>
  <c r="A105216" i="1" s="1"/>
  <c r="A105217" i="1" s="1"/>
  <c r="A105218" i="1" s="1"/>
  <c r="A105219" i="1" s="1"/>
  <c r="A105220" i="1" s="1"/>
  <c r="A105221" i="1" s="1"/>
  <c r="A105222" i="1" s="1"/>
  <c r="A105223" i="1" s="1"/>
  <c r="A105224" i="1" s="1"/>
  <c r="A105225" i="1" s="1"/>
  <c r="A105226" i="1" s="1"/>
  <c r="A105227" i="1" s="1"/>
  <c r="A105228" i="1" s="1"/>
  <c r="A105229" i="1" s="1"/>
  <c r="A105230" i="1" s="1"/>
  <c r="A105231" i="1" s="1"/>
  <c r="A105232" i="1" s="1"/>
  <c r="A105233" i="1" s="1"/>
  <c r="A105234" i="1" s="1"/>
  <c r="A105235" i="1" s="1"/>
  <c r="A105236" i="1" s="1"/>
  <c r="A105237" i="1" s="1"/>
  <c r="A105238" i="1" s="1"/>
  <c r="A105239" i="1" s="1"/>
  <c r="A105240" i="1" s="1"/>
  <c r="A105241" i="1" s="1"/>
  <c r="A105242" i="1" s="1"/>
  <c r="A105243" i="1" s="1"/>
  <c r="A105244" i="1" s="1"/>
  <c r="A105245" i="1" s="1"/>
  <c r="A105246" i="1" s="1"/>
  <c r="A105247" i="1" s="1"/>
  <c r="A105248" i="1" s="1"/>
  <c r="A105249" i="1" s="1"/>
  <c r="A105250" i="1" s="1"/>
  <c r="A105251" i="1" s="1"/>
  <c r="A105252" i="1" s="1"/>
  <c r="A105253" i="1" s="1"/>
  <c r="A105254" i="1" s="1"/>
  <c r="A105255" i="1" s="1"/>
  <c r="A105256" i="1" s="1"/>
  <c r="A105257" i="1" s="1"/>
  <c r="A105258" i="1" s="1"/>
  <c r="A105259" i="1" s="1"/>
  <c r="A105260" i="1" s="1"/>
  <c r="A105261" i="1" s="1"/>
  <c r="A105262" i="1" s="1"/>
  <c r="A105263" i="1" s="1"/>
  <c r="A105264" i="1" s="1"/>
  <c r="A105265" i="1" s="1"/>
  <c r="A105266" i="1" s="1"/>
  <c r="A105267" i="1" s="1"/>
  <c r="A105268" i="1" s="1"/>
  <c r="A105269" i="1" s="1"/>
  <c r="A105270" i="1" s="1"/>
  <c r="A105271" i="1" s="1"/>
  <c r="A105272" i="1" s="1"/>
  <c r="A105273" i="1" s="1"/>
  <c r="A105274" i="1" s="1"/>
  <c r="A105275" i="1" s="1"/>
  <c r="A105276" i="1" s="1"/>
  <c r="A105277" i="1" s="1"/>
  <c r="A105278" i="1" s="1"/>
  <c r="A105279" i="1" s="1"/>
  <c r="A105280" i="1" s="1"/>
  <c r="A105281" i="1" s="1"/>
  <c r="A105282" i="1" s="1"/>
  <c r="A105283" i="1" s="1"/>
  <c r="A105284" i="1" s="1"/>
  <c r="A105285" i="1" s="1"/>
  <c r="A105286" i="1" s="1"/>
  <c r="A105287" i="1" s="1"/>
  <c r="A105288" i="1" s="1"/>
  <c r="A105289" i="1" s="1"/>
  <c r="A105290" i="1" s="1"/>
  <c r="A105291" i="1" s="1"/>
  <c r="A105292" i="1" s="1"/>
  <c r="A105293" i="1" s="1"/>
  <c r="A105294" i="1" s="1"/>
  <c r="A105295" i="1" s="1"/>
  <c r="A105296" i="1" s="1"/>
  <c r="A105297" i="1" s="1"/>
  <c r="A105298" i="1" s="1"/>
  <c r="A105299" i="1" s="1"/>
  <c r="A105300" i="1" s="1"/>
  <c r="A105301" i="1" s="1"/>
  <c r="A105302" i="1" s="1"/>
  <c r="A105303" i="1" s="1"/>
  <c r="A105304" i="1" s="1"/>
  <c r="A105305" i="1" s="1"/>
  <c r="A105306" i="1" s="1"/>
  <c r="A105307" i="1" s="1"/>
  <c r="A105308" i="1" s="1"/>
  <c r="A105309" i="1" s="1"/>
  <c r="A105310" i="1" s="1"/>
  <c r="A105311" i="1" s="1"/>
  <c r="A105312" i="1" s="1"/>
  <c r="A105313" i="1" s="1"/>
  <c r="A105314" i="1" s="1"/>
  <c r="A105315" i="1" s="1"/>
  <c r="A105316" i="1" s="1"/>
  <c r="A105317" i="1" s="1"/>
  <c r="A105318" i="1" s="1"/>
  <c r="A105319" i="1" s="1"/>
  <c r="A105320" i="1" s="1"/>
  <c r="A105321" i="1" s="1"/>
  <c r="A105322" i="1" s="1"/>
  <c r="A105323" i="1" s="1"/>
  <c r="A105324" i="1" s="1"/>
  <c r="A105325" i="1" s="1"/>
  <c r="A105326" i="1" s="1"/>
  <c r="A105327" i="1" s="1"/>
  <c r="A105328" i="1" s="1"/>
  <c r="A105329" i="1" s="1"/>
  <c r="A105330" i="1" s="1"/>
  <c r="A105331" i="1" s="1"/>
  <c r="A105332" i="1" s="1"/>
  <c r="A105333" i="1" s="1"/>
  <c r="A105334" i="1" s="1"/>
  <c r="A105335" i="1" s="1"/>
  <c r="A105336" i="1" s="1"/>
  <c r="A105337" i="1" s="1"/>
  <c r="A105338" i="1" s="1"/>
  <c r="A105339" i="1" s="1"/>
  <c r="A105340" i="1" s="1"/>
  <c r="A105341" i="1" s="1"/>
  <c r="A105342" i="1" s="1"/>
  <c r="A105343" i="1" s="1"/>
  <c r="A105344" i="1" s="1"/>
  <c r="A105345" i="1" s="1"/>
  <c r="A105346" i="1" s="1"/>
  <c r="A105347" i="1" s="1"/>
  <c r="A105348" i="1" s="1"/>
  <c r="A105349" i="1" s="1"/>
  <c r="A105350" i="1" s="1"/>
  <c r="A105351" i="1" s="1"/>
  <c r="A105352" i="1" s="1"/>
  <c r="A105353" i="1" s="1"/>
  <c r="A105354" i="1" s="1"/>
  <c r="A105355" i="1" s="1"/>
  <c r="A105356" i="1" s="1"/>
  <c r="A105357" i="1" s="1"/>
  <c r="A105358" i="1" s="1"/>
  <c r="A105359" i="1" s="1"/>
  <c r="A105360" i="1" s="1"/>
  <c r="A105361" i="1" s="1"/>
  <c r="A105362" i="1" s="1"/>
  <c r="A105363" i="1" s="1"/>
  <c r="A105364" i="1" s="1"/>
  <c r="A105365" i="1" s="1"/>
  <c r="A105366" i="1" s="1"/>
  <c r="A105367" i="1" s="1"/>
  <c r="A105368" i="1" s="1"/>
  <c r="A105369" i="1" s="1"/>
  <c r="A105370" i="1" s="1"/>
  <c r="A105371" i="1" s="1"/>
  <c r="A105372" i="1" s="1"/>
  <c r="A105373" i="1" s="1"/>
  <c r="A105374" i="1" s="1"/>
  <c r="A105375" i="1" s="1"/>
  <c r="A105376" i="1" s="1"/>
  <c r="A105377" i="1" s="1"/>
  <c r="A105378" i="1" s="1"/>
  <c r="A105379" i="1" s="1"/>
  <c r="A105380" i="1" s="1"/>
  <c r="A105381" i="1" s="1"/>
  <c r="A105382" i="1" s="1"/>
  <c r="A105383" i="1" s="1"/>
  <c r="A105384" i="1" s="1"/>
  <c r="A105385" i="1" s="1"/>
  <c r="A105386" i="1" s="1"/>
  <c r="A105387" i="1" s="1"/>
  <c r="A105388" i="1" s="1"/>
  <c r="A105389" i="1" s="1"/>
  <c r="A105390" i="1" s="1"/>
  <c r="A105391" i="1" s="1"/>
  <c r="A105392" i="1" s="1"/>
  <c r="A105393" i="1" s="1"/>
  <c r="A105394" i="1" s="1"/>
  <c r="A105395" i="1" s="1"/>
  <c r="A105396" i="1" s="1"/>
  <c r="A105397" i="1" s="1"/>
  <c r="A105398" i="1" s="1"/>
  <c r="A105399" i="1" s="1"/>
  <c r="A105400" i="1" s="1"/>
  <c r="A105401" i="1" s="1"/>
  <c r="A105402" i="1" s="1"/>
  <c r="A105403" i="1" s="1"/>
  <c r="A105404" i="1" s="1"/>
  <c r="A105405" i="1" s="1"/>
  <c r="A105406" i="1" s="1"/>
  <c r="A105407" i="1" s="1"/>
  <c r="A105408" i="1" s="1"/>
  <c r="A105409" i="1" s="1"/>
  <c r="A105410" i="1" s="1"/>
  <c r="A105411" i="1" s="1"/>
  <c r="A105412" i="1" s="1"/>
  <c r="A105413" i="1" s="1"/>
  <c r="A105414" i="1" s="1"/>
  <c r="A105415" i="1" s="1"/>
  <c r="A105416" i="1" s="1"/>
  <c r="A105417" i="1" s="1"/>
  <c r="A105418" i="1" s="1"/>
  <c r="A105419" i="1" s="1"/>
  <c r="A105420" i="1" s="1"/>
  <c r="A105421" i="1" s="1"/>
  <c r="A105422" i="1" s="1"/>
  <c r="A105423" i="1" s="1"/>
  <c r="A105424" i="1" s="1"/>
  <c r="A105425" i="1" s="1"/>
  <c r="A105426" i="1" s="1"/>
  <c r="A105427" i="1" s="1"/>
  <c r="A105428" i="1" s="1"/>
  <c r="A105429" i="1" s="1"/>
  <c r="A105430" i="1" s="1"/>
  <c r="A105431" i="1" s="1"/>
  <c r="A105432" i="1" s="1"/>
  <c r="A105433" i="1" s="1"/>
  <c r="A105434" i="1" s="1"/>
  <c r="A105435" i="1" s="1"/>
  <c r="A105436" i="1" s="1"/>
  <c r="A105437" i="1" s="1"/>
  <c r="A105438" i="1" s="1"/>
  <c r="A105439" i="1" s="1"/>
  <c r="A105440" i="1" s="1"/>
  <c r="A105441" i="1" s="1"/>
  <c r="A105442" i="1" s="1"/>
  <c r="A105443" i="1" s="1"/>
  <c r="A105444" i="1" s="1"/>
  <c r="A105445" i="1" s="1"/>
  <c r="A105446" i="1" s="1"/>
  <c r="A105447" i="1" s="1"/>
  <c r="A105448" i="1" s="1"/>
  <c r="A105449" i="1" s="1"/>
  <c r="A105450" i="1" s="1"/>
  <c r="A105451" i="1" s="1"/>
  <c r="A105452" i="1" s="1"/>
  <c r="A105453" i="1" s="1"/>
  <c r="A105454" i="1" s="1"/>
  <c r="A105455" i="1" s="1"/>
  <c r="A105456" i="1" s="1"/>
  <c r="A105457" i="1" s="1"/>
  <c r="A105458" i="1" s="1"/>
  <c r="A105459" i="1" s="1"/>
  <c r="A105460" i="1" s="1"/>
  <c r="A105461" i="1" s="1"/>
  <c r="A105462" i="1" s="1"/>
  <c r="A105463" i="1" s="1"/>
  <c r="A105464" i="1" s="1"/>
  <c r="A105465" i="1" s="1"/>
  <c r="A105466" i="1" s="1"/>
  <c r="A105467" i="1" s="1"/>
  <c r="A105468" i="1" s="1"/>
  <c r="A105469" i="1" s="1"/>
  <c r="A105470" i="1" s="1"/>
  <c r="A105471" i="1" s="1"/>
  <c r="A105472" i="1" s="1"/>
  <c r="A105473" i="1" s="1"/>
  <c r="A105474" i="1" s="1"/>
  <c r="A105475" i="1" s="1"/>
  <c r="A105476" i="1" s="1"/>
  <c r="A105477" i="1" s="1"/>
  <c r="A105478" i="1" s="1"/>
  <c r="A105479" i="1" s="1"/>
  <c r="A105480" i="1" s="1"/>
  <c r="A105481" i="1" s="1"/>
  <c r="A105482" i="1" s="1"/>
  <c r="A105483" i="1" s="1"/>
  <c r="A105484" i="1" s="1"/>
  <c r="A105485" i="1" s="1"/>
  <c r="A105486" i="1" s="1"/>
  <c r="A105487" i="1" s="1"/>
  <c r="A105488" i="1" s="1"/>
  <c r="A105489" i="1" s="1"/>
  <c r="A105490" i="1" s="1"/>
  <c r="A105491" i="1" s="1"/>
  <c r="A105492" i="1" s="1"/>
  <c r="A105493" i="1" s="1"/>
  <c r="A105494" i="1" s="1"/>
  <c r="A105495" i="1" s="1"/>
  <c r="A105496" i="1" s="1"/>
  <c r="A105497" i="1" s="1"/>
  <c r="A105498" i="1" s="1"/>
  <c r="A105499" i="1" s="1"/>
  <c r="A105500" i="1" s="1"/>
  <c r="A105501" i="1" s="1"/>
  <c r="A105502" i="1" s="1"/>
  <c r="A105503" i="1" s="1"/>
  <c r="A105504" i="1" s="1"/>
  <c r="A105505" i="1" s="1"/>
  <c r="A105506" i="1" s="1"/>
  <c r="A105507" i="1" s="1"/>
  <c r="A105508" i="1" s="1"/>
  <c r="A105509" i="1" s="1"/>
  <c r="A105510" i="1" s="1"/>
  <c r="A105511" i="1" s="1"/>
  <c r="A105512" i="1" s="1"/>
  <c r="A105513" i="1" s="1"/>
  <c r="A105514" i="1" s="1"/>
  <c r="A105515" i="1" s="1"/>
  <c r="A105516" i="1" s="1"/>
  <c r="A105517" i="1" s="1"/>
  <c r="A105518" i="1" s="1"/>
  <c r="A105519" i="1" s="1"/>
  <c r="A105520" i="1" s="1"/>
  <c r="A105521" i="1" s="1"/>
  <c r="A105522" i="1" s="1"/>
  <c r="A105523" i="1" s="1"/>
  <c r="A105524" i="1" s="1"/>
  <c r="A105525" i="1" s="1"/>
  <c r="A105526" i="1" s="1"/>
  <c r="A105527" i="1" s="1"/>
  <c r="A105528" i="1" s="1"/>
  <c r="A105529" i="1" s="1"/>
  <c r="A105530" i="1" s="1"/>
  <c r="A105531" i="1" s="1"/>
  <c r="A105532" i="1" s="1"/>
  <c r="A105533" i="1" s="1"/>
  <c r="A105534" i="1" s="1"/>
  <c r="A105535" i="1" s="1"/>
  <c r="A105536" i="1" s="1"/>
  <c r="A105537" i="1" s="1"/>
  <c r="A105538" i="1" s="1"/>
  <c r="A105539" i="1" s="1"/>
  <c r="A105540" i="1" s="1"/>
  <c r="A105541" i="1" s="1"/>
  <c r="A105542" i="1" s="1"/>
  <c r="A105543" i="1" s="1"/>
  <c r="A105544" i="1" s="1"/>
  <c r="A105545" i="1" s="1"/>
  <c r="A105546" i="1" s="1"/>
  <c r="A105547" i="1" s="1"/>
  <c r="A105548" i="1" s="1"/>
  <c r="A105549" i="1" s="1"/>
  <c r="A105550" i="1" s="1"/>
  <c r="A105551" i="1" s="1"/>
  <c r="A105552" i="1" s="1"/>
  <c r="A105553" i="1" s="1"/>
  <c r="A105554" i="1" s="1"/>
  <c r="A105555" i="1" s="1"/>
  <c r="A105556" i="1" s="1"/>
  <c r="A105557" i="1" s="1"/>
  <c r="A105558" i="1" s="1"/>
  <c r="A105559" i="1" s="1"/>
  <c r="A105560" i="1" s="1"/>
  <c r="A105561" i="1" s="1"/>
  <c r="A105562" i="1" s="1"/>
  <c r="A105563" i="1" s="1"/>
  <c r="A105564" i="1" s="1"/>
  <c r="A105565" i="1" s="1"/>
  <c r="A105566" i="1" s="1"/>
  <c r="A105567" i="1" s="1"/>
  <c r="A105568" i="1" s="1"/>
  <c r="A105569" i="1" s="1"/>
  <c r="A105570" i="1" s="1"/>
  <c r="A105571" i="1" s="1"/>
  <c r="A105572" i="1" s="1"/>
  <c r="A105573" i="1" s="1"/>
  <c r="A105574" i="1" s="1"/>
  <c r="A105575" i="1" s="1"/>
  <c r="A105576" i="1" s="1"/>
  <c r="A105577" i="1" s="1"/>
  <c r="A105578" i="1" s="1"/>
  <c r="A105579" i="1" s="1"/>
  <c r="A105580" i="1" s="1"/>
  <c r="A105581" i="1" s="1"/>
  <c r="A105582" i="1" s="1"/>
  <c r="A105583" i="1" s="1"/>
  <c r="A105584" i="1" s="1"/>
  <c r="A105585" i="1" s="1"/>
  <c r="A105586" i="1" s="1"/>
  <c r="A105587" i="1" s="1"/>
  <c r="A105588" i="1" s="1"/>
  <c r="A105589" i="1" s="1"/>
  <c r="A105590" i="1" s="1"/>
  <c r="A105591" i="1" s="1"/>
  <c r="A105592" i="1" s="1"/>
  <c r="A105593" i="1" s="1"/>
  <c r="A105594" i="1" s="1"/>
  <c r="A105595" i="1" s="1"/>
  <c r="A105596" i="1" s="1"/>
  <c r="A105597" i="1" s="1"/>
  <c r="A105598" i="1" s="1"/>
  <c r="A105599" i="1" s="1"/>
  <c r="A105600" i="1" s="1"/>
  <c r="A105601" i="1" s="1"/>
  <c r="A105602" i="1" s="1"/>
  <c r="A105603" i="1" s="1"/>
  <c r="A105604" i="1" s="1"/>
  <c r="A105605" i="1" s="1"/>
  <c r="A105606" i="1" s="1"/>
  <c r="A105607" i="1" s="1"/>
  <c r="A105608" i="1" s="1"/>
  <c r="A105609" i="1" s="1"/>
  <c r="A105610" i="1" s="1"/>
  <c r="A105611" i="1" s="1"/>
  <c r="A105612" i="1" s="1"/>
  <c r="A105613" i="1" s="1"/>
  <c r="A105614" i="1" s="1"/>
  <c r="A105615" i="1" s="1"/>
  <c r="A105616" i="1" s="1"/>
  <c r="A105617" i="1" s="1"/>
  <c r="A105618" i="1" s="1"/>
  <c r="A105619" i="1" s="1"/>
  <c r="A105620" i="1" s="1"/>
  <c r="A105621" i="1" s="1"/>
  <c r="A105622" i="1" s="1"/>
  <c r="A105623" i="1" s="1"/>
  <c r="A105624" i="1" s="1"/>
  <c r="A105625" i="1" s="1"/>
  <c r="A105626" i="1" s="1"/>
  <c r="A105627" i="1" s="1"/>
  <c r="A105628" i="1" s="1"/>
  <c r="A105629" i="1" s="1"/>
  <c r="A105630" i="1" s="1"/>
  <c r="A105631" i="1" s="1"/>
  <c r="A105632" i="1" s="1"/>
  <c r="A105633" i="1" s="1"/>
  <c r="A105634" i="1" s="1"/>
  <c r="A105635" i="1" s="1"/>
  <c r="A105636" i="1" s="1"/>
  <c r="A105637" i="1" s="1"/>
  <c r="A105638" i="1" s="1"/>
  <c r="A105639" i="1" s="1"/>
  <c r="A105640" i="1" s="1"/>
  <c r="A105641" i="1" s="1"/>
  <c r="A105642" i="1" s="1"/>
  <c r="A105643" i="1" s="1"/>
  <c r="A105644" i="1" s="1"/>
  <c r="A105645" i="1" s="1"/>
  <c r="A105646" i="1" s="1"/>
  <c r="A105647" i="1" s="1"/>
  <c r="A105648" i="1" s="1"/>
  <c r="A105649" i="1" s="1"/>
  <c r="A105650" i="1" s="1"/>
  <c r="A105651" i="1" s="1"/>
  <c r="A105652" i="1" s="1"/>
  <c r="A105653" i="1" s="1"/>
  <c r="A105654" i="1" s="1"/>
  <c r="A105655" i="1" s="1"/>
  <c r="A105656" i="1" s="1"/>
  <c r="A105657" i="1" s="1"/>
  <c r="A105658" i="1" s="1"/>
  <c r="A105659" i="1" s="1"/>
  <c r="A105660" i="1" s="1"/>
  <c r="A105661" i="1" s="1"/>
  <c r="A105662" i="1" s="1"/>
  <c r="A105663" i="1" s="1"/>
  <c r="A105664" i="1" s="1"/>
  <c r="A105665" i="1" s="1"/>
  <c r="A105666" i="1" s="1"/>
  <c r="A105667" i="1" s="1"/>
  <c r="A105668" i="1" s="1"/>
  <c r="A105669" i="1" s="1"/>
  <c r="A105670" i="1" s="1"/>
  <c r="A105671" i="1" s="1"/>
  <c r="A105672" i="1" s="1"/>
  <c r="A105673" i="1" s="1"/>
  <c r="A105674" i="1" s="1"/>
  <c r="A105675" i="1" s="1"/>
  <c r="A105676" i="1" s="1"/>
  <c r="A105677" i="1" s="1"/>
  <c r="A105678" i="1" s="1"/>
  <c r="A105679" i="1" s="1"/>
  <c r="A105680" i="1" s="1"/>
  <c r="A105681" i="1" s="1"/>
  <c r="A105682" i="1" s="1"/>
  <c r="A105683" i="1" s="1"/>
  <c r="A105684" i="1" s="1"/>
  <c r="A105685" i="1" s="1"/>
  <c r="A105686" i="1" s="1"/>
  <c r="A105687" i="1" s="1"/>
  <c r="A105688" i="1" s="1"/>
  <c r="A105689" i="1" s="1"/>
  <c r="A105690" i="1" s="1"/>
  <c r="A105691" i="1" s="1"/>
  <c r="A105692" i="1" s="1"/>
  <c r="A105693" i="1" s="1"/>
  <c r="A105694" i="1" s="1"/>
  <c r="A105695" i="1" s="1"/>
  <c r="A105696" i="1" s="1"/>
  <c r="A105697" i="1" s="1"/>
  <c r="A105698" i="1" s="1"/>
  <c r="A105699" i="1" s="1"/>
  <c r="A105700" i="1" s="1"/>
  <c r="A105701" i="1" s="1"/>
  <c r="A105702" i="1" s="1"/>
  <c r="A105703" i="1" s="1"/>
  <c r="A105704" i="1" s="1"/>
  <c r="A105705" i="1" s="1"/>
  <c r="A105706" i="1" s="1"/>
  <c r="A105707" i="1" s="1"/>
  <c r="A105708" i="1" s="1"/>
  <c r="A105709" i="1" s="1"/>
  <c r="A105710" i="1" s="1"/>
  <c r="A105711" i="1" s="1"/>
  <c r="A105712" i="1" s="1"/>
  <c r="A105713" i="1" s="1"/>
  <c r="A105714" i="1" s="1"/>
  <c r="A105715" i="1" s="1"/>
  <c r="A105716" i="1" s="1"/>
  <c r="A105717" i="1" s="1"/>
  <c r="A105718" i="1" s="1"/>
  <c r="A105719" i="1" s="1"/>
  <c r="A105720" i="1" s="1"/>
  <c r="A105721" i="1" s="1"/>
  <c r="A105722" i="1" s="1"/>
  <c r="A105723" i="1" s="1"/>
  <c r="A105724" i="1" s="1"/>
  <c r="A105725" i="1" s="1"/>
  <c r="A105726" i="1" s="1"/>
  <c r="A105727" i="1" s="1"/>
  <c r="A105728" i="1" s="1"/>
  <c r="A105729" i="1" s="1"/>
  <c r="A105730" i="1" s="1"/>
  <c r="A105731" i="1" s="1"/>
  <c r="A105732" i="1" s="1"/>
  <c r="A105733" i="1" s="1"/>
  <c r="A105734" i="1" s="1"/>
  <c r="A105735" i="1" s="1"/>
  <c r="A105736" i="1" s="1"/>
  <c r="A105737" i="1" s="1"/>
  <c r="A105738" i="1" s="1"/>
  <c r="A105739" i="1" s="1"/>
  <c r="A105740" i="1" s="1"/>
  <c r="A105741" i="1" s="1"/>
  <c r="A105742" i="1" s="1"/>
  <c r="A105743" i="1" s="1"/>
  <c r="A105744" i="1" s="1"/>
  <c r="A105745" i="1" s="1"/>
  <c r="A105746" i="1" s="1"/>
  <c r="A105747" i="1" s="1"/>
  <c r="A105748" i="1" s="1"/>
  <c r="A105749" i="1" s="1"/>
  <c r="A105750" i="1" s="1"/>
  <c r="A105751" i="1" s="1"/>
  <c r="A105752" i="1" s="1"/>
  <c r="A105753" i="1" s="1"/>
  <c r="A105754" i="1" s="1"/>
  <c r="A105755" i="1" s="1"/>
  <c r="A105756" i="1" s="1"/>
  <c r="A105757" i="1" s="1"/>
  <c r="A105758" i="1" s="1"/>
  <c r="A105759" i="1" s="1"/>
  <c r="A105760" i="1" s="1"/>
  <c r="A105761" i="1" s="1"/>
  <c r="A105762" i="1" s="1"/>
  <c r="A105763" i="1" s="1"/>
  <c r="A105764" i="1" s="1"/>
  <c r="A105765" i="1" s="1"/>
  <c r="A105766" i="1" s="1"/>
  <c r="A105767" i="1" s="1"/>
  <c r="A105768" i="1" s="1"/>
  <c r="A105769" i="1" s="1"/>
  <c r="A105770" i="1" s="1"/>
  <c r="A105771" i="1" s="1"/>
  <c r="A105772" i="1" s="1"/>
  <c r="A105773" i="1" s="1"/>
  <c r="A105774" i="1" s="1"/>
  <c r="A105775" i="1" s="1"/>
  <c r="A105776" i="1" s="1"/>
  <c r="A105777" i="1" s="1"/>
  <c r="A105778" i="1" s="1"/>
  <c r="A105779" i="1" s="1"/>
  <c r="A105780" i="1" s="1"/>
  <c r="A105781" i="1" s="1"/>
  <c r="A105782" i="1" s="1"/>
  <c r="A105783" i="1" s="1"/>
  <c r="A105784" i="1" s="1"/>
  <c r="A105785" i="1" s="1"/>
  <c r="A105786" i="1" s="1"/>
  <c r="A105787" i="1" s="1"/>
  <c r="A105788" i="1" s="1"/>
  <c r="A105789" i="1" s="1"/>
  <c r="A105790" i="1" s="1"/>
  <c r="A105791" i="1" s="1"/>
  <c r="A105792" i="1" s="1"/>
  <c r="A105793" i="1" s="1"/>
  <c r="A105794" i="1" s="1"/>
  <c r="A105795" i="1" s="1"/>
  <c r="A105796" i="1" s="1"/>
  <c r="A105797" i="1" s="1"/>
  <c r="A105798" i="1" s="1"/>
  <c r="A105799" i="1" s="1"/>
  <c r="A105800" i="1" s="1"/>
  <c r="A105801" i="1" s="1"/>
  <c r="A105802" i="1" s="1"/>
  <c r="A105803" i="1" s="1"/>
  <c r="A105804" i="1" s="1"/>
  <c r="A105805" i="1" s="1"/>
  <c r="A105806" i="1" s="1"/>
  <c r="A105807" i="1" s="1"/>
  <c r="A105808" i="1" s="1"/>
  <c r="A105809" i="1" s="1"/>
  <c r="A105810" i="1" s="1"/>
  <c r="A105811" i="1" s="1"/>
  <c r="A105812" i="1" s="1"/>
  <c r="A105813" i="1" s="1"/>
  <c r="A105814" i="1" s="1"/>
  <c r="A105815" i="1" s="1"/>
  <c r="A105816" i="1" s="1"/>
  <c r="A105817" i="1" s="1"/>
  <c r="A105818" i="1" s="1"/>
  <c r="A105819" i="1" s="1"/>
  <c r="A105820" i="1" s="1"/>
  <c r="A105821" i="1" s="1"/>
  <c r="A105822" i="1" s="1"/>
  <c r="A105823" i="1" s="1"/>
  <c r="A105824" i="1" s="1"/>
  <c r="A105825" i="1" s="1"/>
  <c r="A105826" i="1" s="1"/>
  <c r="A105827" i="1" s="1"/>
  <c r="A105828" i="1" s="1"/>
  <c r="A105829" i="1" s="1"/>
  <c r="A105830" i="1" s="1"/>
  <c r="A105831" i="1" s="1"/>
  <c r="A105832" i="1" s="1"/>
  <c r="A105833" i="1" s="1"/>
  <c r="A105834" i="1" s="1"/>
  <c r="A105835" i="1" s="1"/>
  <c r="A105836" i="1" s="1"/>
  <c r="A105837" i="1" s="1"/>
  <c r="A105838" i="1" s="1"/>
  <c r="A105839" i="1" s="1"/>
  <c r="A105840" i="1" s="1"/>
  <c r="A105841" i="1" s="1"/>
  <c r="A105842" i="1" s="1"/>
  <c r="A105843" i="1" s="1"/>
  <c r="A105844" i="1" s="1"/>
  <c r="A105845" i="1" s="1"/>
  <c r="A105846" i="1" s="1"/>
  <c r="A105847" i="1" s="1"/>
  <c r="A105848" i="1" s="1"/>
  <c r="A105849" i="1" s="1"/>
  <c r="A105850" i="1" s="1"/>
  <c r="A105851" i="1" s="1"/>
  <c r="A105852" i="1" s="1"/>
  <c r="A105853" i="1" s="1"/>
  <c r="A105854" i="1" s="1"/>
  <c r="A105855" i="1" s="1"/>
  <c r="A105856" i="1" s="1"/>
  <c r="A105857" i="1" s="1"/>
  <c r="A105858" i="1" s="1"/>
  <c r="A105859" i="1" s="1"/>
  <c r="A105860" i="1" s="1"/>
  <c r="A105861" i="1" s="1"/>
  <c r="A105862" i="1" s="1"/>
  <c r="A105863" i="1" s="1"/>
  <c r="A105864" i="1" s="1"/>
  <c r="A105865" i="1" s="1"/>
  <c r="A105866" i="1" s="1"/>
  <c r="A105867" i="1" s="1"/>
  <c r="A105868" i="1" s="1"/>
  <c r="A105869" i="1" s="1"/>
  <c r="A105870" i="1" s="1"/>
  <c r="A105871" i="1" s="1"/>
  <c r="A105872" i="1" s="1"/>
  <c r="A105873" i="1" s="1"/>
  <c r="A105874" i="1" s="1"/>
  <c r="A105875" i="1" s="1"/>
  <c r="A105876" i="1" s="1"/>
  <c r="A105877" i="1" s="1"/>
  <c r="A105878" i="1" s="1"/>
  <c r="A105879" i="1" s="1"/>
  <c r="A105880" i="1" s="1"/>
  <c r="A105881" i="1" s="1"/>
  <c r="A105882" i="1" s="1"/>
  <c r="A105883" i="1" s="1"/>
  <c r="A105884" i="1" s="1"/>
  <c r="A105885" i="1" s="1"/>
  <c r="A105886" i="1" s="1"/>
  <c r="A105887" i="1" s="1"/>
  <c r="A105888" i="1" s="1"/>
  <c r="A105889" i="1" s="1"/>
  <c r="A105890" i="1" s="1"/>
  <c r="A105891" i="1" s="1"/>
  <c r="A105892" i="1" s="1"/>
  <c r="A105893" i="1" s="1"/>
  <c r="A105894" i="1" s="1"/>
  <c r="A105895" i="1" s="1"/>
  <c r="A105896" i="1" s="1"/>
  <c r="A105897" i="1" s="1"/>
  <c r="A105898" i="1" s="1"/>
  <c r="A105899" i="1" s="1"/>
  <c r="A105900" i="1" s="1"/>
  <c r="A105901" i="1" s="1"/>
  <c r="A105902" i="1" s="1"/>
  <c r="A105903" i="1" s="1"/>
  <c r="A105904" i="1" s="1"/>
  <c r="A105905" i="1" s="1"/>
  <c r="A105906" i="1" s="1"/>
  <c r="A105907" i="1" s="1"/>
  <c r="A105908" i="1" s="1"/>
  <c r="A105909" i="1" s="1"/>
  <c r="A105910" i="1" s="1"/>
  <c r="A105911" i="1" s="1"/>
  <c r="A105912" i="1" s="1"/>
  <c r="A105913" i="1" s="1"/>
  <c r="A105914" i="1" s="1"/>
  <c r="A105915" i="1" s="1"/>
  <c r="A105916" i="1" s="1"/>
  <c r="A105917" i="1" s="1"/>
  <c r="A105918" i="1" s="1"/>
  <c r="A105919" i="1" s="1"/>
  <c r="A105920" i="1" s="1"/>
  <c r="A105921" i="1" s="1"/>
  <c r="A105922" i="1" s="1"/>
  <c r="A105923" i="1" s="1"/>
  <c r="A105924" i="1" s="1"/>
  <c r="A105925" i="1" s="1"/>
  <c r="A105926" i="1" s="1"/>
  <c r="A105927" i="1" s="1"/>
  <c r="A105928" i="1" s="1"/>
  <c r="A105929" i="1" s="1"/>
  <c r="A105930" i="1" s="1"/>
  <c r="A105931" i="1" s="1"/>
  <c r="A105932" i="1" s="1"/>
  <c r="A105933" i="1" s="1"/>
  <c r="A105934" i="1" s="1"/>
  <c r="A105935" i="1" s="1"/>
  <c r="A105936" i="1" s="1"/>
  <c r="A105937" i="1" s="1"/>
  <c r="A105938" i="1" s="1"/>
  <c r="A105939" i="1" s="1"/>
  <c r="A105940" i="1" s="1"/>
  <c r="A105941" i="1" s="1"/>
  <c r="A105942" i="1" s="1"/>
  <c r="A105943" i="1" s="1"/>
  <c r="A105944" i="1" s="1"/>
  <c r="A105945" i="1" s="1"/>
  <c r="A105946" i="1" s="1"/>
  <c r="A105947" i="1" s="1"/>
  <c r="A105948" i="1" s="1"/>
  <c r="A105949" i="1" s="1"/>
  <c r="A105950" i="1" s="1"/>
  <c r="A105951" i="1" s="1"/>
  <c r="A105952" i="1" s="1"/>
  <c r="A105953" i="1" s="1"/>
  <c r="A105954" i="1" s="1"/>
  <c r="A105955" i="1" s="1"/>
  <c r="A105956" i="1" s="1"/>
  <c r="A105957" i="1" s="1"/>
  <c r="A105958" i="1" s="1"/>
  <c r="A105959" i="1" s="1"/>
  <c r="A105960" i="1" s="1"/>
  <c r="A105961" i="1" s="1"/>
  <c r="A105962" i="1" s="1"/>
  <c r="A105963" i="1" s="1"/>
  <c r="A105964" i="1" s="1"/>
  <c r="A105965" i="1" s="1"/>
  <c r="A105966" i="1" s="1"/>
  <c r="A105967" i="1" s="1"/>
  <c r="A105968" i="1" s="1"/>
  <c r="A105969" i="1" s="1"/>
  <c r="A105970" i="1" s="1"/>
  <c r="A105971" i="1" s="1"/>
  <c r="A105972" i="1" s="1"/>
  <c r="A105973" i="1" s="1"/>
  <c r="A105974" i="1" s="1"/>
  <c r="A105975" i="1" s="1"/>
  <c r="A105976" i="1" s="1"/>
  <c r="A105977" i="1" s="1"/>
  <c r="A105978" i="1" s="1"/>
  <c r="A105979" i="1" s="1"/>
  <c r="A105980" i="1" s="1"/>
  <c r="A105981" i="1" s="1"/>
  <c r="A105982" i="1" s="1"/>
  <c r="A105983" i="1" s="1"/>
  <c r="A105984" i="1" s="1"/>
  <c r="A105985" i="1" s="1"/>
  <c r="A105986" i="1" s="1"/>
  <c r="A105987" i="1" s="1"/>
  <c r="A105988" i="1" s="1"/>
  <c r="A105989" i="1" s="1"/>
  <c r="A105990" i="1" s="1"/>
  <c r="A105991" i="1" s="1"/>
  <c r="A105992" i="1" s="1"/>
  <c r="A105993" i="1" s="1"/>
  <c r="A105994" i="1" s="1"/>
  <c r="A105995" i="1" s="1"/>
  <c r="A105996" i="1" s="1"/>
  <c r="A105997" i="1" s="1"/>
  <c r="A105998" i="1" s="1"/>
  <c r="A105999" i="1" s="1"/>
  <c r="A106000" i="1" s="1"/>
  <c r="A106001" i="1" s="1"/>
  <c r="A106002" i="1" s="1"/>
  <c r="A106003" i="1" s="1"/>
  <c r="A106004" i="1" s="1"/>
  <c r="A106005" i="1" s="1"/>
  <c r="A106006" i="1" s="1"/>
  <c r="A106007" i="1" s="1"/>
  <c r="A106008" i="1" s="1"/>
  <c r="A106009" i="1" s="1"/>
  <c r="A106010" i="1" s="1"/>
  <c r="A106011" i="1" s="1"/>
  <c r="A106012" i="1" s="1"/>
  <c r="A106013" i="1" s="1"/>
  <c r="A106014" i="1" s="1"/>
  <c r="A106015" i="1" s="1"/>
  <c r="A106016" i="1" s="1"/>
  <c r="A106017" i="1" s="1"/>
  <c r="A106018" i="1" s="1"/>
  <c r="A106019" i="1" s="1"/>
  <c r="A106020" i="1" s="1"/>
  <c r="A106021" i="1" s="1"/>
  <c r="A106022" i="1" s="1"/>
  <c r="A106023" i="1" s="1"/>
  <c r="A106024" i="1" s="1"/>
  <c r="A106025" i="1" s="1"/>
  <c r="A106026" i="1" s="1"/>
  <c r="A106027" i="1" s="1"/>
  <c r="A106028" i="1" s="1"/>
  <c r="A106029" i="1" s="1"/>
  <c r="A106030" i="1" s="1"/>
  <c r="A106031" i="1" s="1"/>
  <c r="A106032" i="1" s="1"/>
  <c r="A106033" i="1" s="1"/>
  <c r="A106034" i="1" s="1"/>
  <c r="A106035" i="1" s="1"/>
  <c r="A106036" i="1" s="1"/>
  <c r="A106037" i="1" s="1"/>
  <c r="A106038" i="1" s="1"/>
  <c r="A106039" i="1" s="1"/>
  <c r="A106040" i="1" s="1"/>
  <c r="A106041" i="1" s="1"/>
  <c r="A106042" i="1" s="1"/>
  <c r="A106043" i="1" s="1"/>
  <c r="A106044" i="1" s="1"/>
  <c r="A106045" i="1" s="1"/>
  <c r="A106046" i="1" s="1"/>
  <c r="A106047" i="1" s="1"/>
  <c r="A106048" i="1" s="1"/>
  <c r="A106049" i="1" s="1"/>
  <c r="A106050" i="1" s="1"/>
  <c r="A106051" i="1" s="1"/>
  <c r="A106052" i="1" s="1"/>
  <c r="A106053" i="1" s="1"/>
  <c r="A106054" i="1" s="1"/>
  <c r="A106055" i="1" s="1"/>
  <c r="A106056" i="1" s="1"/>
  <c r="A106057" i="1" s="1"/>
  <c r="A106058" i="1" s="1"/>
  <c r="A106059" i="1" s="1"/>
  <c r="A106060" i="1" s="1"/>
  <c r="A106061" i="1" s="1"/>
  <c r="A106062" i="1" s="1"/>
  <c r="A106063" i="1" s="1"/>
  <c r="A106064" i="1" s="1"/>
  <c r="A106065" i="1" s="1"/>
  <c r="A106066" i="1" s="1"/>
  <c r="A106067" i="1" s="1"/>
  <c r="A106068" i="1" s="1"/>
  <c r="A106069" i="1" s="1"/>
  <c r="A106070" i="1" s="1"/>
  <c r="A106071" i="1" s="1"/>
  <c r="A106072" i="1" s="1"/>
  <c r="A106073" i="1" s="1"/>
  <c r="A106074" i="1" s="1"/>
  <c r="A106075" i="1" s="1"/>
  <c r="A106076" i="1" s="1"/>
  <c r="A106077" i="1" s="1"/>
  <c r="A106078" i="1" s="1"/>
  <c r="A106079" i="1" s="1"/>
  <c r="A106080" i="1" s="1"/>
  <c r="A106081" i="1" s="1"/>
  <c r="A106082" i="1" s="1"/>
  <c r="A106083" i="1" s="1"/>
  <c r="A106084" i="1" s="1"/>
  <c r="A106085" i="1" s="1"/>
  <c r="A106086" i="1" s="1"/>
  <c r="A106087" i="1" s="1"/>
  <c r="A106088" i="1" s="1"/>
  <c r="A106089" i="1" s="1"/>
  <c r="A106090" i="1" s="1"/>
  <c r="A106091" i="1" s="1"/>
  <c r="A106092" i="1" s="1"/>
  <c r="A106093" i="1" s="1"/>
  <c r="A106094" i="1" s="1"/>
  <c r="A106095" i="1" s="1"/>
  <c r="A106096" i="1" s="1"/>
  <c r="A106097" i="1" s="1"/>
  <c r="A106098" i="1" s="1"/>
  <c r="A106099" i="1" s="1"/>
  <c r="A106100" i="1" s="1"/>
  <c r="A106101" i="1" s="1"/>
  <c r="A106102" i="1" s="1"/>
  <c r="A106103" i="1" s="1"/>
  <c r="A106104" i="1" s="1"/>
  <c r="A106105" i="1" s="1"/>
  <c r="A106106" i="1" s="1"/>
  <c r="A106107" i="1" s="1"/>
  <c r="A106108" i="1" s="1"/>
  <c r="A106109" i="1" s="1"/>
  <c r="A106110" i="1" s="1"/>
  <c r="A106111" i="1" s="1"/>
  <c r="A106112" i="1" s="1"/>
  <c r="A106113" i="1" s="1"/>
  <c r="A106114" i="1" s="1"/>
  <c r="A106115" i="1" s="1"/>
  <c r="A106116" i="1" s="1"/>
  <c r="A106117" i="1" s="1"/>
  <c r="A106118" i="1" s="1"/>
  <c r="A106119" i="1" s="1"/>
  <c r="A106120" i="1" s="1"/>
  <c r="A106121" i="1" s="1"/>
  <c r="A106122" i="1" s="1"/>
  <c r="A106123" i="1" s="1"/>
  <c r="A106124" i="1" s="1"/>
  <c r="A106125" i="1" s="1"/>
  <c r="A106126" i="1" s="1"/>
  <c r="A106127" i="1" s="1"/>
  <c r="A106128" i="1" s="1"/>
  <c r="A106129" i="1" s="1"/>
  <c r="A106130" i="1" s="1"/>
  <c r="A106131" i="1" s="1"/>
  <c r="A106132" i="1" s="1"/>
  <c r="A106133" i="1" s="1"/>
  <c r="A106134" i="1" s="1"/>
  <c r="A106135" i="1" s="1"/>
  <c r="A106136" i="1" s="1"/>
  <c r="A106137" i="1" s="1"/>
  <c r="A106138" i="1" s="1"/>
  <c r="A106139" i="1" s="1"/>
  <c r="A106140" i="1" s="1"/>
  <c r="A106141" i="1" s="1"/>
  <c r="A106142" i="1" s="1"/>
  <c r="A106143" i="1" s="1"/>
  <c r="A106144" i="1" s="1"/>
  <c r="A106145" i="1" s="1"/>
  <c r="A106146" i="1" s="1"/>
  <c r="A106147" i="1" s="1"/>
  <c r="A106148" i="1" s="1"/>
  <c r="A106149" i="1" s="1"/>
  <c r="A106150" i="1" s="1"/>
  <c r="A106151" i="1" s="1"/>
  <c r="A106152" i="1" s="1"/>
  <c r="A106153" i="1" s="1"/>
  <c r="A106154" i="1" s="1"/>
  <c r="A106155" i="1" s="1"/>
  <c r="A106156" i="1" s="1"/>
  <c r="A106157" i="1" s="1"/>
  <c r="A106158" i="1" s="1"/>
  <c r="A106159" i="1" s="1"/>
  <c r="A106160" i="1" s="1"/>
  <c r="A106161" i="1" s="1"/>
  <c r="A106162" i="1" s="1"/>
  <c r="A106163" i="1" s="1"/>
  <c r="A106164" i="1" s="1"/>
  <c r="A106165" i="1" s="1"/>
  <c r="A106166" i="1" s="1"/>
  <c r="A106167" i="1" s="1"/>
  <c r="A106168" i="1" s="1"/>
  <c r="A106169" i="1" s="1"/>
  <c r="A106170" i="1" s="1"/>
  <c r="A106171" i="1" s="1"/>
  <c r="A106172" i="1" s="1"/>
  <c r="A106173" i="1" s="1"/>
  <c r="A106174" i="1" s="1"/>
  <c r="A106175" i="1" s="1"/>
  <c r="A106176" i="1" s="1"/>
  <c r="A106177" i="1" s="1"/>
  <c r="A106178" i="1" s="1"/>
  <c r="A106179" i="1" s="1"/>
  <c r="A106180" i="1" s="1"/>
  <c r="A106181" i="1" s="1"/>
  <c r="A106182" i="1" s="1"/>
  <c r="A106183" i="1" s="1"/>
  <c r="A106184" i="1" s="1"/>
  <c r="A106185" i="1" s="1"/>
  <c r="A106186" i="1" s="1"/>
  <c r="A106187" i="1" s="1"/>
  <c r="A106188" i="1" s="1"/>
  <c r="A106189" i="1" s="1"/>
  <c r="A106190" i="1" s="1"/>
  <c r="A106191" i="1" s="1"/>
  <c r="A106192" i="1" s="1"/>
  <c r="A106193" i="1" s="1"/>
  <c r="A106194" i="1" s="1"/>
  <c r="A106195" i="1" s="1"/>
  <c r="A106196" i="1" s="1"/>
  <c r="A106197" i="1" s="1"/>
  <c r="A106198" i="1" s="1"/>
  <c r="A106199" i="1" s="1"/>
  <c r="A106200" i="1" s="1"/>
  <c r="A106201" i="1" s="1"/>
  <c r="A106202" i="1" s="1"/>
  <c r="A106203" i="1" s="1"/>
  <c r="A106204" i="1" s="1"/>
  <c r="A106205" i="1" s="1"/>
  <c r="A106206" i="1" s="1"/>
  <c r="A106207" i="1" s="1"/>
  <c r="A106208" i="1" s="1"/>
  <c r="A106209" i="1" s="1"/>
  <c r="A106210" i="1" s="1"/>
  <c r="A106211" i="1" s="1"/>
  <c r="A106212" i="1" s="1"/>
  <c r="A106213" i="1" s="1"/>
  <c r="A106214" i="1" s="1"/>
  <c r="A106215" i="1" s="1"/>
  <c r="A106216" i="1" s="1"/>
  <c r="A106217" i="1" s="1"/>
  <c r="A106218" i="1" s="1"/>
  <c r="A106219" i="1" s="1"/>
  <c r="A106220" i="1" s="1"/>
  <c r="A106221" i="1" s="1"/>
  <c r="A106222" i="1" s="1"/>
  <c r="A106223" i="1" s="1"/>
  <c r="A106224" i="1" s="1"/>
  <c r="A106225" i="1" s="1"/>
  <c r="A106226" i="1" s="1"/>
  <c r="A106227" i="1" s="1"/>
  <c r="A106228" i="1" s="1"/>
  <c r="A106229" i="1" s="1"/>
  <c r="A106230" i="1" s="1"/>
  <c r="A106231" i="1" s="1"/>
  <c r="A106232" i="1" s="1"/>
  <c r="A106233" i="1" s="1"/>
  <c r="A106234" i="1" s="1"/>
  <c r="A106235" i="1" s="1"/>
  <c r="A106236" i="1" s="1"/>
  <c r="A106237" i="1" s="1"/>
  <c r="A106238" i="1" s="1"/>
  <c r="A106239" i="1" s="1"/>
  <c r="A106240" i="1" s="1"/>
  <c r="A106241" i="1" s="1"/>
  <c r="A106242" i="1" s="1"/>
  <c r="A106243" i="1" s="1"/>
  <c r="A106244" i="1" s="1"/>
  <c r="A106245" i="1" s="1"/>
  <c r="A106246" i="1" s="1"/>
  <c r="A106247" i="1" s="1"/>
  <c r="A106248" i="1" s="1"/>
  <c r="A106249" i="1" s="1"/>
  <c r="A106250" i="1" s="1"/>
  <c r="A106251" i="1" s="1"/>
  <c r="A106252" i="1" s="1"/>
  <c r="A106253" i="1" s="1"/>
  <c r="A106254" i="1" s="1"/>
  <c r="A106255" i="1" s="1"/>
  <c r="A106256" i="1" s="1"/>
  <c r="A106257" i="1" s="1"/>
  <c r="A106258" i="1" s="1"/>
  <c r="A106259" i="1" s="1"/>
  <c r="A106260" i="1" s="1"/>
  <c r="A106261" i="1" s="1"/>
  <c r="A106262" i="1" s="1"/>
  <c r="A106263" i="1" s="1"/>
  <c r="A106264" i="1" s="1"/>
  <c r="A106265" i="1" s="1"/>
  <c r="A106266" i="1" s="1"/>
  <c r="A106267" i="1" s="1"/>
  <c r="A106268" i="1" s="1"/>
  <c r="A106269" i="1" s="1"/>
  <c r="A106270" i="1" s="1"/>
  <c r="A106271" i="1" s="1"/>
  <c r="A106272" i="1" s="1"/>
  <c r="A106273" i="1" s="1"/>
  <c r="A106274" i="1" s="1"/>
  <c r="A106275" i="1" s="1"/>
  <c r="A106276" i="1" s="1"/>
  <c r="A106277" i="1" s="1"/>
  <c r="A106278" i="1" s="1"/>
  <c r="A106279" i="1" s="1"/>
  <c r="A106280" i="1" s="1"/>
  <c r="A106281" i="1" s="1"/>
  <c r="A106282" i="1" s="1"/>
  <c r="A106283" i="1" s="1"/>
  <c r="A106284" i="1" s="1"/>
  <c r="A106285" i="1" s="1"/>
  <c r="A106286" i="1" s="1"/>
  <c r="A106287" i="1" s="1"/>
  <c r="A106288" i="1" s="1"/>
  <c r="A106289" i="1" s="1"/>
  <c r="A106290" i="1" s="1"/>
  <c r="A106291" i="1" s="1"/>
  <c r="A106292" i="1" s="1"/>
  <c r="A106293" i="1" s="1"/>
  <c r="A106294" i="1" s="1"/>
  <c r="A106295" i="1" s="1"/>
  <c r="A106296" i="1" s="1"/>
  <c r="A106297" i="1" s="1"/>
  <c r="A106298" i="1" s="1"/>
  <c r="A106299" i="1" s="1"/>
  <c r="A106300" i="1" s="1"/>
  <c r="A106301" i="1" s="1"/>
  <c r="A106302" i="1" s="1"/>
  <c r="A106303" i="1" s="1"/>
  <c r="A106304" i="1" s="1"/>
  <c r="A106305" i="1" s="1"/>
  <c r="A106306" i="1" s="1"/>
  <c r="A106307" i="1" s="1"/>
  <c r="A106308" i="1" s="1"/>
  <c r="A106309" i="1" s="1"/>
  <c r="A106310" i="1" s="1"/>
  <c r="A106311" i="1" s="1"/>
  <c r="A106312" i="1" s="1"/>
  <c r="A106313" i="1" s="1"/>
  <c r="A106314" i="1" s="1"/>
  <c r="A106315" i="1" s="1"/>
  <c r="A106316" i="1" s="1"/>
  <c r="A106317" i="1" s="1"/>
  <c r="A106318" i="1" s="1"/>
  <c r="A106319" i="1" s="1"/>
  <c r="A106320" i="1" s="1"/>
  <c r="A106321" i="1" s="1"/>
  <c r="A106322" i="1" s="1"/>
  <c r="A106323" i="1" s="1"/>
  <c r="A106324" i="1" s="1"/>
  <c r="A106325" i="1" s="1"/>
  <c r="A106326" i="1" s="1"/>
  <c r="A106327" i="1" s="1"/>
  <c r="A106328" i="1" s="1"/>
  <c r="A106329" i="1" s="1"/>
  <c r="A106330" i="1" s="1"/>
  <c r="A106331" i="1" s="1"/>
  <c r="A106332" i="1" s="1"/>
  <c r="A106333" i="1" s="1"/>
  <c r="A106334" i="1" s="1"/>
  <c r="A106335" i="1" s="1"/>
  <c r="A106336" i="1" s="1"/>
  <c r="A106337" i="1" s="1"/>
  <c r="A106338" i="1" s="1"/>
  <c r="A106339" i="1" s="1"/>
  <c r="A106340" i="1" s="1"/>
  <c r="A106341" i="1" s="1"/>
  <c r="A106342" i="1" s="1"/>
  <c r="A106343" i="1" s="1"/>
  <c r="A106344" i="1" s="1"/>
  <c r="A106345" i="1" s="1"/>
  <c r="A106346" i="1" s="1"/>
  <c r="A106347" i="1" s="1"/>
  <c r="A106348" i="1" s="1"/>
  <c r="A106349" i="1" s="1"/>
  <c r="A106350" i="1" s="1"/>
  <c r="A106351" i="1" s="1"/>
  <c r="A106352" i="1" s="1"/>
  <c r="A106353" i="1" s="1"/>
  <c r="A106354" i="1" s="1"/>
  <c r="A106355" i="1" s="1"/>
  <c r="A106356" i="1" s="1"/>
  <c r="A106357" i="1" s="1"/>
  <c r="A106358" i="1" s="1"/>
  <c r="A106359" i="1" s="1"/>
  <c r="A106360" i="1" s="1"/>
  <c r="A106361" i="1" s="1"/>
  <c r="A106362" i="1" s="1"/>
  <c r="A106363" i="1" s="1"/>
  <c r="A106364" i="1" s="1"/>
  <c r="A106365" i="1" s="1"/>
  <c r="A106366" i="1" s="1"/>
  <c r="A106367" i="1" s="1"/>
  <c r="A106368" i="1" s="1"/>
  <c r="A106369" i="1" s="1"/>
  <c r="A106370" i="1" s="1"/>
  <c r="A106371" i="1" s="1"/>
  <c r="A106372" i="1" s="1"/>
  <c r="A106373" i="1" s="1"/>
  <c r="A106374" i="1" s="1"/>
  <c r="A106375" i="1" s="1"/>
  <c r="A106376" i="1" s="1"/>
  <c r="A106377" i="1" s="1"/>
  <c r="A106378" i="1" s="1"/>
  <c r="A106379" i="1" s="1"/>
  <c r="A106380" i="1" s="1"/>
  <c r="A106381" i="1" s="1"/>
  <c r="A106382" i="1" s="1"/>
  <c r="A106383" i="1" s="1"/>
  <c r="A106384" i="1" s="1"/>
  <c r="A106385" i="1" s="1"/>
  <c r="A106386" i="1" s="1"/>
  <c r="A106387" i="1" s="1"/>
  <c r="A106388" i="1" s="1"/>
  <c r="A106389" i="1" s="1"/>
  <c r="A106390" i="1" s="1"/>
  <c r="A106391" i="1" s="1"/>
  <c r="A106392" i="1" s="1"/>
  <c r="A106393" i="1" s="1"/>
  <c r="A106394" i="1" s="1"/>
  <c r="A106395" i="1" s="1"/>
  <c r="A106396" i="1" s="1"/>
  <c r="A106397" i="1" s="1"/>
  <c r="A106398" i="1" s="1"/>
  <c r="A106399" i="1" s="1"/>
  <c r="A106400" i="1" s="1"/>
  <c r="A106401" i="1" s="1"/>
  <c r="A106402" i="1" s="1"/>
  <c r="A106403" i="1" s="1"/>
  <c r="A106404" i="1" s="1"/>
  <c r="A106405" i="1" s="1"/>
  <c r="A106406" i="1" s="1"/>
  <c r="A106407" i="1" s="1"/>
  <c r="A106408" i="1" s="1"/>
  <c r="A106409" i="1" s="1"/>
  <c r="A106410" i="1" s="1"/>
  <c r="A106411" i="1" s="1"/>
  <c r="A106412" i="1" s="1"/>
  <c r="A106413" i="1" s="1"/>
  <c r="A106414" i="1" s="1"/>
  <c r="A106415" i="1" s="1"/>
  <c r="A106416" i="1" s="1"/>
  <c r="A106417" i="1" s="1"/>
  <c r="A106418" i="1" s="1"/>
  <c r="A106419" i="1" s="1"/>
  <c r="A106420" i="1" s="1"/>
  <c r="A106421" i="1" s="1"/>
  <c r="A106422" i="1" s="1"/>
  <c r="A106423" i="1" s="1"/>
  <c r="A106424" i="1" s="1"/>
  <c r="A106425" i="1" s="1"/>
  <c r="A106426" i="1" s="1"/>
  <c r="A106427" i="1" s="1"/>
  <c r="A106428" i="1" s="1"/>
  <c r="A106429" i="1" s="1"/>
  <c r="A106430" i="1" s="1"/>
  <c r="A106431" i="1" s="1"/>
  <c r="A106432" i="1" s="1"/>
  <c r="A106433" i="1" s="1"/>
  <c r="A106434" i="1" s="1"/>
  <c r="A106435" i="1" s="1"/>
  <c r="A106436" i="1" s="1"/>
  <c r="A106437" i="1" s="1"/>
  <c r="A106438" i="1" s="1"/>
  <c r="A106439" i="1" s="1"/>
  <c r="A106440" i="1" s="1"/>
  <c r="A106441" i="1" s="1"/>
  <c r="A106442" i="1" s="1"/>
  <c r="A106443" i="1" s="1"/>
  <c r="A106444" i="1" s="1"/>
  <c r="A106445" i="1" s="1"/>
  <c r="A106446" i="1" s="1"/>
  <c r="A106447" i="1" s="1"/>
  <c r="A106448" i="1" s="1"/>
  <c r="A106449" i="1" s="1"/>
  <c r="A106450" i="1" s="1"/>
  <c r="A106451" i="1" s="1"/>
  <c r="A106452" i="1" s="1"/>
  <c r="A106453" i="1" s="1"/>
  <c r="A106454" i="1" s="1"/>
  <c r="A106455" i="1" s="1"/>
  <c r="A106456" i="1" s="1"/>
  <c r="A106457" i="1" s="1"/>
  <c r="A106458" i="1" s="1"/>
  <c r="A106459" i="1" s="1"/>
  <c r="A106460" i="1" s="1"/>
  <c r="A106461" i="1" s="1"/>
  <c r="A106462" i="1" s="1"/>
  <c r="A106463" i="1" s="1"/>
  <c r="A106464" i="1" s="1"/>
  <c r="A106465" i="1" s="1"/>
  <c r="A106466" i="1" s="1"/>
  <c r="A106467" i="1" s="1"/>
  <c r="A106468" i="1" s="1"/>
  <c r="A106469" i="1" s="1"/>
  <c r="A106470" i="1" s="1"/>
  <c r="A106471" i="1" s="1"/>
  <c r="A106472" i="1" s="1"/>
  <c r="A106473" i="1" s="1"/>
  <c r="A106474" i="1" s="1"/>
  <c r="A106475" i="1" s="1"/>
  <c r="A106476" i="1" s="1"/>
  <c r="A106477" i="1" s="1"/>
  <c r="A106478" i="1" s="1"/>
  <c r="A106479" i="1" s="1"/>
  <c r="A106480" i="1" s="1"/>
  <c r="A106481" i="1" s="1"/>
  <c r="A106482" i="1" s="1"/>
  <c r="A106483" i="1" s="1"/>
  <c r="A106484" i="1" s="1"/>
  <c r="A106485" i="1" s="1"/>
  <c r="A106486" i="1" s="1"/>
  <c r="A106487" i="1" s="1"/>
  <c r="A106488" i="1" s="1"/>
  <c r="A106489" i="1" s="1"/>
  <c r="A106490" i="1" s="1"/>
  <c r="A106491" i="1" s="1"/>
  <c r="A106492" i="1" s="1"/>
  <c r="A106493" i="1" s="1"/>
  <c r="A106494" i="1" s="1"/>
  <c r="A106495" i="1" s="1"/>
  <c r="A106496" i="1" s="1"/>
  <c r="A106497" i="1" s="1"/>
  <c r="A106498" i="1" s="1"/>
  <c r="A106499" i="1" s="1"/>
  <c r="A106500" i="1" s="1"/>
  <c r="A106501" i="1" s="1"/>
  <c r="A106502" i="1" s="1"/>
  <c r="A106503" i="1" s="1"/>
  <c r="A106504" i="1" s="1"/>
  <c r="A106505" i="1" s="1"/>
  <c r="A106506" i="1" s="1"/>
  <c r="A106507" i="1" s="1"/>
  <c r="A106508" i="1" s="1"/>
  <c r="A106509" i="1" s="1"/>
  <c r="A106510" i="1" s="1"/>
  <c r="A106511" i="1" s="1"/>
  <c r="A106512" i="1" s="1"/>
  <c r="A106513" i="1" s="1"/>
  <c r="A106514" i="1" s="1"/>
  <c r="A106515" i="1" s="1"/>
  <c r="A106516" i="1" s="1"/>
  <c r="A106517" i="1" s="1"/>
  <c r="A106518" i="1" s="1"/>
  <c r="A106519" i="1" s="1"/>
  <c r="A106520" i="1" s="1"/>
  <c r="A106521" i="1" s="1"/>
  <c r="A106522" i="1" s="1"/>
  <c r="A106523" i="1" s="1"/>
  <c r="A106524" i="1" s="1"/>
  <c r="A106525" i="1" s="1"/>
  <c r="A106526" i="1" s="1"/>
  <c r="A106527" i="1" s="1"/>
  <c r="A106528" i="1" s="1"/>
  <c r="A106529" i="1" s="1"/>
  <c r="A106530" i="1" s="1"/>
  <c r="A106531" i="1" s="1"/>
  <c r="A106532" i="1" s="1"/>
  <c r="A106533" i="1" s="1"/>
  <c r="A106534" i="1" s="1"/>
  <c r="A106535" i="1" s="1"/>
  <c r="A106536" i="1" s="1"/>
  <c r="A106537" i="1" s="1"/>
  <c r="A106538" i="1" s="1"/>
  <c r="A106539" i="1" s="1"/>
  <c r="A106540" i="1" s="1"/>
  <c r="A106541" i="1" s="1"/>
  <c r="A106542" i="1" s="1"/>
  <c r="A106543" i="1" s="1"/>
  <c r="A106544" i="1" s="1"/>
  <c r="A106545" i="1" s="1"/>
  <c r="A106546" i="1" s="1"/>
  <c r="A106547" i="1" s="1"/>
  <c r="A106548" i="1" s="1"/>
  <c r="A106549" i="1" s="1"/>
  <c r="A106550" i="1" s="1"/>
  <c r="A106551" i="1" s="1"/>
  <c r="A106552" i="1" s="1"/>
  <c r="A106553" i="1" s="1"/>
  <c r="A106554" i="1" s="1"/>
  <c r="A106555" i="1" s="1"/>
  <c r="A106556" i="1" s="1"/>
  <c r="A106557" i="1" s="1"/>
  <c r="A106558" i="1" s="1"/>
  <c r="A106559" i="1" s="1"/>
  <c r="A106560" i="1" s="1"/>
  <c r="A106561" i="1" s="1"/>
  <c r="A106562" i="1" s="1"/>
  <c r="A106563" i="1" s="1"/>
  <c r="A106564" i="1" s="1"/>
  <c r="A106565" i="1" s="1"/>
  <c r="A106566" i="1" s="1"/>
  <c r="A106567" i="1" s="1"/>
  <c r="A106568" i="1" s="1"/>
  <c r="A106569" i="1" s="1"/>
  <c r="A106570" i="1" s="1"/>
  <c r="A106571" i="1" s="1"/>
  <c r="A106572" i="1" s="1"/>
  <c r="A106573" i="1" s="1"/>
  <c r="A106574" i="1" s="1"/>
  <c r="A106575" i="1" s="1"/>
  <c r="A106576" i="1" s="1"/>
  <c r="A106577" i="1" s="1"/>
  <c r="A106578" i="1" s="1"/>
  <c r="A106579" i="1" s="1"/>
  <c r="A106580" i="1" s="1"/>
  <c r="A106581" i="1" s="1"/>
  <c r="A106582" i="1" s="1"/>
  <c r="A106583" i="1" s="1"/>
  <c r="A106584" i="1" s="1"/>
  <c r="A106585" i="1" s="1"/>
  <c r="A106586" i="1" s="1"/>
  <c r="A106587" i="1" s="1"/>
  <c r="A106588" i="1" s="1"/>
  <c r="A106589" i="1" s="1"/>
  <c r="A106590" i="1" s="1"/>
  <c r="A106591" i="1" s="1"/>
  <c r="A106592" i="1" s="1"/>
  <c r="A106593" i="1" s="1"/>
  <c r="A106594" i="1" s="1"/>
  <c r="A106595" i="1" s="1"/>
  <c r="A106596" i="1" s="1"/>
  <c r="A106597" i="1" s="1"/>
  <c r="A106598" i="1" s="1"/>
  <c r="A106599" i="1" s="1"/>
  <c r="A106600" i="1" s="1"/>
  <c r="A106601" i="1" s="1"/>
  <c r="A106602" i="1" s="1"/>
  <c r="A106603" i="1" s="1"/>
  <c r="A106604" i="1" s="1"/>
  <c r="A106605" i="1" s="1"/>
  <c r="A106606" i="1" s="1"/>
  <c r="A106607" i="1" s="1"/>
  <c r="A106608" i="1" s="1"/>
  <c r="A106609" i="1" s="1"/>
  <c r="A106610" i="1" s="1"/>
  <c r="A106611" i="1" s="1"/>
  <c r="A106612" i="1" s="1"/>
  <c r="A106613" i="1" s="1"/>
  <c r="A106614" i="1" s="1"/>
  <c r="A106615" i="1" s="1"/>
  <c r="A106616" i="1" s="1"/>
  <c r="A106617" i="1" s="1"/>
  <c r="A106618" i="1" s="1"/>
  <c r="A106619" i="1" s="1"/>
  <c r="A106620" i="1" s="1"/>
  <c r="A106621" i="1" s="1"/>
  <c r="A106622" i="1" s="1"/>
  <c r="A106623" i="1" s="1"/>
  <c r="A106624" i="1" s="1"/>
  <c r="A106625" i="1" s="1"/>
  <c r="A106626" i="1" s="1"/>
  <c r="A106627" i="1" s="1"/>
  <c r="A106628" i="1" s="1"/>
  <c r="A106629" i="1" s="1"/>
  <c r="A106630" i="1" s="1"/>
  <c r="A106631" i="1" s="1"/>
  <c r="A106632" i="1" s="1"/>
  <c r="A106633" i="1" s="1"/>
  <c r="A106634" i="1" s="1"/>
  <c r="A106635" i="1" s="1"/>
  <c r="A106636" i="1" s="1"/>
  <c r="A106637" i="1" s="1"/>
  <c r="A106638" i="1" s="1"/>
  <c r="A106639" i="1" s="1"/>
  <c r="A106640" i="1" s="1"/>
  <c r="A106641" i="1" s="1"/>
  <c r="A106642" i="1" s="1"/>
  <c r="A106643" i="1" s="1"/>
  <c r="A106644" i="1" s="1"/>
  <c r="A106645" i="1" s="1"/>
  <c r="A106646" i="1" s="1"/>
  <c r="A106647" i="1" s="1"/>
  <c r="A106648" i="1" s="1"/>
  <c r="A106649" i="1" s="1"/>
  <c r="A106650" i="1" s="1"/>
  <c r="A106651" i="1" s="1"/>
  <c r="A106652" i="1" s="1"/>
  <c r="A106653" i="1" s="1"/>
  <c r="A106654" i="1" s="1"/>
  <c r="A106655" i="1" s="1"/>
  <c r="A106656" i="1" s="1"/>
  <c r="A106657" i="1" s="1"/>
  <c r="A106658" i="1" s="1"/>
  <c r="A106659" i="1" s="1"/>
  <c r="A106660" i="1" s="1"/>
  <c r="A106661" i="1" s="1"/>
  <c r="A106662" i="1" s="1"/>
  <c r="A106663" i="1" s="1"/>
  <c r="A106664" i="1" s="1"/>
  <c r="A106665" i="1" s="1"/>
  <c r="A106666" i="1" s="1"/>
  <c r="A106667" i="1" s="1"/>
  <c r="A106668" i="1" s="1"/>
  <c r="A106669" i="1" s="1"/>
  <c r="A106670" i="1" s="1"/>
  <c r="A106671" i="1" s="1"/>
  <c r="A106672" i="1" s="1"/>
  <c r="A106673" i="1" s="1"/>
  <c r="A106674" i="1" s="1"/>
  <c r="A106675" i="1" s="1"/>
  <c r="A106676" i="1" s="1"/>
  <c r="A106677" i="1" s="1"/>
  <c r="A106678" i="1" s="1"/>
  <c r="A106679" i="1" s="1"/>
  <c r="A106680" i="1" s="1"/>
  <c r="A106681" i="1" s="1"/>
  <c r="A106682" i="1" s="1"/>
  <c r="A106683" i="1" s="1"/>
  <c r="A106684" i="1" s="1"/>
  <c r="A106685" i="1" s="1"/>
  <c r="A106686" i="1" s="1"/>
  <c r="A106687" i="1" s="1"/>
  <c r="A106688" i="1" s="1"/>
  <c r="A106689" i="1" s="1"/>
  <c r="A106690" i="1" s="1"/>
  <c r="A106691" i="1" s="1"/>
  <c r="A106692" i="1" s="1"/>
  <c r="A106693" i="1" s="1"/>
  <c r="A106694" i="1" s="1"/>
  <c r="A106695" i="1" s="1"/>
  <c r="A106696" i="1" s="1"/>
  <c r="A106697" i="1" s="1"/>
  <c r="A106698" i="1" s="1"/>
  <c r="A106699" i="1" s="1"/>
  <c r="A106700" i="1" s="1"/>
  <c r="A106701" i="1" s="1"/>
  <c r="A106702" i="1" s="1"/>
  <c r="A106703" i="1" s="1"/>
  <c r="A106704" i="1" s="1"/>
  <c r="A106705" i="1" s="1"/>
  <c r="A106706" i="1" s="1"/>
  <c r="A106707" i="1" s="1"/>
  <c r="A106708" i="1" s="1"/>
  <c r="A106709" i="1" s="1"/>
  <c r="A106710" i="1" s="1"/>
  <c r="A106711" i="1" s="1"/>
  <c r="A106712" i="1" s="1"/>
  <c r="A106713" i="1" s="1"/>
  <c r="A106714" i="1" s="1"/>
  <c r="A106715" i="1" s="1"/>
  <c r="A106716" i="1" s="1"/>
  <c r="A106717" i="1" s="1"/>
  <c r="A106718" i="1" s="1"/>
  <c r="A106719" i="1" s="1"/>
  <c r="A106720" i="1" s="1"/>
  <c r="A106721" i="1" s="1"/>
  <c r="A106722" i="1" s="1"/>
  <c r="A106723" i="1" s="1"/>
  <c r="A106724" i="1" s="1"/>
  <c r="A106725" i="1" s="1"/>
  <c r="A106726" i="1" s="1"/>
  <c r="A106727" i="1" s="1"/>
  <c r="A106728" i="1" s="1"/>
  <c r="A106729" i="1" s="1"/>
  <c r="A106730" i="1" s="1"/>
  <c r="A106731" i="1" s="1"/>
  <c r="A106732" i="1" s="1"/>
  <c r="A106733" i="1" s="1"/>
  <c r="A106734" i="1" s="1"/>
  <c r="A106735" i="1" s="1"/>
  <c r="A106736" i="1" s="1"/>
  <c r="A106737" i="1" s="1"/>
  <c r="A106738" i="1" s="1"/>
  <c r="A106739" i="1" s="1"/>
  <c r="A106740" i="1" s="1"/>
  <c r="A106741" i="1" s="1"/>
  <c r="A106742" i="1" s="1"/>
  <c r="A106743" i="1" s="1"/>
  <c r="A106744" i="1" s="1"/>
  <c r="A106745" i="1" s="1"/>
  <c r="A106746" i="1" s="1"/>
  <c r="A106747" i="1" s="1"/>
  <c r="A106748" i="1" s="1"/>
  <c r="A106749" i="1" s="1"/>
  <c r="A106750" i="1" s="1"/>
  <c r="A106751" i="1" s="1"/>
  <c r="A106752" i="1" s="1"/>
  <c r="A106753" i="1" s="1"/>
  <c r="A106754" i="1" s="1"/>
  <c r="A106755" i="1" s="1"/>
  <c r="A106756" i="1" s="1"/>
  <c r="A106757" i="1" s="1"/>
  <c r="A106758" i="1" s="1"/>
  <c r="A106759" i="1" s="1"/>
  <c r="A106760" i="1" s="1"/>
  <c r="A106761" i="1" s="1"/>
  <c r="A106762" i="1" s="1"/>
  <c r="A106763" i="1" s="1"/>
  <c r="A106764" i="1" s="1"/>
  <c r="A106765" i="1" s="1"/>
  <c r="A106766" i="1" s="1"/>
  <c r="A106767" i="1" s="1"/>
  <c r="A106768" i="1" s="1"/>
  <c r="A106769" i="1" s="1"/>
  <c r="A106770" i="1" s="1"/>
  <c r="A106771" i="1" s="1"/>
  <c r="A106772" i="1" s="1"/>
  <c r="A106773" i="1" s="1"/>
  <c r="A106774" i="1" s="1"/>
  <c r="A106775" i="1" s="1"/>
  <c r="A106776" i="1" s="1"/>
  <c r="A106777" i="1" s="1"/>
  <c r="A106778" i="1" s="1"/>
  <c r="A106779" i="1" s="1"/>
  <c r="A106780" i="1" s="1"/>
  <c r="A106781" i="1" s="1"/>
  <c r="A106782" i="1" s="1"/>
  <c r="A106783" i="1" s="1"/>
  <c r="A106784" i="1" s="1"/>
  <c r="A106785" i="1" s="1"/>
  <c r="A106786" i="1" s="1"/>
  <c r="A106787" i="1" s="1"/>
  <c r="A106788" i="1" s="1"/>
  <c r="A106789" i="1" s="1"/>
  <c r="A106790" i="1" s="1"/>
  <c r="A106791" i="1" s="1"/>
  <c r="A106792" i="1" s="1"/>
  <c r="A106793" i="1" s="1"/>
  <c r="A106794" i="1" s="1"/>
  <c r="A106795" i="1" s="1"/>
  <c r="A106796" i="1" s="1"/>
  <c r="A106797" i="1" s="1"/>
  <c r="A106798" i="1" s="1"/>
  <c r="A106799" i="1" s="1"/>
  <c r="A106800" i="1" s="1"/>
  <c r="A106801" i="1" s="1"/>
  <c r="A106802" i="1" s="1"/>
  <c r="A106803" i="1" s="1"/>
  <c r="A106804" i="1" s="1"/>
  <c r="A106805" i="1" s="1"/>
  <c r="A106806" i="1" s="1"/>
  <c r="A106807" i="1" s="1"/>
  <c r="A106808" i="1" s="1"/>
  <c r="A106809" i="1" s="1"/>
  <c r="A106810" i="1" s="1"/>
  <c r="A106811" i="1" s="1"/>
  <c r="A106812" i="1" s="1"/>
  <c r="A106813" i="1" s="1"/>
  <c r="A106814" i="1" s="1"/>
  <c r="A106815" i="1" s="1"/>
  <c r="A106816" i="1" s="1"/>
  <c r="A106817" i="1" s="1"/>
  <c r="A106818" i="1" s="1"/>
  <c r="A106819" i="1" s="1"/>
  <c r="A106820" i="1" s="1"/>
  <c r="A106821" i="1" s="1"/>
  <c r="A106822" i="1" s="1"/>
  <c r="A106823" i="1" s="1"/>
  <c r="A106824" i="1" s="1"/>
  <c r="A106825" i="1" s="1"/>
  <c r="A106826" i="1" s="1"/>
  <c r="A106827" i="1" s="1"/>
  <c r="A106828" i="1" s="1"/>
  <c r="A106829" i="1" s="1"/>
  <c r="A106830" i="1" s="1"/>
  <c r="A106831" i="1" s="1"/>
  <c r="A106832" i="1" s="1"/>
  <c r="A106833" i="1" s="1"/>
  <c r="A106834" i="1" s="1"/>
  <c r="A106835" i="1" s="1"/>
  <c r="A106836" i="1" s="1"/>
  <c r="A106837" i="1" s="1"/>
  <c r="A106838" i="1" s="1"/>
  <c r="A106839" i="1" s="1"/>
  <c r="A106840" i="1" s="1"/>
  <c r="A106841" i="1" s="1"/>
  <c r="A106842" i="1" s="1"/>
  <c r="A106843" i="1" s="1"/>
  <c r="A106844" i="1" s="1"/>
  <c r="A106845" i="1" s="1"/>
  <c r="A106846" i="1" s="1"/>
  <c r="A106847" i="1" s="1"/>
  <c r="A106848" i="1" s="1"/>
  <c r="A106849" i="1" s="1"/>
  <c r="A106850" i="1" s="1"/>
  <c r="A106851" i="1" s="1"/>
  <c r="A106852" i="1" s="1"/>
  <c r="A106853" i="1" s="1"/>
  <c r="A106854" i="1" s="1"/>
  <c r="A106855" i="1" s="1"/>
  <c r="A106856" i="1" s="1"/>
  <c r="A106857" i="1" s="1"/>
  <c r="A106858" i="1" s="1"/>
  <c r="A106859" i="1" s="1"/>
  <c r="A106860" i="1" s="1"/>
  <c r="A106861" i="1" s="1"/>
  <c r="A106862" i="1" s="1"/>
  <c r="A106863" i="1" s="1"/>
  <c r="A106864" i="1" s="1"/>
  <c r="A106865" i="1" s="1"/>
  <c r="A106866" i="1" s="1"/>
  <c r="A106867" i="1" s="1"/>
  <c r="A106868" i="1" s="1"/>
  <c r="A106869" i="1" s="1"/>
  <c r="A106870" i="1" s="1"/>
  <c r="A106871" i="1" s="1"/>
  <c r="A106872" i="1" s="1"/>
  <c r="A106873" i="1" s="1"/>
  <c r="A106874" i="1" s="1"/>
  <c r="A106875" i="1" s="1"/>
  <c r="A106876" i="1" s="1"/>
  <c r="A106877" i="1" s="1"/>
  <c r="A106878" i="1" s="1"/>
  <c r="A106879" i="1" s="1"/>
  <c r="A106880" i="1" s="1"/>
  <c r="A106881" i="1" s="1"/>
  <c r="A106882" i="1" s="1"/>
  <c r="A106883" i="1" s="1"/>
  <c r="A106884" i="1" s="1"/>
  <c r="A106885" i="1" s="1"/>
  <c r="A106886" i="1" s="1"/>
  <c r="A106887" i="1" s="1"/>
  <c r="A106888" i="1" s="1"/>
  <c r="A106889" i="1" s="1"/>
  <c r="A106890" i="1" s="1"/>
  <c r="A106891" i="1" s="1"/>
  <c r="A106892" i="1" s="1"/>
  <c r="A106893" i="1" s="1"/>
  <c r="A106894" i="1" s="1"/>
  <c r="A106895" i="1" s="1"/>
  <c r="A106896" i="1" s="1"/>
  <c r="A106897" i="1" s="1"/>
  <c r="A106898" i="1" s="1"/>
  <c r="A106899" i="1" s="1"/>
  <c r="A106900" i="1" s="1"/>
  <c r="A106901" i="1" s="1"/>
  <c r="A106902" i="1" s="1"/>
  <c r="A106903" i="1" s="1"/>
  <c r="A106904" i="1" s="1"/>
  <c r="A106905" i="1" s="1"/>
  <c r="A106906" i="1" s="1"/>
  <c r="A106907" i="1" s="1"/>
  <c r="A106908" i="1" s="1"/>
  <c r="A106909" i="1" s="1"/>
  <c r="A106910" i="1" s="1"/>
  <c r="A106911" i="1" s="1"/>
  <c r="A106912" i="1" s="1"/>
  <c r="A106913" i="1" s="1"/>
  <c r="A106914" i="1" s="1"/>
  <c r="A106915" i="1" s="1"/>
  <c r="A106916" i="1" s="1"/>
  <c r="A106917" i="1" s="1"/>
  <c r="A106918" i="1" s="1"/>
  <c r="A106919" i="1" s="1"/>
  <c r="A106920" i="1" s="1"/>
  <c r="A106921" i="1" s="1"/>
  <c r="A106922" i="1" s="1"/>
  <c r="A106923" i="1" s="1"/>
  <c r="A106924" i="1" s="1"/>
  <c r="A106925" i="1" s="1"/>
  <c r="A106926" i="1" s="1"/>
  <c r="A106927" i="1" s="1"/>
  <c r="A106928" i="1" s="1"/>
  <c r="A106929" i="1" s="1"/>
  <c r="A106930" i="1" s="1"/>
  <c r="A106931" i="1" s="1"/>
  <c r="A106932" i="1" s="1"/>
  <c r="A106933" i="1" s="1"/>
  <c r="A106934" i="1" s="1"/>
  <c r="A106935" i="1" s="1"/>
  <c r="A106936" i="1" s="1"/>
  <c r="A106937" i="1" s="1"/>
  <c r="A106938" i="1" s="1"/>
  <c r="A106939" i="1" s="1"/>
  <c r="A106940" i="1" s="1"/>
  <c r="A106941" i="1" s="1"/>
  <c r="A106942" i="1" s="1"/>
  <c r="A106943" i="1" s="1"/>
  <c r="A106944" i="1" s="1"/>
  <c r="A106945" i="1" s="1"/>
  <c r="A106946" i="1" s="1"/>
  <c r="A106947" i="1" s="1"/>
  <c r="A106948" i="1" s="1"/>
  <c r="A106949" i="1" s="1"/>
  <c r="A106950" i="1" s="1"/>
  <c r="A106951" i="1" s="1"/>
  <c r="A106952" i="1" s="1"/>
  <c r="A106953" i="1" s="1"/>
  <c r="A106954" i="1" s="1"/>
  <c r="A106955" i="1" s="1"/>
  <c r="A106956" i="1" s="1"/>
  <c r="A106957" i="1" s="1"/>
  <c r="A106958" i="1" s="1"/>
  <c r="A106959" i="1" s="1"/>
  <c r="A106960" i="1" s="1"/>
  <c r="A106961" i="1" s="1"/>
  <c r="A106962" i="1" s="1"/>
  <c r="A106963" i="1" s="1"/>
  <c r="A106964" i="1" s="1"/>
  <c r="A106965" i="1" s="1"/>
  <c r="A106966" i="1" s="1"/>
  <c r="A106967" i="1" s="1"/>
  <c r="A106968" i="1" s="1"/>
  <c r="A106969" i="1" s="1"/>
  <c r="A106970" i="1" s="1"/>
  <c r="A106971" i="1" s="1"/>
  <c r="A106972" i="1" s="1"/>
  <c r="A106973" i="1" s="1"/>
  <c r="A106974" i="1" s="1"/>
  <c r="A106975" i="1" s="1"/>
  <c r="A106976" i="1" s="1"/>
  <c r="A106977" i="1" s="1"/>
  <c r="A106978" i="1" s="1"/>
  <c r="A106979" i="1" s="1"/>
  <c r="A106980" i="1" s="1"/>
  <c r="A106981" i="1" s="1"/>
  <c r="A106982" i="1" s="1"/>
  <c r="A106983" i="1" s="1"/>
  <c r="A106984" i="1" s="1"/>
  <c r="A106985" i="1" s="1"/>
  <c r="A106986" i="1" s="1"/>
  <c r="A106987" i="1" s="1"/>
  <c r="A106988" i="1" s="1"/>
  <c r="A106989" i="1" s="1"/>
  <c r="A106990" i="1" s="1"/>
  <c r="A106991" i="1" s="1"/>
  <c r="A106992" i="1" s="1"/>
  <c r="A106993" i="1" s="1"/>
  <c r="A106994" i="1" s="1"/>
  <c r="A106995" i="1" s="1"/>
  <c r="A106996" i="1" s="1"/>
  <c r="A106997" i="1" s="1"/>
  <c r="A106998" i="1" s="1"/>
  <c r="A106999" i="1" s="1"/>
  <c r="A107000" i="1" s="1"/>
  <c r="A107001" i="1" s="1"/>
  <c r="A107002" i="1" s="1"/>
  <c r="A107003" i="1" s="1"/>
  <c r="A107004" i="1" s="1"/>
  <c r="A107005" i="1" s="1"/>
  <c r="A107006" i="1" s="1"/>
  <c r="A107007" i="1" s="1"/>
  <c r="A107008" i="1" s="1"/>
  <c r="A107009" i="1" s="1"/>
  <c r="A107010" i="1" s="1"/>
  <c r="A107011" i="1" s="1"/>
  <c r="A107012" i="1" s="1"/>
  <c r="A107013" i="1" s="1"/>
  <c r="A107014" i="1" s="1"/>
  <c r="A107015" i="1" s="1"/>
  <c r="A107016" i="1" s="1"/>
  <c r="A107017" i="1" s="1"/>
  <c r="A107018" i="1" s="1"/>
  <c r="A107019" i="1" s="1"/>
  <c r="A107020" i="1" s="1"/>
  <c r="A107021" i="1" s="1"/>
  <c r="A107022" i="1" s="1"/>
  <c r="A107023" i="1" s="1"/>
  <c r="A107024" i="1" s="1"/>
  <c r="A107025" i="1" s="1"/>
  <c r="A107026" i="1" s="1"/>
  <c r="A107027" i="1" s="1"/>
  <c r="A107028" i="1" s="1"/>
  <c r="A107029" i="1" s="1"/>
  <c r="A107030" i="1" s="1"/>
  <c r="A107031" i="1" s="1"/>
  <c r="A107032" i="1" s="1"/>
  <c r="A107033" i="1" s="1"/>
  <c r="A107034" i="1" s="1"/>
  <c r="A107035" i="1" s="1"/>
  <c r="A107036" i="1" s="1"/>
  <c r="A107037" i="1" s="1"/>
  <c r="A107038" i="1" s="1"/>
  <c r="A107039" i="1" s="1"/>
  <c r="A107040" i="1" s="1"/>
  <c r="A107041" i="1" s="1"/>
  <c r="A107042" i="1" s="1"/>
  <c r="A107043" i="1" s="1"/>
  <c r="A107044" i="1" s="1"/>
  <c r="A107045" i="1" s="1"/>
  <c r="A107046" i="1" s="1"/>
  <c r="A107047" i="1" s="1"/>
  <c r="A107048" i="1" s="1"/>
  <c r="A107049" i="1" s="1"/>
  <c r="A107050" i="1" s="1"/>
  <c r="A107051" i="1" s="1"/>
  <c r="A107052" i="1" s="1"/>
  <c r="A107053" i="1" s="1"/>
  <c r="A107054" i="1" s="1"/>
  <c r="A107055" i="1" s="1"/>
  <c r="A107056" i="1" s="1"/>
  <c r="A107057" i="1" s="1"/>
  <c r="A107058" i="1" s="1"/>
  <c r="A107059" i="1" s="1"/>
  <c r="A107060" i="1" s="1"/>
  <c r="A107061" i="1" s="1"/>
  <c r="A107062" i="1" s="1"/>
  <c r="A107063" i="1" s="1"/>
  <c r="A107064" i="1" s="1"/>
  <c r="A107065" i="1" s="1"/>
  <c r="A107066" i="1" s="1"/>
  <c r="A107067" i="1" s="1"/>
  <c r="A107068" i="1" s="1"/>
  <c r="A107069" i="1" s="1"/>
  <c r="A107070" i="1" s="1"/>
  <c r="A107071" i="1" s="1"/>
  <c r="A107072" i="1" s="1"/>
  <c r="A107073" i="1" s="1"/>
  <c r="A107074" i="1" s="1"/>
  <c r="A107075" i="1" s="1"/>
  <c r="A107076" i="1" s="1"/>
  <c r="A107077" i="1" s="1"/>
  <c r="A107078" i="1" s="1"/>
  <c r="A107079" i="1" s="1"/>
  <c r="A107080" i="1" s="1"/>
  <c r="A107081" i="1" s="1"/>
  <c r="A107082" i="1" s="1"/>
  <c r="A107083" i="1" s="1"/>
  <c r="A107084" i="1" s="1"/>
  <c r="A107085" i="1" s="1"/>
  <c r="A107086" i="1" s="1"/>
  <c r="A107087" i="1" s="1"/>
  <c r="A107088" i="1" s="1"/>
  <c r="A107089" i="1" s="1"/>
  <c r="A107090" i="1" s="1"/>
  <c r="A107091" i="1" s="1"/>
  <c r="A107092" i="1" s="1"/>
  <c r="A107093" i="1" s="1"/>
  <c r="A107094" i="1" s="1"/>
  <c r="A107095" i="1" s="1"/>
  <c r="A107096" i="1" s="1"/>
  <c r="A107097" i="1" s="1"/>
  <c r="A107098" i="1" s="1"/>
  <c r="A107099" i="1" s="1"/>
  <c r="A107100" i="1" s="1"/>
  <c r="A107101" i="1" s="1"/>
  <c r="A107102" i="1" s="1"/>
  <c r="A107103" i="1" s="1"/>
  <c r="A107104" i="1" s="1"/>
  <c r="A107105" i="1" s="1"/>
  <c r="A107106" i="1" s="1"/>
  <c r="A107107" i="1" s="1"/>
  <c r="A107108" i="1" s="1"/>
  <c r="A107109" i="1" s="1"/>
  <c r="A107110" i="1" s="1"/>
  <c r="A107111" i="1" s="1"/>
  <c r="A107112" i="1" s="1"/>
  <c r="A107113" i="1" s="1"/>
  <c r="A107114" i="1" s="1"/>
  <c r="A107115" i="1" s="1"/>
  <c r="A107116" i="1" s="1"/>
  <c r="A107117" i="1" s="1"/>
  <c r="A107118" i="1" s="1"/>
  <c r="A107119" i="1" s="1"/>
  <c r="A107120" i="1" s="1"/>
  <c r="A107121" i="1" s="1"/>
  <c r="A107122" i="1" s="1"/>
  <c r="A107123" i="1" s="1"/>
  <c r="A107124" i="1" s="1"/>
  <c r="A107125" i="1" s="1"/>
  <c r="A107126" i="1" s="1"/>
  <c r="A107127" i="1" s="1"/>
  <c r="A107128" i="1" s="1"/>
  <c r="A107129" i="1" s="1"/>
  <c r="A107130" i="1" s="1"/>
  <c r="A107131" i="1" s="1"/>
  <c r="A107132" i="1" s="1"/>
  <c r="A107133" i="1" s="1"/>
  <c r="A107134" i="1" s="1"/>
  <c r="A107135" i="1" s="1"/>
  <c r="A107136" i="1" s="1"/>
  <c r="A107137" i="1" s="1"/>
  <c r="A107138" i="1" s="1"/>
  <c r="A107139" i="1" s="1"/>
  <c r="A107140" i="1" s="1"/>
  <c r="A107141" i="1" s="1"/>
  <c r="A107142" i="1" s="1"/>
  <c r="A107143" i="1" s="1"/>
  <c r="A107144" i="1" s="1"/>
  <c r="A107145" i="1" s="1"/>
  <c r="A107146" i="1" s="1"/>
  <c r="A107147" i="1" s="1"/>
  <c r="A107148" i="1" s="1"/>
  <c r="A107149" i="1" s="1"/>
  <c r="A107150" i="1" s="1"/>
  <c r="A107151" i="1" s="1"/>
  <c r="A107152" i="1" s="1"/>
  <c r="A107153" i="1" s="1"/>
  <c r="A107154" i="1" s="1"/>
  <c r="A107155" i="1" s="1"/>
  <c r="A107156" i="1" s="1"/>
  <c r="A107157" i="1" s="1"/>
  <c r="A107158" i="1" s="1"/>
  <c r="A107159" i="1" s="1"/>
  <c r="A107160" i="1" s="1"/>
  <c r="A107161" i="1" s="1"/>
  <c r="A107162" i="1" s="1"/>
  <c r="A107163" i="1" s="1"/>
  <c r="A107164" i="1" s="1"/>
  <c r="A107165" i="1" s="1"/>
  <c r="A107166" i="1" s="1"/>
  <c r="A107167" i="1" s="1"/>
  <c r="A107168" i="1" s="1"/>
  <c r="A107169" i="1" s="1"/>
  <c r="A107170" i="1" s="1"/>
  <c r="A107171" i="1" s="1"/>
  <c r="A107172" i="1" s="1"/>
  <c r="A107173" i="1" s="1"/>
  <c r="A107174" i="1" s="1"/>
  <c r="A107175" i="1" s="1"/>
  <c r="A107176" i="1" s="1"/>
  <c r="A107177" i="1" s="1"/>
  <c r="A107178" i="1" s="1"/>
  <c r="A107179" i="1" s="1"/>
  <c r="A107180" i="1" s="1"/>
  <c r="A107181" i="1" s="1"/>
  <c r="A107182" i="1" s="1"/>
  <c r="A107183" i="1" s="1"/>
  <c r="A107184" i="1" s="1"/>
  <c r="A107185" i="1" s="1"/>
  <c r="A107186" i="1" s="1"/>
  <c r="A107187" i="1" s="1"/>
  <c r="A107188" i="1" s="1"/>
  <c r="A107189" i="1" s="1"/>
  <c r="A107190" i="1" s="1"/>
  <c r="A107191" i="1" s="1"/>
  <c r="A107192" i="1" s="1"/>
  <c r="A107193" i="1" s="1"/>
  <c r="A107194" i="1" s="1"/>
  <c r="A107195" i="1" s="1"/>
  <c r="A107196" i="1" s="1"/>
  <c r="A107197" i="1" s="1"/>
  <c r="A107198" i="1" s="1"/>
  <c r="A107199" i="1" s="1"/>
  <c r="A107200" i="1" s="1"/>
  <c r="A107201" i="1" s="1"/>
  <c r="A107202" i="1" s="1"/>
  <c r="A107203" i="1" s="1"/>
  <c r="A107204" i="1" s="1"/>
  <c r="A107205" i="1" s="1"/>
  <c r="A107206" i="1" s="1"/>
  <c r="A107207" i="1" s="1"/>
  <c r="A107208" i="1" s="1"/>
  <c r="A107209" i="1" s="1"/>
  <c r="A107210" i="1" s="1"/>
  <c r="A107211" i="1" s="1"/>
  <c r="A107212" i="1" s="1"/>
  <c r="A107213" i="1" s="1"/>
  <c r="A107214" i="1" s="1"/>
  <c r="A107215" i="1" s="1"/>
  <c r="A107216" i="1" s="1"/>
  <c r="A107217" i="1" s="1"/>
  <c r="A107218" i="1" s="1"/>
  <c r="A107219" i="1" s="1"/>
  <c r="A107220" i="1" s="1"/>
  <c r="A107221" i="1" s="1"/>
  <c r="A107222" i="1" s="1"/>
  <c r="A107223" i="1" s="1"/>
  <c r="A107224" i="1" s="1"/>
  <c r="A107225" i="1" s="1"/>
  <c r="A107226" i="1" s="1"/>
  <c r="A107227" i="1" s="1"/>
  <c r="A107228" i="1" s="1"/>
  <c r="A107229" i="1" s="1"/>
  <c r="A107230" i="1" s="1"/>
  <c r="A107231" i="1" s="1"/>
  <c r="A107232" i="1" s="1"/>
  <c r="A107233" i="1" s="1"/>
  <c r="A107234" i="1" s="1"/>
  <c r="A107235" i="1" s="1"/>
  <c r="A107236" i="1" s="1"/>
  <c r="A107237" i="1" s="1"/>
  <c r="A107238" i="1" s="1"/>
  <c r="A107239" i="1" s="1"/>
  <c r="A107240" i="1" s="1"/>
  <c r="A107241" i="1" s="1"/>
  <c r="A107242" i="1" s="1"/>
  <c r="A107243" i="1" s="1"/>
  <c r="A107244" i="1" s="1"/>
  <c r="A107245" i="1" s="1"/>
  <c r="A107246" i="1" s="1"/>
  <c r="A107247" i="1" s="1"/>
  <c r="A107248" i="1" s="1"/>
  <c r="A107249" i="1" s="1"/>
  <c r="A107250" i="1" s="1"/>
  <c r="A107251" i="1" s="1"/>
  <c r="A107252" i="1" s="1"/>
  <c r="A107253" i="1" s="1"/>
  <c r="A107254" i="1" s="1"/>
  <c r="A107255" i="1" s="1"/>
  <c r="A107256" i="1" s="1"/>
  <c r="A107257" i="1" s="1"/>
  <c r="A107258" i="1" s="1"/>
  <c r="A107259" i="1" s="1"/>
  <c r="A107260" i="1" s="1"/>
  <c r="A107261" i="1" s="1"/>
  <c r="A107262" i="1" s="1"/>
  <c r="A107263" i="1" s="1"/>
  <c r="A107264" i="1" s="1"/>
  <c r="A107265" i="1" s="1"/>
  <c r="A107266" i="1" s="1"/>
  <c r="A107267" i="1" s="1"/>
  <c r="A107268" i="1" s="1"/>
  <c r="A107269" i="1" s="1"/>
  <c r="A107270" i="1" s="1"/>
  <c r="A107271" i="1" s="1"/>
  <c r="A107272" i="1" s="1"/>
  <c r="A107273" i="1" s="1"/>
  <c r="A107274" i="1" s="1"/>
  <c r="A107275" i="1" s="1"/>
  <c r="A107276" i="1" s="1"/>
  <c r="A107277" i="1" s="1"/>
  <c r="A107278" i="1" s="1"/>
  <c r="A107279" i="1" s="1"/>
  <c r="A107280" i="1" s="1"/>
  <c r="A107281" i="1" s="1"/>
  <c r="A107282" i="1" s="1"/>
  <c r="A107283" i="1" s="1"/>
  <c r="A107284" i="1" s="1"/>
  <c r="A107285" i="1" s="1"/>
  <c r="A107286" i="1" s="1"/>
  <c r="A107287" i="1" s="1"/>
  <c r="A107288" i="1" s="1"/>
  <c r="A107289" i="1" s="1"/>
  <c r="A107290" i="1" s="1"/>
  <c r="A107291" i="1" s="1"/>
  <c r="A107292" i="1" s="1"/>
  <c r="A107293" i="1" s="1"/>
  <c r="A107294" i="1" s="1"/>
  <c r="A107295" i="1" s="1"/>
  <c r="A107296" i="1" s="1"/>
  <c r="A107297" i="1" s="1"/>
  <c r="A107298" i="1" s="1"/>
  <c r="A107299" i="1" s="1"/>
  <c r="A107300" i="1" s="1"/>
  <c r="A107301" i="1" s="1"/>
  <c r="A107302" i="1" s="1"/>
  <c r="A107303" i="1" s="1"/>
  <c r="A107304" i="1" s="1"/>
  <c r="A107305" i="1" s="1"/>
  <c r="A107306" i="1" s="1"/>
  <c r="A107307" i="1" s="1"/>
  <c r="A107308" i="1" s="1"/>
  <c r="A107309" i="1" s="1"/>
  <c r="A107310" i="1" s="1"/>
  <c r="A107311" i="1" s="1"/>
  <c r="A107312" i="1" s="1"/>
  <c r="A107313" i="1" s="1"/>
  <c r="A107314" i="1" s="1"/>
  <c r="A107315" i="1" s="1"/>
  <c r="A107316" i="1" s="1"/>
  <c r="A107317" i="1" s="1"/>
  <c r="A107318" i="1" s="1"/>
  <c r="A107319" i="1" s="1"/>
  <c r="A107320" i="1" s="1"/>
  <c r="A107321" i="1" s="1"/>
  <c r="A107322" i="1" s="1"/>
  <c r="A107323" i="1" s="1"/>
  <c r="A107324" i="1" s="1"/>
  <c r="A107325" i="1" s="1"/>
  <c r="A107326" i="1" s="1"/>
  <c r="A107327" i="1" s="1"/>
  <c r="A107328" i="1" s="1"/>
  <c r="A107329" i="1" s="1"/>
  <c r="A107330" i="1" s="1"/>
  <c r="A107331" i="1" s="1"/>
  <c r="A107332" i="1" s="1"/>
  <c r="A107333" i="1" s="1"/>
  <c r="A107334" i="1" s="1"/>
  <c r="A107335" i="1" s="1"/>
  <c r="A107336" i="1" s="1"/>
  <c r="A107337" i="1" s="1"/>
  <c r="A107338" i="1" s="1"/>
  <c r="A107339" i="1" s="1"/>
  <c r="A107340" i="1" s="1"/>
  <c r="A107341" i="1" s="1"/>
  <c r="A107342" i="1" s="1"/>
  <c r="A107343" i="1" s="1"/>
  <c r="A107344" i="1" s="1"/>
  <c r="A107345" i="1" s="1"/>
  <c r="A107346" i="1" s="1"/>
  <c r="A107347" i="1" s="1"/>
  <c r="A107348" i="1" s="1"/>
  <c r="A107349" i="1" s="1"/>
  <c r="A107350" i="1" s="1"/>
  <c r="A107351" i="1" s="1"/>
  <c r="A107352" i="1" s="1"/>
  <c r="A107353" i="1" s="1"/>
  <c r="A107354" i="1" s="1"/>
  <c r="A107355" i="1" s="1"/>
  <c r="A107356" i="1" s="1"/>
  <c r="A107357" i="1" s="1"/>
  <c r="A107358" i="1" s="1"/>
  <c r="A107359" i="1" s="1"/>
  <c r="A107360" i="1" s="1"/>
  <c r="A107361" i="1" s="1"/>
  <c r="A107362" i="1" s="1"/>
  <c r="A107363" i="1" s="1"/>
  <c r="A107364" i="1" s="1"/>
  <c r="A107365" i="1" s="1"/>
  <c r="A107366" i="1" s="1"/>
  <c r="A107367" i="1" s="1"/>
  <c r="A107368" i="1" s="1"/>
  <c r="A107369" i="1" s="1"/>
  <c r="A107370" i="1" s="1"/>
  <c r="A107371" i="1" s="1"/>
  <c r="A107372" i="1" s="1"/>
  <c r="A107373" i="1" s="1"/>
  <c r="A107374" i="1" s="1"/>
  <c r="A107375" i="1" s="1"/>
  <c r="A107376" i="1" s="1"/>
  <c r="A107377" i="1" s="1"/>
  <c r="A107378" i="1" s="1"/>
  <c r="A107379" i="1" s="1"/>
  <c r="A107380" i="1" s="1"/>
  <c r="A107381" i="1" s="1"/>
  <c r="A107382" i="1" s="1"/>
  <c r="A107383" i="1" s="1"/>
  <c r="A107384" i="1" s="1"/>
  <c r="A107385" i="1" s="1"/>
  <c r="A107386" i="1" s="1"/>
  <c r="A107387" i="1" s="1"/>
  <c r="A107388" i="1" s="1"/>
  <c r="A107389" i="1" s="1"/>
  <c r="A107390" i="1" s="1"/>
  <c r="A107391" i="1" s="1"/>
  <c r="A107392" i="1" s="1"/>
  <c r="A107393" i="1" s="1"/>
  <c r="A107394" i="1" s="1"/>
  <c r="A107395" i="1" s="1"/>
  <c r="A107396" i="1" s="1"/>
  <c r="A107397" i="1" s="1"/>
  <c r="A107398" i="1" s="1"/>
  <c r="A107399" i="1" s="1"/>
  <c r="A107400" i="1" s="1"/>
  <c r="A107401" i="1" s="1"/>
  <c r="A107402" i="1" s="1"/>
  <c r="A107403" i="1" s="1"/>
  <c r="A107404" i="1" s="1"/>
  <c r="A107405" i="1" s="1"/>
  <c r="A107406" i="1" s="1"/>
  <c r="A107407" i="1" s="1"/>
  <c r="A107408" i="1" s="1"/>
  <c r="A107409" i="1" s="1"/>
  <c r="A107410" i="1" s="1"/>
  <c r="A107411" i="1" s="1"/>
  <c r="A107412" i="1" s="1"/>
  <c r="A107413" i="1" s="1"/>
  <c r="A107414" i="1" s="1"/>
  <c r="A107415" i="1" s="1"/>
  <c r="A107416" i="1" s="1"/>
  <c r="A107417" i="1" s="1"/>
  <c r="A107418" i="1" s="1"/>
  <c r="A107419" i="1" s="1"/>
  <c r="A107420" i="1" s="1"/>
  <c r="A107421" i="1" s="1"/>
  <c r="A107422" i="1" s="1"/>
  <c r="A107423" i="1" s="1"/>
  <c r="A107424" i="1" s="1"/>
  <c r="A107425" i="1" s="1"/>
  <c r="A107426" i="1" s="1"/>
  <c r="A107427" i="1" s="1"/>
  <c r="A107428" i="1" s="1"/>
  <c r="A107429" i="1" s="1"/>
  <c r="A107430" i="1" s="1"/>
  <c r="A107431" i="1" s="1"/>
  <c r="A107432" i="1" s="1"/>
  <c r="A107433" i="1" s="1"/>
  <c r="A107434" i="1" s="1"/>
  <c r="A107435" i="1" s="1"/>
  <c r="A107436" i="1" s="1"/>
  <c r="A107437" i="1" s="1"/>
  <c r="A107438" i="1" s="1"/>
  <c r="A107439" i="1" s="1"/>
  <c r="A107440" i="1" s="1"/>
  <c r="A107441" i="1" s="1"/>
  <c r="A107442" i="1" s="1"/>
  <c r="A107443" i="1" s="1"/>
  <c r="A107444" i="1" s="1"/>
  <c r="A107445" i="1" s="1"/>
  <c r="A107446" i="1" s="1"/>
  <c r="A107447" i="1" s="1"/>
  <c r="A107448" i="1" s="1"/>
  <c r="A107449" i="1" s="1"/>
  <c r="A107450" i="1" s="1"/>
  <c r="A107451" i="1" s="1"/>
  <c r="A107452" i="1" s="1"/>
  <c r="A107453" i="1" s="1"/>
  <c r="A107454" i="1" s="1"/>
  <c r="A107455" i="1" s="1"/>
  <c r="A107456" i="1" s="1"/>
  <c r="A107457" i="1" s="1"/>
  <c r="A107458" i="1" s="1"/>
  <c r="A107459" i="1" s="1"/>
  <c r="A107460" i="1" s="1"/>
  <c r="A107461" i="1" s="1"/>
  <c r="A107462" i="1" s="1"/>
  <c r="A107463" i="1" s="1"/>
  <c r="A107464" i="1" s="1"/>
  <c r="A107465" i="1" s="1"/>
  <c r="A107466" i="1" s="1"/>
  <c r="A107467" i="1" s="1"/>
  <c r="A107468" i="1" s="1"/>
  <c r="A107469" i="1" s="1"/>
  <c r="A107470" i="1" s="1"/>
  <c r="A107471" i="1" s="1"/>
  <c r="A107472" i="1" s="1"/>
  <c r="A107473" i="1" s="1"/>
  <c r="A107474" i="1" s="1"/>
  <c r="A107475" i="1" s="1"/>
  <c r="A107476" i="1" s="1"/>
  <c r="A107477" i="1" s="1"/>
  <c r="A107478" i="1" s="1"/>
  <c r="A107479" i="1" s="1"/>
  <c r="A107480" i="1" s="1"/>
  <c r="A107481" i="1" s="1"/>
  <c r="A107482" i="1" s="1"/>
  <c r="A107483" i="1" s="1"/>
  <c r="A107484" i="1" s="1"/>
  <c r="A107485" i="1" s="1"/>
  <c r="A107486" i="1" s="1"/>
  <c r="A107487" i="1" s="1"/>
  <c r="A107488" i="1" s="1"/>
  <c r="A107489" i="1" s="1"/>
  <c r="A107490" i="1" s="1"/>
  <c r="A107491" i="1" s="1"/>
  <c r="A107492" i="1" s="1"/>
  <c r="A107493" i="1" s="1"/>
  <c r="A107494" i="1" s="1"/>
  <c r="A107495" i="1" s="1"/>
  <c r="A107496" i="1" s="1"/>
  <c r="A107497" i="1" s="1"/>
  <c r="A107498" i="1" s="1"/>
  <c r="A107499" i="1" s="1"/>
  <c r="A107500" i="1" s="1"/>
  <c r="A107501" i="1" s="1"/>
  <c r="A107502" i="1" s="1"/>
  <c r="A107503" i="1" s="1"/>
  <c r="A107504" i="1" s="1"/>
  <c r="A107505" i="1" s="1"/>
  <c r="A107506" i="1" s="1"/>
  <c r="A107507" i="1" s="1"/>
  <c r="A107508" i="1" s="1"/>
  <c r="A107509" i="1" s="1"/>
  <c r="A107510" i="1" s="1"/>
  <c r="A107511" i="1" s="1"/>
  <c r="A107512" i="1" s="1"/>
  <c r="A107513" i="1" s="1"/>
  <c r="A107514" i="1" s="1"/>
  <c r="A107515" i="1" s="1"/>
  <c r="A107516" i="1" s="1"/>
  <c r="A107517" i="1" s="1"/>
  <c r="A107518" i="1" s="1"/>
  <c r="A107519" i="1" s="1"/>
  <c r="A107520" i="1" s="1"/>
  <c r="A107521" i="1" s="1"/>
  <c r="A107522" i="1" s="1"/>
  <c r="A107523" i="1" s="1"/>
  <c r="A107524" i="1" s="1"/>
  <c r="A107525" i="1" s="1"/>
  <c r="A107526" i="1" s="1"/>
  <c r="A107527" i="1" s="1"/>
  <c r="A107528" i="1" s="1"/>
  <c r="A107529" i="1" s="1"/>
  <c r="A107530" i="1" s="1"/>
  <c r="A107531" i="1" s="1"/>
  <c r="A107532" i="1" s="1"/>
  <c r="A107533" i="1" s="1"/>
  <c r="A107534" i="1" s="1"/>
  <c r="A107535" i="1" s="1"/>
  <c r="A107536" i="1" s="1"/>
  <c r="A107537" i="1" s="1"/>
  <c r="A107538" i="1" s="1"/>
  <c r="A107539" i="1" s="1"/>
  <c r="A107540" i="1" s="1"/>
  <c r="A107541" i="1" s="1"/>
  <c r="A107542" i="1" s="1"/>
  <c r="A107543" i="1" s="1"/>
  <c r="A107544" i="1" s="1"/>
  <c r="A107545" i="1" s="1"/>
  <c r="A107546" i="1" s="1"/>
  <c r="A107547" i="1" s="1"/>
  <c r="A107548" i="1" s="1"/>
  <c r="A107549" i="1" s="1"/>
  <c r="A107550" i="1" s="1"/>
  <c r="A107551" i="1" s="1"/>
  <c r="A107552" i="1" s="1"/>
  <c r="A107553" i="1" s="1"/>
  <c r="A107554" i="1" s="1"/>
  <c r="A107555" i="1" s="1"/>
  <c r="A107556" i="1" s="1"/>
  <c r="A107557" i="1" s="1"/>
  <c r="A107558" i="1" s="1"/>
  <c r="A107559" i="1" s="1"/>
  <c r="A107560" i="1" s="1"/>
  <c r="A107561" i="1" s="1"/>
  <c r="A107562" i="1" s="1"/>
  <c r="A107563" i="1" s="1"/>
  <c r="A107564" i="1" s="1"/>
  <c r="A107565" i="1" s="1"/>
  <c r="A107566" i="1" s="1"/>
  <c r="A107567" i="1" s="1"/>
  <c r="A107568" i="1" s="1"/>
  <c r="A107569" i="1" s="1"/>
  <c r="A107570" i="1" s="1"/>
  <c r="A107571" i="1" s="1"/>
  <c r="A107572" i="1" s="1"/>
  <c r="A107573" i="1" s="1"/>
  <c r="A107574" i="1" s="1"/>
  <c r="A107575" i="1" s="1"/>
  <c r="A107576" i="1" s="1"/>
  <c r="A107577" i="1" s="1"/>
  <c r="A107578" i="1" s="1"/>
  <c r="A107579" i="1" s="1"/>
  <c r="A107580" i="1" s="1"/>
  <c r="A107581" i="1" s="1"/>
  <c r="A107582" i="1" s="1"/>
  <c r="A107583" i="1" s="1"/>
  <c r="A107584" i="1" s="1"/>
  <c r="A107585" i="1" s="1"/>
  <c r="A107586" i="1" s="1"/>
  <c r="A107587" i="1" s="1"/>
  <c r="A107588" i="1" s="1"/>
  <c r="A107589" i="1" s="1"/>
  <c r="A107590" i="1" s="1"/>
  <c r="A107591" i="1" s="1"/>
  <c r="A107592" i="1" s="1"/>
  <c r="A107593" i="1" s="1"/>
  <c r="A107594" i="1" s="1"/>
  <c r="A107595" i="1" s="1"/>
  <c r="A107596" i="1" s="1"/>
  <c r="A107597" i="1" s="1"/>
  <c r="A107598" i="1" s="1"/>
  <c r="A107599" i="1" s="1"/>
  <c r="A107600" i="1" s="1"/>
  <c r="A107601" i="1" s="1"/>
  <c r="A107602" i="1" s="1"/>
  <c r="A107603" i="1" s="1"/>
  <c r="A107604" i="1" s="1"/>
  <c r="A107605" i="1" s="1"/>
  <c r="A107606" i="1" s="1"/>
  <c r="A107607" i="1" s="1"/>
  <c r="A107608" i="1" s="1"/>
  <c r="A107609" i="1" s="1"/>
  <c r="A107610" i="1" s="1"/>
  <c r="A107611" i="1" s="1"/>
  <c r="A107612" i="1" s="1"/>
  <c r="A107613" i="1" s="1"/>
  <c r="A107614" i="1" s="1"/>
  <c r="A107615" i="1" s="1"/>
  <c r="A107616" i="1" s="1"/>
  <c r="A107617" i="1" s="1"/>
  <c r="A107618" i="1" s="1"/>
  <c r="A107619" i="1" s="1"/>
  <c r="A107620" i="1" s="1"/>
  <c r="A107621" i="1" s="1"/>
  <c r="A107622" i="1" s="1"/>
  <c r="A107623" i="1" s="1"/>
  <c r="A107624" i="1" s="1"/>
  <c r="A107625" i="1" s="1"/>
  <c r="A107626" i="1" s="1"/>
  <c r="A107627" i="1" s="1"/>
  <c r="A107628" i="1" s="1"/>
  <c r="A107629" i="1" s="1"/>
  <c r="A107630" i="1" s="1"/>
  <c r="A107631" i="1" s="1"/>
  <c r="A107632" i="1" s="1"/>
  <c r="A107633" i="1" s="1"/>
  <c r="A107634" i="1" s="1"/>
  <c r="A107635" i="1" s="1"/>
  <c r="A107636" i="1" s="1"/>
  <c r="A107637" i="1" s="1"/>
  <c r="A107638" i="1" s="1"/>
  <c r="A107639" i="1" s="1"/>
  <c r="A107640" i="1" s="1"/>
  <c r="A107641" i="1" s="1"/>
  <c r="A107642" i="1" s="1"/>
  <c r="A107643" i="1" s="1"/>
  <c r="A107644" i="1" s="1"/>
  <c r="A107645" i="1" s="1"/>
  <c r="A107646" i="1" s="1"/>
  <c r="A107647" i="1" s="1"/>
  <c r="A107648" i="1" s="1"/>
  <c r="A107649" i="1" s="1"/>
  <c r="A107650" i="1" s="1"/>
  <c r="A107651" i="1" s="1"/>
  <c r="A107652" i="1" s="1"/>
  <c r="A107653" i="1" s="1"/>
  <c r="A107654" i="1" s="1"/>
  <c r="A107655" i="1" s="1"/>
  <c r="A107656" i="1" s="1"/>
  <c r="A107657" i="1" s="1"/>
  <c r="A107658" i="1" s="1"/>
  <c r="A107659" i="1" s="1"/>
  <c r="A107660" i="1" s="1"/>
  <c r="A107661" i="1" s="1"/>
  <c r="A107662" i="1" s="1"/>
  <c r="A107663" i="1" s="1"/>
  <c r="A107664" i="1" s="1"/>
  <c r="A107665" i="1" s="1"/>
  <c r="A107666" i="1" s="1"/>
  <c r="A107667" i="1" s="1"/>
  <c r="A107668" i="1" s="1"/>
  <c r="A107669" i="1" s="1"/>
  <c r="A107670" i="1" s="1"/>
  <c r="A107671" i="1" s="1"/>
  <c r="A107672" i="1" s="1"/>
  <c r="A107673" i="1" s="1"/>
  <c r="A107674" i="1" s="1"/>
  <c r="A107675" i="1" s="1"/>
  <c r="A107676" i="1" s="1"/>
  <c r="A107677" i="1" s="1"/>
  <c r="A107678" i="1" s="1"/>
  <c r="A107679" i="1" s="1"/>
  <c r="A107680" i="1" s="1"/>
  <c r="A107681" i="1" s="1"/>
  <c r="A107682" i="1" s="1"/>
  <c r="A107683" i="1" s="1"/>
  <c r="A107684" i="1" s="1"/>
  <c r="A107685" i="1" s="1"/>
  <c r="A107686" i="1" s="1"/>
  <c r="A107687" i="1" s="1"/>
  <c r="A107688" i="1" s="1"/>
  <c r="A107689" i="1" s="1"/>
  <c r="A107690" i="1" s="1"/>
  <c r="A107691" i="1" s="1"/>
  <c r="A107692" i="1" s="1"/>
  <c r="A107693" i="1" s="1"/>
  <c r="A107694" i="1" s="1"/>
  <c r="A107695" i="1" s="1"/>
  <c r="A107696" i="1" s="1"/>
  <c r="A107697" i="1" s="1"/>
  <c r="A107698" i="1" s="1"/>
  <c r="A107699" i="1" s="1"/>
  <c r="A107700" i="1" s="1"/>
  <c r="A107701" i="1" s="1"/>
  <c r="A107702" i="1" s="1"/>
  <c r="A107703" i="1" s="1"/>
  <c r="A107704" i="1" s="1"/>
  <c r="A107705" i="1" s="1"/>
  <c r="A107706" i="1" s="1"/>
  <c r="A107707" i="1" s="1"/>
  <c r="A107708" i="1" s="1"/>
  <c r="A107709" i="1" s="1"/>
  <c r="A107710" i="1" s="1"/>
  <c r="A107711" i="1" s="1"/>
  <c r="A107712" i="1" s="1"/>
  <c r="A107713" i="1" s="1"/>
  <c r="A107714" i="1" s="1"/>
  <c r="A107715" i="1" s="1"/>
  <c r="A107716" i="1" s="1"/>
  <c r="A107717" i="1" s="1"/>
  <c r="A107718" i="1" s="1"/>
  <c r="A107719" i="1" s="1"/>
  <c r="A107720" i="1" s="1"/>
  <c r="A107721" i="1" s="1"/>
  <c r="A107722" i="1" s="1"/>
  <c r="A107723" i="1" s="1"/>
  <c r="A107724" i="1" s="1"/>
  <c r="A107725" i="1" s="1"/>
  <c r="A107726" i="1" s="1"/>
  <c r="A107727" i="1" s="1"/>
  <c r="A107728" i="1" s="1"/>
  <c r="A107729" i="1" s="1"/>
  <c r="A107730" i="1" s="1"/>
  <c r="A107731" i="1" s="1"/>
  <c r="A107732" i="1" s="1"/>
  <c r="A107733" i="1" s="1"/>
  <c r="A107734" i="1" s="1"/>
  <c r="A107735" i="1" s="1"/>
  <c r="A107736" i="1" s="1"/>
  <c r="A107737" i="1" s="1"/>
  <c r="A107738" i="1" s="1"/>
  <c r="A107739" i="1" s="1"/>
  <c r="A107740" i="1" s="1"/>
  <c r="A107741" i="1" s="1"/>
  <c r="A107742" i="1" s="1"/>
  <c r="A107743" i="1" s="1"/>
  <c r="A107744" i="1" s="1"/>
  <c r="A107745" i="1" s="1"/>
  <c r="A107746" i="1" s="1"/>
  <c r="A107747" i="1" s="1"/>
  <c r="A107748" i="1" s="1"/>
  <c r="A107749" i="1" s="1"/>
  <c r="A107750" i="1" s="1"/>
  <c r="A107751" i="1" s="1"/>
  <c r="A107752" i="1" s="1"/>
  <c r="A107753" i="1" s="1"/>
  <c r="A107754" i="1" s="1"/>
  <c r="A107755" i="1" s="1"/>
  <c r="A107756" i="1" s="1"/>
  <c r="A107757" i="1" s="1"/>
  <c r="A107758" i="1" s="1"/>
  <c r="A107759" i="1" s="1"/>
  <c r="A107760" i="1" s="1"/>
  <c r="A107761" i="1" s="1"/>
  <c r="A107762" i="1" s="1"/>
  <c r="A107763" i="1" s="1"/>
  <c r="A107764" i="1" s="1"/>
  <c r="A107765" i="1" s="1"/>
  <c r="A107766" i="1" s="1"/>
  <c r="A107767" i="1" s="1"/>
  <c r="A107768" i="1" s="1"/>
  <c r="A107769" i="1" s="1"/>
  <c r="A107770" i="1" s="1"/>
  <c r="A107771" i="1" s="1"/>
  <c r="A107772" i="1" s="1"/>
  <c r="A107773" i="1" s="1"/>
  <c r="A107774" i="1" s="1"/>
  <c r="A107775" i="1" s="1"/>
  <c r="A107776" i="1" s="1"/>
  <c r="A107777" i="1" s="1"/>
  <c r="A107778" i="1" s="1"/>
  <c r="A107779" i="1" s="1"/>
  <c r="A107780" i="1" s="1"/>
  <c r="A107781" i="1" s="1"/>
  <c r="A107782" i="1" s="1"/>
  <c r="A107783" i="1" s="1"/>
  <c r="A107784" i="1" s="1"/>
  <c r="A107785" i="1" s="1"/>
  <c r="A107786" i="1" s="1"/>
  <c r="A107787" i="1" s="1"/>
  <c r="A107788" i="1" s="1"/>
  <c r="A107789" i="1" s="1"/>
  <c r="A107790" i="1" s="1"/>
  <c r="A107791" i="1" s="1"/>
  <c r="A107792" i="1" s="1"/>
  <c r="A107793" i="1" s="1"/>
  <c r="A107794" i="1" s="1"/>
  <c r="A107795" i="1" s="1"/>
  <c r="A107796" i="1" s="1"/>
  <c r="A107797" i="1" s="1"/>
  <c r="A107798" i="1" s="1"/>
  <c r="A107799" i="1" s="1"/>
  <c r="A107800" i="1" s="1"/>
  <c r="A107801" i="1" s="1"/>
  <c r="A107802" i="1" s="1"/>
  <c r="A107803" i="1" s="1"/>
  <c r="A107804" i="1" s="1"/>
  <c r="A107805" i="1" s="1"/>
  <c r="A107806" i="1" s="1"/>
  <c r="A107807" i="1" s="1"/>
  <c r="A107808" i="1" s="1"/>
  <c r="A107809" i="1" s="1"/>
  <c r="A107810" i="1" s="1"/>
  <c r="A107811" i="1" s="1"/>
  <c r="A107812" i="1" s="1"/>
  <c r="A107813" i="1" s="1"/>
  <c r="A107814" i="1" s="1"/>
  <c r="A107815" i="1" s="1"/>
  <c r="A107816" i="1" s="1"/>
  <c r="A107817" i="1" s="1"/>
  <c r="A107818" i="1" s="1"/>
  <c r="A107819" i="1" s="1"/>
  <c r="A107820" i="1" s="1"/>
  <c r="A107821" i="1" s="1"/>
  <c r="A107822" i="1" s="1"/>
  <c r="A107823" i="1" s="1"/>
  <c r="A107824" i="1" s="1"/>
  <c r="A107825" i="1" s="1"/>
  <c r="A107826" i="1" s="1"/>
  <c r="A107827" i="1" s="1"/>
  <c r="A107828" i="1" s="1"/>
  <c r="A107829" i="1" s="1"/>
  <c r="A107830" i="1" s="1"/>
  <c r="A107831" i="1" s="1"/>
  <c r="A107832" i="1" s="1"/>
  <c r="A107833" i="1" s="1"/>
  <c r="A107834" i="1" s="1"/>
  <c r="A107835" i="1" s="1"/>
  <c r="A107836" i="1" s="1"/>
  <c r="A107837" i="1" s="1"/>
  <c r="A107838" i="1" s="1"/>
  <c r="A107839" i="1" s="1"/>
  <c r="A107840" i="1" s="1"/>
  <c r="A107841" i="1" s="1"/>
  <c r="A107842" i="1" s="1"/>
  <c r="A107843" i="1" s="1"/>
  <c r="A107844" i="1" s="1"/>
  <c r="A107845" i="1" s="1"/>
  <c r="A107846" i="1" s="1"/>
  <c r="A107847" i="1" s="1"/>
  <c r="A107848" i="1" s="1"/>
  <c r="A107849" i="1" s="1"/>
  <c r="A107850" i="1" s="1"/>
  <c r="A107851" i="1" s="1"/>
  <c r="A107852" i="1" s="1"/>
  <c r="A107853" i="1" s="1"/>
  <c r="A107854" i="1" s="1"/>
  <c r="A107855" i="1" s="1"/>
  <c r="A107856" i="1" s="1"/>
  <c r="A107857" i="1" s="1"/>
  <c r="A107858" i="1" s="1"/>
  <c r="A107859" i="1" s="1"/>
  <c r="A107860" i="1" s="1"/>
  <c r="A107861" i="1" s="1"/>
  <c r="A107862" i="1" s="1"/>
  <c r="A107863" i="1" s="1"/>
  <c r="A107864" i="1" s="1"/>
  <c r="A107865" i="1" s="1"/>
  <c r="A107866" i="1" s="1"/>
  <c r="A107867" i="1" s="1"/>
  <c r="A107868" i="1" s="1"/>
  <c r="A107869" i="1" s="1"/>
  <c r="A107870" i="1" s="1"/>
  <c r="A107871" i="1" s="1"/>
  <c r="A107872" i="1" s="1"/>
  <c r="A107873" i="1" s="1"/>
  <c r="A107874" i="1" s="1"/>
  <c r="A107875" i="1" s="1"/>
  <c r="A107876" i="1" s="1"/>
  <c r="A107877" i="1" s="1"/>
  <c r="A107878" i="1" s="1"/>
  <c r="A107879" i="1" s="1"/>
  <c r="A107880" i="1" s="1"/>
  <c r="A107881" i="1" s="1"/>
  <c r="A107882" i="1" s="1"/>
  <c r="A107883" i="1" s="1"/>
  <c r="A107884" i="1" s="1"/>
  <c r="A107885" i="1" s="1"/>
  <c r="A107886" i="1" s="1"/>
  <c r="A107887" i="1" s="1"/>
  <c r="A107888" i="1" s="1"/>
  <c r="A107889" i="1" s="1"/>
  <c r="A107890" i="1" s="1"/>
  <c r="A107891" i="1" s="1"/>
  <c r="A107892" i="1" s="1"/>
  <c r="A107893" i="1" s="1"/>
  <c r="A107894" i="1" s="1"/>
  <c r="A107895" i="1" s="1"/>
  <c r="A107896" i="1" s="1"/>
  <c r="A107897" i="1" s="1"/>
  <c r="A107898" i="1" s="1"/>
  <c r="A107899" i="1" s="1"/>
  <c r="A107900" i="1" s="1"/>
  <c r="A107901" i="1" s="1"/>
  <c r="A107902" i="1" s="1"/>
  <c r="A107903" i="1" s="1"/>
  <c r="A107904" i="1" s="1"/>
  <c r="A107905" i="1" s="1"/>
  <c r="A107906" i="1" s="1"/>
  <c r="A107907" i="1" s="1"/>
  <c r="A107908" i="1" s="1"/>
  <c r="A107909" i="1" s="1"/>
  <c r="A107910" i="1" s="1"/>
  <c r="A107911" i="1" s="1"/>
  <c r="A107912" i="1" s="1"/>
  <c r="A107913" i="1" s="1"/>
  <c r="A107914" i="1" s="1"/>
  <c r="A107915" i="1" s="1"/>
  <c r="A107916" i="1" s="1"/>
  <c r="A107917" i="1" s="1"/>
  <c r="A107918" i="1" s="1"/>
  <c r="A107919" i="1" s="1"/>
  <c r="A107920" i="1" s="1"/>
  <c r="A107921" i="1" s="1"/>
  <c r="A107922" i="1" s="1"/>
  <c r="A107923" i="1" s="1"/>
  <c r="A107924" i="1" s="1"/>
  <c r="A107925" i="1" s="1"/>
  <c r="A107926" i="1" s="1"/>
  <c r="A107927" i="1" s="1"/>
  <c r="A107928" i="1" s="1"/>
  <c r="A107929" i="1" s="1"/>
  <c r="A107930" i="1" s="1"/>
  <c r="A107931" i="1" s="1"/>
  <c r="A107932" i="1" s="1"/>
  <c r="A107933" i="1" s="1"/>
  <c r="A107934" i="1" s="1"/>
  <c r="A107935" i="1" s="1"/>
  <c r="A107936" i="1" s="1"/>
  <c r="A107937" i="1" s="1"/>
  <c r="A107938" i="1" s="1"/>
  <c r="A107939" i="1" s="1"/>
  <c r="A107940" i="1" s="1"/>
  <c r="A107941" i="1" s="1"/>
  <c r="A107942" i="1" s="1"/>
  <c r="A107943" i="1" s="1"/>
  <c r="A107944" i="1" s="1"/>
  <c r="A107945" i="1" s="1"/>
  <c r="A107946" i="1" s="1"/>
  <c r="A107947" i="1" s="1"/>
  <c r="A107948" i="1" s="1"/>
  <c r="A107949" i="1" s="1"/>
  <c r="A107950" i="1" s="1"/>
  <c r="A107951" i="1" s="1"/>
  <c r="A107952" i="1" s="1"/>
  <c r="A107953" i="1" s="1"/>
  <c r="A107954" i="1" s="1"/>
  <c r="A107955" i="1" s="1"/>
  <c r="A107956" i="1" s="1"/>
  <c r="A107957" i="1" s="1"/>
  <c r="A107958" i="1" s="1"/>
  <c r="A107959" i="1" s="1"/>
  <c r="A107960" i="1" s="1"/>
  <c r="A107961" i="1" s="1"/>
  <c r="A107962" i="1" s="1"/>
  <c r="A107963" i="1" s="1"/>
  <c r="A107964" i="1" s="1"/>
  <c r="A107965" i="1" s="1"/>
  <c r="A107966" i="1" s="1"/>
  <c r="A107967" i="1" s="1"/>
  <c r="A107968" i="1" s="1"/>
  <c r="A107969" i="1" s="1"/>
  <c r="A107970" i="1" s="1"/>
  <c r="A107971" i="1" s="1"/>
  <c r="A107972" i="1" s="1"/>
  <c r="A107973" i="1" s="1"/>
  <c r="A107974" i="1" s="1"/>
  <c r="A107975" i="1" s="1"/>
  <c r="A107976" i="1" s="1"/>
  <c r="A107977" i="1" s="1"/>
  <c r="A107978" i="1" s="1"/>
  <c r="A107979" i="1" s="1"/>
  <c r="A107980" i="1" s="1"/>
  <c r="A107981" i="1" s="1"/>
  <c r="A107982" i="1" s="1"/>
  <c r="A107983" i="1" s="1"/>
  <c r="A107984" i="1" s="1"/>
  <c r="A107985" i="1" s="1"/>
  <c r="A107986" i="1" s="1"/>
  <c r="A107987" i="1" s="1"/>
  <c r="A107988" i="1" s="1"/>
  <c r="A107989" i="1" s="1"/>
  <c r="A107990" i="1" s="1"/>
  <c r="A107991" i="1" s="1"/>
  <c r="A107992" i="1" s="1"/>
  <c r="A107993" i="1" s="1"/>
  <c r="A107994" i="1" s="1"/>
  <c r="A107995" i="1" s="1"/>
  <c r="A107996" i="1" s="1"/>
  <c r="A107997" i="1" s="1"/>
  <c r="A107998" i="1" s="1"/>
  <c r="A107999" i="1" s="1"/>
  <c r="A108000" i="1" s="1"/>
  <c r="A108001" i="1" s="1"/>
  <c r="A108002" i="1" s="1"/>
  <c r="A108003" i="1" s="1"/>
  <c r="A108004" i="1" s="1"/>
  <c r="A108005" i="1" s="1"/>
  <c r="A108006" i="1" s="1"/>
  <c r="A108007" i="1" s="1"/>
  <c r="A108008" i="1" s="1"/>
  <c r="A108009" i="1" s="1"/>
  <c r="A108010" i="1" s="1"/>
  <c r="A108011" i="1" s="1"/>
  <c r="A108012" i="1" s="1"/>
  <c r="A108013" i="1" s="1"/>
  <c r="A108014" i="1" s="1"/>
  <c r="A108015" i="1" s="1"/>
  <c r="A108016" i="1" s="1"/>
  <c r="A108017" i="1" s="1"/>
  <c r="A108018" i="1" s="1"/>
  <c r="A108019" i="1" s="1"/>
  <c r="A108020" i="1" s="1"/>
  <c r="A108021" i="1" s="1"/>
  <c r="A108022" i="1" s="1"/>
  <c r="A108023" i="1" s="1"/>
  <c r="A108024" i="1" s="1"/>
  <c r="A108025" i="1" s="1"/>
  <c r="A108026" i="1" s="1"/>
  <c r="A108027" i="1" s="1"/>
  <c r="A108028" i="1" s="1"/>
  <c r="A108029" i="1" s="1"/>
  <c r="A108030" i="1" s="1"/>
  <c r="A108031" i="1" s="1"/>
  <c r="A108032" i="1" s="1"/>
  <c r="A108033" i="1" s="1"/>
  <c r="A108034" i="1" s="1"/>
  <c r="A108035" i="1" s="1"/>
  <c r="A108036" i="1" s="1"/>
  <c r="A108037" i="1" s="1"/>
  <c r="A108038" i="1" s="1"/>
  <c r="A108039" i="1" s="1"/>
  <c r="A108040" i="1" s="1"/>
  <c r="A108041" i="1" s="1"/>
  <c r="A108042" i="1" s="1"/>
  <c r="A108043" i="1" s="1"/>
  <c r="A108044" i="1" s="1"/>
  <c r="A108045" i="1" s="1"/>
  <c r="A108046" i="1" s="1"/>
  <c r="A108047" i="1" s="1"/>
  <c r="A108048" i="1" s="1"/>
  <c r="A108049" i="1" s="1"/>
  <c r="A108050" i="1" s="1"/>
  <c r="A108051" i="1" s="1"/>
  <c r="A108052" i="1" s="1"/>
  <c r="A108053" i="1" s="1"/>
  <c r="A108054" i="1" s="1"/>
  <c r="A108055" i="1" s="1"/>
  <c r="A108056" i="1" s="1"/>
  <c r="A108057" i="1" s="1"/>
  <c r="A108058" i="1" s="1"/>
  <c r="A108059" i="1" s="1"/>
  <c r="A108060" i="1" s="1"/>
  <c r="A108061" i="1" s="1"/>
  <c r="A108062" i="1" s="1"/>
  <c r="A108063" i="1" s="1"/>
  <c r="A108064" i="1" s="1"/>
  <c r="A108065" i="1" s="1"/>
  <c r="A108066" i="1" s="1"/>
  <c r="A108067" i="1" s="1"/>
  <c r="A108068" i="1" s="1"/>
  <c r="A108069" i="1" s="1"/>
  <c r="A108070" i="1" s="1"/>
  <c r="A108071" i="1" s="1"/>
  <c r="A108072" i="1" s="1"/>
  <c r="A108073" i="1" s="1"/>
  <c r="A108074" i="1" s="1"/>
  <c r="A108075" i="1" s="1"/>
  <c r="A108076" i="1" s="1"/>
  <c r="A108077" i="1" s="1"/>
  <c r="A108078" i="1" s="1"/>
  <c r="A108079" i="1" s="1"/>
  <c r="A108080" i="1" s="1"/>
  <c r="A108081" i="1" s="1"/>
  <c r="A108082" i="1" s="1"/>
  <c r="A108083" i="1" s="1"/>
  <c r="A108084" i="1" s="1"/>
  <c r="A108085" i="1" s="1"/>
  <c r="A108086" i="1" s="1"/>
  <c r="A108087" i="1" s="1"/>
  <c r="A108088" i="1" s="1"/>
  <c r="A108089" i="1" s="1"/>
  <c r="A108090" i="1" s="1"/>
  <c r="A108091" i="1" s="1"/>
  <c r="A108092" i="1" s="1"/>
  <c r="A108093" i="1" s="1"/>
  <c r="A108094" i="1" s="1"/>
  <c r="A108095" i="1" s="1"/>
  <c r="A108096" i="1" s="1"/>
  <c r="A108097" i="1" s="1"/>
  <c r="A108098" i="1" s="1"/>
  <c r="A108099" i="1" s="1"/>
  <c r="A108100" i="1" s="1"/>
  <c r="A108101" i="1" s="1"/>
  <c r="A108102" i="1" s="1"/>
  <c r="A108103" i="1" s="1"/>
  <c r="A108104" i="1" s="1"/>
  <c r="A108105" i="1" s="1"/>
  <c r="A108106" i="1" s="1"/>
  <c r="A108107" i="1" s="1"/>
  <c r="A108108" i="1" s="1"/>
  <c r="A108109" i="1" s="1"/>
  <c r="A108110" i="1" s="1"/>
  <c r="A108111" i="1" s="1"/>
  <c r="A108112" i="1" s="1"/>
  <c r="A108113" i="1" s="1"/>
  <c r="A108114" i="1" s="1"/>
  <c r="A108115" i="1" s="1"/>
  <c r="A108116" i="1" s="1"/>
  <c r="A108117" i="1" s="1"/>
  <c r="A108118" i="1" s="1"/>
  <c r="A108119" i="1" s="1"/>
  <c r="A108120" i="1" s="1"/>
  <c r="A108121" i="1" s="1"/>
  <c r="A108122" i="1" s="1"/>
  <c r="A108123" i="1" s="1"/>
  <c r="A108124" i="1" s="1"/>
  <c r="A108125" i="1" s="1"/>
  <c r="A108126" i="1" s="1"/>
  <c r="A108127" i="1" s="1"/>
  <c r="A108128" i="1" s="1"/>
  <c r="A108129" i="1" s="1"/>
  <c r="A108130" i="1" s="1"/>
  <c r="A108131" i="1" s="1"/>
  <c r="A108132" i="1" s="1"/>
  <c r="A108133" i="1" s="1"/>
  <c r="A108134" i="1" s="1"/>
  <c r="A108135" i="1" s="1"/>
  <c r="A108136" i="1" s="1"/>
  <c r="A108137" i="1" s="1"/>
  <c r="A108138" i="1" s="1"/>
  <c r="A108139" i="1" s="1"/>
  <c r="A108140" i="1" s="1"/>
  <c r="A108141" i="1" s="1"/>
  <c r="A108142" i="1" s="1"/>
  <c r="A108143" i="1" s="1"/>
  <c r="A108144" i="1" s="1"/>
  <c r="A108145" i="1" s="1"/>
  <c r="A108146" i="1" s="1"/>
  <c r="A108147" i="1" s="1"/>
  <c r="A108148" i="1" s="1"/>
  <c r="A108149" i="1" s="1"/>
  <c r="A108150" i="1" s="1"/>
  <c r="A108151" i="1" s="1"/>
  <c r="A108152" i="1" s="1"/>
  <c r="A108153" i="1" s="1"/>
  <c r="A108154" i="1" s="1"/>
  <c r="A108155" i="1" s="1"/>
  <c r="A108156" i="1" s="1"/>
  <c r="A108157" i="1" s="1"/>
  <c r="A108158" i="1" s="1"/>
  <c r="A108159" i="1" s="1"/>
  <c r="A108160" i="1" s="1"/>
  <c r="A108161" i="1" s="1"/>
  <c r="A108162" i="1" s="1"/>
  <c r="A108163" i="1" s="1"/>
  <c r="A108164" i="1" s="1"/>
  <c r="A108165" i="1" s="1"/>
  <c r="A108166" i="1" s="1"/>
  <c r="A108167" i="1" s="1"/>
  <c r="A108168" i="1" s="1"/>
  <c r="A108169" i="1" s="1"/>
  <c r="A108170" i="1" s="1"/>
  <c r="A108171" i="1" s="1"/>
  <c r="A108172" i="1" s="1"/>
  <c r="A108173" i="1" s="1"/>
  <c r="A108174" i="1" s="1"/>
  <c r="A108175" i="1" s="1"/>
  <c r="A108176" i="1" s="1"/>
  <c r="A108177" i="1" s="1"/>
  <c r="A108178" i="1" s="1"/>
  <c r="A108179" i="1" s="1"/>
  <c r="A108180" i="1" s="1"/>
  <c r="A108181" i="1" s="1"/>
  <c r="A108182" i="1" s="1"/>
  <c r="A108183" i="1" s="1"/>
  <c r="A108184" i="1" s="1"/>
  <c r="A108185" i="1" s="1"/>
  <c r="A108186" i="1" s="1"/>
  <c r="A108187" i="1" s="1"/>
  <c r="A108188" i="1" s="1"/>
  <c r="A108189" i="1" s="1"/>
  <c r="A108190" i="1" s="1"/>
  <c r="A108191" i="1" s="1"/>
  <c r="A108192" i="1" s="1"/>
  <c r="A108193" i="1" s="1"/>
  <c r="A108194" i="1" s="1"/>
  <c r="A108195" i="1" s="1"/>
  <c r="A108196" i="1" s="1"/>
  <c r="A108197" i="1" s="1"/>
  <c r="A108198" i="1" s="1"/>
  <c r="A108199" i="1" s="1"/>
  <c r="A108200" i="1" s="1"/>
  <c r="A108201" i="1" s="1"/>
  <c r="A108202" i="1" s="1"/>
  <c r="A108203" i="1" s="1"/>
  <c r="A108204" i="1" s="1"/>
  <c r="A108205" i="1" s="1"/>
  <c r="A108206" i="1" s="1"/>
  <c r="A108207" i="1" s="1"/>
  <c r="A108208" i="1" s="1"/>
  <c r="A108209" i="1" s="1"/>
  <c r="A108210" i="1" s="1"/>
  <c r="A108211" i="1" s="1"/>
  <c r="A108212" i="1" s="1"/>
  <c r="A108213" i="1" s="1"/>
  <c r="A108214" i="1" s="1"/>
  <c r="A108215" i="1" s="1"/>
  <c r="A108216" i="1" s="1"/>
  <c r="A108217" i="1" s="1"/>
  <c r="A108218" i="1" s="1"/>
  <c r="A108219" i="1" s="1"/>
  <c r="A108220" i="1" s="1"/>
  <c r="A108221" i="1" s="1"/>
  <c r="A108222" i="1" s="1"/>
  <c r="A108223" i="1" s="1"/>
  <c r="A108224" i="1" s="1"/>
  <c r="A108225" i="1" s="1"/>
  <c r="A108226" i="1" s="1"/>
  <c r="A108227" i="1" s="1"/>
  <c r="A108228" i="1" s="1"/>
  <c r="A108229" i="1" s="1"/>
  <c r="A108230" i="1" s="1"/>
  <c r="A108231" i="1" s="1"/>
  <c r="A108232" i="1" s="1"/>
  <c r="A108233" i="1" s="1"/>
  <c r="A108234" i="1" s="1"/>
  <c r="A108235" i="1" s="1"/>
  <c r="A108236" i="1" s="1"/>
  <c r="A108237" i="1" s="1"/>
  <c r="A108238" i="1" s="1"/>
  <c r="A108239" i="1" s="1"/>
  <c r="A108240" i="1" s="1"/>
  <c r="A108241" i="1" s="1"/>
  <c r="A108242" i="1" s="1"/>
  <c r="A108243" i="1" s="1"/>
  <c r="A108244" i="1" s="1"/>
  <c r="A108245" i="1" s="1"/>
  <c r="A108246" i="1" s="1"/>
  <c r="A108247" i="1" s="1"/>
  <c r="A108248" i="1" s="1"/>
  <c r="A108249" i="1" s="1"/>
  <c r="A108250" i="1" s="1"/>
  <c r="A108251" i="1" s="1"/>
  <c r="A108252" i="1" s="1"/>
  <c r="A108253" i="1" s="1"/>
  <c r="A108254" i="1" s="1"/>
  <c r="A108255" i="1" s="1"/>
  <c r="A108256" i="1" s="1"/>
  <c r="A108257" i="1" s="1"/>
  <c r="A108258" i="1" s="1"/>
  <c r="A108259" i="1" s="1"/>
  <c r="A108260" i="1" s="1"/>
  <c r="A108261" i="1" s="1"/>
  <c r="A108262" i="1" s="1"/>
  <c r="A108263" i="1" s="1"/>
  <c r="A108264" i="1" s="1"/>
  <c r="A108265" i="1" s="1"/>
  <c r="A108266" i="1" s="1"/>
  <c r="A108267" i="1" s="1"/>
  <c r="A108268" i="1" s="1"/>
  <c r="A108269" i="1" s="1"/>
  <c r="A108270" i="1" s="1"/>
  <c r="A108271" i="1" s="1"/>
  <c r="A108272" i="1" s="1"/>
  <c r="A108273" i="1" s="1"/>
  <c r="A108274" i="1" s="1"/>
  <c r="A108275" i="1" s="1"/>
  <c r="A108276" i="1" s="1"/>
  <c r="A108277" i="1" s="1"/>
  <c r="A108278" i="1" s="1"/>
  <c r="A108279" i="1" s="1"/>
  <c r="A108280" i="1" s="1"/>
  <c r="A108281" i="1" s="1"/>
  <c r="A108282" i="1" s="1"/>
  <c r="A108283" i="1" s="1"/>
  <c r="A108284" i="1" s="1"/>
  <c r="A108285" i="1" s="1"/>
  <c r="A108286" i="1" s="1"/>
  <c r="A108287" i="1" s="1"/>
  <c r="A108288" i="1" s="1"/>
  <c r="A108289" i="1" s="1"/>
  <c r="A108290" i="1" s="1"/>
  <c r="A108291" i="1" s="1"/>
  <c r="A108292" i="1" s="1"/>
  <c r="A108293" i="1" s="1"/>
  <c r="A108294" i="1" s="1"/>
  <c r="A108295" i="1" s="1"/>
  <c r="A108296" i="1" s="1"/>
  <c r="A108297" i="1" s="1"/>
  <c r="A108298" i="1" s="1"/>
  <c r="A108299" i="1" s="1"/>
  <c r="A108300" i="1" s="1"/>
  <c r="A108301" i="1" s="1"/>
  <c r="A108302" i="1" s="1"/>
  <c r="A108303" i="1" s="1"/>
  <c r="A108304" i="1" s="1"/>
  <c r="A108305" i="1" s="1"/>
  <c r="A108306" i="1" s="1"/>
  <c r="A108307" i="1" s="1"/>
  <c r="A108308" i="1" s="1"/>
  <c r="A108309" i="1" s="1"/>
  <c r="A108310" i="1" s="1"/>
  <c r="A108311" i="1" s="1"/>
  <c r="A108312" i="1" s="1"/>
  <c r="A108313" i="1" s="1"/>
  <c r="A108314" i="1" s="1"/>
  <c r="A108315" i="1" s="1"/>
  <c r="A108316" i="1" s="1"/>
  <c r="A108317" i="1" s="1"/>
  <c r="A108318" i="1" s="1"/>
  <c r="A108319" i="1" s="1"/>
  <c r="A108320" i="1" s="1"/>
  <c r="A108321" i="1" s="1"/>
  <c r="A108322" i="1" s="1"/>
  <c r="A108323" i="1" s="1"/>
  <c r="A108324" i="1" s="1"/>
  <c r="A108325" i="1" s="1"/>
  <c r="A108326" i="1" s="1"/>
  <c r="A108327" i="1" s="1"/>
  <c r="A108328" i="1" s="1"/>
  <c r="A108329" i="1" s="1"/>
  <c r="A108330" i="1" s="1"/>
  <c r="A108331" i="1" s="1"/>
  <c r="A108332" i="1" s="1"/>
  <c r="A108333" i="1" s="1"/>
  <c r="A108334" i="1" s="1"/>
  <c r="A108335" i="1" s="1"/>
  <c r="A108336" i="1" s="1"/>
  <c r="A108337" i="1" s="1"/>
  <c r="A108338" i="1" s="1"/>
  <c r="A108339" i="1" s="1"/>
  <c r="A108340" i="1" s="1"/>
  <c r="A108341" i="1" s="1"/>
  <c r="A108342" i="1" s="1"/>
  <c r="A108343" i="1" s="1"/>
  <c r="A108344" i="1" s="1"/>
  <c r="A108345" i="1" s="1"/>
  <c r="A108346" i="1" s="1"/>
  <c r="A108347" i="1" s="1"/>
  <c r="A108348" i="1" s="1"/>
  <c r="A108349" i="1" s="1"/>
  <c r="A108350" i="1" s="1"/>
  <c r="A108351" i="1" s="1"/>
  <c r="A108352" i="1" s="1"/>
  <c r="A108353" i="1" s="1"/>
  <c r="A108354" i="1" s="1"/>
  <c r="A108355" i="1" s="1"/>
  <c r="A108356" i="1" s="1"/>
  <c r="A108357" i="1" s="1"/>
  <c r="A108358" i="1" s="1"/>
  <c r="A108359" i="1" s="1"/>
  <c r="A108360" i="1" s="1"/>
  <c r="A108361" i="1" s="1"/>
  <c r="A108362" i="1" s="1"/>
  <c r="A108363" i="1" s="1"/>
  <c r="A108364" i="1" s="1"/>
  <c r="A108365" i="1" s="1"/>
  <c r="A108366" i="1" s="1"/>
  <c r="A108367" i="1" s="1"/>
  <c r="A108368" i="1" s="1"/>
  <c r="A108369" i="1" s="1"/>
  <c r="A108370" i="1" s="1"/>
  <c r="A108371" i="1" s="1"/>
  <c r="A108372" i="1" s="1"/>
  <c r="A108373" i="1" s="1"/>
  <c r="A108374" i="1" s="1"/>
  <c r="A108375" i="1" s="1"/>
  <c r="A108376" i="1" s="1"/>
  <c r="A108377" i="1" s="1"/>
  <c r="A108378" i="1" s="1"/>
  <c r="A108379" i="1" s="1"/>
  <c r="A108380" i="1" s="1"/>
  <c r="A108381" i="1" s="1"/>
  <c r="A108382" i="1" s="1"/>
  <c r="A108383" i="1" s="1"/>
  <c r="A108384" i="1" s="1"/>
  <c r="A108385" i="1" s="1"/>
  <c r="A108386" i="1" s="1"/>
  <c r="A108387" i="1" s="1"/>
  <c r="A108388" i="1" s="1"/>
  <c r="A108389" i="1" s="1"/>
  <c r="A108390" i="1" s="1"/>
  <c r="A108391" i="1" s="1"/>
  <c r="A108392" i="1" s="1"/>
  <c r="A108393" i="1" s="1"/>
  <c r="A108394" i="1" s="1"/>
  <c r="A108395" i="1" s="1"/>
  <c r="A108396" i="1" s="1"/>
  <c r="A108397" i="1" s="1"/>
  <c r="A108398" i="1" s="1"/>
  <c r="A108399" i="1" s="1"/>
  <c r="A108400" i="1" s="1"/>
  <c r="A108401" i="1" s="1"/>
  <c r="A108402" i="1" s="1"/>
  <c r="A108403" i="1" s="1"/>
  <c r="A108404" i="1" s="1"/>
  <c r="A108405" i="1" s="1"/>
  <c r="A108406" i="1" s="1"/>
  <c r="A108407" i="1" s="1"/>
  <c r="A108408" i="1" s="1"/>
  <c r="A108409" i="1" s="1"/>
  <c r="A108410" i="1" s="1"/>
  <c r="A108411" i="1" s="1"/>
  <c r="A108412" i="1" s="1"/>
  <c r="A108413" i="1" s="1"/>
  <c r="A108414" i="1" s="1"/>
  <c r="A108415" i="1" s="1"/>
  <c r="A108416" i="1" s="1"/>
  <c r="A108417" i="1" s="1"/>
  <c r="A108418" i="1" s="1"/>
  <c r="A108419" i="1" s="1"/>
  <c r="A108420" i="1" s="1"/>
  <c r="A108421" i="1" s="1"/>
  <c r="A108422" i="1" s="1"/>
  <c r="A108423" i="1" s="1"/>
  <c r="A108424" i="1" s="1"/>
  <c r="A108425" i="1" s="1"/>
  <c r="A108426" i="1" s="1"/>
  <c r="A108427" i="1" s="1"/>
  <c r="A108428" i="1" s="1"/>
  <c r="A108429" i="1" s="1"/>
  <c r="A108430" i="1" s="1"/>
  <c r="A108431" i="1" s="1"/>
  <c r="A108432" i="1" s="1"/>
  <c r="A108433" i="1" s="1"/>
  <c r="A108434" i="1" s="1"/>
  <c r="A108435" i="1" s="1"/>
  <c r="A108436" i="1" s="1"/>
  <c r="A108437" i="1" s="1"/>
  <c r="A108438" i="1" s="1"/>
  <c r="A108439" i="1" s="1"/>
  <c r="A108440" i="1" s="1"/>
  <c r="A108441" i="1" s="1"/>
  <c r="A108442" i="1" s="1"/>
  <c r="A108443" i="1" s="1"/>
  <c r="A108444" i="1" s="1"/>
  <c r="A108445" i="1" s="1"/>
  <c r="A108446" i="1" s="1"/>
  <c r="A108447" i="1" s="1"/>
  <c r="A108448" i="1" s="1"/>
  <c r="A108449" i="1" s="1"/>
  <c r="A108450" i="1" s="1"/>
  <c r="A108451" i="1" s="1"/>
  <c r="A108452" i="1" s="1"/>
  <c r="A108453" i="1" s="1"/>
  <c r="A108454" i="1" s="1"/>
  <c r="A108455" i="1" s="1"/>
  <c r="A108456" i="1" s="1"/>
  <c r="A108457" i="1" s="1"/>
  <c r="A108458" i="1" s="1"/>
  <c r="A108459" i="1" s="1"/>
  <c r="A108460" i="1" s="1"/>
  <c r="A108461" i="1" s="1"/>
  <c r="A108462" i="1" s="1"/>
  <c r="A108463" i="1" s="1"/>
  <c r="A108464" i="1" s="1"/>
  <c r="A108465" i="1" s="1"/>
  <c r="A108466" i="1" s="1"/>
  <c r="A108467" i="1" s="1"/>
  <c r="A108468" i="1" s="1"/>
  <c r="A108469" i="1" s="1"/>
  <c r="A108470" i="1" s="1"/>
  <c r="A108471" i="1" s="1"/>
  <c r="A108472" i="1" s="1"/>
  <c r="A108473" i="1" s="1"/>
  <c r="A108474" i="1" s="1"/>
  <c r="A108475" i="1" s="1"/>
  <c r="A108476" i="1" s="1"/>
  <c r="A108477" i="1" s="1"/>
  <c r="A108478" i="1" s="1"/>
  <c r="A108479" i="1" s="1"/>
  <c r="A108480" i="1" s="1"/>
  <c r="A108481" i="1" s="1"/>
  <c r="A108482" i="1" s="1"/>
  <c r="A108483" i="1" s="1"/>
  <c r="A108484" i="1" s="1"/>
  <c r="A108485" i="1" s="1"/>
  <c r="A108486" i="1" s="1"/>
  <c r="A108487" i="1" s="1"/>
  <c r="A108488" i="1" s="1"/>
  <c r="A108489" i="1" s="1"/>
  <c r="A108490" i="1" s="1"/>
  <c r="A108491" i="1" s="1"/>
  <c r="A108492" i="1" s="1"/>
  <c r="A108493" i="1" s="1"/>
  <c r="A108494" i="1" s="1"/>
  <c r="A108495" i="1" s="1"/>
  <c r="A108496" i="1" s="1"/>
  <c r="A108497" i="1" s="1"/>
  <c r="A108498" i="1" s="1"/>
  <c r="A108499" i="1" s="1"/>
  <c r="A108500" i="1" s="1"/>
  <c r="A108501" i="1" s="1"/>
  <c r="A108502" i="1" s="1"/>
  <c r="A108503" i="1" s="1"/>
  <c r="A108504" i="1" s="1"/>
  <c r="A108505" i="1" s="1"/>
  <c r="A108506" i="1" s="1"/>
  <c r="A108507" i="1" s="1"/>
  <c r="A108508" i="1" s="1"/>
  <c r="A108509" i="1" s="1"/>
  <c r="A108510" i="1" s="1"/>
  <c r="A108511" i="1" s="1"/>
  <c r="A108512" i="1" s="1"/>
  <c r="A108513" i="1" s="1"/>
  <c r="A108514" i="1" s="1"/>
  <c r="A108515" i="1" s="1"/>
  <c r="A108516" i="1" s="1"/>
  <c r="A108517" i="1" s="1"/>
  <c r="A108518" i="1" s="1"/>
  <c r="A108519" i="1" s="1"/>
  <c r="A108520" i="1" s="1"/>
  <c r="A108521" i="1" s="1"/>
  <c r="A108522" i="1" s="1"/>
  <c r="A108523" i="1" s="1"/>
  <c r="A108524" i="1" s="1"/>
  <c r="A108525" i="1" s="1"/>
  <c r="A108526" i="1" s="1"/>
  <c r="A108527" i="1" s="1"/>
  <c r="A108528" i="1" s="1"/>
  <c r="A108529" i="1" s="1"/>
  <c r="A108530" i="1" s="1"/>
  <c r="A108531" i="1" s="1"/>
  <c r="A108532" i="1" s="1"/>
  <c r="A108533" i="1" s="1"/>
  <c r="A108534" i="1" s="1"/>
  <c r="A108535" i="1" s="1"/>
  <c r="A108536" i="1" s="1"/>
  <c r="A108537" i="1" s="1"/>
  <c r="A108538" i="1" s="1"/>
  <c r="A108539" i="1" s="1"/>
  <c r="A108540" i="1" s="1"/>
  <c r="A108541" i="1" s="1"/>
  <c r="A108542" i="1" s="1"/>
  <c r="A108543" i="1" s="1"/>
  <c r="A108544" i="1" s="1"/>
  <c r="A108545" i="1" s="1"/>
  <c r="A108546" i="1" s="1"/>
  <c r="A108547" i="1" s="1"/>
  <c r="A108548" i="1" s="1"/>
  <c r="A108549" i="1" s="1"/>
  <c r="A108550" i="1" s="1"/>
  <c r="A108551" i="1" s="1"/>
  <c r="A108552" i="1" s="1"/>
  <c r="A108553" i="1" s="1"/>
  <c r="A108554" i="1" s="1"/>
  <c r="A108555" i="1" s="1"/>
  <c r="A108556" i="1" s="1"/>
  <c r="A108557" i="1" s="1"/>
  <c r="A108558" i="1" s="1"/>
  <c r="A108559" i="1" s="1"/>
  <c r="A108560" i="1" s="1"/>
  <c r="A108561" i="1" s="1"/>
  <c r="A108562" i="1" s="1"/>
  <c r="A108563" i="1" s="1"/>
  <c r="A108564" i="1" s="1"/>
  <c r="A108565" i="1" s="1"/>
  <c r="A108566" i="1" s="1"/>
  <c r="A108567" i="1" s="1"/>
  <c r="A108568" i="1" s="1"/>
  <c r="A108569" i="1" s="1"/>
  <c r="A108570" i="1" s="1"/>
  <c r="A108571" i="1" s="1"/>
  <c r="A108572" i="1" s="1"/>
  <c r="A108573" i="1" s="1"/>
  <c r="A108574" i="1" s="1"/>
  <c r="A108575" i="1" s="1"/>
  <c r="A108576" i="1" s="1"/>
  <c r="A108577" i="1" s="1"/>
  <c r="A108578" i="1" s="1"/>
  <c r="A108579" i="1" s="1"/>
  <c r="A108580" i="1" s="1"/>
  <c r="A108581" i="1" s="1"/>
  <c r="A108582" i="1" s="1"/>
  <c r="A108583" i="1" s="1"/>
  <c r="A108584" i="1" s="1"/>
  <c r="A108585" i="1" s="1"/>
  <c r="A108586" i="1" s="1"/>
  <c r="A108587" i="1" s="1"/>
  <c r="A108588" i="1" s="1"/>
  <c r="A108589" i="1" s="1"/>
  <c r="A108590" i="1" s="1"/>
  <c r="A108591" i="1" s="1"/>
  <c r="A108592" i="1" s="1"/>
  <c r="A108593" i="1" s="1"/>
  <c r="A108594" i="1" s="1"/>
  <c r="A108595" i="1" s="1"/>
  <c r="A108596" i="1" s="1"/>
  <c r="A108597" i="1" s="1"/>
  <c r="A108598" i="1" s="1"/>
  <c r="A108599" i="1" s="1"/>
  <c r="A108600" i="1" s="1"/>
  <c r="A108601" i="1" s="1"/>
  <c r="A108602" i="1" s="1"/>
  <c r="A108603" i="1" s="1"/>
  <c r="A108604" i="1" s="1"/>
  <c r="A108605" i="1" s="1"/>
  <c r="A108606" i="1" s="1"/>
  <c r="A108607" i="1" s="1"/>
  <c r="A108608" i="1" s="1"/>
  <c r="A108609" i="1" s="1"/>
  <c r="A108610" i="1" s="1"/>
  <c r="A108611" i="1" s="1"/>
  <c r="A108612" i="1" s="1"/>
  <c r="A108613" i="1" s="1"/>
  <c r="A108614" i="1" s="1"/>
  <c r="A108615" i="1" s="1"/>
  <c r="A108616" i="1" s="1"/>
  <c r="A108617" i="1" s="1"/>
  <c r="A108618" i="1" s="1"/>
  <c r="A108619" i="1" s="1"/>
  <c r="A108620" i="1" s="1"/>
  <c r="A108621" i="1" s="1"/>
  <c r="A108622" i="1" s="1"/>
  <c r="A108623" i="1" s="1"/>
  <c r="A108624" i="1" s="1"/>
  <c r="A108625" i="1" s="1"/>
  <c r="A108626" i="1" s="1"/>
  <c r="A108627" i="1" s="1"/>
  <c r="A108628" i="1" s="1"/>
  <c r="A108629" i="1" s="1"/>
  <c r="A108630" i="1" s="1"/>
  <c r="A108631" i="1" s="1"/>
  <c r="A108632" i="1" s="1"/>
  <c r="A108633" i="1" s="1"/>
  <c r="A108634" i="1" s="1"/>
  <c r="A108635" i="1" s="1"/>
  <c r="A108636" i="1" s="1"/>
  <c r="A108637" i="1" s="1"/>
  <c r="A108638" i="1" s="1"/>
  <c r="A108639" i="1" s="1"/>
  <c r="A108640" i="1" s="1"/>
  <c r="A108641" i="1" s="1"/>
  <c r="A108642" i="1" s="1"/>
  <c r="A108643" i="1" s="1"/>
  <c r="A108644" i="1" s="1"/>
  <c r="A108645" i="1" s="1"/>
  <c r="A108646" i="1" s="1"/>
  <c r="A108647" i="1" s="1"/>
  <c r="A108648" i="1" s="1"/>
  <c r="A108649" i="1" s="1"/>
  <c r="A108650" i="1" s="1"/>
  <c r="A108651" i="1" s="1"/>
  <c r="A108652" i="1" s="1"/>
  <c r="A108653" i="1" s="1"/>
  <c r="A108654" i="1" s="1"/>
  <c r="A108655" i="1" s="1"/>
  <c r="A108656" i="1" s="1"/>
  <c r="A108657" i="1" s="1"/>
  <c r="A108658" i="1" s="1"/>
  <c r="A108659" i="1" s="1"/>
  <c r="A108660" i="1" s="1"/>
  <c r="A108661" i="1" s="1"/>
  <c r="A108662" i="1" s="1"/>
  <c r="A108663" i="1" s="1"/>
  <c r="A108664" i="1" s="1"/>
  <c r="A108665" i="1" s="1"/>
  <c r="A108666" i="1" s="1"/>
  <c r="A108667" i="1" s="1"/>
  <c r="A108668" i="1" s="1"/>
  <c r="A108669" i="1" s="1"/>
  <c r="A108670" i="1" s="1"/>
  <c r="A108671" i="1" s="1"/>
  <c r="A108672" i="1" s="1"/>
  <c r="A108673" i="1" s="1"/>
  <c r="A108674" i="1" s="1"/>
  <c r="A108675" i="1" s="1"/>
  <c r="A108676" i="1" s="1"/>
  <c r="A108677" i="1" s="1"/>
  <c r="A108678" i="1" s="1"/>
  <c r="A108679" i="1" s="1"/>
  <c r="A108680" i="1" s="1"/>
  <c r="A108681" i="1" s="1"/>
  <c r="A108682" i="1" s="1"/>
  <c r="A108683" i="1" s="1"/>
  <c r="A108684" i="1" s="1"/>
  <c r="A108685" i="1" s="1"/>
  <c r="A108686" i="1" s="1"/>
  <c r="A108687" i="1" s="1"/>
  <c r="A108688" i="1" s="1"/>
  <c r="A108689" i="1" s="1"/>
  <c r="A108690" i="1" s="1"/>
  <c r="A108691" i="1" s="1"/>
  <c r="A108692" i="1" s="1"/>
  <c r="A108693" i="1" s="1"/>
  <c r="A108694" i="1" s="1"/>
  <c r="A108695" i="1" s="1"/>
  <c r="A108696" i="1" s="1"/>
  <c r="A108697" i="1" s="1"/>
  <c r="A108698" i="1" s="1"/>
  <c r="A108699" i="1" s="1"/>
  <c r="A108700" i="1" s="1"/>
  <c r="A108701" i="1" s="1"/>
  <c r="A108702" i="1" s="1"/>
  <c r="A108703" i="1" s="1"/>
  <c r="A108704" i="1" s="1"/>
  <c r="A108705" i="1" s="1"/>
  <c r="A108706" i="1" s="1"/>
  <c r="A108707" i="1" s="1"/>
  <c r="A108708" i="1" s="1"/>
  <c r="A108709" i="1" s="1"/>
  <c r="A108710" i="1" s="1"/>
  <c r="A108711" i="1" s="1"/>
  <c r="A108712" i="1" s="1"/>
  <c r="A108713" i="1" s="1"/>
  <c r="A108714" i="1" s="1"/>
  <c r="A108715" i="1" s="1"/>
  <c r="A108716" i="1" s="1"/>
  <c r="A108717" i="1" s="1"/>
  <c r="A108718" i="1" s="1"/>
  <c r="A108719" i="1" s="1"/>
  <c r="A108720" i="1" s="1"/>
  <c r="A108721" i="1" s="1"/>
  <c r="A108722" i="1" s="1"/>
  <c r="A108723" i="1" s="1"/>
  <c r="A108724" i="1" s="1"/>
  <c r="A108725" i="1" s="1"/>
  <c r="A108726" i="1" s="1"/>
  <c r="A108727" i="1" s="1"/>
  <c r="A108728" i="1" s="1"/>
  <c r="A108729" i="1" s="1"/>
  <c r="A108730" i="1" s="1"/>
  <c r="A108731" i="1" s="1"/>
  <c r="A108732" i="1" s="1"/>
  <c r="A108733" i="1" s="1"/>
  <c r="A108734" i="1" s="1"/>
  <c r="A108735" i="1" s="1"/>
  <c r="A108736" i="1" s="1"/>
  <c r="A108737" i="1" s="1"/>
  <c r="A108738" i="1" s="1"/>
  <c r="A108739" i="1" s="1"/>
  <c r="A108740" i="1" s="1"/>
  <c r="A108741" i="1" s="1"/>
  <c r="A108742" i="1" s="1"/>
  <c r="A108743" i="1" s="1"/>
  <c r="A108744" i="1" s="1"/>
  <c r="A108745" i="1" s="1"/>
  <c r="A108746" i="1" s="1"/>
  <c r="A108747" i="1" s="1"/>
  <c r="A108748" i="1" s="1"/>
  <c r="A108749" i="1" s="1"/>
  <c r="A108750" i="1" s="1"/>
  <c r="A108751" i="1" s="1"/>
  <c r="A108752" i="1" s="1"/>
  <c r="A108753" i="1" s="1"/>
  <c r="A108754" i="1" s="1"/>
  <c r="A108755" i="1" s="1"/>
  <c r="A108756" i="1" s="1"/>
  <c r="A108757" i="1" s="1"/>
  <c r="A108758" i="1" s="1"/>
  <c r="A108759" i="1" s="1"/>
  <c r="A108760" i="1" s="1"/>
  <c r="A108761" i="1" s="1"/>
  <c r="A108762" i="1" s="1"/>
  <c r="A108763" i="1" s="1"/>
  <c r="A108764" i="1" s="1"/>
  <c r="A108765" i="1" s="1"/>
  <c r="A108766" i="1" s="1"/>
  <c r="A108767" i="1" s="1"/>
  <c r="A108768" i="1" s="1"/>
  <c r="A108769" i="1" s="1"/>
  <c r="A108770" i="1" s="1"/>
  <c r="A108771" i="1" s="1"/>
  <c r="A108772" i="1" s="1"/>
  <c r="A108773" i="1" s="1"/>
  <c r="A108774" i="1" s="1"/>
  <c r="A108775" i="1" s="1"/>
  <c r="A108776" i="1" s="1"/>
  <c r="A108777" i="1" s="1"/>
  <c r="A108778" i="1" s="1"/>
  <c r="A108779" i="1" s="1"/>
  <c r="A108780" i="1" s="1"/>
  <c r="A108781" i="1" s="1"/>
  <c r="A108782" i="1" s="1"/>
  <c r="A108783" i="1" s="1"/>
  <c r="A108784" i="1" s="1"/>
  <c r="A108785" i="1" s="1"/>
  <c r="A108786" i="1" s="1"/>
  <c r="A108787" i="1" s="1"/>
  <c r="A108788" i="1" s="1"/>
  <c r="A108789" i="1" s="1"/>
  <c r="A108790" i="1" s="1"/>
  <c r="A108791" i="1" s="1"/>
  <c r="A108792" i="1" s="1"/>
  <c r="A108793" i="1" s="1"/>
  <c r="A108794" i="1" s="1"/>
  <c r="A108795" i="1" s="1"/>
  <c r="A108796" i="1" s="1"/>
  <c r="A108797" i="1" s="1"/>
  <c r="A108798" i="1" s="1"/>
  <c r="A108799" i="1" s="1"/>
  <c r="A108800" i="1" s="1"/>
  <c r="A108801" i="1" s="1"/>
  <c r="A108802" i="1" s="1"/>
  <c r="A108803" i="1" s="1"/>
  <c r="A108804" i="1" s="1"/>
  <c r="A108805" i="1" s="1"/>
  <c r="A108806" i="1" s="1"/>
  <c r="A108807" i="1" s="1"/>
  <c r="A108808" i="1" s="1"/>
  <c r="A108809" i="1" s="1"/>
  <c r="A108810" i="1" s="1"/>
  <c r="A108811" i="1" s="1"/>
  <c r="A108812" i="1" s="1"/>
  <c r="A108813" i="1" s="1"/>
  <c r="A108814" i="1" s="1"/>
  <c r="A108815" i="1" s="1"/>
  <c r="A108816" i="1" s="1"/>
  <c r="A108817" i="1" s="1"/>
  <c r="A108818" i="1" s="1"/>
  <c r="A108819" i="1" s="1"/>
  <c r="A108820" i="1" s="1"/>
  <c r="A108821" i="1" s="1"/>
  <c r="A108822" i="1" s="1"/>
  <c r="A108823" i="1" s="1"/>
  <c r="A108824" i="1" s="1"/>
  <c r="A108825" i="1" s="1"/>
  <c r="A108826" i="1" s="1"/>
  <c r="A108827" i="1" s="1"/>
  <c r="A108828" i="1" s="1"/>
  <c r="A108829" i="1" s="1"/>
  <c r="A108830" i="1" s="1"/>
  <c r="A108831" i="1" s="1"/>
  <c r="A108832" i="1" s="1"/>
  <c r="A108833" i="1" s="1"/>
  <c r="A108834" i="1" s="1"/>
  <c r="A108835" i="1" s="1"/>
  <c r="A108836" i="1" s="1"/>
  <c r="A108837" i="1" s="1"/>
  <c r="A108838" i="1" s="1"/>
  <c r="A108839" i="1" s="1"/>
  <c r="A108840" i="1" s="1"/>
  <c r="A108841" i="1" s="1"/>
  <c r="A108842" i="1" s="1"/>
  <c r="A108843" i="1" s="1"/>
  <c r="A108844" i="1" s="1"/>
  <c r="A108845" i="1" s="1"/>
  <c r="A108846" i="1" s="1"/>
  <c r="A108847" i="1" s="1"/>
  <c r="A108848" i="1" s="1"/>
  <c r="A108849" i="1" s="1"/>
  <c r="A108850" i="1" s="1"/>
  <c r="A108851" i="1" s="1"/>
  <c r="A108852" i="1" s="1"/>
  <c r="A108853" i="1" s="1"/>
  <c r="A108854" i="1" s="1"/>
  <c r="A108855" i="1" s="1"/>
  <c r="A108856" i="1" s="1"/>
  <c r="A108857" i="1" s="1"/>
  <c r="A108858" i="1" s="1"/>
  <c r="A108859" i="1" s="1"/>
  <c r="A108860" i="1" s="1"/>
  <c r="A108861" i="1" s="1"/>
  <c r="A108862" i="1" s="1"/>
  <c r="A108863" i="1" s="1"/>
  <c r="A108864" i="1" s="1"/>
  <c r="A108865" i="1" s="1"/>
  <c r="A108866" i="1" s="1"/>
  <c r="A108867" i="1" s="1"/>
  <c r="A108868" i="1" s="1"/>
  <c r="A108869" i="1" s="1"/>
  <c r="A108870" i="1" s="1"/>
  <c r="A108871" i="1" s="1"/>
  <c r="A108872" i="1" s="1"/>
  <c r="A108873" i="1" s="1"/>
  <c r="A108874" i="1" s="1"/>
  <c r="A108875" i="1" s="1"/>
  <c r="A108876" i="1" s="1"/>
  <c r="A108877" i="1" s="1"/>
  <c r="A108878" i="1" s="1"/>
  <c r="A108879" i="1" s="1"/>
  <c r="A108880" i="1" s="1"/>
  <c r="A108881" i="1" s="1"/>
  <c r="A108882" i="1" s="1"/>
  <c r="A108883" i="1" s="1"/>
  <c r="A108884" i="1" s="1"/>
  <c r="A108885" i="1" s="1"/>
  <c r="A108886" i="1" s="1"/>
  <c r="A108887" i="1" s="1"/>
  <c r="A108888" i="1" s="1"/>
  <c r="A108889" i="1" s="1"/>
  <c r="A108890" i="1" s="1"/>
  <c r="A108891" i="1" s="1"/>
  <c r="A108892" i="1" s="1"/>
  <c r="A108893" i="1" s="1"/>
  <c r="A108894" i="1" s="1"/>
  <c r="A108895" i="1" s="1"/>
  <c r="A108896" i="1" s="1"/>
  <c r="A108897" i="1" s="1"/>
  <c r="A108898" i="1" s="1"/>
  <c r="A108899" i="1" s="1"/>
  <c r="A108900" i="1" s="1"/>
  <c r="A108901" i="1" s="1"/>
  <c r="A108902" i="1" s="1"/>
  <c r="A108903" i="1" s="1"/>
  <c r="A108904" i="1" s="1"/>
  <c r="A108905" i="1" s="1"/>
  <c r="A108906" i="1" s="1"/>
  <c r="A108907" i="1" s="1"/>
  <c r="A108908" i="1" s="1"/>
  <c r="A108909" i="1" s="1"/>
  <c r="A108910" i="1" s="1"/>
  <c r="A108911" i="1" s="1"/>
  <c r="A108912" i="1" s="1"/>
  <c r="A108913" i="1" s="1"/>
  <c r="A108914" i="1" s="1"/>
  <c r="A108915" i="1" s="1"/>
  <c r="A108916" i="1" s="1"/>
  <c r="A108917" i="1" s="1"/>
  <c r="A108918" i="1" s="1"/>
  <c r="A108919" i="1" s="1"/>
  <c r="A108920" i="1" s="1"/>
  <c r="A108921" i="1" s="1"/>
  <c r="A108922" i="1" s="1"/>
  <c r="A108923" i="1" s="1"/>
  <c r="A108924" i="1" s="1"/>
  <c r="A108925" i="1" s="1"/>
  <c r="A108926" i="1" s="1"/>
  <c r="A108927" i="1" s="1"/>
  <c r="A108928" i="1" s="1"/>
  <c r="A108929" i="1" s="1"/>
  <c r="A108930" i="1" s="1"/>
  <c r="A108931" i="1" s="1"/>
  <c r="A108932" i="1" s="1"/>
  <c r="A108933" i="1" s="1"/>
  <c r="A108934" i="1" s="1"/>
  <c r="A108935" i="1" s="1"/>
  <c r="A108936" i="1" s="1"/>
  <c r="A108937" i="1" s="1"/>
  <c r="A108938" i="1" s="1"/>
  <c r="A108939" i="1" s="1"/>
  <c r="A108940" i="1" s="1"/>
  <c r="A108941" i="1" s="1"/>
  <c r="A108942" i="1" s="1"/>
  <c r="A108943" i="1" s="1"/>
  <c r="A108944" i="1" s="1"/>
  <c r="A108945" i="1" s="1"/>
  <c r="A108946" i="1" s="1"/>
  <c r="A108947" i="1" s="1"/>
  <c r="A108948" i="1" s="1"/>
  <c r="A108949" i="1" s="1"/>
  <c r="A108950" i="1" s="1"/>
  <c r="A108951" i="1" s="1"/>
  <c r="A108952" i="1" s="1"/>
  <c r="A108953" i="1" s="1"/>
  <c r="A108954" i="1" s="1"/>
  <c r="A108955" i="1" s="1"/>
  <c r="A108956" i="1" s="1"/>
  <c r="A108957" i="1" s="1"/>
  <c r="A108958" i="1" s="1"/>
  <c r="A108959" i="1" s="1"/>
  <c r="A108960" i="1" s="1"/>
  <c r="A108961" i="1" s="1"/>
  <c r="A108962" i="1" s="1"/>
  <c r="A108963" i="1" s="1"/>
  <c r="A108964" i="1" s="1"/>
  <c r="A108965" i="1" s="1"/>
  <c r="A108966" i="1" s="1"/>
  <c r="A108967" i="1" s="1"/>
  <c r="A108968" i="1" s="1"/>
  <c r="A108969" i="1" s="1"/>
  <c r="A108970" i="1" s="1"/>
  <c r="A108971" i="1" s="1"/>
  <c r="A108972" i="1" s="1"/>
  <c r="A108973" i="1" s="1"/>
  <c r="A108974" i="1" s="1"/>
  <c r="A108975" i="1" s="1"/>
  <c r="A108976" i="1" s="1"/>
  <c r="A108977" i="1" s="1"/>
  <c r="A108978" i="1" s="1"/>
  <c r="A108979" i="1" s="1"/>
  <c r="A108980" i="1" s="1"/>
  <c r="A108981" i="1" s="1"/>
  <c r="A108982" i="1" s="1"/>
  <c r="A108983" i="1" s="1"/>
  <c r="A108984" i="1" s="1"/>
  <c r="A108985" i="1" s="1"/>
  <c r="A108986" i="1" s="1"/>
  <c r="A108987" i="1" s="1"/>
  <c r="A108988" i="1" s="1"/>
  <c r="A108989" i="1" s="1"/>
  <c r="A108990" i="1" s="1"/>
  <c r="A108991" i="1" s="1"/>
  <c r="A108992" i="1" s="1"/>
  <c r="A108993" i="1" s="1"/>
  <c r="A108994" i="1" s="1"/>
  <c r="A108995" i="1" s="1"/>
  <c r="A108996" i="1" s="1"/>
  <c r="A108997" i="1" s="1"/>
  <c r="A108998" i="1" s="1"/>
  <c r="A108999" i="1" s="1"/>
  <c r="A109000" i="1" s="1"/>
  <c r="A109001" i="1" s="1"/>
  <c r="A109002" i="1" s="1"/>
  <c r="A109003" i="1" s="1"/>
  <c r="A109004" i="1" s="1"/>
  <c r="A109005" i="1" s="1"/>
  <c r="A109006" i="1" s="1"/>
  <c r="A109007" i="1" s="1"/>
  <c r="A109008" i="1" s="1"/>
  <c r="A109009" i="1" s="1"/>
  <c r="A109010" i="1" s="1"/>
  <c r="A109011" i="1" s="1"/>
  <c r="A109012" i="1" s="1"/>
  <c r="A109013" i="1" s="1"/>
  <c r="A109014" i="1" s="1"/>
  <c r="A109015" i="1" s="1"/>
  <c r="A109016" i="1" s="1"/>
  <c r="A109017" i="1" s="1"/>
  <c r="A109018" i="1" s="1"/>
  <c r="A109019" i="1" s="1"/>
  <c r="A109020" i="1" s="1"/>
  <c r="A109021" i="1" s="1"/>
  <c r="A109022" i="1" s="1"/>
  <c r="A109023" i="1" s="1"/>
  <c r="A109024" i="1" s="1"/>
  <c r="A109025" i="1" s="1"/>
  <c r="A109026" i="1" s="1"/>
  <c r="A109027" i="1" s="1"/>
  <c r="A109028" i="1" s="1"/>
  <c r="A109029" i="1" s="1"/>
  <c r="A109030" i="1" s="1"/>
  <c r="A109031" i="1" s="1"/>
  <c r="A109032" i="1" s="1"/>
  <c r="A109033" i="1" s="1"/>
  <c r="A109034" i="1" s="1"/>
  <c r="A109035" i="1" s="1"/>
  <c r="A109036" i="1" s="1"/>
  <c r="A109037" i="1" s="1"/>
  <c r="A109038" i="1" s="1"/>
  <c r="A109039" i="1" s="1"/>
  <c r="A109040" i="1" s="1"/>
  <c r="A109041" i="1" s="1"/>
  <c r="A109042" i="1" s="1"/>
  <c r="A109043" i="1" s="1"/>
  <c r="A109044" i="1" s="1"/>
  <c r="A109045" i="1" s="1"/>
  <c r="A109046" i="1" s="1"/>
  <c r="A109047" i="1" s="1"/>
  <c r="A109048" i="1" s="1"/>
  <c r="A109049" i="1" s="1"/>
  <c r="A109050" i="1" s="1"/>
  <c r="A109051" i="1" s="1"/>
  <c r="A109052" i="1" s="1"/>
  <c r="A109053" i="1" s="1"/>
  <c r="A109054" i="1" s="1"/>
  <c r="A109055" i="1" s="1"/>
  <c r="A109056" i="1" s="1"/>
  <c r="A109057" i="1" s="1"/>
  <c r="A109058" i="1" s="1"/>
  <c r="A109059" i="1" s="1"/>
  <c r="A109060" i="1" s="1"/>
  <c r="A109061" i="1" s="1"/>
  <c r="A109062" i="1" s="1"/>
  <c r="A109063" i="1" s="1"/>
  <c r="A109064" i="1" s="1"/>
  <c r="A109065" i="1" s="1"/>
  <c r="A109066" i="1" s="1"/>
  <c r="A109067" i="1" s="1"/>
  <c r="A109068" i="1" s="1"/>
  <c r="A109069" i="1" s="1"/>
  <c r="A109070" i="1" s="1"/>
  <c r="A109071" i="1" s="1"/>
  <c r="A109072" i="1" s="1"/>
  <c r="A109073" i="1" s="1"/>
  <c r="A109074" i="1" s="1"/>
  <c r="A109075" i="1" s="1"/>
  <c r="A109076" i="1" s="1"/>
  <c r="A109077" i="1" s="1"/>
  <c r="A109078" i="1" s="1"/>
  <c r="A109079" i="1" s="1"/>
  <c r="A109080" i="1" s="1"/>
  <c r="A109081" i="1" s="1"/>
  <c r="A109082" i="1" s="1"/>
  <c r="A109083" i="1" s="1"/>
  <c r="A109084" i="1" s="1"/>
  <c r="A109085" i="1" s="1"/>
  <c r="A109086" i="1" s="1"/>
  <c r="A109087" i="1" s="1"/>
  <c r="A109088" i="1" s="1"/>
  <c r="A109089" i="1" s="1"/>
  <c r="A109090" i="1" s="1"/>
  <c r="A109091" i="1" s="1"/>
  <c r="A109092" i="1" s="1"/>
  <c r="A109093" i="1" s="1"/>
  <c r="A109094" i="1" s="1"/>
  <c r="A109095" i="1" s="1"/>
  <c r="A109096" i="1" s="1"/>
  <c r="A109097" i="1" s="1"/>
  <c r="A109098" i="1" s="1"/>
  <c r="A109099" i="1" s="1"/>
  <c r="A109100" i="1" s="1"/>
  <c r="A109101" i="1" s="1"/>
  <c r="A109102" i="1" s="1"/>
  <c r="A109103" i="1" s="1"/>
  <c r="A109104" i="1" s="1"/>
  <c r="A109105" i="1" s="1"/>
  <c r="A109106" i="1" s="1"/>
  <c r="A109107" i="1" s="1"/>
  <c r="A109108" i="1" s="1"/>
  <c r="A109109" i="1" s="1"/>
  <c r="A109110" i="1" s="1"/>
  <c r="A109111" i="1" s="1"/>
  <c r="A109112" i="1" s="1"/>
  <c r="A109113" i="1" s="1"/>
  <c r="A109114" i="1" s="1"/>
  <c r="A109115" i="1" s="1"/>
  <c r="A109116" i="1" s="1"/>
  <c r="A109117" i="1" s="1"/>
  <c r="A109118" i="1" s="1"/>
  <c r="A109119" i="1" s="1"/>
  <c r="A109120" i="1" s="1"/>
  <c r="A109121" i="1" s="1"/>
  <c r="A109122" i="1" s="1"/>
  <c r="A109123" i="1" s="1"/>
  <c r="A109124" i="1" s="1"/>
  <c r="A109125" i="1" s="1"/>
  <c r="A109126" i="1" s="1"/>
  <c r="A109127" i="1" s="1"/>
  <c r="A109128" i="1" s="1"/>
  <c r="A109129" i="1" s="1"/>
  <c r="A109130" i="1" s="1"/>
  <c r="A109131" i="1" s="1"/>
  <c r="A109132" i="1" s="1"/>
  <c r="A109133" i="1" s="1"/>
  <c r="A109134" i="1" s="1"/>
  <c r="A109135" i="1" s="1"/>
  <c r="A109136" i="1" s="1"/>
  <c r="A109137" i="1" s="1"/>
  <c r="A109138" i="1" s="1"/>
  <c r="A109139" i="1" s="1"/>
  <c r="A109140" i="1" s="1"/>
  <c r="A109141" i="1" s="1"/>
  <c r="A109142" i="1" s="1"/>
  <c r="A109143" i="1" s="1"/>
  <c r="A109144" i="1" s="1"/>
  <c r="A109145" i="1" s="1"/>
  <c r="A109146" i="1" s="1"/>
  <c r="A109147" i="1" s="1"/>
  <c r="A109148" i="1" s="1"/>
  <c r="A109149" i="1" s="1"/>
  <c r="A109150" i="1" s="1"/>
  <c r="A109151" i="1" s="1"/>
  <c r="A109152" i="1" s="1"/>
  <c r="A109153" i="1" s="1"/>
  <c r="A109154" i="1" s="1"/>
  <c r="A109155" i="1" s="1"/>
  <c r="A109156" i="1" s="1"/>
  <c r="A109157" i="1" s="1"/>
  <c r="A109158" i="1" s="1"/>
  <c r="A109159" i="1" s="1"/>
  <c r="A109160" i="1" s="1"/>
  <c r="A109161" i="1" s="1"/>
  <c r="A109162" i="1" s="1"/>
  <c r="A109163" i="1" s="1"/>
  <c r="A109164" i="1" s="1"/>
  <c r="A109165" i="1" s="1"/>
  <c r="A109166" i="1" s="1"/>
  <c r="A109167" i="1" s="1"/>
  <c r="A109168" i="1" s="1"/>
  <c r="A109169" i="1" s="1"/>
  <c r="A109170" i="1" s="1"/>
  <c r="A109171" i="1" s="1"/>
  <c r="A109172" i="1" s="1"/>
  <c r="A109173" i="1" s="1"/>
  <c r="A109174" i="1" s="1"/>
  <c r="A109175" i="1" s="1"/>
  <c r="A109176" i="1" s="1"/>
  <c r="A109177" i="1" s="1"/>
  <c r="A109178" i="1" s="1"/>
  <c r="A109179" i="1" s="1"/>
  <c r="A109180" i="1" s="1"/>
  <c r="A109181" i="1" s="1"/>
  <c r="A109182" i="1" s="1"/>
  <c r="A109183" i="1" s="1"/>
  <c r="A109184" i="1" s="1"/>
  <c r="A109185" i="1" s="1"/>
  <c r="A109186" i="1" s="1"/>
  <c r="A109187" i="1" s="1"/>
  <c r="A109188" i="1" s="1"/>
  <c r="A109189" i="1" s="1"/>
  <c r="A109190" i="1" s="1"/>
  <c r="A109191" i="1" s="1"/>
  <c r="A109192" i="1" s="1"/>
  <c r="A109193" i="1" s="1"/>
  <c r="A109194" i="1" s="1"/>
  <c r="A109195" i="1" s="1"/>
  <c r="A109196" i="1" s="1"/>
  <c r="A109197" i="1" s="1"/>
  <c r="A109198" i="1" s="1"/>
  <c r="A109199" i="1" s="1"/>
  <c r="A109200" i="1" s="1"/>
  <c r="A109201" i="1" s="1"/>
  <c r="A109202" i="1" s="1"/>
  <c r="A109203" i="1" s="1"/>
  <c r="A109204" i="1" s="1"/>
  <c r="A109205" i="1" s="1"/>
  <c r="A109206" i="1" s="1"/>
  <c r="A109207" i="1" s="1"/>
  <c r="A109208" i="1" s="1"/>
  <c r="A109209" i="1" s="1"/>
  <c r="A109210" i="1" s="1"/>
  <c r="A109211" i="1" s="1"/>
  <c r="A109212" i="1" s="1"/>
  <c r="A109213" i="1" s="1"/>
  <c r="A109214" i="1" s="1"/>
  <c r="A109215" i="1" s="1"/>
  <c r="A109216" i="1" s="1"/>
  <c r="A109217" i="1" s="1"/>
  <c r="A109218" i="1" s="1"/>
  <c r="A109219" i="1" s="1"/>
  <c r="A109220" i="1" s="1"/>
  <c r="A109221" i="1" s="1"/>
  <c r="A109222" i="1" s="1"/>
  <c r="A109223" i="1" s="1"/>
  <c r="A109224" i="1" s="1"/>
  <c r="A109225" i="1" s="1"/>
  <c r="A109226" i="1" s="1"/>
  <c r="A109227" i="1" s="1"/>
  <c r="A109228" i="1" s="1"/>
  <c r="A109229" i="1" s="1"/>
  <c r="A109230" i="1" s="1"/>
  <c r="A109231" i="1" s="1"/>
  <c r="A109232" i="1" s="1"/>
  <c r="A109233" i="1" s="1"/>
  <c r="A109234" i="1" s="1"/>
  <c r="A109235" i="1" s="1"/>
  <c r="A109236" i="1" s="1"/>
  <c r="A109237" i="1" s="1"/>
  <c r="A109238" i="1" s="1"/>
  <c r="A109239" i="1" s="1"/>
  <c r="A109240" i="1" s="1"/>
  <c r="A109241" i="1" s="1"/>
  <c r="A109242" i="1" s="1"/>
  <c r="A109243" i="1" s="1"/>
  <c r="A109244" i="1" s="1"/>
  <c r="A109245" i="1" s="1"/>
  <c r="A109246" i="1" s="1"/>
  <c r="A109247" i="1" s="1"/>
  <c r="A109248" i="1" s="1"/>
  <c r="A109249" i="1" s="1"/>
  <c r="A109250" i="1" s="1"/>
  <c r="A109251" i="1" s="1"/>
  <c r="A109252" i="1" s="1"/>
  <c r="A109253" i="1" s="1"/>
  <c r="A109254" i="1" s="1"/>
  <c r="A109255" i="1" s="1"/>
  <c r="A109256" i="1" s="1"/>
  <c r="A109257" i="1" s="1"/>
  <c r="A109258" i="1" s="1"/>
  <c r="A109259" i="1" s="1"/>
  <c r="A109260" i="1" s="1"/>
  <c r="A109261" i="1" s="1"/>
  <c r="A109262" i="1" s="1"/>
  <c r="A109263" i="1" s="1"/>
  <c r="A109264" i="1" s="1"/>
  <c r="A109265" i="1" s="1"/>
  <c r="A109266" i="1" s="1"/>
  <c r="A109267" i="1" s="1"/>
  <c r="A109268" i="1" s="1"/>
  <c r="A109269" i="1" s="1"/>
  <c r="A109270" i="1" s="1"/>
  <c r="A109271" i="1" s="1"/>
  <c r="A109272" i="1" s="1"/>
  <c r="A109273" i="1" s="1"/>
  <c r="A109274" i="1" s="1"/>
  <c r="A109275" i="1" s="1"/>
  <c r="A109276" i="1" s="1"/>
  <c r="A109277" i="1" s="1"/>
  <c r="A109278" i="1" s="1"/>
  <c r="A109279" i="1" s="1"/>
  <c r="A109280" i="1" s="1"/>
  <c r="A109281" i="1" s="1"/>
  <c r="A109282" i="1" s="1"/>
  <c r="A109283" i="1" s="1"/>
  <c r="A109284" i="1" s="1"/>
  <c r="A109285" i="1" s="1"/>
  <c r="A109286" i="1" s="1"/>
  <c r="A109287" i="1" s="1"/>
  <c r="A109288" i="1" s="1"/>
  <c r="A109289" i="1" s="1"/>
  <c r="A109290" i="1" s="1"/>
  <c r="A109291" i="1" s="1"/>
  <c r="A109292" i="1" s="1"/>
  <c r="A109293" i="1" s="1"/>
  <c r="A109294" i="1" s="1"/>
  <c r="A109295" i="1" s="1"/>
  <c r="A109296" i="1" s="1"/>
  <c r="A109297" i="1" s="1"/>
  <c r="A109298" i="1" s="1"/>
  <c r="A109299" i="1" s="1"/>
  <c r="A109300" i="1" s="1"/>
  <c r="A109301" i="1" s="1"/>
  <c r="A109302" i="1" s="1"/>
  <c r="A109303" i="1" s="1"/>
  <c r="A109304" i="1" s="1"/>
  <c r="A109305" i="1" s="1"/>
  <c r="A109306" i="1" s="1"/>
  <c r="A109307" i="1" s="1"/>
  <c r="A109308" i="1" s="1"/>
  <c r="A109309" i="1" s="1"/>
  <c r="A109310" i="1" s="1"/>
  <c r="A109311" i="1" s="1"/>
  <c r="A109312" i="1" s="1"/>
  <c r="A109313" i="1" s="1"/>
  <c r="A109314" i="1" s="1"/>
  <c r="A109315" i="1" s="1"/>
  <c r="A109316" i="1" s="1"/>
  <c r="A109317" i="1" s="1"/>
  <c r="A109318" i="1" s="1"/>
  <c r="A109319" i="1" s="1"/>
  <c r="A109320" i="1" s="1"/>
  <c r="A109321" i="1" s="1"/>
  <c r="A109322" i="1" s="1"/>
  <c r="A109323" i="1" s="1"/>
  <c r="A109324" i="1" s="1"/>
  <c r="A109325" i="1" s="1"/>
  <c r="A109326" i="1" s="1"/>
  <c r="A109327" i="1" s="1"/>
  <c r="A109328" i="1" s="1"/>
  <c r="A109329" i="1" s="1"/>
  <c r="A109330" i="1" s="1"/>
  <c r="A109331" i="1" s="1"/>
  <c r="A109332" i="1" s="1"/>
  <c r="A109333" i="1" s="1"/>
  <c r="A109334" i="1" s="1"/>
  <c r="A109335" i="1" s="1"/>
  <c r="A109336" i="1" s="1"/>
  <c r="A109337" i="1" s="1"/>
  <c r="A109338" i="1" s="1"/>
  <c r="A109339" i="1" s="1"/>
  <c r="A109340" i="1" s="1"/>
  <c r="A109341" i="1" s="1"/>
  <c r="A109342" i="1" s="1"/>
  <c r="A109343" i="1" s="1"/>
  <c r="A109344" i="1" s="1"/>
  <c r="A109345" i="1" s="1"/>
  <c r="A109346" i="1" s="1"/>
  <c r="A109347" i="1" s="1"/>
  <c r="A109348" i="1" s="1"/>
  <c r="A109349" i="1" s="1"/>
  <c r="A109350" i="1" s="1"/>
  <c r="A109351" i="1" s="1"/>
  <c r="A109352" i="1" s="1"/>
  <c r="A109353" i="1" s="1"/>
  <c r="A109354" i="1" s="1"/>
  <c r="A109355" i="1" s="1"/>
  <c r="A109356" i="1" s="1"/>
  <c r="A109357" i="1" s="1"/>
  <c r="A109358" i="1" s="1"/>
  <c r="A109359" i="1" s="1"/>
  <c r="A109360" i="1" s="1"/>
  <c r="A109361" i="1" s="1"/>
  <c r="A109362" i="1" s="1"/>
  <c r="A109363" i="1" s="1"/>
  <c r="A109364" i="1" s="1"/>
  <c r="A109365" i="1" s="1"/>
  <c r="A109366" i="1" s="1"/>
  <c r="A109367" i="1" s="1"/>
  <c r="A109368" i="1" s="1"/>
  <c r="A109369" i="1" s="1"/>
  <c r="A109370" i="1" s="1"/>
  <c r="A109371" i="1" s="1"/>
  <c r="A109372" i="1" s="1"/>
  <c r="A109373" i="1" s="1"/>
  <c r="A109374" i="1" s="1"/>
  <c r="A109375" i="1" s="1"/>
  <c r="A109376" i="1" s="1"/>
  <c r="A109377" i="1" s="1"/>
  <c r="A109378" i="1" s="1"/>
  <c r="A109379" i="1" s="1"/>
  <c r="A109380" i="1" s="1"/>
  <c r="A109381" i="1" s="1"/>
  <c r="A109382" i="1" s="1"/>
  <c r="A109383" i="1" s="1"/>
  <c r="A109384" i="1" s="1"/>
  <c r="A109385" i="1" s="1"/>
  <c r="A109386" i="1" s="1"/>
  <c r="A109387" i="1" s="1"/>
  <c r="A109388" i="1" s="1"/>
  <c r="A109389" i="1" s="1"/>
  <c r="A109390" i="1" s="1"/>
  <c r="A109391" i="1" s="1"/>
  <c r="A109392" i="1" s="1"/>
  <c r="A109393" i="1" s="1"/>
  <c r="A109394" i="1" s="1"/>
  <c r="A109395" i="1" s="1"/>
  <c r="A109396" i="1" s="1"/>
  <c r="A109397" i="1" s="1"/>
  <c r="A109398" i="1" s="1"/>
  <c r="A109399" i="1" s="1"/>
  <c r="A109400" i="1" s="1"/>
  <c r="A109401" i="1" s="1"/>
  <c r="A109402" i="1" s="1"/>
  <c r="A109403" i="1" s="1"/>
  <c r="A109404" i="1" s="1"/>
  <c r="A109405" i="1" s="1"/>
  <c r="A109406" i="1" s="1"/>
  <c r="A109407" i="1" s="1"/>
  <c r="A109408" i="1" s="1"/>
  <c r="A109409" i="1" s="1"/>
  <c r="A109410" i="1" s="1"/>
  <c r="A109411" i="1" s="1"/>
  <c r="A109412" i="1" s="1"/>
  <c r="A109413" i="1" s="1"/>
  <c r="A109414" i="1" s="1"/>
  <c r="A109415" i="1" s="1"/>
  <c r="A109416" i="1" s="1"/>
  <c r="A109417" i="1" s="1"/>
  <c r="A109418" i="1" s="1"/>
  <c r="A109419" i="1" s="1"/>
  <c r="A109420" i="1" s="1"/>
  <c r="A109421" i="1" s="1"/>
  <c r="A109422" i="1" s="1"/>
  <c r="A109423" i="1" s="1"/>
  <c r="A109424" i="1" s="1"/>
  <c r="A109425" i="1" s="1"/>
  <c r="A109426" i="1" s="1"/>
  <c r="A109427" i="1" s="1"/>
  <c r="A109428" i="1" s="1"/>
  <c r="A109429" i="1" s="1"/>
  <c r="A109430" i="1" s="1"/>
  <c r="A109431" i="1" s="1"/>
  <c r="A109432" i="1" s="1"/>
  <c r="A109433" i="1" s="1"/>
  <c r="A109434" i="1" s="1"/>
  <c r="A109435" i="1" s="1"/>
  <c r="A109436" i="1" s="1"/>
  <c r="A109437" i="1" s="1"/>
  <c r="A109438" i="1" s="1"/>
  <c r="A109439" i="1" s="1"/>
  <c r="A109440" i="1" s="1"/>
  <c r="A109441" i="1" s="1"/>
  <c r="A109442" i="1" s="1"/>
  <c r="A109443" i="1" s="1"/>
  <c r="A109444" i="1" s="1"/>
  <c r="A109445" i="1" s="1"/>
  <c r="A109446" i="1" s="1"/>
  <c r="A109447" i="1" s="1"/>
  <c r="A109448" i="1" s="1"/>
  <c r="A109449" i="1" s="1"/>
  <c r="A109450" i="1" s="1"/>
  <c r="A109451" i="1" s="1"/>
  <c r="A109452" i="1" s="1"/>
  <c r="A109453" i="1" s="1"/>
  <c r="A109454" i="1" s="1"/>
  <c r="A109455" i="1" s="1"/>
  <c r="A109456" i="1" s="1"/>
  <c r="A109457" i="1" s="1"/>
  <c r="A109458" i="1" s="1"/>
  <c r="A109459" i="1" s="1"/>
  <c r="A109460" i="1" s="1"/>
  <c r="A109461" i="1" s="1"/>
  <c r="A109462" i="1" s="1"/>
  <c r="A109463" i="1" s="1"/>
  <c r="A109464" i="1" s="1"/>
  <c r="A109465" i="1" s="1"/>
  <c r="A109466" i="1" s="1"/>
  <c r="A109467" i="1" s="1"/>
  <c r="A109468" i="1" s="1"/>
  <c r="A109469" i="1" s="1"/>
  <c r="A109470" i="1" s="1"/>
  <c r="A109471" i="1" s="1"/>
  <c r="A109472" i="1" s="1"/>
  <c r="A109473" i="1" s="1"/>
  <c r="A109474" i="1" s="1"/>
  <c r="A109475" i="1" s="1"/>
  <c r="A109476" i="1" s="1"/>
  <c r="A109477" i="1" s="1"/>
  <c r="A109478" i="1" s="1"/>
  <c r="A109479" i="1" s="1"/>
  <c r="A109480" i="1" s="1"/>
  <c r="A109481" i="1" s="1"/>
  <c r="A109482" i="1" s="1"/>
  <c r="A109483" i="1" s="1"/>
  <c r="A109484" i="1" s="1"/>
  <c r="A109485" i="1" s="1"/>
  <c r="A109486" i="1" s="1"/>
  <c r="A109487" i="1" s="1"/>
  <c r="A109488" i="1" s="1"/>
  <c r="A109489" i="1" s="1"/>
  <c r="A109490" i="1" s="1"/>
  <c r="A109491" i="1" s="1"/>
  <c r="A109492" i="1" s="1"/>
  <c r="A109493" i="1" s="1"/>
  <c r="A109494" i="1" s="1"/>
  <c r="A109495" i="1" s="1"/>
  <c r="A109496" i="1" s="1"/>
  <c r="A109497" i="1" s="1"/>
  <c r="A109498" i="1" s="1"/>
  <c r="A109499" i="1" s="1"/>
  <c r="A109500" i="1" s="1"/>
  <c r="A109501" i="1" s="1"/>
  <c r="A109502" i="1" s="1"/>
  <c r="A109503" i="1" s="1"/>
  <c r="A109504" i="1" s="1"/>
  <c r="A109505" i="1" s="1"/>
  <c r="A109506" i="1" s="1"/>
  <c r="A109507" i="1" s="1"/>
  <c r="A109508" i="1" s="1"/>
  <c r="A109509" i="1" s="1"/>
  <c r="A109510" i="1" s="1"/>
  <c r="A109511" i="1" s="1"/>
  <c r="A109512" i="1" s="1"/>
  <c r="A109513" i="1" s="1"/>
  <c r="A109514" i="1" s="1"/>
  <c r="A109515" i="1" s="1"/>
  <c r="A109516" i="1" s="1"/>
  <c r="A109517" i="1" s="1"/>
  <c r="A109518" i="1" s="1"/>
  <c r="A109519" i="1" s="1"/>
  <c r="A109520" i="1" s="1"/>
  <c r="A109521" i="1" s="1"/>
  <c r="A109522" i="1" s="1"/>
  <c r="A109523" i="1" s="1"/>
  <c r="A109524" i="1" s="1"/>
  <c r="A109525" i="1" s="1"/>
  <c r="A109526" i="1" s="1"/>
  <c r="A109527" i="1" s="1"/>
  <c r="A109528" i="1" s="1"/>
  <c r="A109529" i="1" s="1"/>
  <c r="A109530" i="1" s="1"/>
  <c r="A109531" i="1" s="1"/>
  <c r="A109532" i="1" s="1"/>
  <c r="A109533" i="1" s="1"/>
  <c r="A109534" i="1" s="1"/>
  <c r="A109535" i="1" s="1"/>
  <c r="A109536" i="1" s="1"/>
  <c r="A109537" i="1" s="1"/>
  <c r="A109538" i="1" s="1"/>
  <c r="A109539" i="1" s="1"/>
  <c r="A109540" i="1" s="1"/>
  <c r="A109541" i="1" s="1"/>
  <c r="A109542" i="1" s="1"/>
  <c r="A109543" i="1" s="1"/>
  <c r="A109544" i="1" s="1"/>
  <c r="A109545" i="1" s="1"/>
  <c r="A109546" i="1" s="1"/>
  <c r="A109547" i="1" s="1"/>
  <c r="A109548" i="1" s="1"/>
  <c r="A109549" i="1" s="1"/>
  <c r="A109550" i="1" s="1"/>
  <c r="A109551" i="1" s="1"/>
  <c r="A109552" i="1" s="1"/>
  <c r="A109553" i="1" s="1"/>
  <c r="A109554" i="1" s="1"/>
  <c r="A109555" i="1" s="1"/>
  <c r="A109556" i="1" s="1"/>
  <c r="A109557" i="1" s="1"/>
  <c r="A109558" i="1" s="1"/>
  <c r="A109559" i="1" s="1"/>
  <c r="A109560" i="1" s="1"/>
  <c r="A109561" i="1" s="1"/>
  <c r="A109562" i="1" s="1"/>
  <c r="A109563" i="1" s="1"/>
  <c r="A109564" i="1" s="1"/>
  <c r="A109565" i="1" s="1"/>
  <c r="A109566" i="1" s="1"/>
  <c r="A109567" i="1" s="1"/>
  <c r="A109568" i="1" s="1"/>
  <c r="A109569" i="1" s="1"/>
  <c r="A109570" i="1" s="1"/>
  <c r="A109571" i="1" s="1"/>
  <c r="A109572" i="1" s="1"/>
  <c r="A109573" i="1" s="1"/>
  <c r="A109574" i="1" s="1"/>
  <c r="A109575" i="1" s="1"/>
  <c r="A109576" i="1" s="1"/>
  <c r="A109577" i="1" s="1"/>
  <c r="A109578" i="1" s="1"/>
  <c r="A109579" i="1" s="1"/>
  <c r="A109580" i="1" s="1"/>
  <c r="A109581" i="1" s="1"/>
  <c r="A109582" i="1" s="1"/>
  <c r="A109583" i="1" s="1"/>
  <c r="A109584" i="1" s="1"/>
  <c r="A109585" i="1" s="1"/>
  <c r="A109586" i="1" s="1"/>
  <c r="A109587" i="1" s="1"/>
  <c r="A109588" i="1" s="1"/>
  <c r="A109589" i="1" s="1"/>
  <c r="A109590" i="1" s="1"/>
  <c r="A109591" i="1" s="1"/>
  <c r="A109592" i="1" s="1"/>
  <c r="A109593" i="1" s="1"/>
  <c r="A109594" i="1" s="1"/>
  <c r="A109595" i="1" s="1"/>
  <c r="A109596" i="1" s="1"/>
  <c r="A109597" i="1" s="1"/>
  <c r="A109598" i="1" s="1"/>
  <c r="A109599" i="1" s="1"/>
  <c r="A109600" i="1" s="1"/>
  <c r="A109601" i="1" s="1"/>
  <c r="A109602" i="1" s="1"/>
  <c r="A109603" i="1" s="1"/>
  <c r="A109604" i="1" s="1"/>
  <c r="A109605" i="1" s="1"/>
  <c r="A109606" i="1" s="1"/>
  <c r="A109607" i="1" s="1"/>
  <c r="A109608" i="1" s="1"/>
  <c r="A109609" i="1" s="1"/>
  <c r="A109610" i="1" s="1"/>
  <c r="A109611" i="1" s="1"/>
  <c r="A109612" i="1" s="1"/>
  <c r="A109613" i="1" s="1"/>
  <c r="A109614" i="1" s="1"/>
  <c r="A109615" i="1" s="1"/>
  <c r="A109616" i="1" s="1"/>
  <c r="A109617" i="1" s="1"/>
  <c r="A109618" i="1" s="1"/>
  <c r="A109619" i="1" s="1"/>
  <c r="A109620" i="1" s="1"/>
  <c r="A109621" i="1" s="1"/>
  <c r="A109622" i="1" s="1"/>
  <c r="A109623" i="1" s="1"/>
  <c r="A109624" i="1" s="1"/>
  <c r="A109625" i="1" s="1"/>
  <c r="A109626" i="1" s="1"/>
  <c r="A109627" i="1" s="1"/>
  <c r="A109628" i="1" s="1"/>
  <c r="A109629" i="1" s="1"/>
  <c r="A109630" i="1" s="1"/>
  <c r="A109631" i="1" s="1"/>
  <c r="A109632" i="1" s="1"/>
  <c r="A109633" i="1" s="1"/>
  <c r="A109634" i="1" s="1"/>
  <c r="A109635" i="1" s="1"/>
  <c r="A109636" i="1" s="1"/>
  <c r="A109637" i="1" s="1"/>
  <c r="A109638" i="1" s="1"/>
  <c r="A109639" i="1" s="1"/>
  <c r="A109640" i="1" s="1"/>
  <c r="A109641" i="1" s="1"/>
  <c r="A109642" i="1" s="1"/>
  <c r="A109643" i="1" s="1"/>
  <c r="A109644" i="1" s="1"/>
  <c r="A109645" i="1" s="1"/>
  <c r="A109646" i="1" s="1"/>
  <c r="A109647" i="1" s="1"/>
  <c r="A109648" i="1" s="1"/>
  <c r="A109649" i="1" s="1"/>
  <c r="A109650" i="1" s="1"/>
  <c r="A109651" i="1" s="1"/>
  <c r="A109652" i="1" s="1"/>
  <c r="A109653" i="1" s="1"/>
  <c r="A109654" i="1" s="1"/>
  <c r="A109655" i="1" s="1"/>
  <c r="A109656" i="1" s="1"/>
  <c r="A109657" i="1" s="1"/>
  <c r="A109658" i="1" s="1"/>
  <c r="A109659" i="1" s="1"/>
  <c r="A109660" i="1" s="1"/>
  <c r="A109661" i="1" s="1"/>
  <c r="A109662" i="1" s="1"/>
  <c r="A109663" i="1" s="1"/>
  <c r="A109664" i="1" s="1"/>
  <c r="A109665" i="1" s="1"/>
  <c r="A109666" i="1" s="1"/>
  <c r="A109667" i="1" s="1"/>
  <c r="A109668" i="1" s="1"/>
  <c r="A109669" i="1" s="1"/>
  <c r="A109670" i="1" s="1"/>
  <c r="A109671" i="1" s="1"/>
  <c r="A109672" i="1" s="1"/>
  <c r="A109673" i="1" s="1"/>
  <c r="A109674" i="1" s="1"/>
  <c r="A109675" i="1" s="1"/>
  <c r="A109676" i="1" s="1"/>
  <c r="A109677" i="1" s="1"/>
  <c r="A109678" i="1" s="1"/>
  <c r="A109679" i="1" s="1"/>
  <c r="A109680" i="1" s="1"/>
  <c r="A109681" i="1" s="1"/>
  <c r="A109682" i="1" s="1"/>
  <c r="A109683" i="1" s="1"/>
  <c r="A109684" i="1" s="1"/>
  <c r="A109685" i="1" s="1"/>
  <c r="A109686" i="1" s="1"/>
  <c r="A109687" i="1" s="1"/>
  <c r="A109688" i="1" s="1"/>
  <c r="A109689" i="1" s="1"/>
  <c r="A109690" i="1" s="1"/>
  <c r="A109691" i="1" s="1"/>
  <c r="A109692" i="1" s="1"/>
  <c r="A109693" i="1" s="1"/>
  <c r="A109694" i="1" s="1"/>
  <c r="A109695" i="1" s="1"/>
  <c r="A109696" i="1" s="1"/>
  <c r="A109697" i="1" s="1"/>
  <c r="A109698" i="1" s="1"/>
  <c r="A109699" i="1" s="1"/>
  <c r="A109700" i="1" s="1"/>
  <c r="A109701" i="1" s="1"/>
  <c r="A109702" i="1" s="1"/>
  <c r="A109703" i="1" s="1"/>
  <c r="A109704" i="1" s="1"/>
  <c r="A109705" i="1" s="1"/>
  <c r="A109706" i="1" s="1"/>
  <c r="A109707" i="1" s="1"/>
  <c r="A109708" i="1" s="1"/>
  <c r="A109709" i="1" s="1"/>
  <c r="A109710" i="1" s="1"/>
  <c r="A109711" i="1" s="1"/>
  <c r="A109712" i="1" s="1"/>
  <c r="A109713" i="1" s="1"/>
  <c r="A109714" i="1" s="1"/>
  <c r="A109715" i="1" s="1"/>
  <c r="A109716" i="1" s="1"/>
  <c r="A109717" i="1" s="1"/>
  <c r="A109718" i="1" s="1"/>
  <c r="A109719" i="1" s="1"/>
  <c r="A109720" i="1" s="1"/>
  <c r="A109721" i="1" s="1"/>
  <c r="A109722" i="1" s="1"/>
  <c r="A109723" i="1" s="1"/>
  <c r="A109724" i="1" s="1"/>
  <c r="A109725" i="1" s="1"/>
  <c r="A109726" i="1" s="1"/>
  <c r="A109727" i="1" s="1"/>
  <c r="A109728" i="1" s="1"/>
  <c r="A109729" i="1" s="1"/>
  <c r="A109730" i="1" s="1"/>
  <c r="A109731" i="1" s="1"/>
  <c r="A109732" i="1" s="1"/>
  <c r="A109733" i="1" s="1"/>
  <c r="A109734" i="1" s="1"/>
  <c r="A109735" i="1" s="1"/>
  <c r="A109736" i="1" s="1"/>
  <c r="A109737" i="1" s="1"/>
  <c r="A109738" i="1" s="1"/>
  <c r="A109739" i="1" s="1"/>
  <c r="A109740" i="1" s="1"/>
  <c r="A109741" i="1" s="1"/>
  <c r="A109742" i="1" s="1"/>
  <c r="A109743" i="1" s="1"/>
  <c r="A109744" i="1" s="1"/>
  <c r="A109745" i="1" s="1"/>
  <c r="A109746" i="1" s="1"/>
  <c r="A109747" i="1" s="1"/>
  <c r="A109748" i="1" s="1"/>
  <c r="A109749" i="1" s="1"/>
  <c r="A109750" i="1" s="1"/>
  <c r="A109751" i="1" s="1"/>
  <c r="A109752" i="1" s="1"/>
  <c r="A109753" i="1" s="1"/>
  <c r="A109754" i="1" s="1"/>
  <c r="A109755" i="1" s="1"/>
  <c r="A109756" i="1" s="1"/>
  <c r="A109757" i="1" s="1"/>
  <c r="A109758" i="1" s="1"/>
  <c r="A109759" i="1" s="1"/>
  <c r="A109760" i="1" s="1"/>
  <c r="A109761" i="1" s="1"/>
  <c r="A109762" i="1" s="1"/>
  <c r="A109763" i="1" s="1"/>
  <c r="A109764" i="1" s="1"/>
  <c r="A109765" i="1" s="1"/>
  <c r="A109766" i="1" s="1"/>
  <c r="A109767" i="1" s="1"/>
  <c r="A109768" i="1" s="1"/>
  <c r="A109769" i="1" s="1"/>
  <c r="A109770" i="1" s="1"/>
  <c r="A109771" i="1" s="1"/>
  <c r="A109772" i="1" s="1"/>
  <c r="A109773" i="1" s="1"/>
  <c r="A109774" i="1" s="1"/>
  <c r="A109775" i="1" s="1"/>
  <c r="A109776" i="1" s="1"/>
  <c r="A109777" i="1" s="1"/>
  <c r="A109778" i="1" s="1"/>
  <c r="A109779" i="1" s="1"/>
  <c r="A109780" i="1" s="1"/>
  <c r="A109781" i="1" s="1"/>
  <c r="A109782" i="1" s="1"/>
  <c r="A109783" i="1" s="1"/>
  <c r="A109784" i="1" s="1"/>
  <c r="A109785" i="1" s="1"/>
  <c r="A109786" i="1" s="1"/>
  <c r="A109787" i="1" s="1"/>
  <c r="A109788" i="1" s="1"/>
  <c r="A109789" i="1" s="1"/>
  <c r="A109790" i="1" s="1"/>
  <c r="A109791" i="1" s="1"/>
  <c r="A109792" i="1" s="1"/>
  <c r="A109793" i="1" s="1"/>
  <c r="A109794" i="1" s="1"/>
  <c r="A109795" i="1" s="1"/>
  <c r="A109796" i="1" s="1"/>
  <c r="A109797" i="1" s="1"/>
  <c r="A109798" i="1" s="1"/>
  <c r="A109799" i="1" s="1"/>
  <c r="A109800" i="1" s="1"/>
  <c r="A109801" i="1" s="1"/>
  <c r="A109802" i="1" s="1"/>
  <c r="A109803" i="1" s="1"/>
  <c r="A109804" i="1" s="1"/>
  <c r="A109805" i="1" s="1"/>
  <c r="A109806" i="1" s="1"/>
  <c r="A109807" i="1" s="1"/>
  <c r="A109808" i="1" s="1"/>
  <c r="A109809" i="1" s="1"/>
  <c r="A109810" i="1" s="1"/>
  <c r="A109811" i="1" s="1"/>
  <c r="A109812" i="1" s="1"/>
  <c r="A109813" i="1" s="1"/>
  <c r="A109814" i="1" s="1"/>
  <c r="A109815" i="1" s="1"/>
  <c r="A109816" i="1" s="1"/>
  <c r="A109817" i="1" s="1"/>
  <c r="A109818" i="1" s="1"/>
  <c r="A109819" i="1" s="1"/>
  <c r="A109820" i="1" s="1"/>
  <c r="A109821" i="1" s="1"/>
  <c r="A109822" i="1" s="1"/>
  <c r="A109823" i="1" s="1"/>
  <c r="A109824" i="1" s="1"/>
  <c r="A109825" i="1" s="1"/>
  <c r="A109826" i="1" s="1"/>
  <c r="A109827" i="1" s="1"/>
  <c r="A109828" i="1" s="1"/>
  <c r="A109829" i="1" s="1"/>
  <c r="A109830" i="1" s="1"/>
  <c r="A109831" i="1" s="1"/>
  <c r="A109832" i="1" s="1"/>
  <c r="A109833" i="1" s="1"/>
  <c r="A109834" i="1" s="1"/>
  <c r="A109835" i="1" s="1"/>
  <c r="A109836" i="1" s="1"/>
  <c r="A109837" i="1" s="1"/>
  <c r="A109838" i="1" s="1"/>
  <c r="A109839" i="1" s="1"/>
  <c r="A109840" i="1" s="1"/>
  <c r="A109841" i="1" s="1"/>
  <c r="A109842" i="1" s="1"/>
  <c r="A109843" i="1" s="1"/>
  <c r="A109844" i="1" s="1"/>
  <c r="A109845" i="1" s="1"/>
  <c r="A109846" i="1" s="1"/>
  <c r="A109847" i="1" s="1"/>
  <c r="A109848" i="1" s="1"/>
  <c r="A109849" i="1" s="1"/>
  <c r="A109850" i="1" s="1"/>
  <c r="A109851" i="1" s="1"/>
  <c r="A109852" i="1" s="1"/>
  <c r="A109853" i="1" s="1"/>
  <c r="A109854" i="1" s="1"/>
  <c r="A109855" i="1" s="1"/>
  <c r="A109856" i="1" s="1"/>
  <c r="A109857" i="1" s="1"/>
  <c r="A109858" i="1" s="1"/>
  <c r="A109859" i="1" s="1"/>
  <c r="A109860" i="1" s="1"/>
  <c r="A109861" i="1" s="1"/>
  <c r="A109862" i="1" s="1"/>
  <c r="A109863" i="1" s="1"/>
  <c r="A109864" i="1" s="1"/>
  <c r="A109865" i="1" s="1"/>
  <c r="A109866" i="1" s="1"/>
  <c r="A109867" i="1" s="1"/>
  <c r="A109868" i="1" s="1"/>
  <c r="A109869" i="1" s="1"/>
  <c r="A109870" i="1" s="1"/>
  <c r="A109871" i="1" s="1"/>
  <c r="A109872" i="1" s="1"/>
  <c r="A109873" i="1" s="1"/>
  <c r="A109874" i="1" s="1"/>
  <c r="A109875" i="1" s="1"/>
  <c r="A109876" i="1" s="1"/>
  <c r="A109877" i="1" s="1"/>
  <c r="A109878" i="1" s="1"/>
  <c r="A109879" i="1" s="1"/>
  <c r="A109880" i="1" s="1"/>
  <c r="A109881" i="1" s="1"/>
  <c r="A109882" i="1" s="1"/>
  <c r="A109883" i="1" s="1"/>
  <c r="A109884" i="1" s="1"/>
  <c r="A109885" i="1" s="1"/>
  <c r="A109886" i="1" s="1"/>
  <c r="A109887" i="1" s="1"/>
  <c r="A109888" i="1" s="1"/>
  <c r="A109889" i="1" s="1"/>
  <c r="A109890" i="1" s="1"/>
  <c r="A109891" i="1" s="1"/>
  <c r="A109892" i="1" s="1"/>
  <c r="A109893" i="1" s="1"/>
  <c r="A109894" i="1" s="1"/>
  <c r="A109895" i="1" s="1"/>
  <c r="A109896" i="1" s="1"/>
  <c r="A109897" i="1" s="1"/>
  <c r="A109898" i="1" s="1"/>
  <c r="A109899" i="1" s="1"/>
  <c r="A109900" i="1" s="1"/>
  <c r="A109901" i="1" s="1"/>
  <c r="A109902" i="1" s="1"/>
  <c r="A109903" i="1" s="1"/>
  <c r="A109904" i="1" s="1"/>
  <c r="A109905" i="1" s="1"/>
  <c r="A109906" i="1" s="1"/>
  <c r="A109907" i="1" s="1"/>
  <c r="A109908" i="1" s="1"/>
  <c r="A109909" i="1" s="1"/>
  <c r="A109910" i="1" s="1"/>
  <c r="A109911" i="1" s="1"/>
  <c r="A109912" i="1" s="1"/>
  <c r="A109913" i="1" s="1"/>
  <c r="A109914" i="1" s="1"/>
  <c r="A109915" i="1" s="1"/>
  <c r="A109916" i="1" s="1"/>
  <c r="A109917" i="1" s="1"/>
  <c r="A109918" i="1" s="1"/>
  <c r="A109919" i="1" s="1"/>
  <c r="A109920" i="1" s="1"/>
  <c r="A109921" i="1" s="1"/>
  <c r="A109922" i="1" s="1"/>
  <c r="A109923" i="1" s="1"/>
  <c r="A109924" i="1" s="1"/>
  <c r="A109925" i="1" s="1"/>
  <c r="A109926" i="1" s="1"/>
  <c r="A109927" i="1" s="1"/>
  <c r="A109928" i="1" s="1"/>
  <c r="A109929" i="1" s="1"/>
  <c r="A109930" i="1" s="1"/>
  <c r="A109931" i="1" s="1"/>
  <c r="A109932" i="1" s="1"/>
  <c r="A109933" i="1" s="1"/>
  <c r="A109934" i="1" s="1"/>
  <c r="A109935" i="1" s="1"/>
  <c r="A109936" i="1" s="1"/>
  <c r="A109937" i="1" s="1"/>
  <c r="A109938" i="1" s="1"/>
  <c r="A109939" i="1" s="1"/>
  <c r="A109940" i="1" s="1"/>
  <c r="A109941" i="1" s="1"/>
  <c r="A109942" i="1" s="1"/>
  <c r="A109943" i="1" s="1"/>
  <c r="A109944" i="1" s="1"/>
  <c r="A109945" i="1" s="1"/>
  <c r="A109946" i="1" s="1"/>
  <c r="A109947" i="1" s="1"/>
  <c r="A109948" i="1" s="1"/>
  <c r="A109949" i="1" s="1"/>
  <c r="A109950" i="1" s="1"/>
  <c r="A109951" i="1" s="1"/>
  <c r="A109952" i="1" s="1"/>
  <c r="A109953" i="1" s="1"/>
  <c r="A109954" i="1" s="1"/>
  <c r="A109955" i="1" s="1"/>
  <c r="A109956" i="1" s="1"/>
  <c r="A109957" i="1" s="1"/>
  <c r="A109958" i="1" s="1"/>
  <c r="A109959" i="1" s="1"/>
  <c r="A109960" i="1" s="1"/>
  <c r="A109961" i="1" s="1"/>
  <c r="A109962" i="1" s="1"/>
  <c r="A109963" i="1" s="1"/>
  <c r="A109964" i="1" s="1"/>
  <c r="A109965" i="1" s="1"/>
  <c r="A109966" i="1" s="1"/>
  <c r="A109967" i="1" s="1"/>
  <c r="A109968" i="1" s="1"/>
  <c r="A109969" i="1" s="1"/>
  <c r="A109970" i="1" s="1"/>
  <c r="A109971" i="1" s="1"/>
  <c r="A109972" i="1" s="1"/>
  <c r="A109973" i="1" s="1"/>
  <c r="A109974" i="1" s="1"/>
  <c r="A109975" i="1" s="1"/>
  <c r="A109976" i="1" s="1"/>
  <c r="A109977" i="1" s="1"/>
  <c r="A109978" i="1" s="1"/>
  <c r="A109979" i="1" s="1"/>
  <c r="A109980" i="1" s="1"/>
  <c r="A109981" i="1" s="1"/>
  <c r="A109982" i="1" s="1"/>
  <c r="A109983" i="1" s="1"/>
  <c r="A109984" i="1" s="1"/>
  <c r="A109985" i="1" s="1"/>
  <c r="A109986" i="1" s="1"/>
  <c r="A109987" i="1" s="1"/>
  <c r="A109988" i="1" s="1"/>
  <c r="A109989" i="1" s="1"/>
  <c r="A109990" i="1" s="1"/>
  <c r="A109991" i="1" s="1"/>
  <c r="A109992" i="1" s="1"/>
  <c r="A109993" i="1" s="1"/>
  <c r="A109994" i="1" s="1"/>
  <c r="A109995" i="1" s="1"/>
  <c r="A109996" i="1" s="1"/>
  <c r="A109997" i="1" s="1"/>
  <c r="A109998" i="1" s="1"/>
  <c r="A109999" i="1" s="1"/>
  <c r="A110000" i="1" s="1"/>
  <c r="A110001" i="1" s="1"/>
  <c r="A110002" i="1" s="1"/>
  <c r="A110003" i="1" s="1"/>
  <c r="A110004" i="1" s="1"/>
  <c r="A110005" i="1" s="1"/>
  <c r="A110006" i="1" s="1"/>
  <c r="A110007" i="1" s="1"/>
  <c r="A110008" i="1" s="1"/>
  <c r="A110009" i="1" s="1"/>
  <c r="A110010" i="1" s="1"/>
  <c r="A110011" i="1" s="1"/>
  <c r="A110012" i="1" s="1"/>
  <c r="A110013" i="1" s="1"/>
  <c r="A110014" i="1" s="1"/>
  <c r="A110015" i="1" s="1"/>
  <c r="A110016" i="1" s="1"/>
  <c r="A110017" i="1" s="1"/>
  <c r="A110018" i="1" s="1"/>
  <c r="A110019" i="1" s="1"/>
  <c r="A110020" i="1" s="1"/>
  <c r="A110021" i="1" s="1"/>
  <c r="A110022" i="1" s="1"/>
  <c r="A110023" i="1" s="1"/>
  <c r="A110024" i="1" s="1"/>
  <c r="A110025" i="1" s="1"/>
  <c r="A110026" i="1" s="1"/>
  <c r="A110027" i="1" s="1"/>
  <c r="A110028" i="1" s="1"/>
  <c r="A110029" i="1" s="1"/>
  <c r="A110030" i="1" s="1"/>
  <c r="A110031" i="1" s="1"/>
  <c r="A110032" i="1" s="1"/>
  <c r="A110033" i="1" s="1"/>
  <c r="A110034" i="1" s="1"/>
  <c r="A110035" i="1" s="1"/>
  <c r="A110036" i="1" s="1"/>
  <c r="A110037" i="1" s="1"/>
  <c r="A110038" i="1" s="1"/>
  <c r="A110039" i="1" s="1"/>
  <c r="A110040" i="1" s="1"/>
  <c r="A110041" i="1" s="1"/>
  <c r="A110042" i="1" s="1"/>
  <c r="A110043" i="1" s="1"/>
  <c r="A110044" i="1" s="1"/>
  <c r="A110045" i="1" s="1"/>
  <c r="A110046" i="1" s="1"/>
  <c r="A110047" i="1" s="1"/>
  <c r="A110048" i="1" s="1"/>
  <c r="A110049" i="1" s="1"/>
  <c r="A110050" i="1" s="1"/>
  <c r="A110051" i="1" s="1"/>
  <c r="A110052" i="1" s="1"/>
  <c r="A110053" i="1" s="1"/>
  <c r="A110054" i="1" s="1"/>
  <c r="A110055" i="1" s="1"/>
  <c r="A110056" i="1" s="1"/>
  <c r="A110057" i="1" s="1"/>
  <c r="A110058" i="1" s="1"/>
  <c r="A110059" i="1" s="1"/>
  <c r="A110060" i="1" s="1"/>
  <c r="A110061" i="1" s="1"/>
  <c r="A110062" i="1" s="1"/>
  <c r="A110063" i="1" s="1"/>
  <c r="A110064" i="1" s="1"/>
  <c r="A110065" i="1" s="1"/>
  <c r="A110066" i="1" s="1"/>
  <c r="A110067" i="1" s="1"/>
  <c r="A110068" i="1" s="1"/>
  <c r="A110069" i="1" s="1"/>
  <c r="A110070" i="1" s="1"/>
  <c r="A110071" i="1" s="1"/>
  <c r="A110072" i="1" s="1"/>
  <c r="A110073" i="1" s="1"/>
  <c r="A110074" i="1" s="1"/>
  <c r="A110075" i="1" s="1"/>
  <c r="A110076" i="1" s="1"/>
  <c r="A110077" i="1" s="1"/>
  <c r="A110078" i="1" s="1"/>
  <c r="A110079" i="1" s="1"/>
  <c r="A110080" i="1" s="1"/>
  <c r="A110081" i="1" s="1"/>
  <c r="A110082" i="1" s="1"/>
  <c r="A110083" i="1" s="1"/>
  <c r="A110084" i="1" s="1"/>
  <c r="A110085" i="1" s="1"/>
  <c r="A110086" i="1" s="1"/>
  <c r="A110087" i="1" s="1"/>
  <c r="A110088" i="1" s="1"/>
  <c r="A110089" i="1" s="1"/>
  <c r="A110090" i="1" s="1"/>
  <c r="A110091" i="1" s="1"/>
  <c r="A110092" i="1" s="1"/>
  <c r="A110093" i="1" s="1"/>
  <c r="A110094" i="1" s="1"/>
  <c r="A110095" i="1" s="1"/>
  <c r="A110096" i="1" s="1"/>
  <c r="A110097" i="1" s="1"/>
  <c r="A110098" i="1" s="1"/>
  <c r="A110099" i="1" s="1"/>
  <c r="A110100" i="1" s="1"/>
  <c r="A110101" i="1" s="1"/>
  <c r="A110102" i="1" s="1"/>
  <c r="A110103" i="1" s="1"/>
  <c r="A110104" i="1" s="1"/>
  <c r="A110105" i="1" s="1"/>
  <c r="A110106" i="1" s="1"/>
  <c r="A110107" i="1" s="1"/>
  <c r="A110108" i="1" s="1"/>
  <c r="A110109" i="1" s="1"/>
  <c r="A110110" i="1" s="1"/>
  <c r="A110111" i="1" s="1"/>
  <c r="A110112" i="1" s="1"/>
  <c r="A110113" i="1" s="1"/>
  <c r="A110114" i="1" s="1"/>
  <c r="A110115" i="1" s="1"/>
  <c r="A110116" i="1" s="1"/>
  <c r="A110117" i="1" s="1"/>
  <c r="A110118" i="1" s="1"/>
  <c r="A110119" i="1" s="1"/>
  <c r="A110120" i="1" s="1"/>
  <c r="A110121" i="1" s="1"/>
  <c r="A110122" i="1" s="1"/>
  <c r="A110123" i="1" s="1"/>
  <c r="A110124" i="1" s="1"/>
  <c r="A110125" i="1" s="1"/>
  <c r="A110126" i="1" s="1"/>
  <c r="A110127" i="1" s="1"/>
  <c r="A110128" i="1" s="1"/>
  <c r="A110129" i="1" s="1"/>
  <c r="A110130" i="1" s="1"/>
  <c r="A110131" i="1" s="1"/>
  <c r="A110132" i="1" s="1"/>
  <c r="A110133" i="1" s="1"/>
  <c r="A110134" i="1" s="1"/>
  <c r="A110135" i="1" s="1"/>
  <c r="A110136" i="1" s="1"/>
  <c r="A110137" i="1" s="1"/>
  <c r="A110138" i="1" s="1"/>
  <c r="A110139" i="1" s="1"/>
  <c r="A110140" i="1" s="1"/>
  <c r="A110141" i="1" s="1"/>
  <c r="A110142" i="1" s="1"/>
  <c r="A110143" i="1" s="1"/>
  <c r="A110144" i="1" s="1"/>
  <c r="A110145" i="1" s="1"/>
  <c r="A110146" i="1" s="1"/>
  <c r="A110147" i="1" s="1"/>
  <c r="A110148" i="1" s="1"/>
  <c r="A110149" i="1" s="1"/>
  <c r="A110150" i="1" s="1"/>
  <c r="A110151" i="1" s="1"/>
  <c r="A110152" i="1" s="1"/>
  <c r="A110153" i="1" s="1"/>
  <c r="A110154" i="1" s="1"/>
  <c r="A110155" i="1" s="1"/>
  <c r="A110156" i="1" s="1"/>
  <c r="A110157" i="1" s="1"/>
  <c r="A110158" i="1" s="1"/>
  <c r="A110159" i="1" s="1"/>
  <c r="A110160" i="1" s="1"/>
  <c r="A110161" i="1" s="1"/>
  <c r="A110162" i="1" s="1"/>
  <c r="A110163" i="1" s="1"/>
  <c r="A110164" i="1" s="1"/>
  <c r="A110165" i="1" s="1"/>
  <c r="A110166" i="1" s="1"/>
  <c r="A110167" i="1" s="1"/>
  <c r="A110168" i="1" s="1"/>
  <c r="A110169" i="1" s="1"/>
  <c r="A110170" i="1" s="1"/>
  <c r="A110171" i="1" s="1"/>
  <c r="A110172" i="1" s="1"/>
  <c r="A110173" i="1" s="1"/>
  <c r="A110174" i="1" s="1"/>
  <c r="A110175" i="1" s="1"/>
  <c r="A110176" i="1" s="1"/>
  <c r="A110177" i="1" s="1"/>
  <c r="A110178" i="1" s="1"/>
  <c r="A110179" i="1" s="1"/>
  <c r="A110180" i="1" s="1"/>
  <c r="A110181" i="1" s="1"/>
  <c r="A110182" i="1" s="1"/>
  <c r="A110183" i="1" s="1"/>
  <c r="A110184" i="1" s="1"/>
  <c r="A110185" i="1" s="1"/>
  <c r="A110186" i="1" s="1"/>
  <c r="A110187" i="1" s="1"/>
  <c r="A110188" i="1" s="1"/>
  <c r="A110189" i="1" s="1"/>
  <c r="A110190" i="1" s="1"/>
  <c r="A110191" i="1" s="1"/>
  <c r="A110192" i="1" s="1"/>
  <c r="A110193" i="1" s="1"/>
  <c r="A110194" i="1" s="1"/>
  <c r="A110195" i="1" s="1"/>
  <c r="A110196" i="1" s="1"/>
  <c r="A110197" i="1" s="1"/>
  <c r="A110198" i="1" s="1"/>
  <c r="A110199" i="1" s="1"/>
  <c r="A110200" i="1" s="1"/>
  <c r="A110201" i="1" s="1"/>
  <c r="A110202" i="1" s="1"/>
  <c r="A110203" i="1" s="1"/>
  <c r="A110204" i="1" s="1"/>
  <c r="A110205" i="1" s="1"/>
  <c r="A110206" i="1" s="1"/>
  <c r="A110207" i="1" s="1"/>
  <c r="A110208" i="1" s="1"/>
  <c r="A110209" i="1" s="1"/>
  <c r="A110210" i="1" s="1"/>
  <c r="A110211" i="1" s="1"/>
  <c r="A110212" i="1" s="1"/>
  <c r="A110213" i="1" s="1"/>
  <c r="A110214" i="1" s="1"/>
  <c r="A110215" i="1" s="1"/>
  <c r="A110216" i="1" s="1"/>
  <c r="A110217" i="1" s="1"/>
  <c r="A110218" i="1" s="1"/>
  <c r="A110219" i="1" s="1"/>
  <c r="A110220" i="1" s="1"/>
  <c r="A110221" i="1" s="1"/>
  <c r="A110222" i="1" s="1"/>
  <c r="A110223" i="1" s="1"/>
  <c r="A110224" i="1" s="1"/>
  <c r="A110225" i="1" s="1"/>
  <c r="A110226" i="1" s="1"/>
  <c r="A110227" i="1" s="1"/>
  <c r="A110228" i="1" s="1"/>
  <c r="A110229" i="1" s="1"/>
  <c r="A110230" i="1" s="1"/>
  <c r="A110231" i="1" s="1"/>
  <c r="A110232" i="1" s="1"/>
  <c r="A110233" i="1" s="1"/>
  <c r="A110234" i="1" s="1"/>
  <c r="A110235" i="1" s="1"/>
  <c r="A110236" i="1" s="1"/>
  <c r="A110237" i="1" s="1"/>
  <c r="A110238" i="1" s="1"/>
  <c r="A110239" i="1" s="1"/>
  <c r="A110240" i="1" s="1"/>
  <c r="A110241" i="1" s="1"/>
  <c r="A110242" i="1" s="1"/>
  <c r="A110243" i="1" s="1"/>
  <c r="A110244" i="1" s="1"/>
  <c r="A110245" i="1" s="1"/>
  <c r="A110246" i="1" s="1"/>
  <c r="A110247" i="1" s="1"/>
  <c r="A110248" i="1" s="1"/>
  <c r="A110249" i="1" s="1"/>
  <c r="A110250" i="1" s="1"/>
  <c r="A110251" i="1" s="1"/>
  <c r="A110252" i="1" s="1"/>
  <c r="A110253" i="1" s="1"/>
  <c r="A110254" i="1" s="1"/>
  <c r="A110255" i="1" s="1"/>
  <c r="A110256" i="1" s="1"/>
  <c r="A110257" i="1" s="1"/>
  <c r="A110258" i="1" s="1"/>
  <c r="A110259" i="1" s="1"/>
  <c r="A110260" i="1" s="1"/>
  <c r="A110261" i="1" s="1"/>
  <c r="A110262" i="1" s="1"/>
  <c r="A110263" i="1" s="1"/>
  <c r="A110264" i="1" s="1"/>
  <c r="A110265" i="1" s="1"/>
  <c r="A110266" i="1" s="1"/>
  <c r="A110267" i="1" s="1"/>
  <c r="A110268" i="1" s="1"/>
  <c r="A110269" i="1" s="1"/>
  <c r="A110270" i="1" s="1"/>
  <c r="A110271" i="1" s="1"/>
  <c r="A110272" i="1" s="1"/>
  <c r="A110273" i="1" s="1"/>
  <c r="A110274" i="1" s="1"/>
  <c r="A110275" i="1" s="1"/>
  <c r="A110276" i="1" s="1"/>
  <c r="A110277" i="1" s="1"/>
  <c r="A110278" i="1" s="1"/>
  <c r="A110279" i="1" s="1"/>
  <c r="A110280" i="1" s="1"/>
  <c r="A110281" i="1" s="1"/>
  <c r="A110282" i="1" s="1"/>
  <c r="A110283" i="1" s="1"/>
  <c r="A110284" i="1" s="1"/>
  <c r="A110285" i="1" s="1"/>
  <c r="A110286" i="1" s="1"/>
  <c r="A110287" i="1" s="1"/>
  <c r="A110288" i="1" s="1"/>
  <c r="A110289" i="1" s="1"/>
  <c r="A110290" i="1" s="1"/>
  <c r="A110291" i="1" s="1"/>
  <c r="A110292" i="1" s="1"/>
  <c r="A110293" i="1" s="1"/>
  <c r="A110294" i="1" s="1"/>
  <c r="A110295" i="1" s="1"/>
  <c r="A110296" i="1" s="1"/>
  <c r="A110297" i="1" s="1"/>
  <c r="A110298" i="1" s="1"/>
  <c r="A110299" i="1" s="1"/>
  <c r="A110300" i="1" s="1"/>
  <c r="A110301" i="1" s="1"/>
  <c r="A110302" i="1" s="1"/>
  <c r="A110303" i="1" s="1"/>
  <c r="A110304" i="1" s="1"/>
  <c r="A110305" i="1" s="1"/>
  <c r="A110306" i="1" s="1"/>
  <c r="A110307" i="1" s="1"/>
  <c r="A110308" i="1" s="1"/>
  <c r="A110309" i="1" s="1"/>
  <c r="A110310" i="1" s="1"/>
  <c r="A110311" i="1" s="1"/>
  <c r="A110312" i="1" s="1"/>
  <c r="A110313" i="1" s="1"/>
  <c r="A110314" i="1" s="1"/>
  <c r="A110315" i="1" s="1"/>
  <c r="A110316" i="1" s="1"/>
  <c r="A110317" i="1" s="1"/>
  <c r="A110318" i="1" s="1"/>
  <c r="A110319" i="1" s="1"/>
  <c r="A110320" i="1" s="1"/>
  <c r="A110321" i="1" s="1"/>
  <c r="A110322" i="1" s="1"/>
  <c r="A110323" i="1" s="1"/>
  <c r="A110324" i="1" s="1"/>
  <c r="A110325" i="1" s="1"/>
  <c r="A110326" i="1" s="1"/>
  <c r="A110327" i="1" s="1"/>
  <c r="A110328" i="1" s="1"/>
  <c r="A110329" i="1" s="1"/>
  <c r="A110330" i="1" s="1"/>
  <c r="A110331" i="1" s="1"/>
  <c r="A110332" i="1" s="1"/>
  <c r="A110333" i="1" s="1"/>
  <c r="A110334" i="1" s="1"/>
  <c r="A110335" i="1" s="1"/>
  <c r="A110336" i="1" s="1"/>
  <c r="A110337" i="1" s="1"/>
  <c r="A110338" i="1" s="1"/>
  <c r="A110339" i="1" s="1"/>
  <c r="A110340" i="1" s="1"/>
  <c r="A110341" i="1" s="1"/>
  <c r="A110342" i="1" s="1"/>
  <c r="A110343" i="1" s="1"/>
  <c r="A110344" i="1" s="1"/>
  <c r="A110345" i="1" s="1"/>
  <c r="A110346" i="1" s="1"/>
  <c r="A110347" i="1" s="1"/>
  <c r="A110348" i="1" s="1"/>
  <c r="A110349" i="1" s="1"/>
  <c r="A110350" i="1" s="1"/>
  <c r="A110351" i="1" s="1"/>
  <c r="A110352" i="1" s="1"/>
  <c r="A110353" i="1" s="1"/>
  <c r="A110354" i="1" s="1"/>
  <c r="A110355" i="1" s="1"/>
  <c r="A110356" i="1" s="1"/>
  <c r="A110357" i="1" s="1"/>
  <c r="A110358" i="1" s="1"/>
  <c r="A110359" i="1" s="1"/>
  <c r="A110360" i="1" s="1"/>
  <c r="A110361" i="1" s="1"/>
  <c r="A110362" i="1" s="1"/>
  <c r="A110363" i="1" s="1"/>
  <c r="A110364" i="1" s="1"/>
  <c r="A110365" i="1" s="1"/>
  <c r="A110366" i="1" s="1"/>
  <c r="A110367" i="1" s="1"/>
  <c r="A110368" i="1" s="1"/>
  <c r="A110369" i="1" s="1"/>
  <c r="A110370" i="1" s="1"/>
  <c r="A110371" i="1" s="1"/>
  <c r="A110372" i="1" s="1"/>
  <c r="A110373" i="1" s="1"/>
  <c r="A110374" i="1" s="1"/>
  <c r="A110375" i="1" s="1"/>
  <c r="A110376" i="1" s="1"/>
  <c r="A110377" i="1" s="1"/>
  <c r="A110378" i="1" s="1"/>
  <c r="A110379" i="1" s="1"/>
  <c r="A110380" i="1" s="1"/>
  <c r="A110381" i="1" s="1"/>
  <c r="A110382" i="1" s="1"/>
  <c r="A110383" i="1" s="1"/>
  <c r="A110384" i="1" s="1"/>
  <c r="A110385" i="1" s="1"/>
  <c r="A110386" i="1" s="1"/>
  <c r="A110387" i="1" s="1"/>
  <c r="A110388" i="1" s="1"/>
  <c r="A110389" i="1" s="1"/>
  <c r="A110390" i="1" s="1"/>
  <c r="A110391" i="1" s="1"/>
  <c r="A110392" i="1" s="1"/>
  <c r="A110393" i="1" s="1"/>
  <c r="A110394" i="1" s="1"/>
  <c r="A110395" i="1" s="1"/>
  <c r="A110396" i="1" s="1"/>
  <c r="A110397" i="1" s="1"/>
  <c r="A110398" i="1" s="1"/>
  <c r="A110399" i="1" s="1"/>
  <c r="A110400" i="1" s="1"/>
  <c r="A110401" i="1" s="1"/>
  <c r="A110402" i="1" s="1"/>
  <c r="A110403" i="1" s="1"/>
  <c r="A110404" i="1" s="1"/>
  <c r="A110405" i="1" s="1"/>
  <c r="A110406" i="1" s="1"/>
  <c r="A110407" i="1" s="1"/>
  <c r="A110408" i="1" s="1"/>
  <c r="A110409" i="1" s="1"/>
  <c r="A110410" i="1" s="1"/>
  <c r="A110411" i="1" s="1"/>
  <c r="A110412" i="1" s="1"/>
  <c r="A110413" i="1" s="1"/>
  <c r="A110414" i="1" s="1"/>
  <c r="A110415" i="1" s="1"/>
  <c r="A110416" i="1" s="1"/>
  <c r="A110417" i="1" s="1"/>
  <c r="A110418" i="1" s="1"/>
  <c r="A110419" i="1" s="1"/>
  <c r="A110420" i="1" s="1"/>
  <c r="A110421" i="1" s="1"/>
  <c r="A110422" i="1" s="1"/>
  <c r="A110423" i="1" s="1"/>
  <c r="A110424" i="1" s="1"/>
  <c r="A110425" i="1" s="1"/>
  <c r="A110426" i="1" s="1"/>
  <c r="A110427" i="1" s="1"/>
  <c r="A110428" i="1" s="1"/>
  <c r="A110429" i="1" s="1"/>
  <c r="A110430" i="1" s="1"/>
  <c r="A110431" i="1" s="1"/>
  <c r="A110432" i="1" s="1"/>
  <c r="A110433" i="1" s="1"/>
  <c r="A110434" i="1" s="1"/>
  <c r="A110435" i="1" s="1"/>
  <c r="A110436" i="1" s="1"/>
  <c r="A110437" i="1" s="1"/>
  <c r="A110438" i="1" s="1"/>
  <c r="A110439" i="1" s="1"/>
  <c r="A110440" i="1" s="1"/>
  <c r="A110441" i="1" s="1"/>
  <c r="A110442" i="1" s="1"/>
  <c r="A110443" i="1" s="1"/>
  <c r="A110444" i="1" s="1"/>
  <c r="A110445" i="1" s="1"/>
  <c r="A110446" i="1" s="1"/>
  <c r="A110447" i="1" s="1"/>
  <c r="A110448" i="1" s="1"/>
  <c r="A110449" i="1" s="1"/>
  <c r="A110450" i="1" s="1"/>
  <c r="A110451" i="1" s="1"/>
  <c r="A110452" i="1" s="1"/>
  <c r="A110453" i="1" s="1"/>
  <c r="A110454" i="1" s="1"/>
  <c r="A110455" i="1" s="1"/>
  <c r="A110456" i="1" s="1"/>
  <c r="A110457" i="1" s="1"/>
  <c r="A110458" i="1" s="1"/>
  <c r="A110459" i="1" s="1"/>
  <c r="A110460" i="1" s="1"/>
  <c r="A110461" i="1" s="1"/>
  <c r="A110462" i="1" s="1"/>
  <c r="A110463" i="1" s="1"/>
  <c r="A110464" i="1" s="1"/>
  <c r="A110465" i="1" s="1"/>
  <c r="A110466" i="1" s="1"/>
  <c r="A110467" i="1" s="1"/>
  <c r="A110468" i="1" s="1"/>
  <c r="A110469" i="1" s="1"/>
  <c r="A110470" i="1" s="1"/>
  <c r="A110471" i="1" s="1"/>
  <c r="A110472" i="1" s="1"/>
  <c r="A110473" i="1" s="1"/>
  <c r="A110474" i="1" s="1"/>
  <c r="A110475" i="1" s="1"/>
  <c r="A110476" i="1" s="1"/>
  <c r="A110477" i="1" s="1"/>
  <c r="A110478" i="1" s="1"/>
  <c r="A110479" i="1" s="1"/>
  <c r="A110480" i="1" s="1"/>
  <c r="A110481" i="1" s="1"/>
  <c r="A110482" i="1" s="1"/>
  <c r="A110483" i="1" s="1"/>
  <c r="A110484" i="1" s="1"/>
  <c r="A110485" i="1" s="1"/>
  <c r="A110486" i="1" s="1"/>
  <c r="A110487" i="1" s="1"/>
  <c r="A110488" i="1" s="1"/>
  <c r="A110489" i="1" s="1"/>
  <c r="A110490" i="1" s="1"/>
  <c r="A110491" i="1" s="1"/>
  <c r="A110492" i="1" s="1"/>
  <c r="A110493" i="1" s="1"/>
  <c r="A110494" i="1" s="1"/>
  <c r="A110495" i="1" s="1"/>
  <c r="A110496" i="1" s="1"/>
  <c r="A110497" i="1" s="1"/>
  <c r="A110498" i="1" s="1"/>
  <c r="A110499" i="1" s="1"/>
  <c r="A110500" i="1" s="1"/>
  <c r="A110501" i="1" s="1"/>
  <c r="A110502" i="1" s="1"/>
  <c r="A110503" i="1" s="1"/>
  <c r="A110504" i="1" s="1"/>
  <c r="A110505" i="1" s="1"/>
  <c r="A110506" i="1" s="1"/>
  <c r="A110507" i="1" s="1"/>
  <c r="A110508" i="1" s="1"/>
  <c r="A110509" i="1" s="1"/>
  <c r="A110510" i="1" s="1"/>
  <c r="A110511" i="1" s="1"/>
  <c r="A110512" i="1" s="1"/>
  <c r="A110513" i="1" s="1"/>
  <c r="A110514" i="1" s="1"/>
  <c r="A110515" i="1" s="1"/>
  <c r="A110516" i="1" s="1"/>
  <c r="A110517" i="1" s="1"/>
  <c r="A110518" i="1" s="1"/>
  <c r="A110519" i="1" s="1"/>
  <c r="A110520" i="1" s="1"/>
  <c r="A110521" i="1" s="1"/>
  <c r="A110522" i="1" s="1"/>
  <c r="A110523" i="1" s="1"/>
  <c r="A110524" i="1" s="1"/>
  <c r="A110525" i="1" s="1"/>
  <c r="A110526" i="1" s="1"/>
  <c r="A110527" i="1" s="1"/>
  <c r="A110528" i="1" s="1"/>
  <c r="A110529" i="1" s="1"/>
  <c r="A110530" i="1" s="1"/>
  <c r="A110531" i="1" s="1"/>
  <c r="A110532" i="1" s="1"/>
  <c r="A110533" i="1" s="1"/>
  <c r="A110534" i="1" s="1"/>
  <c r="A110535" i="1" s="1"/>
  <c r="A110536" i="1" s="1"/>
  <c r="A110537" i="1" s="1"/>
  <c r="A110538" i="1" s="1"/>
  <c r="A110539" i="1" s="1"/>
  <c r="A110540" i="1" s="1"/>
  <c r="A110541" i="1" s="1"/>
  <c r="A110542" i="1" s="1"/>
  <c r="A110543" i="1" s="1"/>
  <c r="A110544" i="1" s="1"/>
  <c r="A110545" i="1" s="1"/>
  <c r="A110546" i="1" s="1"/>
  <c r="A110547" i="1" s="1"/>
  <c r="A110548" i="1" s="1"/>
  <c r="A110549" i="1" s="1"/>
  <c r="A110550" i="1" s="1"/>
  <c r="A110551" i="1" s="1"/>
  <c r="A110552" i="1" s="1"/>
  <c r="A110553" i="1" s="1"/>
  <c r="A110554" i="1" s="1"/>
  <c r="A110555" i="1" s="1"/>
  <c r="A110556" i="1" s="1"/>
  <c r="A110557" i="1" s="1"/>
  <c r="A110558" i="1" s="1"/>
  <c r="A110559" i="1" s="1"/>
  <c r="A110560" i="1" s="1"/>
  <c r="A110561" i="1" s="1"/>
  <c r="A110562" i="1" s="1"/>
  <c r="A110563" i="1" s="1"/>
  <c r="A110564" i="1" s="1"/>
  <c r="A110565" i="1" s="1"/>
  <c r="A110566" i="1" s="1"/>
  <c r="A110567" i="1" s="1"/>
  <c r="A110568" i="1" s="1"/>
  <c r="A110569" i="1" s="1"/>
  <c r="A110570" i="1" s="1"/>
  <c r="A110571" i="1" s="1"/>
  <c r="A110572" i="1" s="1"/>
  <c r="A110573" i="1" s="1"/>
  <c r="A110574" i="1" s="1"/>
  <c r="A110575" i="1" s="1"/>
  <c r="A110576" i="1" s="1"/>
  <c r="A110577" i="1" s="1"/>
  <c r="A110578" i="1" s="1"/>
  <c r="A110579" i="1" s="1"/>
  <c r="A110580" i="1" s="1"/>
  <c r="A110581" i="1" s="1"/>
  <c r="A110582" i="1" s="1"/>
  <c r="A110583" i="1" s="1"/>
  <c r="A110584" i="1" s="1"/>
  <c r="A110585" i="1" s="1"/>
  <c r="A110586" i="1" s="1"/>
  <c r="A110587" i="1" s="1"/>
  <c r="A110588" i="1" s="1"/>
  <c r="A110589" i="1" s="1"/>
  <c r="A110590" i="1" s="1"/>
  <c r="A110591" i="1" s="1"/>
  <c r="A110592" i="1" s="1"/>
  <c r="A110593" i="1" s="1"/>
  <c r="A110594" i="1" s="1"/>
  <c r="A110595" i="1" s="1"/>
  <c r="A110596" i="1" s="1"/>
  <c r="A110597" i="1" s="1"/>
  <c r="A110598" i="1" s="1"/>
  <c r="A110599" i="1" s="1"/>
  <c r="A110600" i="1" s="1"/>
  <c r="A110601" i="1" s="1"/>
  <c r="A110602" i="1" s="1"/>
  <c r="A110603" i="1" s="1"/>
  <c r="A110604" i="1" s="1"/>
  <c r="A110605" i="1" s="1"/>
  <c r="A110606" i="1" s="1"/>
  <c r="A110607" i="1" s="1"/>
  <c r="A110608" i="1" s="1"/>
  <c r="A110609" i="1" s="1"/>
  <c r="A110610" i="1" s="1"/>
  <c r="A110611" i="1" s="1"/>
  <c r="A110612" i="1" s="1"/>
  <c r="A110613" i="1" s="1"/>
  <c r="A110614" i="1" s="1"/>
  <c r="A110615" i="1" s="1"/>
  <c r="A110616" i="1" s="1"/>
  <c r="A110617" i="1" s="1"/>
  <c r="A110618" i="1" s="1"/>
  <c r="A110619" i="1" s="1"/>
  <c r="A110620" i="1" s="1"/>
  <c r="A110621" i="1" s="1"/>
  <c r="A110622" i="1" s="1"/>
  <c r="A110623" i="1" s="1"/>
  <c r="A110624" i="1" s="1"/>
  <c r="A110625" i="1" s="1"/>
  <c r="A110626" i="1" s="1"/>
  <c r="A110627" i="1" s="1"/>
  <c r="A110628" i="1" s="1"/>
  <c r="A110629" i="1" s="1"/>
  <c r="A110630" i="1" s="1"/>
  <c r="A110631" i="1" s="1"/>
  <c r="A110632" i="1" s="1"/>
  <c r="A110633" i="1" s="1"/>
  <c r="A110634" i="1" s="1"/>
  <c r="A110635" i="1" s="1"/>
  <c r="A110636" i="1" s="1"/>
  <c r="A110637" i="1" s="1"/>
  <c r="A110638" i="1" s="1"/>
  <c r="A110639" i="1" s="1"/>
  <c r="A110640" i="1" s="1"/>
  <c r="A110641" i="1" s="1"/>
  <c r="A110642" i="1" s="1"/>
  <c r="A110643" i="1" s="1"/>
  <c r="A110644" i="1" s="1"/>
  <c r="A110645" i="1" s="1"/>
  <c r="A110646" i="1" s="1"/>
  <c r="A110647" i="1" s="1"/>
  <c r="A110648" i="1" s="1"/>
  <c r="A110649" i="1" s="1"/>
  <c r="A110650" i="1" s="1"/>
  <c r="A110651" i="1" s="1"/>
  <c r="A110652" i="1" s="1"/>
  <c r="A110653" i="1" s="1"/>
  <c r="A110654" i="1" s="1"/>
  <c r="A110655" i="1" s="1"/>
  <c r="A110656" i="1" s="1"/>
  <c r="A110657" i="1" s="1"/>
  <c r="A110658" i="1" s="1"/>
  <c r="A110659" i="1" s="1"/>
  <c r="A110660" i="1" s="1"/>
  <c r="A110661" i="1" s="1"/>
  <c r="A110662" i="1" s="1"/>
  <c r="A110663" i="1" s="1"/>
  <c r="A110664" i="1" s="1"/>
  <c r="A110665" i="1" s="1"/>
  <c r="A110666" i="1" s="1"/>
  <c r="A110667" i="1" s="1"/>
  <c r="A110668" i="1" s="1"/>
  <c r="A110669" i="1" s="1"/>
  <c r="A110670" i="1" s="1"/>
  <c r="A110671" i="1" s="1"/>
  <c r="A110672" i="1" s="1"/>
  <c r="A110673" i="1" s="1"/>
  <c r="A110674" i="1" s="1"/>
  <c r="A110675" i="1" s="1"/>
  <c r="A110676" i="1" s="1"/>
  <c r="A110677" i="1" s="1"/>
  <c r="A110678" i="1" s="1"/>
  <c r="A110679" i="1" s="1"/>
  <c r="A110680" i="1" s="1"/>
  <c r="A110681" i="1" s="1"/>
  <c r="A110682" i="1" s="1"/>
  <c r="A110683" i="1" s="1"/>
  <c r="A110684" i="1" s="1"/>
  <c r="A110685" i="1" s="1"/>
  <c r="A110686" i="1" s="1"/>
  <c r="A110687" i="1" s="1"/>
  <c r="A110688" i="1" s="1"/>
  <c r="A110689" i="1" s="1"/>
  <c r="A110690" i="1" s="1"/>
  <c r="A110691" i="1" s="1"/>
  <c r="A110692" i="1" s="1"/>
  <c r="A110693" i="1" s="1"/>
  <c r="A110694" i="1" s="1"/>
  <c r="A110695" i="1" s="1"/>
  <c r="A110696" i="1" s="1"/>
  <c r="A110697" i="1" s="1"/>
  <c r="A110698" i="1" s="1"/>
  <c r="A110699" i="1" s="1"/>
  <c r="A110700" i="1" s="1"/>
  <c r="A110701" i="1" s="1"/>
  <c r="A110702" i="1" s="1"/>
  <c r="A110703" i="1" s="1"/>
  <c r="A110704" i="1" s="1"/>
  <c r="A110705" i="1" s="1"/>
  <c r="A110706" i="1" s="1"/>
  <c r="A110707" i="1" s="1"/>
  <c r="A110708" i="1" s="1"/>
  <c r="A110709" i="1" s="1"/>
  <c r="A110710" i="1" s="1"/>
  <c r="A110711" i="1" s="1"/>
  <c r="A110712" i="1" s="1"/>
  <c r="A110713" i="1" s="1"/>
  <c r="A110714" i="1" s="1"/>
  <c r="A110715" i="1" s="1"/>
  <c r="A110716" i="1" s="1"/>
  <c r="A110717" i="1" s="1"/>
  <c r="A110718" i="1" s="1"/>
  <c r="A110719" i="1" s="1"/>
  <c r="A110720" i="1" s="1"/>
  <c r="A110721" i="1" s="1"/>
  <c r="A110722" i="1" s="1"/>
  <c r="A110723" i="1" s="1"/>
  <c r="A110724" i="1" s="1"/>
  <c r="A110725" i="1" s="1"/>
  <c r="A110726" i="1" s="1"/>
  <c r="A110727" i="1" s="1"/>
  <c r="A110728" i="1" s="1"/>
  <c r="A110729" i="1" s="1"/>
  <c r="A110730" i="1" s="1"/>
  <c r="A110731" i="1" s="1"/>
  <c r="A110732" i="1" s="1"/>
  <c r="A110733" i="1" s="1"/>
  <c r="A110734" i="1" s="1"/>
  <c r="A110735" i="1" s="1"/>
  <c r="A110736" i="1" s="1"/>
  <c r="A110737" i="1" s="1"/>
  <c r="A110738" i="1" s="1"/>
  <c r="A110739" i="1" s="1"/>
  <c r="A110740" i="1" s="1"/>
  <c r="A110741" i="1" s="1"/>
  <c r="A110742" i="1" s="1"/>
  <c r="A110743" i="1" s="1"/>
  <c r="A110744" i="1" s="1"/>
  <c r="A110745" i="1" s="1"/>
  <c r="A110746" i="1" s="1"/>
  <c r="A110747" i="1" s="1"/>
  <c r="A110748" i="1" s="1"/>
  <c r="A110749" i="1" s="1"/>
  <c r="A110750" i="1" s="1"/>
  <c r="A110751" i="1" s="1"/>
  <c r="A110752" i="1" s="1"/>
  <c r="A110753" i="1" s="1"/>
  <c r="A110754" i="1" s="1"/>
  <c r="A110755" i="1" s="1"/>
  <c r="A110756" i="1" s="1"/>
  <c r="A110757" i="1" s="1"/>
  <c r="A110758" i="1" s="1"/>
  <c r="A110759" i="1" s="1"/>
  <c r="A110760" i="1" s="1"/>
  <c r="A110761" i="1" s="1"/>
  <c r="A110762" i="1" s="1"/>
  <c r="A110763" i="1" s="1"/>
  <c r="A110764" i="1" s="1"/>
  <c r="A110765" i="1" s="1"/>
  <c r="A110766" i="1" s="1"/>
  <c r="A110767" i="1" s="1"/>
  <c r="A110768" i="1" s="1"/>
  <c r="A110769" i="1" s="1"/>
  <c r="A110770" i="1" s="1"/>
  <c r="A110771" i="1" s="1"/>
  <c r="A110772" i="1" s="1"/>
  <c r="A110773" i="1" s="1"/>
  <c r="A110774" i="1" s="1"/>
  <c r="A110775" i="1" s="1"/>
  <c r="A110776" i="1" s="1"/>
  <c r="A110777" i="1" s="1"/>
  <c r="A110778" i="1" s="1"/>
  <c r="A110779" i="1" s="1"/>
  <c r="A110780" i="1" s="1"/>
  <c r="A110781" i="1" s="1"/>
  <c r="A110782" i="1" s="1"/>
  <c r="A110783" i="1" s="1"/>
  <c r="A110784" i="1" s="1"/>
  <c r="A110785" i="1" s="1"/>
  <c r="A110786" i="1" s="1"/>
  <c r="A110787" i="1" s="1"/>
  <c r="A110788" i="1" s="1"/>
  <c r="A110789" i="1" s="1"/>
  <c r="A110790" i="1" s="1"/>
  <c r="A110791" i="1" s="1"/>
  <c r="A110792" i="1" s="1"/>
  <c r="A110793" i="1" s="1"/>
  <c r="A110794" i="1" s="1"/>
  <c r="A110795" i="1" s="1"/>
  <c r="A110796" i="1" s="1"/>
  <c r="A110797" i="1" s="1"/>
  <c r="A110798" i="1" s="1"/>
  <c r="A110799" i="1" s="1"/>
  <c r="A110800" i="1" s="1"/>
  <c r="A110801" i="1" s="1"/>
  <c r="A110802" i="1" s="1"/>
  <c r="A110803" i="1" s="1"/>
  <c r="A110804" i="1" s="1"/>
  <c r="A110805" i="1" s="1"/>
  <c r="A110806" i="1" s="1"/>
  <c r="A110807" i="1" s="1"/>
  <c r="A110808" i="1" s="1"/>
  <c r="A110809" i="1" s="1"/>
  <c r="A110810" i="1" s="1"/>
  <c r="A110811" i="1" s="1"/>
  <c r="A110812" i="1" s="1"/>
  <c r="A110813" i="1" s="1"/>
  <c r="A110814" i="1" s="1"/>
  <c r="A110815" i="1" s="1"/>
  <c r="A110816" i="1" s="1"/>
  <c r="A110817" i="1" s="1"/>
  <c r="A110818" i="1" s="1"/>
  <c r="A110819" i="1" s="1"/>
  <c r="A110820" i="1" s="1"/>
  <c r="A110821" i="1" s="1"/>
  <c r="A110822" i="1" s="1"/>
  <c r="A110823" i="1" s="1"/>
  <c r="A110824" i="1" s="1"/>
  <c r="A110825" i="1" s="1"/>
  <c r="A110826" i="1" s="1"/>
  <c r="A110827" i="1" s="1"/>
  <c r="A110828" i="1" s="1"/>
  <c r="A110829" i="1" s="1"/>
  <c r="A110830" i="1" s="1"/>
  <c r="A110831" i="1" s="1"/>
  <c r="A110832" i="1" s="1"/>
  <c r="A110833" i="1" s="1"/>
  <c r="A110834" i="1" s="1"/>
  <c r="A110835" i="1" s="1"/>
  <c r="A110836" i="1" s="1"/>
  <c r="A110837" i="1" s="1"/>
  <c r="A110838" i="1" s="1"/>
  <c r="A110839" i="1" s="1"/>
  <c r="A110840" i="1" s="1"/>
  <c r="A110841" i="1" s="1"/>
  <c r="A110842" i="1" s="1"/>
  <c r="A110843" i="1" s="1"/>
  <c r="A110844" i="1" s="1"/>
  <c r="A110845" i="1" s="1"/>
  <c r="A110846" i="1" s="1"/>
  <c r="A110847" i="1" s="1"/>
  <c r="A110848" i="1" s="1"/>
  <c r="A110849" i="1" s="1"/>
  <c r="A110850" i="1" s="1"/>
  <c r="A110851" i="1" s="1"/>
  <c r="A110852" i="1" s="1"/>
  <c r="A110853" i="1" s="1"/>
  <c r="A110854" i="1" s="1"/>
  <c r="A110855" i="1" s="1"/>
  <c r="A110856" i="1" s="1"/>
  <c r="A110857" i="1" s="1"/>
  <c r="A110858" i="1" s="1"/>
  <c r="A110859" i="1" s="1"/>
  <c r="A110860" i="1" s="1"/>
  <c r="A110861" i="1" s="1"/>
  <c r="A110862" i="1" s="1"/>
  <c r="A110863" i="1" s="1"/>
  <c r="A110864" i="1" s="1"/>
  <c r="A110865" i="1" s="1"/>
  <c r="A110866" i="1" s="1"/>
  <c r="A110867" i="1" s="1"/>
  <c r="A110868" i="1" s="1"/>
  <c r="A110869" i="1" s="1"/>
  <c r="A110870" i="1" s="1"/>
  <c r="A110871" i="1" s="1"/>
  <c r="A110872" i="1" s="1"/>
  <c r="A110873" i="1" s="1"/>
  <c r="A110874" i="1" s="1"/>
  <c r="A110875" i="1" s="1"/>
  <c r="A110876" i="1" s="1"/>
  <c r="A110877" i="1" s="1"/>
  <c r="A110878" i="1" s="1"/>
  <c r="A110879" i="1" s="1"/>
  <c r="A110880" i="1" s="1"/>
  <c r="A110881" i="1" s="1"/>
  <c r="A110882" i="1" s="1"/>
  <c r="A110883" i="1" s="1"/>
  <c r="A110884" i="1" s="1"/>
  <c r="A110885" i="1" s="1"/>
  <c r="A110886" i="1" s="1"/>
  <c r="A110887" i="1" s="1"/>
  <c r="A110888" i="1" s="1"/>
  <c r="A110889" i="1" s="1"/>
  <c r="A110890" i="1" s="1"/>
  <c r="A110891" i="1" s="1"/>
  <c r="A110892" i="1" s="1"/>
  <c r="A110893" i="1" s="1"/>
  <c r="A110894" i="1" s="1"/>
  <c r="A110895" i="1" s="1"/>
  <c r="A110896" i="1" s="1"/>
  <c r="A110897" i="1" s="1"/>
  <c r="A110898" i="1" s="1"/>
  <c r="A110899" i="1" s="1"/>
  <c r="A110900" i="1" s="1"/>
  <c r="A110901" i="1" s="1"/>
  <c r="A110902" i="1" s="1"/>
  <c r="A110903" i="1" s="1"/>
  <c r="A110904" i="1" s="1"/>
  <c r="A110905" i="1" s="1"/>
  <c r="A110906" i="1" s="1"/>
  <c r="A110907" i="1" s="1"/>
  <c r="A110908" i="1" s="1"/>
  <c r="A110909" i="1" s="1"/>
  <c r="A110910" i="1" s="1"/>
  <c r="A110911" i="1" s="1"/>
  <c r="A110912" i="1" s="1"/>
  <c r="A110913" i="1" s="1"/>
  <c r="A110914" i="1" s="1"/>
  <c r="A110915" i="1" s="1"/>
  <c r="A110916" i="1" s="1"/>
  <c r="A110917" i="1" s="1"/>
  <c r="A110918" i="1" s="1"/>
  <c r="A110919" i="1" s="1"/>
  <c r="A110920" i="1" s="1"/>
  <c r="A110921" i="1" s="1"/>
  <c r="A110922" i="1" s="1"/>
  <c r="A110923" i="1" s="1"/>
  <c r="A110924" i="1" s="1"/>
  <c r="A110925" i="1" s="1"/>
  <c r="A110926" i="1" s="1"/>
  <c r="A110927" i="1" s="1"/>
  <c r="A110928" i="1" s="1"/>
  <c r="A110929" i="1" s="1"/>
  <c r="A110930" i="1" s="1"/>
  <c r="A110931" i="1" s="1"/>
  <c r="A110932" i="1" s="1"/>
  <c r="A110933" i="1" s="1"/>
  <c r="A110934" i="1" s="1"/>
  <c r="A110935" i="1" s="1"/>
  <c r="A110936" i="1" s="1"/>
  <c r="A110937" i="1" s="1"/>
  <c r="A110938" i="1" s="1"/>
  <c r="A110939" i="1" s="1"/>
  <c r="A110940" i="1" s="1"/>
  <c r="A110941" i="1" s="1"/>
  <c r="A110942" i="1" s="1"/>
  <c r="A110943" i="1" s="1"/>
  <c r="A110944" i="1" s="1"/>
  <c r="A110945" i="1" s="1"/>
  <c r="A110946" i="1" s="1"/>
  <c r="A110947" i="1" s="1"/>
  <c r="A110948" i="1" s="1"/>
  <c r="A110949" i="1" s="1"/>
  <c r="A110950" i="1" s="1"/>
  <c r="A110951" i="1" s="1"/>
  <c r="A110952" i="1" s="1"/>
  <c r="A110953" i="1" s="1"/>
  <c r="A110954" i="1" s="1"/>
  <c r="A110955" i="1" s="1"/>
  <c r="A110956" i="1" s="1"/>
  <c r="A110957" i="1" s="1"/>
  <c r="A110958" i="1" s="1"/>
  <c r="A110959" i="1" s="1"/>
  <c r="A110960" i="1" s="1"/>
  <c r="A110961" i="1" s="1"/>
  <c r="A110962" i="1" s="1"/>
  <c r="A110963" i="1" s="1"/>
  <c r="A110964" i="1" s="1"/>
  <c r="A110965" i="1" s="1"/>
  <c r="A110966" i="1" s="1"/>
  <c r="A110967" i="1" s="1"/>
  <c r="A110968" i="1" s="1"/>
  <c r="A110969" i="1" s="1"/>
  <c r="A110970" i="1" s="1"/>
  <c r="A110971" i="1" s="1"/>
  <c r="A110972" i="1" s="1"/>
  <c r="A110973" i="1" s="1"/>
  <c r="A110974" i="1" s="1"/>
  <c r="A110975" i="1" s="1"/>
  <c r="A110976" i="1" s="1"/>
  <c r="A110977" i="1" s="1"/>
  <c r="A110978" i="1" s="1"/>
  <c r="A110979" i="1" s="1"/>
  <c r="A110980" i="1" s="1"/>
  <c r="A110981" i="1" s="1"/>
  <c r="A110982" i="1" s="1"/>
  <c r="A110983" i="1" s="1"/>
  <c r="A110984" i="1" s="1"/>
  <c r="A110985" i="1" s="1"/>
  <c r="A110986" i="1" s="1"/>
  <c r="A110987" i="1" s="1"/>
  <c r="A110988" i="1" s="1"/>
  <c r="A110989" i="1" s="1"/>
  <c r="A110990" i="1" s="1"/>
  <c r="A110991" i="1" s="1"/>
  <c r="A110992" i="1" s="1"/>
  <c r="A110993" i="1" s="1"/>
  <c r="A110994" i="1" s="1"/>
  <c r="A110995" i="1" s="1"/>
  <c r="A110996" i="1" s="1"/>
  <c r="A110997" i="1" s="1"/>
  <c r="A110998" i="1" s="1"/>
  <c r="A110999" i="1" s="1"/>
  <c r="A111000" i="1" s="1"/>
  <c r="A111001" i="1" s="1"/>
  <c r="A111002" i="1" s="1"/>
  <c r="A111003" i="1" s="1"/>
  <c r="A111004" i="1" s="1"/>
  <c r="A111005" i="1" s="1"/>
  <c r="A111006" i="1" s="1"/>
  <c r="A111007" i="1" s="1"/>
  <c r="A111008" i="1" s="1"/>
  <c r="A111009" i="1" s="1"/>
  <c r="A111010" i="1" s="1"/>
  <c r="A111011" i="1" s="1"/>
  <c r="A111012" i="1" s="1"/>
  <c r="A111013" i="1" s="1"/>
  <c r="A111014" i="1" s="1"/>
  <c r="A111015" i="1" s="1"/>
  <c r="A111016" i="1" s="1"/>
  <c r="A111017" i="1" s="1"/>
  <c r="A111018" i="1" s="1"/>
  <c r="A111019" i="1" s="1"/>
  <c r="A111020" i="1" s="1"/>
  <c r="A111021" i="1" s="1"/>
  <c r="A111022" i="1" s="1"/>
  <c r="A111023" i="1" s="1"/>
  <c r="A111024" i="1" s="1"/>
  <c r="A111025" i="1" s="1"/>
  <c r="A111026" i="1" s="1"/>
  <c r="A111027" i="1" s="1"/>
  <c r="A111028" i="1" s="1"/>
  <c r="A111029" i="1" s="1"/>
  <c r="A111030" i="1" s="1"/>
  <c r="A111031" i="1" s="1"/>
  <c r="A111032" i="1" s="1"/>
  <c r="A111033" i="1" s="1"/>
  <c r="A111034" i="1" s="1"/>
  <c r="A111035" i="1" s="1"/>
  <c r="A111036" i="1" s="1"/>
  <c r="A111037" i="1" s="1"/>
  <c r="A111038" i="1" s="1"/>
  <c r="A111039" i="1" s="1"/>
  <c r="A111040" i="1" s="1"/>
  <c r="A111041" i="1" s="1"/>
  <c r="A111042" i="1" s="1"/>
  <c r="A111043" i="1" s="1"/>
  <c r="A111044" i="1" s="1"/>
  <c r="A111045" i="1" s="1"/>
  <c r="A111046" i="1" s="1"/>
  <c r="A111047" i="1" s="1"/>
  <c r="A111048" i="1" s="1"/>
  <c r="A111049" i="1" s="1"/>
  <c r="A111050" i="1" s="1"/>
  <c r="A111051" i="1" s="1"/>
  <c r="A111052" i="1" s="1"/>
  <c r="A111053" i="1" s="1"/>
  <c r="A111054" i="1" s="1"/>
  <c r="A111055" i="1" s="1"/>
  <c r="A111056" i="1" s="1"/>
  <c r="A111057" i="1" s="1"/>
  <c r="A111058" i="1" s="1"/>
  <c r="A111059" i="1" s="1"/>
  <c r="A111060" i="1" s="1"/>
  <c r="A111061" i="1" s="1"/>
  <c r="A111062" i="1" s="1"/>
  <c r="A111063" i="1" s="1"/>
  <c r="A111064" i="1" s="1"/>
  <c r="A111065" i="1" s="1"/>
  <c r="A111066" i="1" s="1"/>
  <c r="A111067" i="1" s="1"/>
  <c r="A111068" i="1" s="1"/>
  <c r="A111069" i="1" s="1"/>
  <c r="A111070" i="1" s="1"/>
  <c r="A111071" i="1" s="1"/>
  <c r="A111072" i="1" s="1"/>
  <c r="A111073" i="1" s="1"/>
  <c r="A111074" i="1" s="1"/>
  <c r="A111075" i="1" s="1"/>
  <c r="A111076" i="1" s="1"/>
  <c r="A111077" i="1" s="1"/>
  <c r="A111078" i="1" s="1"/>
  <c r="A111079" i="1" s="1"/>
  <c r="A111080" i="1" s="1"/>
  <c r="A111081" i="1" s="1"/>
  <c r="A111082" i="1" s="1"/>
  <c r="A111083" i="1" s="1"/>
  <c r="A111084" i="1" s="1"/>
  <c r="A111085" i="1" s="1"/>
  <c r="A111086" i="1" s="1"/>
  <c r="A111087" i="1" s="1"/>
  <c r="A111088" i="1" s="1"/>
  <c r="A111089" i="1" s="1"/>
  <c r="A111090" i="1" s="1"/>
  <c r="A111091" i="1" s="1"/>
  <c r="A111092" i="1" s="1"/>
  <c r="A111093" i="1" s="1"/>
  <c r="A111094" i="1" s="1"/>
  <c r="A111095" i="1" s="1"/>
  <c r="A111096" i="1" s="1"/>
  <c r="A111097" i="1" s="1"/>
  <c r="A111098" i="1" s="1"/>
  <c r="A111099" i="1" s="1"/>
  <c r="A111100" i="1" s="1"/>
  <c r="A111101" i="1" s="1"/>
  <c r="A111102" i="1" s="1"/>
  <c r="A111103" i="1" s="1"/>
  <c r="A111104" i="1" s="1"/>
  <c r="A111105" i="1" s="1"/>
  <c r="A111106" i="1" s="1"/>
  <c r="A111107" i="1" s="1"/>
  <c r="A111108" i="1" s="1"/>
  <c r="A111109" i="1" s="1"/>
  <c r="A111110" i="1" s="1"/>
  <c r="A111111" i="1" s="1"/>
  <c r="A111112" i="1" s="1"/>
  <c r="A111113" i="1" s="1"/>
  <c r="A111114" i="1" s="1"/>
  <c r="A111115" i="1" s="1"/>
  <c r="A111116" i="1" s="1"/>
  <c r="A111117" i="1" s="1"/>
  <c r="A111118" i="1" s="1"/>
  <c r="A111119" i="1" s="1"/>
  <c r="A111120" i="1" s="1"/>
  <c r="A111121" i="1" s="1"/>
  <c r="A111122" i="1" s="1"/>
  <c r="A111123" i="1" s="1"/>
  <c r="A111124" i="1" s="1"/>
  <c r="A111125" i="1" s="1"/>
  <c r="A111126" i="1" s="1"/>
  <c r="A111127" i="1" s="1"/>
  <c r="A111128" i="1" s="1"/>
  <c r="A111129" i="1" s="1"/>
  <c r="A111130" i="1" s="1"/>
  <c r="A111131" i="1" s="1"/>
  <c r="A111132" i="1" s="1"/>
  <c r="A111133" i="1" s="1"/>
  <c r="A111134" i="1" s="1"/>
  <c r="A111135" i="1" s="1"/>
  <c r="A111136" i="1" s="1"/>
  <c r="A111137" i="1" s="1"/>
  <c r="A111138" i="1" s="1"/>
  <c r="A111139" i="1" s="1"/>
  <c r="A111140" i="1" s="1"/>
  <c r="A111141" i="1" s="1"/>
  <c r="A111142" i="1" s="1"/>
  <c r="A111143" i="1" s="1"/>
  <c r="A111144" i="1" s="1"/>
  <c r="A111145" i="1" s="1"/>
  <c r="A111146" i="1" s="1"/>
  <c r="A111147" i="1" s="1"/>
  <c r="A111148" i="1" s="1"/>
  <c r="A111149" i="1" s="1"/>
  <c r="A111150" i="1" s="1"/>
  <c r="A111151" i="1" s="1"/>
  <c r="A111152" i="1" s="1"/>
  <c r="A111153" i="1" s="1"/>
  <c r="A111154" i="1" s="1"/>
  <c r="A111155" i="1" s="1"/>
  <c r="A111156" i="1" s="1"/>
  <c r="A111157" i="1" s="1"/>
  <c r="A111158" i="1" s="1"/>
  <c r="A111159" i="1" s="1"/>
  <c r="A111160" i="1" s="1"/>
  <c r="A111161" i="1" s="1"/>
  <c r="A111162" i="1" s="1"/>
  <c r="A111163" i="1" s="1"/>
  <c r="A111164" i="1" s="1"/>
  <c r="A111165" i="1" s="1"/>
  <c r="A111166" i="1" s="1"/>
  <c r="A111167" i="1" s="1"/>
  <c r="A111168" i="1" s="1"/>
  <c r="A111169" i="1" s="1"/>
  <c r="A111170" i="1" s="1"/>
  <c r="A111171" i="1" s="1"/>
  <c r="A111172" i="1" s="1"/>
  <c r="A111173" i="1" s="1"/>
  <c r="A111174" i="1" s="1"/>
  <c r="A111175" i="1" s="1"/>
  <c r="A111176" i="1" s="1"/>
  <c r="A111177" i="1" s="1"/>
  <c r="A111178" i="1" s="1"/>
  <c r="A111179" i="1" s="1"/>
  <c r="A111180" i="1" s="1"/>
  <c r="A111181" i="1" s="1"/>
  <c r="A111182" i="1" s="1"/>
  <c r="A111183" i="1" s="1"/>
  <c r="A111184" i="1" s="1"/>
  <c r="A111185" i="1" s="1"/>
  <c r="A111186" i="1" s="1"/>
  <c r="A111187" i="1" s="1"/>
  <c r="A111188" i="1" s="1"/>
  <c r="A111189" i="1" s="1"/>
  <c r="A111190" i="1" s="1"/>
  <c r="A111191" i="1" s="1"/>
  <c r="A111192" i="1" s="1"/>
  <c r="A111193" i="1" s="1"/>
  <c r="A111194" i="1" s="1"/>
  <c r="A111195" i="1" s="1"/>
  <c r="A111196" i="1" s="1"/>
  <c r="A111197" i="1" s="1"/>
  <c r="A111198" i="1" s="1"/>
  <c r="A111199" i="1" s="1"/>
  <c r="A111200" i="1" s="1"/>
  <c r="A111201" i="1" s="1"/>
  <c r="A111202" i="1" s="1"/>
  <c r="A111203" i="1" s="1"/>
  <c r="A111204" i="1" s="1"/>
  <c r="A111205" i="1" s="1"/>
  <c r="A111206" i="1" s="1"/>
  <c r="A111207" i="1" s="1"/>
  <c r="A111208" i="1" s="1"/>
  <c r="A111209" i="1" s="1"/>
  <c r="A111210" i="1" s="1"/>
  <c r="A111211" i="1" s="1"/>
  <c r="A111212" i="1" s="1"/>
  <c r="A111213" i="1" s="1"/>
  <c r="A111214" i="1" s="1"/>
  <c r="A111215" i="1" s="1"/>
  <c r="A111216" i="1" s="1"/>
  <c r="A111217" i="1" s="1"/>
  <c r="A111218" i="1" s="1"/>
  <c r="A111219" i="1" s="1"/>
  <c r="A111220" i="1" s="1"/>
  <c r="A111221" i="1" s="1"/>
  <c r="A111222" i="1" s="1"/>
  <c r="A111223" i="1" s="1"/>
  <c r="A111224" i="1" s="1"/>
  <c r="A111225" i="1" s="1"/>
  <c r="A111226" i="1" s="1"/>
  <c r="A111227" i="1" s="1"/>
  <c r="A111228" i="1" s="1"/>
  <c r="A111229" i="1" s="1"/>
  <c r="A111230" i="1" s="1"/>
  <c r="A111231" i="1" s="1"/>
  <c r="A111232" i="1" s="1"/>
  <c r="A111233" i="1" s="1"/>
  <c r="A111234" i="1" s="1"/>
  <c r="A111235" i="1" s="1"/>
  <c r="A111236" i="1" s="1"/>
  <c r="A111237" i="1" s="1"/>
  <c r="A111238" i="1" s="1"/>
  <c r="A111239" i="1" s="1"/>
  <c r="A111240" i="1" s="1"/>
  <c r="A111241" i="1" s="1"/>
  <c r="A111242" i="1" s="1"/>
  <c r="A111243" i="1" s="1"/>
  <c r="A111244" i="1" s="1"/>
  <c r="A111245" i="1" s="1"/>
  <c r="A111246" i="1" s="1"/>
  <c r="A111247" i="1" s="1"/>
  <c r="A111248" i="1" s="1"/>
  <c r="A111249" i="1" s="1"/>
  <c r="A111250" i="1" s="1"/>
  <c r="A111251" i="1" s="1"/>
  <c r="A111252" i="1" s="1"/>
  <c r="A111253" i="1" s="1"/>
  <c r="A111254" i="1" s="1"/>
  <c r="A111255" i="1" s="1"/>
  <c r="A111256" i="1" s="1"/>
  <c r="A111257" i="1" s="1"/>
  <c r="A111258" i="1" s="1"/>
  <c r="A111259" i="1" s="1"/>
  <c r="A111260" i="1" s="1"/>
  <c r="A111261" i="1" s="1"/>
  <c r="A111262" i="1" s="1"/>
  <c r="A111263" i="1" s="1"/>
  <c r="A111264" i="1" s="1"/>
  <c r="A111265" i="1" s="1"/>
  <c r="A111266" i="1" s="1"/>
  <c r="A111267" i="1" s="1"/>
  <c r="A111268" i="1" s="1"/>
  <c r="A111269" i="1" s="1"/>
  <c r="A111270" i="1" s="1"/>
  <c r="A111271" i="1" s="1"/>
  <c r="A111272" i="1" s="1"/>
  <c r="A111273" i="1" s="1"/>
  <c r="A111274" i="1" s="1"/>
  <c r="A111275" i="1" s="1"/>
  <c r="A111276" i="1" s="1"/>
  <c r="A111277" i="1" s="1"/>
  <c r="A111278" i="1" s="1"/>
  <c r="A111279" i="1" s="1"/>
  <c r="A111280" i="1" s="1"/>
  <c r="A111281" i="1" s="1"/>
  <c r="A111282" i="1" s="1"/>
  <c r="A111283" i="1" s="1"/>
  <c r="A111284" i="1" s="1"/>
  <c r="A111285" i="1" s="1"/>
  <c r="A111286" i="1" s="1"/>
  <c r="A111287" i="1" s="1"/>
  <c r="A111288" i="1" s="1"/>
  <c r="A111289" i="1" s="1"/>
  <c r="A111290" i="1" s="1"/>
  <c r="A111291" i="1" s="1"/>
  <c r="A111292" i="1" s="1"/>
  <c r="A111293" i="1" s="1"/>
  <c r="A111294" i="1" s="1"/>
  <c r="A111295" i="1" s="1"/>
  <c r="A111296" i="1" s="1"/>
  <c r="A111297" i="1" s="1"/>
  <c r="A111298" i="1" s="1"/>
  <c r="A111299" i="1" s="1"/>
  <c r="A111300" i="1" s="1"/>
  <c r="A111301" i="1" s="1"/>
  <c r="A111302" i="1" s="1"/>
  <c r="A111303" i="1" s="1"/>
  <c r="A111304" i="1" s="1"/>
  <c r="A111305" i="1" s="1"/>
  <c r="A111306" i="1" s="1"/>
  <c r="A111307" i="1" s="1"/>
  <c r="A111308" i="1" s="1"/>
  <c r="A111309" i="1" s="1"/>
  <c r="A111310" i="1" s="1"/>
  <c r="A111311" i="1" s="1"/>
  <c r="A111312" i="1" s="1"/>
  <c r="A111313" i="1" s="1"/>
  <c r="A111314" i="1" s="1"/>
  <c r="A111315" i="1" s="1"/>
  <c r="A111316" i="1" s="1"/>
  <c r="A111317" i="1" s="1"/>
  <c r="A111318" i="1" s="1"/>
  <c r="A111319" i="1" s="1"/>
  <c r="A111320" i="1" s="1"/>
  <c r="A111321" i="1" s="1"/>
  <c r="A111322" i="1" s="1"/>
  <c r="A111323" i="1" s="1"/>
  <c r="A111324" i="1" s="1"/>
  <c r="A111325" i="1" s="1"/>
  <c r="A111326" i="1" s="1"/>
  <c r="A111327" i="1" s="1"/>
  <c r="A111328" i="1" s="1"/>
  <c r="A111329" i="1" s="1"/>
  <c r="A111330" i="1" s="1"/>
  <c r="A111331" i="1" s="1"/>
  <c r="A111332" i="1" s="1"/>
  <c r="A111333" i="1" s="1"/>
  <c r="A111334" i="1" s="1"/>
  <c r="A111335" i="1" s="1"/>
  <c r="A111336" i="1" s="1"/>
  <c r="A111337" i="1" s="1"/>
  <c r="A111338" i="1" s="1"/>
  <c r="A111339" i="1" s="1"/>
  <c r="A111340" i="1" s="1"/>
  <c r="A111341" i="1" s="1"/>
  <c r="A111342" i="1" s="1"/>
  <c r="A111343" i="1" s="1"/>
  <c r="A111344" i="1" s="1"/>
  <c r="A111345" i="1" s="1"/>
  <c r="A111346" i="1" s="1"/>
  <c r="A111347" i="1" s="1"/>
  <c r="A111348" i="1" s="1"/>
  <c r="A111349" i="1" s="1"/>
  <c r="A111350" i="1" s="1"/>
  <c r="A111351" i="1" s="1"/>
  <c r="A111352" i="1" s="1"/>
  <c r="A111353" i="1" s="1"/>
  <c r="A111354" i="1" s="1"/>
  <c r="A111355" i="1" s="1"/>
  <c r="A111356" i="1" s="1"/>
  <c r="A111357" i="1" s="1"/>
  <c r="A111358" i="1" s="1"/>
  <c r="A111359" i="1" s="1"/>
  <c r="A111360" i="1" s="1"/>
  <c r="A111361" i="1" s="1"/>
  <c r="A111362" i="1" s="1"/>
  <c r="A111363" i="1" s="1"/>
  <c r="A111364" i="1" s="1"/>
  <c r="A111365" i="1" s="1"/>
  <c r="A111366" i="1" s="1"/>
  <c r="A111367" i="1" s="1"/>
  <c r="A111368" i="1" s="1"/>
  <c r="A111369" i="1" s="1"/>
  <c r="A111370" i="1" s="1"/>
  <c r="A111371" i="1" s="1"/>
  <c r="A111372" i="1" s="1"/>
  <c r="A111373" i="1" s="1"/>
  <c r="A111374" i="1" s="1"/>
  <c r="A111375" i="1" s="1"/>
  <c r="A111376" i="1" s="1"/>
  <c r="A111377" i="1" s="1"/>
  <c r="A111378" i="1" s="1"/>
  <c r="A111379" i="1" s="1"/>
  <c r="A111380" i="1" s="1"/>
  <c r="A111381" i="1" s="1"/>
  <c r="A111382" i="1" s="1"/>
  <c r="A111383" i="1" s="1"/>
  <c r="A111384" i="1" s="1"/>
  <c r="A111385" i="1" s="1"/>
  <c r="A111386" i="1" s="1"/>
  <c r="A111387" i="1" s="1"/>
  <c r="A111388" i="1" s="1"/>
  <c r="A111389" i="1" s="1"/>
  <c r="A111390" i="1" s="1"/>
  <c r="A111391" i="1" s="1"/>
  <c r="A111392" i="1" s="1"/>
  <c r="A111393" i="1" s="1"/>
  <c r="A111394" i="1" s="1"/>
  <c r="A111395" i="1" s="1"/>
  <c r="A111396" i="1" s="1"/>
  <c r="A111397" i="1" s="1"/>
  <c r="A111398" i="1" s="1"/>
  <c r="A111399" i="1" s="1"/>
  <c r="A111400" i="1" s="1"/>
  <c r="A111401" i="1" s="1"/>
  <c r="A111402" i="1" s="1"/>
  <c r="A111403" i="1" s="1"/>
  <c r="A111404" i="1" s="1"/>
  <c r="A111405" i="1" s="1"/>
  <c r="A111406" i="1" s="1"/>
  <c r="A111407" i="1" s="1"/>
  <c r="A111408" i="1" s="1"/>
  <c r="A111409" i="1" s="1"/>
  <c r="A111410" i="1" s="1"/>
  <c r="A111411" i="1" s="1"/>
  <c r="A111412" i="1" s="1"/>
  <c r="A111413" i="1" s="1"/>
  <c r="A111414" i="1" s="1"/>
  <c r="A111415" i="1" s="1"/>
  <c r="A111416" i="1" s="1"/>
  <c r="A111417" i="1" s="1"/>
  <c r="A111418" i="1" s="1"/>
  <c r="A111419" i="1" s="1"/>
  <c r="A111420" i="1" s="1"/>
  <c r="A111421" i="1" s="1"/>
  <c r="A111422" i="1" s="1"/>
  <c r="A111423" i="1" s="1"/>
  <c r="A111424" i="1" s="1"/>
  <c r="A111425" i="1" s="1"/>
  <c r="A111426" i="1" s="1"/>
  <c r="A111427" i="1" s="1"/>
  <c r="A111428" i="1" s="1"/>
  <c r="A111429" i="1" s="1"/>
  <c r="A111430" i="1" s="1"/>
  <c r="A111431" i="1" s="1"/>
  <c r="A111432" i="1" s="1"/>
  <c r="A111433" i="1" s="1"/>
  <c r="A111434" i="1" s="1"/>
  <c r="A111435" i="1" s="1"/>
  <c r="A111436" i="1" s="1"/>
  <c r="A111437" i="1" s="1"/>
  <c r="A111438" i="1" s="1"/>
  <c r="A111439" i="1" s="1"/>
  <c r="A111440" i="1" s="1"/>
  <c r="A111441" i="1" s="1"/>
  <c r="A111442" i="1" s="1"/>
  <c r="A111443" i="1" s="1"/>
  <c r="A111444" i="1" s="1"/>
  <c r="A111445" i="1" s="1"/>
  <c r="A111446" i="1" s="1"/>
  <c r="A111447" i="1" s="1"/>
  <c r="A111448" i="1" s="1"/>
  <c r="A111449" i="1" s="1"/>
  <c r="A111450" i="1" s="1"/>
  <c r="A111451" i="1" s="1"/>
  <c r="A111452" i="1" s="1"/>
  <c r="A111453" i="1" s="1"/>
  <c r="A111454" i="1" s="1"/>
  <c r="A111455" i="1" s="1"/>
  <c r="A111456" i="1" s="1"/>
  <c r="A111457" i="1" s="1"/>
  <c r="A111458" i="1" s="1"/>
  <c r="A111459" i="1" s="1"/>
  <c r="A111460" i="1" s="1"/>
  <c r="A111461" i="1" s="1"/>
  <c r="A111462" i="1" s="1"/>
  <c r="A111463" i="1" s="1"/>
  <c r="A111464" i="1" s="1"/>
  <c r="A111465" i="1" s="1"/>
  <c r="A111466" i="1" s="1"/>
  <c r="A111467" i="1" s="1"/>
  <c r="A111468" i="1" s="1"/>
  <c r="A111469" i="1" s="1"/>
  <c r="A111470" i="1" s="1"/>
  <c r="A111471" i="1" s="1"/>
  <c r="A111472" i="1" s="1"/>
  <c r="A111473" i="1" s="1"/>
  <c r="A111474" i="1" s="1"/>
  <c r="A111475" i="1" s="1"/>
  <c r="A111476" i="1" s="1"/>
  <c r="A111477" i="1" s="1"/>
  <c r="A111478" i="1" s="1"/>
  <c r="A111479" i="1" s="1"/>
  <c r="A111480" i="1" s="1"/>
  <c r="A111481" i="1" s="1"/>
  <c r="A111482" i="1" s="1"/>
  <c r="A111483" i="1" s="1"/>
  <c r="A111484" i="1" s="1"/>
  <c r="A111485" i="1" s="1"/>
  <c r="A111486" i="1" s="1"/>
  <c r="A111487" i="1" s="1"/>
  <c r="A111488" i="1" s="1"/>
  <c r="A111489" i="1" s="1"/>
  <c r="A111490" i="1" s="1"/>
  <c r="A111491" i="1" s="1"/>
  <c r="A111492" i="1" s="1"/>
  <c r="A111493" i="1" s="1"/>
  <c r="A111494" i="1" s="1"/>
  <c r="A111495" i="1" s="1"/>
  <c r="A111496" i="1" s="1"/>
  <c r="A111497" i="1" s="1"/>
  <c r="A111498" i="1" s="1"/>
  <c r="A111499" i="1" s="1"/>
  <c r="A111500" i="1" s="1"/>
  <c r="A111501" i="1" s="1"/>
  <c r="A111502" i="1" s="1"/>
  <c r="A111503" i="1" s="1"/>
  <c r="A111504" i="1" s="1"/>
  <c r="A111505" i="1" s="1"/>
  <c r="A111506" i="1" s="1"/>
  <c r="A111507" i="1" s="1"/>
  <c r="A111508" i="1" s="1"/>
  <c r="A111509" i="1" s="1"/>
  <c r="A111510" i="1" s="1"/>
  <c r="A111511" i="1" s="1"/>
  <c r="A111512" i="1" s="1"/>
  <c r="A111513" i="1" s="1"/>
  <c r="A111514" i="1" s="1"/>
  <c r="A111515" i="1" s="1"/>
  <c r="A111516" i="1" s="1"/>
  <c r="A111517" i="1" s="1"/>
  <c r="A111518" i="1" s="1"/>
  <c r="A111519" i="1" s="1"/>
  <c r="A111520" i="1" s="1"/>
  <c r="A111521" i="1" s="1"/>
  <c r="A111522" i="1" s="1"/>
  <c r="A111523" i="1" s="1"/>
  <c r="A111524" i="1" s="1"/>
  <c r="A111525" i="1" s="1"/>
  <c r="A111526" i="1" s="1"/>
  <c r="A111527" i="1" s="1"/>
  <c r="A111528" i="1" s="1"/>
  <c r="A111529" i="1" s="1"/>
  <c r="A111530" i="1" s="1"/>
  <c r="A111531" i="1" s="1"/>
  <c r="A111532" i="1" s="1"/>
  <c r="A111533" i="1" s="1"/>
  <c r="A111534" i="1" s="1"/>
  <c r="A111535" i="1" s="1"/>
  <c r="A111536" i="1" s="1"/>
  <c r="A111537" i="1" s="1"/>
  <c r="A111538" i="1" s="1"/>
  <c r="A111539" i="1" s="1"/>
  <c r="A111540" i="1" s="1"/>
  <c r="A111541" i="1" s="1"/>
  <c r="A111542" i="1" s="1"/>
  <c r="A111543" i="1" s="1"/>
  <c r="A111544" i="1" s="1"/>
  <c r="A111545" i="1" s="1"/>
  <c r="A111546" i="1" s="1"/>
  <c r="A111547" i="1" s="1"/>
  <c r="A111548" i="1" s="1"/>
  <c r="A111549" i="1" s="1"/>
  <c r="A111550" i="1" s="1"/>
  <c r="A111551" i="1" s="1"/>
  <c r="A111552" i="1" s="1"/>
  <c r="A111553" i="1" s="1"/>
  <c r="A111554" i="1" s="1"/>
  <c r="A111555" i="1" s="1"/>
  <c r="A111556" i="1" s="1"/>
  <c r="A111557" i="1" s="1"/>
  <c r="A111558" i="1" s="1"/>
  <c r="A111559" i="1" s="1"/>
  <c r="A111560" i="1" s="1"/>
  <c r="A111561" i="1" s="1"/>
  <c r="A111562" i="1" s="1"/>
  <c r="A111563" i="1" s="1"/>
  <c r="A111564" i="1" s="1"/>
  <c r="A111565" i="1" s="1"/>
  <c r="A111566" i="1" s="1"/>
  <c r="A111567" i="1" s="1"/>
  <c r="A111568" i="1" s="1"/>
  <c r="A111569" i="1" s="1"/>
  <c r="A111570" i="1" s="1"/>
  <c r="A111571" i="1" s="1"/>
  <c r="A111572" i="1" s="1"/>
  <c r="A111573" i="1" s="1"/>
  <c r="A111574" i="1" s="1"/>
  <c r="A111575" i="1" s="1"/>
  <c r="A111576" i="1" s="1"/>
  <c r="A111577" i="1" s="1"/>
  <c r="A111578" i="1" s="1"/>
  <c r="A111579" i="1" s="1"/>
  <c r="A111580" i="1" s="1"/>
  <c r="A111581" i="1" s="1"/>
  <c r="A111582" i="1" s="1"/>
  <c r="A111583" i="1" s="1"/>
  <c r="A111584" i="1" s="1"/>
  <c r="A111585" i="1" s="1"/>
  <c r="A111586" i="1" s="1"/>
  <c r="A111587" i="1" s="1"/>
  <c r="A111588" i="1" s="1"/>
  <c r="A111589" i="1" s="1"/>
  <c r="A111590" i="1" s="1"/>
  <c r="A111591" i="1" s="1"/>
  <c r="A111592" i="1" s="1"/>
  <c r="A111593" i="1" s="1"/>
  <c r="A111594" i="1" s="1"/>
  <c r="A111595" i="1" s="1"/>
  <c r="A111596" i="1" s="1"/>
  <c r="A111597" i="1" s="1"/>
  <c r="A111598" i="1" s="1"/>
  <c r="A111599" i="1" s="1"/>
  <c r="A111600" i="1" s="1"/>
  <c r="A111601" i="1" s="1"/>
  <c r="A111602" i="1" s="1"/>
  <c r="A111603" i="1" s="1"/>
  <c r="A111604" i="1" s="1"/>
  <c r="A111605" i="1" s="1"/>
  <c r="A111606" i="1" s="1"/>
  <c r="A111607" i="1" s="1"/>
  <c r="A111608" i="1" s="1"/>
  <c r="A111609" i="1" s="1"/>
  <c r="A111610" i="1" s="1"/>
  <c r="A111611" i="1" s="1"/>
  <c r="A111612" i="1" s="1"/>
  <c r="A111613" i="1" s="1"/>
  <c r="A111614" i="1" s="1"/>
  <c r="A111615" i="1" s="1"/>
  <c r="A111616" i="1" s="1"/>
  <c r="A111617" i="1" s="1"/>
  <c r="A111618" i="1" s="1"/>
  <c r="A111619" i="1" s="1"/>
  <c r="A111620" i="1" s="1"/>
  <c r="A111621" i="1" s="1"/>
  <c r="A111622" i="1" s="1"/>
  <c r="A111623" i="1" s="1"/>
  <c r="A111624" i="1" s="1"/>
  <c r="A111625" i="1" s="1"/>
  <c r="A111626" i="1" s="1"/>
  <c r="A111627" i="1" s="1"/>
  <c r="A111628" i="1" s="1"/>
  <c r="A111629" i="1" s="1"/>
  <c r="A111630" i="1" s="1"/>
  <c r="A111631" i="1" s="1"/>
  <c r="A111632" i="1" s="1"/>
  <c r="A111633" i="1" s="1"/>
  <c r="A111634" i="1" s="1"/>
  <c r="A111635" i="1" s="1"/>
  <c r="A111636" i="1" s="1"/>
  <c r="A111637" i="1" s="1"/>
  <c r="A111638" i="1" s="1"/>
  <c r="A111639" i="1" s="1"/>
  <c r="A111640" i="1" s="1"/>
  <c r="A111641" i="1" s="1"/>
  <c r="A111642" i="1" s="1"/>
  <c r="A111643" i="1" s="1"/>
  <c r="A111644" i="1" s="1"/>
  <c r="A111645" i="1" s="1"/>
  <c r="A111646" i="1" s="1"/>
  <c r="A111647" i="1" s="1"/>
  <c r="A111648" i="1" s="1"/>
  <c r="A111649" i="1" s="1"/>
  <c r="A111650" i="1" s="1"/>
  <c r="A111651" i="1" s="1"/>
  <c r="A111652" i="1" s="1"/>
  <c r="A111653" i="1" s="1"/>
  <c r="A111654" i="1" s="1"/>
  <c r="A111655" i="1" s="1"/>
  <c r="A111656" i="1" s="1"/>
  <c r="A111657" i="1" s="1"/>
  <c r="A111658" i="1" s="1"/>
  <c r="A111659" i="1" s="1"/>
  <c r="A111660" i="1" s="1"/>
  <c r="A111661" i="1" s="1"/>
  <c r="A111662" i="1" s="1"/>
  <c r="A111663" i="1" s="1"/>
  <c r="A111664" i="1" s="1"/>
  <c r="A111665" i="1" s="1"/>
  <c r="A111666" i="1" s="1"/>
  <c r="A111667" i="1" s="1"/>
  <c r="A111668" i="1" s="1"/>
  <c r="A111669" i="1" s="1"/>
  <c r="A111670" i="1" s="1"/>
  <c r="A111671" i="1" s="1"/>
  <c r="A111672" i="1" s="1"/>
  <c r="A111673" i="1" s="1"/>
  <c r="A111674" i="1" s="1"/>
  <c r="A111675" i="1" s="1"/>
  <c r="A111676" i="1" s="1"/>
  <c r="A111677" i="1" s="1"/>
  <c r="A111678" i="1" s="1"/>
  <c r="A111679" i="1" s="1"/>
  <c r="A111680" i="1" s="1"/>
  <c r="A111681" i="1" s="1"/>
  <c r="A111682" i="1" s="1"/>
  <c r="A111683" i="1" s="1"/>
  <c r="A111684" i="1" s="1"/>
  <c r="A111685" i="1" s="1"/>
  <c r="A111686" i="1" s="1"/>
  <c r="A111687" i="1" s="1"/>
  <c r="A111688" i="1" s="1"/>
  <c r="A111689" i="1" s="1"/>
  <c r="A111690" i="1" s="1"/>
  <c r="A111691" i="1" s="1"/>
  <c r="A111692" i="1" s="1"/>
  <c r="A111693" i="1" s="1"/>
  <c r="A111694" i="1" s="1"/>
  <c r="A111695" i="1" s="1"/>
  <c r="A111696" i="1" s="1"/>
  <c r="A111697" i="1" s="1"/>
  <c r="A111698" i="1" s="1"/>
  <c r="A111699" i="1" s="1"/>
  <c r="A111700" i="1" s="1"/>
  <c r="A111701" i="1" s="1"/>
  <c r="A111702" i="1" s="1"/>
  <c r="A111703" i="1" s="1"/>
  <c r="A111704" i="1" s="1"/>
  <c r="A111705" i="1" s="1"/>
  <c r="A111706" i="1" s="1"/>
  <c r="A111707" i="1" s="1"/>
  <c r="A111708" i="1" s="1"/>
  <c r="A111709" i="1" s="1"/>
  <c r="A111710" i="1" s="1"/>
  <c r="A111711" i="1" s="1"/>
  <c r="A111712" i="1" s="1"/>
  <c r="A111713" i="1" s="1"/>
  <c r="A111714" i="1" s="1"/>
  <c r="A111715" i="1" s="1"/>
  <c r="A111716" i="1" s="1"/>
  <c r="A111717" i="1" s="1"/>
  <c r="A111718" i="1" s="1"/>
  <c r="A111719" i="1" s="1"/>
  <c r="A111720" i="1" s="1"/>
  <c r="A111721" i="1" s="1"/>
  <c r="A111722" i="1" s="1"/>
  <c r="A111723" i="1" s="1"/>
  <c r="A111724" i="1" s="1"/>
  <c r="A111725" i="1" s="1"/>
  <c r="A111726" i="1" s="1"/>
  <c r="A111727" i="1" s="1"/>
  <c r="A111728" i="1" s="1"/>
  <c r="A111729" i="1" s="1"/>
  <c r="A111730" i="1" s="1"/>
  <c r="A111731" i="1" s="1"/>
  <c r="A111732" i="1" s="1"/>
  <c r="A111733" i="1" s="1"/>
  <c r="A111734" i="1" s="1"/>
  <c r="A111735" i="1" s="1"/>
  <c r="A111736" i="1" s="1"/>
  <c r="A111737" i="1" s="1"/>
  <c r="A111738" i="1" s="1"/>
  <c r="A111739" i="1" s="1"/>
  <c r="A111740" i="1" s="1"/>
  <c r="A111741" i="1" s="1"/>
  <c r="A111742" i="1" s="1"/>
  <c r="A111743" i="1" s="1"/>
  <c r="A111744" i="1" s="1"/>
  <c r="A111745" i="1" s="1"/>
  <c r="A111746" i="1" s="1"/>
  <c r="A111747" i="1" s="1"/>
  <c r="A111748" i="1" s="1"/>
  <c r="A111749" i="1" s="1"/>
  <c r="A111750" i="1" s="1"/>
  <c r="A111751" i="1" s="1"/>
  <c r="A111752" i="1" s="1"/>
  <c r="A111753" i="1" s="1"/>
  <c r="A111754" i="1" s="1"/>
  <c r="A111755" i="1" s="1"/>
  <c r="A111756" i="1" s="1"/>
  <c r="A111757" i="1" s="1"/>
  <c r="A111758" i="1" s="1"/>
  <c r="A111759" i="1" s="1"/>
  <c r="A111760" i="1" s="1"/>
  <c r="A111761" i="1" s="1"/>
  <c r="A111762" i="1" s="1"/>
  <c r="A111763" i="1" s="1"/>
  <c r="A111764" i="1" s="1"/>
  <c r="A111765" i="1" s="1"/>
  <c r="A111766" i="1" s="1"/>
  <c r="A111767" i="1" s="1"/>
  <c r="A111768" i="1" s="1"/>
  <c r="A111769" i="1" s="1"/>
  <c r="A111770" i="1" s="1"/>
  <c r="A111771" i="1" s="1"/>
  <c r="A111772" i="1" s="1"/>
  <c r="A111773" i="1" s="1"/>
  <c r="A111774" i="1" s="1"/>
  <c r="A111775" i="1" s="1"/>
  <c r="A111776" i="1" s="1"/>
  <c r="A111777" i="1" s="1"/>
  <c r="A111778" i="1" s="1"/>
  <c r="A111779" i="1" s="1"/>
  <c r="A111780" i="1" s="1"/>
  <c r="A111781" i="1" s="1"/>
  <c r="A111782" i="1" s="1"/>
  <c r="A111783" i="1" s="1"/>
  <c r="A111784" i="1" s="1"/>
  <c r="A111785" i="1" s="1"/>
  <c r="A111786" i="1" s="1"/>
  <c r="A111787" i="1" s="1"/>
  <c r="A111788" i="1" s="1"/>
  <c r="A111789" i="1" s="1"/>
  <c r="A111790" i="1" s="1"/>
  <c r="A111791" i="1" s="1"/>
  <c r="A111792" i="1" s="1"/>
  <c r="A111793" i="1" s="1"/>
  <c r="A111794" i="1" s="1"/>
  <c r="A111795" i="1" s="1"/>
  <c r="A111796" i="1" s="1"/>
  <c r="A111797" i="1" s="1"/>
  <c r="A111798" i="1" s="1"/>
  <c r="A111799" i="1" s="1"/>
  <c r="A111800" i="1" s="1"/>
  <c r="A111801" i="1" s="1"/>
  <c r="A111802" i="1" s="1"/>
  <c r="A111803" i="1" s="1"/>
  <c r="A111804" i="1" s="1"/>
  <c r="A111805" i="1" s="1"/>
  <c r="A111806" i="1" s="1"/>
  <c r="A111807" i="1" s="1"/>
  <c r="A111808" i="1" s="1"/>
  <c r="A111809" i="1" s="1"/>
  <c r="A111810" i="1" s="1"/>
  <c r="A111811" i="1" s="1"/>
  <c r="A111812" i="1" s="1"/>
  <c r="A111813" i="1" s="1"/>
  <c r="A111814" i="1" s="1"/>
  <c r="A111815" i="1" s="1"/>
  <c r="A111816" i="1" s="1"/>
  <c r="A111817" i="1" s="1"/>
  <c r="A111818" i="1" s="1"/>
  <c r="A111819" i="1" s="1"/>
  <c r="A111820" i="1" s="1"/>
  <c r="A111821" i="1" s="1"/>
  <c r="A111822" i="1" s="1"/>
  <c r="A111823" i="1" s="1"/>
  <c r="A111824" i="1" s="1"/>
  <c r="A111825" i="1" s="1"/>
  <c r="A111826" i="1" s="1"/>
  <c r="A111827" i="1" s="1"/>
  <c r="A111828" i="1" s="1"/>
  <c r="A111829" i="1" s="1"/>
  <c r="A111830" i="1" s="1"/>
  <c r="A111831" i="1" s="1"/>
  <c r="A111832" i="1" s="1"/>
  <c r="A111833" i="1" s="1"/>
  <c r="A111834" i="1" s="1"/>
  <c r="A111835" i="1" s="1"/>
  <c r="A111836" i="1" s="1"/>
  <c r="A111837" i="1" s="1"/>
  <c r="A111838" i="1" s="1"/>
  <c r="A111839" i="1" s="1"/>
  <c r="A111840" i="1" s="1"/>
  <c r="A111841" i="1" s="1"/>
  <c r="A111842" i="1" s="1"/>
  <c r="A111843" i="1" s="1"/>
  <c r="A111844" i="1" s="1"/>
  <c r="A111845" i="1" s="1"/>
  <c r="A111846" i="1" s="1"/>
  <c r="A111847" i="1" s="1"/>
  <c r="A111848" i="1" s="1"/>
  <c r="A111849" i="1" s="1"/>
  <c r="A111850" i="1" s="1"/>
  <c r="A111851" i="1" s="1"/>
  <c r="A111852" i="1" s="1"/>
  <c r="A111853" i="1" s="1"/>
  <c r="A111854" i="1" s="1"/>
  <c r="A111855" i="1" s="1"/>
  <c r="A111856" i="1" s="1"/>
  <c r="A111857" i="1" s="1"/>
  <c r="A111858" i="1" s="1"/>
  <c r="A111859" i="1" s="1"/>
  <c r="A111860" i="1" s="1"/>
  <c r="A111861" i="1" s="1"/>
  <c r="A111862" i="1" s="1"/>
  <c r="A111863" i="1" s="1"/>
  <c r="A111864" i="1" s="1"/>
  <c r="A111865" i="1" s="1"/>
  <c r="A111866" i="1" s="1"/>
  <c r="A111867" i="1" s="1"/>
  <c r="A111868" i="1" s="1"/>
  <c r="A111869" i="1" s="1"/>
  <c r="A111870" i="1" s="1"/>
  <c r="A111871" i="1" s="1"/>
  <c r="A111872" i="1" s="1"/>
  <c r="A111873" i="1" s="1"/>
  <c r="A111874" i="1" s="1"/>
  <c r="A111875" i="1" s="1"/>
  <c r="A111876" i="1" s="1"/>
  <c r="A111877" i="1" s="1"/>
  <c r="A111878" i="1" s="1"/>
  <c r="A111879" i="1" s="1"/>
  <c r="A111880" i="1" s="1"/>
  <c r="A111881" i="1" s="1"/>
  <c r="A111882" i="1" s="1"/>
  <c r="A111883" i="1" s="1"/>
  <c r="A111884" i="1" s="1"/>
  <c r="A111885" i="1" s="1"/>
  <c r="A111886" i="1" s="1"/>
  <c r="A111887" i="1" s="1"/>
  <c r="A111888" i="1" s="1"/>
  <c r="A111889" i="1" s="1"/>
  <c r="A111890" i="1" s="1"/>
  <c r="A111891" i="1" s="1"/>
  <c r="A111892" i="1" s="1"/>
  <c r="A111893" i="1" s="1"/>
  <c r="A111894" i="1" s="1"/>
  <c r="A111895" i="1" s="1"/>
  <c r="A111896" i="1" s="1"/>
  <c r="A111897" i="1" s="1"/>
  <c r="A111898" i="1" s="1"/>
  <c r="A111899" i="1" s="1"/>
  <c r="A111900" i="1" s="1"/>
  <c r="A111901" i="1" s="1"/>
  <c r="A111902" i="1" s="1"/>
  <c r="A111903" i="1" s="1"/>
  <c r="A111904" i="1" s="1"/>
  <c r="A111905" i="1" s="1"/>
  <c r="A111906" i="1" s="1"/>
  <c r="A111907" i="1" s="1"/>
  <c r="A111908" i="1" s="1"/>
  <c r="A111909" i="1" s="1"/>
  <c r="A111910" i="1" s="1"/>
  <c r="A111911" i="1" s="1"/>
  <c r="A111912" i="1" s="1"/>
  <c r="A111913" i="1" s="1"/>
  <c r="A111914" i="1" s="1"/>
  <c r="A111915" i="1" s="1"/>
  <c r="A111916" i="1" s="1"/>
  <c r="A111917" i="1" s="1"/>
  <c r="A111918" i="1" s="1"/>
  <c r="A111919" i="1" s="1"/>
  <c r="A111920" i="1" s="1"/>
  <c r="A111921" i="1" s="1"/>
  <c r="A111922" i="1" s="1"/>
  <c r="A111923" i="1" s="1"/>
  <c r="A111924" i="1" s="1"/>
  <c r="A111925" i="1" s="1"/>
  <c r="A111926" i="1" s="1"/>
  <c r="A111927" i="1" s="1"/>
  <c r="A111928" i="1" s="1"/>
  <c r="A111929" i="1" s="1"/>
  <c r="A111930" i="1" s="1"/>
  <c r="A111931" i="1" s="1"/>
  <c r="A111932" i="1" s="1"/>
  <c r="A111933" i="1" s="1"/>
  <c r="A111934" i="1" s="1"/>
  <c r="A111935" i="1" s="1"/>
  <c r="A111936" i="1" s="1"/>
  <c r="A111937" i="1" s="1"/>
  <c r="A111938" i="1" s="1"/>
  <c r="A111939" i="1" s="1"/>
  <c r="A111940" i="1" s="1"/>
  <c r="A111941" i="1" s="1"/>
  <c r="A111942" i="1" s="1"/>
  <c r="A111943" i="1" s="1"/>
  <c r="A111944" i="1" s="1"/>
  <c r="A111945" i="1" s="1"/>
  <c r="A111946" i="1" s="1"/>
  <c r="A111947" i="1" s="1"/>
  <c r="A111948" i="1" s="1"/>
  <c r="A111949" i="1" s="1"/>
  <c r="A111950" i="1" s="1"/>
  <c r="A111951" i="1" s="1"/>
  <c r="A111952" i="1" s="1"/>
  <c r="A111953" i="1" s="1"/>
  <c r="A111954" i="1" s="1"/>
  <c r="A111955" i="1" s="1"/>
  <c r="A111956" i="1" s="1"/>
  <c r="A111957" i="1" s="1"/>
  <c r="A111958" i="1" s="1"/>
  <c r="A111959" i="1" s="1"/>
  <c r="A111960" i="1" s="1"/>
  <c r="A111961" i="1" s="1"/>
  <c r="A111962" i="1" s="1"/>
  <c r="A111963" i="1" s="1"/>
  <c r="A111964" i="1" s="1"/>
  <c r="A111965" i="1" s="1"/>
  <c r="A111966" i="1" s="1"/>
  <c r="A111967" i="1" s="1"/>
  <c r="A111968" i="1" s="1"/>
  <c r="A111969" i="1" s="1"/>
  <c r="A111970" i="1" s="1"/>
  <c r="A111971" i="1" s="1"/>
  <c r="A111972" i="1" s="1"/>
  <c r="A111973" i="1" s="1"/>
  <c r="A111974" i="1" s="1"/>
  <c r="A111975" i="1" s="1"/>
  <c r="A111976" i="1" s="1"/>
  <c r="A111977" i="1" s="1"/>
  <c r="A111978" i="1" s="1"/>
  <c r="A111979" i="1" s="1"/>
  <c r="A111980" i="1" s="1"/>
  <c r="A111981" i="1" s="1"/>
  <c r="A111982" i="1" s="1"/>
  <c r="A111983" i="1" s="1"/>
  <c r="A111984" i="1" s="1"/>
  <c r="A111985" i="1" s="1"/>
  <c r="A111986" i="1" s="1"/>
  <c r="A111987" i="1" s="1"/>
  <c r="A111988" i="1" s="1"/>
  <c r="A111989" i="1" s="1"/>
  <c r="A111990" i="1" s="1"/>
  <c r="A111991" i="1" s="1"/>
  <c r="A111992" i="1" s="1"/>
  <c r="A111993" i="1" s="1"/>
  <c r="A111994" i="1" s="1"/>
  <c r="A111995" i="1" s="1"/>
  <c r="A111996" i="1" s="1"/>
  <c r="A111997" i="1" s="1"/>
  <c r="A111998" i="1" s="1"/>
  <c r="A111999" i="1" s="1"/>
  <c r="A112000" i="1" s="1"/>
  <c r="A112001" i="1" s="1"/>
  <c r="A112002" i="1" s="1"/>
  <c r="A112003" i="1" s="1"/>
  <c r="A112004" i="1" s="1"/>
  <c r="A112005" i="1" s="1"/>
  <c r="A112006" i="1" s="1"/>
  <c r="A112007" i="1" s="1"/>
  <c r="A112008" i="1" s="1"/>
  <c r="A112009" i="1" s="1"/>
  <c r="A112010" i="1" s="1"/>
  <c r="A112011" i="1" s="1"/>
  <c r="A112012" i="1" s="1"/>
  <c r="A112013" i="1" s="1"/>
  <c r="A112014" i="1" s="1"/>
  <c r="A112015" i="1" s="1"/>
  <c r="A112016" i="1" s="1"/>
  <c r="A112017" i="1" s="1"/>
  <c r="A112018" i="1" s="1"/>
  <c r="A112019" i="1" s="1"/>
  <c r="A112020" i="1" s="1"/>
  <c r="A112021" i="1" s="1"/>
  <c r="A112022" i="1" s="1"/>
  <c r="A112023" i="1" s="1"/>
  <c r="A112024" i="1" s="1"/>
  <c r="A112025" i="1" s="1"/>
  <c r="A112026" i="1" s="1"/>
  <c r="A112027" i="1" s="1"/>
  <c r="A112028" i="1" s="1"/>
  <c r="A112029" i="1" s="1"/>
  <c r="A112030" i="1" s="1"/>
  <c r="A112031" i="1" s="1"/>
  <c r="A112032" i="1" s="1"/>
  <c r="A112033" i="1" s="1"/>
  <c r="A112034" i="1" s="1"/>
  <c r="A112035" i="1" s="1"/>
  <c r="A112036" i="1" s="1"/>
  <c r="A112037" i="1" s="1"/>
  <c r="A112038" i="1" s="1"/>
  <c r="A112039" i="1" s="1"/>
  <c r="A112040" i="1" s="1"/>
  <c r="A112041" i="1" s="1"/>
  <c r="A112042" i="1" s="1"/>
  <c r="A112043" i="1" s="1"/>
  <c r="A112044" i="1" s="1"/>
  <c r="A112045" i="1" s="1"/>
  <c r="A112046" i="1" s="1"/>
  <c r="A112047" i="1" s="1"/>
  <c r="A112048" i="1" s="1"/>
  <c r="A112049" i="1" s="1"/>
  <c r="A112050" i="1" s="1"/>
  <c r="A112051" i="1" s="1"/>
  <c r="A112052" i="1" s="1"/>
  <c r="A112053" i="1" s="1"/>
  <c r="A112054" i="1" s="1"/>
  <c r="A112055" i="1" s="1"/>
  <c r="A112056" i="1" s="1"/>
  <c r="A112057" i="1" s="1"/>
  <c r="A112058" i="1" s="1"/>
  <c r="A112059" i="1" s="1"/>
  <c r="A112060" i="1" s="1"/>
  <c r="A112061" i="1" s="1"/>
  <c r="A112062" i="1" s="1"/>
  <c r="A112063" i="1" s="1"/>
  <c r="A112064" i="1" s="1"/>
  <c r="A112065" i="1" s="1"/>
  <c r="A112066" i="1" s="1"/>
  <c r="A112067" i="1" s="1"/>
  <c r="A112068" i="1" s="1"/>
  <c r="A112069" i="1" s="1"/>
  <c r="A112070" i="1" s="1"/>
  <c r="A112071" i="1" s="1"/>
  <c r="A112072" i="1" s="1"/>
  <c r="A112073" i="1" s="1"/>
  <c r="A112074" i="1" s="1"/>
  <c r="A112075" i="1" s="1"/>
  <c r="A112076" i="1" s="1"/>
  <c r="A112077" i="1" s="1"/>
  <c r="A112078" i="1" s="1"/>
  <c r="A112079" i="1" s="1"/>
  <c r="A112080" i="1" s="1"/>
  <c r="A112081" i="1" s="1"/>
  <c r="A112082" i="1" s="1"/>
  <c r="A112083" i="1" s="1"/>
  <c r="A112084" i="1" s="1"/>
  <c r="A112085" i="1" s="1"/>
  <c r="A112086" i="1" s="1"/>
  <c r="A112087" i="1" s="1"/>
  <c r="A112088" i="1" s="1"/>
  <c r="A112089" i="1" s="1"/>
  <c r="A112090" i="1" s="1"/>
  <c r="A112091" i="1" s="1"/>
  <c r="A112092" i="1" s="1"/>
  <c r="A112093" i="1" s="1"/>
  <c r="A112094" i="1" s="1"/>
  <c r="A112095" i="1" s="1"/>
  <c r="A112096" i="1" s="1"/>
  <c r="A112097" i="1" s="1"/>
  <c r="A112098" i="1" s="1"/>
  <c r="A112099" i="1" s="1"/>
  <c r="A112100" i="1" s="1"/>
  <c r="A112101" i="1" s="1"/>
  <c r="A112102" i="1" s="1"/>
  <c r="A112103" i="1" s="1"/>
  <c r="A112104" i="1" s="1"/>
  <c r="A112105" i="1" s="1"/>
  <c r="A112106" i="1" s="1"/>
  <c r="A112107" i="1" s="1"/>
  <c r="A112108" i="1" s="1"/>
  <c r="A112109" i="1" s="1"/>
  <c r="A112110" i="1" s="1"/>
  <c r="A112111" i="1" s="1"/>
  <c r="A112112" i="1" s="1"/>
  <c r="A112113" i="1" s="1"/>
  <c r="A112114" i="1" s="1"/>
  <c r="A112115" i="1" s="1"/>
  <c r="A112116" i="1" s="1"/>
  <c r="A112117" i="1" s="1"/>
  <c r="A112118" i="1" s="1"/>
  <c r="A112119" i="1" s="1"/>
  <c r="A112120" i="1" s="1"/>
  <c r="A112121" i="1" s="1"/>
  <c r="A112122" i="1" s="1"/>
  <c r="A112123" i="1" s="1"/>
  <c r="A112124" i="1" s="1"/>
  <c r="A112125" i="1" s="1"/>
  <c r="A112126" i="1" s="1"/>
  <c r="A112127" i="1" s="1"/>
  <c r="A112128" i="1" s="1"/>
  <c r="A112129" i="1" s="1"/>
  <c r="A112130" i="1" s="1"/>
  <c r="A112131" i="1" s="1"/>
  <c r="A112132" i="1" s="1"/>
  <c r="A112133" i="1" s="1"/>
  <c r="A112134" i="1" s="1"/>
  <c r="A112135" i="1" s="1"/>
  <c r="A112136" i="1" s="1"/>
  <c r="A112137" i="1" s="1"/>
  <c r="A112138" i="1" s="1"/>
  <c r="A112139" i="1" s="1"/>
  <c r="A112140" i="1" s="1"/>
  <c r="A112141" i="1" s="1"/>
  <c r="A112142" i="1" s="1"/>
  <c r="A112143" i="1" s="1"/>
  <c r="A112144" i="1" s="1"/>
  <c r="A112145" i="1" s="1"/>
  <c r="A112146" i="1" s="1"/>
  <c r="A112147" i="1" s="1"/>
  <c r="A112148" i="1" s="1"/>
  <c r="A112149" i="1" s="1"/>
  <c r="A112150" i="1" s="1"/>
  <c r="A112151" i="1" s="1"/>
  <c r="A112152" i="1" s="1"/>
  <c r="A112153" i="1" s="1"/>
  <c r="A112154" i="1" s="1"/>
  <c r="A112155" i="1" s="1"/>
  <c r="A112156" i="1" s="1"/>
  <c r="A112157" i="1" s="1"/>
  <c r="A112158" i="1" s="1"/>
  <c r="A112159" i="1" s="1"/>
  <c r="A112160" i="1" s="1"/>
  <c r="A112161" i="1" s="1"/>
  <c r="A112162" i="1" s="1"/>
  <c r="A112163" i="1" s="1"/>
  <c r="A112164" i="1" s="1"/>
  <c r="A112165" i="1" s="1"/>
  <c r="A112166" i="1" s="1"/>
  <c r="A112167" i="1" s="1"/>
  <c r="A112168" i="1" s="1"/>
  <c r="A112169" i="1" s="1"/>
  <c r="A112170" i="1" s="1"/>
  <c r="A112171" i="1" s="1"/>
  <c r="A112172" i="1" s="1"/>
  <c r="A112173" i="1" s="1"/>
  <c r="A112174" i="1" s="1"/>
  <c r="A112175" i="1" s="1"/>
  <c r="A112176" i="1" s="1"/>
  <c r="A112177" i="1" s="1"/>
  <c r="A112178" i="1" s="1"/>
  <c r="A112179" i="1" s="1"/>
  <c r="A112180" i="1" s="1"/>
  <c r="A112181" i="1" s="1"/>
  <c r="A112182" i="1" s="1"/>
  <c r="A112183" i="1" s="1"/>
  <c r="A112184" i="1" s="1"/>
  <c r="A112185" i="1" s="1"/>
  <c r="A112186" i="1" s="1"/>
  <c r="A112187" i="1" s="1"/>
  <c r="A112188" i="1" s="1"/>
  <c r="A112189" i="1" s="1"/>
  <c r="A112190" i="1" s="1"/>
  <c r="A112191" i="1" s="1"/>
  <c r="A112192" i="1" s="1"/>
  <c r="A112193" i="1" s="1"/>
  <c r="A112194" i="1" s="1"/>
  <c r="A112195" i="1" s="1"/>
  <c r="A112196" i="1" s="1"/>
  <c r="A112197" i="1" s="1"/>
  <c r="A112198" i="1" s="1"/>
  <c r="A112199" i="1" s="1"/>
  <c r="A112200" i="1" s="1"/>
  <c r="A112201" i="1" s="1"/>
  <c r="A112202" i="1" s="1"/>
  <c r="A112203" i="1" s="1"/>
  <c r="A112204" i="1" s="1"/>
  <c r="A112205" i="1" s="1"/>
  <c r="A112206" i="1" s="1"/>
  <c r="A112207" i="1" s="1"/>
  <c r="A112208" i="1" s="1"/>
  <c r="A112209" i="1" s="1"/>
  <c r="A112210" i="1" s="1"/>
  <c r="A112211" i="1" s="1"/>
  <c r="A112212" i="1" s="1"/>
  <c r="A112213" i="1" s="1"/>
  <c r="A112214" i="1" s="1"/>
  <c r="A112215" i="1" s="1"/>
  <c r="A112216" i="1" s="1"/>
  <c r="A112217" i="1" s="1"/>
  <c r="A112218" i="1" s="1"/>
  <c r="A112219" i="1" s="1"/>
  <c r="A112220" i="1" s="1"/>
  <c r="A112221" i="1" s="1"/>
  <c r="A112222" i="1" s="1"/>
  <c r="A112223" i="1" s="1"/>
  <c r="A112224" i="1" s="1"/>
  <c r="A112225" i="1" s="1"/>
  <c r="A112226" i="1" s="1"/>
  <c r="A112227" i="1" s="1"/>
  <c r="A112228" i="1" s="1"/>
  <c r="A112229" i="1" s="1"/>
  <c r="A112230" i="1" s="1"/>
  <c r="A112231" i="1" s="1"/>
  <c r="A112232" i="1" s="1"/>
  <c r="A112233" i="1" s="1"/>
  <c r="A112234" i="1" s="1"/>
  <c r="A112235" i="1" s="1"/>
  <c r="A112236" i="1" s="1"/>
  <c r="A112237" i="1" s="1"/>
  <c r="A112238" i="1" s="1"/>
  <c r="A112239" i="1" s="1"/>
  <c r="A112240" i="1" s="1"/>
  <c r="A112241" i="1" s="1"/>
  <c r="A112242" i="1" s="1"/>
  <c r="A112243" i="1" s="1"/>
  <c r="A112244" i="1" s="1"/>
  <c r="A112245" i="1" s="1"/>
  <c r="A112246" i="1" s="1"/>
  <c r="A112247" i="1" s="1"/>
  <c r="A112248" i="1" s="1"/>
  <c r="A112249" i="1" s="1"/>
  <c r="A112250" i="1" s="1"/>
  <c r="A112251" i="1" s="1"/>
  <c r="A112252" i="1" s="1"/>
  <c r="A112253" i="1" s="1"/>
  <c r="A112254" i="1" s="1"/>
  <c r="A112255" i="1" s="1"/>
  <c r="A112256" i="1" s="1"/>
  <c r="A112257" i="1" s="1"/>
  <c r="A112258" i="1" s="1"/>
  <c r="A112259" i="1" s="1"/>
  <c r="A112260" i="1" s="1"/>
  <c r="A112261" i="1" s="1"/>
  <c r="A112262" i="1" s="1"/>
  <c r="A112263" i="1" s="1"/>
  <c r="A112264" i="1" s="1"/>
  <c r="A112265" i="1" s="1"/>
  <c r="A112266" i="1" s="1"/>
  <c r="A112267" i="1" s="1"/>
  <c r="A112268" i="1" s="1"/>
  <c r="A112269" i="1" s="1"/>
  <c r="A112270" i="1" s="1"/>
  <c r="A112271" i="1" s="1"/>
  <c r="A112272" i="1" s="1"/>
  <c r="A112273" i="1" s="1"/>
  <c r="A112274" i="1" s="1"/>
  <c r="A112275" i="1" s="1"/>
  <c r="A112276" i="1" s="1"/>
  <c r="A112277" i="1" s="1"/>
  <c r="A112278" i="1" s="1"/>
  <c r="A112279" i="1" s="1"/>
  <c r="A112280" i="1" s="1"/>
  <c r="A112281" i="1" s="1"/>
  <c r="A112282" i="1" s="1"/>
  <c r="A112283" i="1" s="1"/>
  <c r="A112284" i="1" s="1"/>
  <c r="A112285" i="1" s="1"/>
  <c r="A112286" i="1" s="1"/>
  <c r="A112287" i="1" s="1"/>
  <c r="A112288" i="1" s="1"/>
  <c r="A112289" i="1" s="1"/>
  <c r="A112290" i="1" s="1"/>
  <c r="A112291" i="1" s="1"/>
  <c r="A112292" i="1" s="1"/>
  <c r="A112293" i="1" s="1"/>
  <c r="A112294" i="1" s="1"/>
  <c r="A112295" i="1" s="1"/>
  <c r="A112296" i="1" s="1"/>
  <c r="A112297" i="1" s="1"/>
  <c r="A112298" i="1" s="1"/>
  <c r="A112299" i="1" s="1"/>
  <c r="A112300" i="1" s="1"/>
  <c r="A112301" i="1" s="1"/>
  <c r="A112302" i="1" s="1"/>
  <c r="A112303" i="1" s="1"/>
  <c r="A112304" i="1" s="1"/>
  <c r="A112305" i="1" s="1"/>
  <c r="A112306" i="1" s="1"/>
  <c r="A112307" i="1" s="1"/>
  <c r="A112308" i="1" s="1"/>
  <c r="A112309" i="1" s="1"/>
  <c r="A112310" i="1" s="1"/>
  <c r="A112311" i="1" s="1"/>
  <c r="A112312" i="1" s="1"/>
  <c r="A112313" i="1" s="1"/>
  <c r="A112314" i="1" s="1"/>
  <c r="A112315" i="1" s="1"/>
  <c r="A112316" i="1" s="1"/>
  <c r="A112317" i="1" s="1"/>
  <c r="A112318" i="1" s="1"/>
  <c r="A112319" i="1" s="1"/>
  <c r="A112320" i="1" s="1"/>
  <c r="A112321" i="1" s="1"/>
  <c r="A112322" i="1" s="1"/>
  <c r="A112323" i="1" s="1"/>
  <c r="A112324" i="1" s="1"/>
  <c r="A112325" i="1" s="1"/>
  <c r="A112326" i="1" s="1"/>
  <c r="A112327" i="1" s="1"/>
  <c r="A112328" i="1" s="1"/>
  <c r="A112329" i="1" s="1"/>
  <c r="A112330" i="1" s="1"/>
  <c r="A112331" i="1" s="1"/>
  <c r="A112332" i="1" s="1"/>
  <c r="A112333" i="1" s="1"/>
  <c r="A112334" i="1" s="1"/>
  <c r="A112335" i="1" s="1"/>
  <c r="A112336" i="1" s="1"/>
  <c r="A112337" i="1" s="1"/>
  <c r="A112338" i="1" s="1"/>
  <c r="A112339" i="1" s="1"/>
  <c r="A112340" i="1" s="1"/>
  <c r="A112341" i="1" s="1"/>
  <c r="A112342" i="1" s="1"/>
  <c r="A112343" i="1" s="1"/>
  <c r="A112344" i="1" s="1"/>
  <c r="A112345" i="1" s="1"/>
  <c r="A112346" i="1" s="1"/>
  <c r="A112347" i="1" s="1"/>
  <c r="A112348" i="1" s="1"/>
  <c r="A112349" i="1" s="1"/>
  <c r="A112350" i="1" s="1"/>
  <c r="A112351" i="1" s="1"/>
  <c r="A112352" i="1" s="1"/>
  <c r="A112353" i="1" s="1"/>
  <c r="A112354" i="1" s="1"/>
  <c r="A112355" i="1" s="1"/>
  <c r="A112356" i="1" s="1"/>
  <c r="A112357" i="1" s="1"/>
  <c r="A112358" i="1" s="1"/>
  <c r="A112359" i="1" s="1"/>
  <c r="A112360" i="1" s="1"/>
  <c r="A112361" i="1" s="1"/>
  <c r="A112362" i="1" s="1"/>
  <c r="A112363" i="1" s="1"/>
  <c r="A112364" i="1" s="1"/>
  <c r="A112365" i="1" s="1"/>
  <c r="A112366" i="1" s="1"/>
  <c r="A112367" i="1" s="1"/>
  <c r="A112368" i="1" s="1"/>
  <c r="A112369" i="1" s="1"/>
  <c r="A112370" i="1" s="1"/>
  <c r="A112371" i="1" s="1"/>
  <c r="A112372" i="1" s="1"/>
  <c r="A112373" i="1" s="1"/>
  <c r="A112374" i="1" s="1"/>
  <c r="A112375" i="1" s="1"/>
  <c r="A112376" i="1" s="1"/>
  <c r="A112377" i="1" s="1"/>
  <c r="A112378" i="1" s="1"/>
  <c r="A112379" i="1" s="1"/>
  <c r="A112380" i="1" s="1"/>
  <c r="A112381" i="1" s="1"/>
  <c r="A112382" i="1" s="1"/>
  <c r="A112383" i="1" s="1"/>
  <c r="A112384" i="1" s="1"/>
  <c r="A112385" i="1" s="1"/>
  <c r="A112386" i="1" s="1"/>
  <c r="A112387" i="1" s="1"/>
  <c r="A112388" i="1" s="1"/>
  <c r="A112389" i="1" s="1"/>
  <c r="A112390" i="1" s="1"/>
  <c r="A112391" i="1" s="1"/>
  <c r="A112392" i="1" s="1"/>
  <c r="A112393" i="1" s="1"/>
  <c r="A112394" i="1" s="1"/>
  <c r="A112395" i="1" s="1"/>
  <c r="A112396" i="1" s="1"/>
  <c r="A112397" i="1" s="1"/>
  <c r="A112398" i="1" s="1"/>
  <c r="A112399" i="1" s="1"/>
  <c r="A112400" i="1" s="1"/>
  <c r="A112401" i="1" s="1"/>
  <c r="A112402" i="1" s="1"/>
  <c r="A112403" i="1" s="1"/>
  <c r="A112404" i="1" s="1"/>
  <c r="A112405" i="1" s="1"/>
  <c r="A112406" i="1" s="1"/>
  <c r="A112407" i="1" s="1"/>
  <c r="A112408" i="1" s="1"/>
  <c r="A112409" i="1" s="1"/>
  <c r="A112410" i="1" s="1"/>
  <c r="A112411" i="1" s="1"/>
  <c r="A112412" i="1" s="1"/>
  <c r="A112413" i="1" s="1"/>
  <c r="A112414" i="1" s="1"/>
  <c r="A112415" i="1" s="1"/>
  <c r="A112416" i="1" s="1"/>
  <c r="A112417" i="1" s="1"/>
  <c r="A112418" i="1" s="1"/>
  <c r="A112419" i="1" s="1"/>
  <c r="A112420" i="1" s="1"/>
  <c r="A112421" i="1" s="1"/>
  <c r="A112422" i="1" s="1"/>
  <c r="A112423" i="1" s="1"/>
  <c r="A112424" i="1" s="1"/>
  <c r="A112425" i="1" s="1"/>
  <c r="A112426" i="1" s="1"/>
  <c r="A112427" i="1" s="1"/>
  <c r="A112428" i="1" s="1"/>
  <c r="A112429" i="1" s="1"/>
  <c r="A112430" i="1" s="1"/>
  <c r="A112431" i="1" s="1"/>
  <c r="A112432" i="1" s="1"/>
  <c r="A112433" i="1" s="1"/>
  <c r="A112434" i="1" s="1"/>
  <c r="A112435" i="1" s="1"/>
  <c r="A112436" i="1" s="1"/>
  <c r="A112437" i="1" s="1"/>
  <c r="A112438" i="1" s="1"/>
  <c r="A112439" i="1" s="1"/>
  <c r="A112440" i="1" s="1"/>
  <c r="A112441" i="1" s="1"/>
  <c r="A112442" i="1" s="1"/>
  <c r="A112443" i="1" s="1"/>
  <c r="A112444" i="1" s="1"/>
  <c r="A112445" i="1" s="1"/>
  <c r="A112446" i="1" s="1"/>
  <c r="A112447" i="1" s="1"/>
  <c r="A112448" i="1" s="1"/>
  <c r="A112449" i="1" s="1"/>
  <c r="A112450" i="1" s="1"/>
  <c r="A112451" i="1" s="1"/>
  <c r="A112452" i="1" s="1"/>
  <c r="A112453" i="1" s="1"/>
  <c r="A112454" i="1" s="1"/>
  <c r="A112455" i="1" s="1"/>
  <c r="A112456" i="1" s="1"/>
  <c r="A112457" i="1" s="1"/>
  <c r="A112458" i="1" s="1"/>
  <c r="A112459" i="1" s="1"/>
  <c r="A112460" i="1" s="1"/>
  <c r="A112461" i="1" s="1"/>
  <c r="A112462" i="1" s="1"/>
  <c r="A112463" i="1" s="1"/>
  <c r="A112464" i="1" s="1"/>
  <c r="A112465" i="1" s="1"/>
  <c r="A112466" i="1" s="1"/>
  <c r="A112467" i="1" s="1"/>
  <c r="A112468" i="1" s="1"/>
  <c r="A112469" i="1" s="1"/>
  <c r="A112470" i="1" s="1"/>
  <c r="A112471" i="1" s="1"/>
  <c r="A112472" i="1" s="1"/>
  <c r="A112473" i="1" s="1"/>
  <c r="A112474" i="1" s="1"/>
  <c r="A112475" i="1" s="1"/>
  <c r="A112476" i="1" s="1"/>
  <c r="A112477" i="1" s="1"/>
  <c r="A112478" i="1" s="1"/>
  <c r="A112479" i="1" s="1"/>
  <c r="A112480" i="1" s="1"/>
  <c r="A112481" i="1" s="1"/>
  <c r="A112482" i="1" s="1"/>
  <c r="A112483" i="1" s="1"/>
  <c r="A112484" i="1" s="1"/>
  <c r="A112485" i="1" s="1"/>
  <c r="A112486" i="1" s="1"/>
  <c r="A112487" i="1" s="1"/>
  <c r="A112488" i="1" s="1"/>
  <c r="A112489" i="1" s="1"/>
  <c r="A112490" i="1" s="1"/>
  <c r="A112491" i="1" s="1"/>
  <c r="A112492" i="1" s="1"/>
  <c r="A112493" i="1" s="1"/>
  <c r="A112494" i="1" s="1"/>
  <c r="A112495" i="1" s="1"/>
  <c r="A112496" i="1" s="1"/>
  <c r="A112497" i="1" s="1"/>
  <c r="A112498" i="1" s="1"/>
  <c r="A112499" i="1" s="1"/>
  <c r="A112500" i="1" s="1"/>
  <c r="A112501" i="1" s="1"/>
  <c r="A112502" i="1" s="1"/>
  <c r="A112503" i="1" s="1"/>
  <c r="A112504" i="1" s="1"/>
  <c r="A112505" i="1" s="1"/>
  <c r="A112506" i="1" s="1"/>
  <c r="A112507" i="1" s="1"/>
  <c r="A112508" i="1" s="1"/>
  <c r="A112509" i="1" s="1"/>
  <c r="A112510" i="1" s="1"/>
  <c r="A112511" i="1" s="1"/>
  <c r="A112512" i="1" s="1"/>
  <c r="A112513" i="1" s="1"/>
  <c r="A112514" i="1" s="1"/>
  <c r="A112515" i="1" s="1"/>
  <c r="A112516" i="1" s="1"/>
  <c r="A112517" i="1" s="1"/>
  <c r="A112518" i="1" s="1"/>
  <c r="A112519" i="1" s="1"/>
  <c r="A112520" i="1" s="1"/>
  <c r="A112521" i="1" s="1"/>
  <c r="A112522" i="1" s="1"/>
  <c r="A112523" i="1" s="1"/>
  <c r="A112524" i="1" s="1"/>
  <c r="A112525" i="1" s="1"/>
  <c r="A112526" i="1" s="1"/>
  <c r="A112527" i="1" s="1"/>
  <c r="A112528" i="1" s="1"/>
  <c r="A112529" i="1" s="1"/>
  <c r="A112530" i="1" s="1"/>
  <c r="A112531" i="1" s="1"/>
  <c r="A112532" i="1" s="1"/>
  <c r="A112533" i="1" s="1"/>
  <c r="A112534" i="1" s="1"/>
  <c r="A112535" i="1" s="1"/>
  <c r="A112536" i="1" s="1"/>
  <c r="A112537" i="1" s="1"/>
  <c r="A112538" i="1" s="1"/>
  <c r="A112539" i="1" s="1"/>
  <c r="A112540" i="1" s="1"/>
  <c r="A112541" i="1" s="1"/>
  <c r="A112542" i="1" s="1"/>
  <c r="A112543" i="1" s="1"/>
  <c r="A112544" i="1" s="1"/>
  <c r="A112545" i="1" s="1"/>
  <c r="A112546" i="1" s="1"/>
  <c r="A112547" i="1" s="1"/>
  <c r="A112548" i="1" s="1"/>
  <c r="A112549" i="1" s="1"/>
  <c r="A112550" i="1" s="1"/>
  <c r="A112551" i="1" s="1"/>
  <c r="A112552" i="1" s="1"/>
  <c r="A112553" i="1" s="1"/>
  <c r="A112554" i="1" s="1"/>
  <c r="A112555" i="1" s="1"/>
  <c r="A112556" i="1" s="1"/>
  <c r="A112557" i="1" s="1"/>
  <c r="A112558" i="1" s="1"/>
  <c r="A112559" i="1" s="1"/>
  <c r="A112560" i="1" s="1"/>
  <c r="A112561" i="1" s="1"/>
  <c r="A112562" i="1" s="1"/>
  <c r="A112563" i="1" s="1"/>
  <c r="A112564" i="1" s="1"/>
  <c r="A112565" i="1" s="1"/>
  <c r="A112566" i="1" s="1"/>
  <c r="A112567" i="1" s="1"/>
  <c r="A112568" i="1" s="1"/>
  <c r="A112569" i="1" s="1"/>
  <c r="A112570" i="1" s="1"/>
  <c r="A112571" i="1" s="1"/>
  <c r="A112572" i="1" s="1"/>
  <c r="A112573" i="1" s="1"/>
  <c r="A112574" i="1" s="1"/>
  <c r="A112575" i="1" s="1"/>
  <c r="A112576" i="1" s="1"/>
  <c r="A112577" i="1" s="1"/>
  <c r="A112578" i="1" s="1"/>
  <c r="A112579" i="1" s="1"/>
  <c r="A112580" i="1" s="1"/>
  <c r="A112581" i="1" s="1"/>
  <c r="A112582" i="1" s="1"/>
  <c r="A112583" i="1" s="1"/>
  <c r="A112584" i="1" s="1"/>
  <c r="A112585" i="1" s="1"/>
  <c r="A112586" i="1" s="1"/>
  <c r="A112587" i="1" s="1"/>
  <c r="A112588" i="1" s="1"/>
  <c r="A112589" i="1" s="1"/>
  <c r="A112590" i="1" s="1"/>
  <c r="A112591" i="1" s="1"/>
  <c r="A112592" i="1" s="1"/>
  <c r="A112593" i="1" s="1"/>
  <c r="A112594" i="1" s="1"/>
  <c r="A112595" i="1" s="1"/>
  <c r="A112596" i="1" s="1"/>
  <c r="A112597" i="1" s="1"/>
  <c r="A112598" i="1" s="1"/>
  <c r="A112599" i="1" s="1"/>
  <c r="A112600" i="1" s="1"/>
  <c r="A112601" i="1" s="1"/>
  <c r="A112602" i="1" s="1"/>
  <c r="A112603" i="1" s="1"/>
  <c r="A112604" i="1" s="1"/>
  <c r="A112605" i="1" s="1"/>
  <c r="A112606" i="1" s="1"/>
  <c r="A112607" i="1" s="1"/>
  <c r="A112608" i="1" s="1"/>
  <c r="A112609" i="1" s="1"/>
  <c r="A112610" i="1" s="1"/>
  <c r="A112611" i="1" s="1"/>
  <c r="A112612" i="1" s="1"/>
  <c r="A112613" i="1" s="1"/>
  <c r="A112614" i="1" s="1"/>
  <c r="A112615" i="1" s="1"/>
  <c r="A112616" i="1" s="1"/>
  <c r="A112617" i="1" s="1"/>
  <c r="A112618" i="1" s="1"/>
  <c r="A112619" i="1" s="1"/>
  <c r="A112620" i="1" s="1"/>
  <c r="A112621" i="1" s="1"/>
  <c r="A112622" i="1" s="1"/>
  <c r="A112623" i="1" s="1"/>
  <c r="A112624" i="1" s="1"/>
  <c r="A112625" i="1" s="1"/>
  <c r="A112626" i="1" s="1"/>
  <c r="A112627" i="1" s="1"/>
  <c r="A112628" i="1" s="1"/>
  <c r="A112629" i="1" s="1"/>
  <c r="A112630" i="1" s="1"/>
  <c r="A112631" i="1" s="1"/>
  <c r="A112632" i="1" s="1"/>
  <c r="A112633" i="1" s="1"/>
  <c r="A112634" i="1" s="1"/>
  <c r="A112635" i="1" s="1"/>
  <c r="A112636" i="1" s="1"/>
  <c r="A112637" i="1" s="1"/>
  <c r="A112638" i="1" s="1"/>
  <c r="A112639" i="1" s="1"/>
  <c r="A112640" i="1" s="1"/>
  <c r="A112641" i="1" s="1"/>
  <c r="A112642" i="1" s="1"/>
  <c r="A112643" i="1" s="1"/>
  <c r="A112644" i="1" s="1"/>
  <c r="A112645" i="1" s="1"/>
  <c r="A112646" i="1" s="1"/>
  <c r="A112647" i="1" s="1"/>
  <c r="A112648" i="1" s="1"/>
  <c r="A112649" i="1" s="1"/>
  <c r="A112650" i="1" s="1"/>
  <c r="A112651" i="1" s="1"/>
  <c r="A112652" i="1" s="1"/>
  <c r="A112653" i="1" s="1"/>
  <c r="A112654" i="1" s="1"/>
  <c r="A112655" i="1" s="1"/>
  <c r="A112656" i="1" s="1"/>
  <c r="A112657" i="1" s="1"/>
  <c r="A112658" i="1" s="1"/>
  <c r="A112659" i="1" s="1"/>
  <c r="A112660" i="1" s="1"/>
  <c r="A112661" i="1" s="1"/>
  <c r="A112662" i="1" s="1"/>
  <c r="A112663" i="1" s="1"/>
  <c r="A112664" i="1" s="1"/>
  <c r="A112665" i="1" s="1"/>
  <c r="A112666" i="1" s="1"/>
  <c r="A112667" i="1" s="1"/>
  <c r="A112668" i="1" s="1"/>
  <c r="A112669" i="1" s="1"/>
  <c r="A112670" i="1" s="1"/>
  <c r="A112671" i="1" s="1"/>
  <c r="A112672" i="1" s="1"/>
  <c r="A112673" i="1" s="1"/>
  <c r="A112674" i="1" s="1"/>
  <c r="A112675" i="1" s="1"/>
  <c r="A112676" i="1" s="1"/>
  <c r="A112677" i="1" s="1"/>
  <c r="A112678" i="1" s="1"/>
  <c r="A112679" i="1" s="1"/>
  <c r="A112680" i="1" s="1"/>
  <c r="A112681" i="1" s="1"/>
  <c r="A112682" i="1" s="1"/>
  <c r="A112683" i="1" s="1"/>
  <c r="A112684" i="1" s="1"/>
  <c r="A112685" i="1" s="1"/>
  <c r="A112686" i="1" s="1"/>
  <c r="A112687" i="1" s="1"/>
  <c r="A112688" i="1" s="1"/>
  <c r="A112689" i="1" s="1"/>
  <c r="A112690" i="1" s="1"/>
  <c r="A112691" i="1" s="1"/>
  <c r="A112692" i="1" s="1"/>
  <c r="A112693" i="1" s="1"/>
  <c r="A112694" i="1" s="1"/>
  <c r="A112695" i="1" s="1"/>
  <c r="A112696" i="1" s="1"/>
  <c r="A112697" i="1" s="1"/>
  <c r="A112698" i="1" s="1"/>
  <c r="A112699" i="1" s="1"/>
  <c r="A112700" i="1" s="1"/>
  <c r="A112701" i="1" s="1"/>
  <c r="A112702" i="1" s="1"/>
  <c r="A112703" i="1" s="1"/>
  <c r="A112704" i="1" s="1"/>
  <c r="A112705" i="1" s="1"/>
  <c r="A112706" i="1" s="1"/>
  <c r="A112707" i="1" s="1"/>
  <c r="A112708" i="1" s="1"/>
  <c r="A112709" i="1" s="1"/>
  <c r="A112710" i="1" s="1"/>
  <c r="A112711" i="1" s="1"/>
  <c r="A112712" i="1" s="1"/>
  <c r="A112713" i="1" s="1"/>
  <c r="A112714" i="1" s="1"/>
  <c r="A112715" i="1" s="1"/>
  <c r="A112716" i="1" s="1"/>
  <c r="A112717" i="1" s="1"/>
  <c r="A112718" i="1" s="1"/>
  <c r="A112719" i="1" s="1"/>
  <c r="A112720" i="1" s="1"/>
  <c r="A112721" i="1" s="1"/>
  <c r="A112722" i="1" s="1"/>
  <c r="A112723" i="1" s="1"/>
  <c r="A112724" i="1" s="1"/>
  <c r="A112725" i="1" s="1"/>
  <c r="A112726" i="1" s="1"/>
  <c r="A112727" i="1" s="1"/>
  <c r="A112728" i="1" s="1"/>
  <c r="A112729" i="1" s="1"/>
  <c r="A112730" i="1" s="1"/>
  <c r="A112731" i="1" s="1"/>
  <c r="A112732" i="1" s="1"/>
  <c r="A112733" i="1" s="1"/>
  <c r="A112734" i="1" s="1"/>
  <c r="A112735" i="1" s="1"/>
  <c r="A112736" i="1" s="1"/>
  <c r="A112737" i="1" s="1"/>
  <c r="A112738" i="1" s="1"/>
  <c r="A112739" i="1" s="1"/>
  <c r="A112740" i="1" s="1"/>
  <c r="A112741" i="1" s="1"/>
  <c r="A112742" i="1" s="1"/>
  <c r="A112743" i="1" s="1"/>
  <c r="A112744" i="1" s="1"/>
  <c r="A112745" i="1" s="1"/>
  <c r="A112746" i="1" s="1"/>
  <c r="A112747" i="1" s="1"/>
  <c r="A112748" i="1" s="1"/>
  <c r="A112749" i="1" s="1"/>
  <c r="A112750" i="1" s="1"/>
  <c r="A112751" i="1" s="1"/>
  <c r="A112752" i="1" s="1"/>
  <c r="A112753" i="1" s="1"/>
  <c r="A112754" i="1" s="1"/>
  <c r="A112755" i="1" s="1"/>
  <c r="A112756" i="1" s="1"/>
  <c r="A112757" i="1" s="1"/>
  <c r="A112758" i="1" s="1"/>
  <c r="A112759" i="1" s="1"/>
  <c r="A112760" i="1" s="1"/>
  <c r="A112761" i="1" s="1"/>
  <c r="A112762" i="1" s="1"/>
  <c r="A112763" i="1" s="1"/>
  <c r="A112764" i="1" s="1"/>
  <c r="A112765" i="1" s="1"/>
  <c r="A112766" i="1" s="1"/>
  <c r="A112767" i="1" s="1"/>
  <c r="A112768" i="1" s="1"/>
  <c r="A112769" i="1" s="1"/>
  <c r="A112770" i="1" s="1"/>
  <c r="A112771" i="1" s="1"/>
  <c r="A112772" i="1" s="1"/>
  <c r="A112773" i="1" s="1"/>
  <c r="A112774" i="1" s="1"/>
  <c r="A112775" i="1" s="1"/>
  <c r="A112776" i="1" s="1"/>
  <c r="A112777" i="1" s="1"/>
  <c r="A112778" i="1" s="1"/>
  <c r="A112779" i="1" s="1"/>
  <c r="A112780" i="1" s="1"/>
  <c r="A112781" i="1" s="1"/>
  <c r="A112782" i="1" s="1"/>
  <c r="A112783" i="1" s="1"/>
  <c r="A112784" i="1" s="1"/>
  <c r="A112785" i="1" s="1"/>
  <c r="A112786" i="1" s="1"/>
  <c r="A112787" i="1" s="1"/>
  <c r="A112788" i="1" s="1"/>
  <c r="A112789" i="1" s="1"/>
  <c r="A112790" i="1" s="1"/>
  <c r="A112791" i="1" s="1"/>
  <c r="A112792" i="1" s="1"/>
  <c r="A112793" i="1" s="1"/>
  <c r="A112794" i="1" s="1"/>
  <c r="A112795" i="1" s="1"/>
  <c r="A112796" i="1" s="1"/>
  <c r="A112797" i="1" s="1"/>
  <c r="A112798" i="1" s="1"/>
  <c r="A112799" i="1" s="1"/>
  <c r="A112800" i="1" s="1"/>
  <c r="A112801" i="1" s="1"/>
  <c r="A112802" i="1" s="1"/>
  <c r="A112803" i="1" s="1"/>
  <c r="A112804" i="1" s="1"/>
  <c r="A112805" i="1" s="1"/>
  <c r="A112806" i="1" s="1"/>
  <c r="A112807" i="1" s="1"/>
  <c r="A112808" i="1" s="1"/>
  <c r="A112809" i="1" s="1"/>
  <c r="A112810" i="1" s="1"/>
  <c r="A112811" i="1" s="1"/>
  <c r="A112812" i="1" s="1"/>
  <c r="A112813" i="1" s="1"/>
  <c r="A112814" i="1" s="1"/>
  <c r="A112815" i="1" s="1"/>
  <c r="A112816" i="1" s="1"/>
  <c r="A112817" i="1" s="1"/>
  <c r="A112818" i="1" s="1"/>
  <c r="A112819" i="1" s="1"/>
  <c r="A112820" i="1" s="1"/>
  <c r="A112821" i="1" s="1"/>
  <c r="A112822" i="1" s="1"/>
  <c r="A112823" i="1" s="1"/>
  <c r="A112824" i="1" s="1"/>
  <c r="A112825" i="1" s="1"/>
  <c r="A112826" i="1" s="1"/>
  <c r="A112827" i="1" s="1"/>
  <c r="A112828" i="1" s="1"/>
  <c r="A112829" i="1" s="1"/>
  <c r="A112830" i="1" s="1"/>
  <c r="A112831" i="1" s="1"/>
  <c r="A112832" i="1" s="1"/>
  <c r="A112833" i="1" s="1"/>
  <c r="A112834" i="1" s="1"/>
  <c r="A112835" i="1" s="1"/>
  <c r="A112836" i="1" s="1"/>
  <c r="A112837" i="1" s="1"/>
  <c r="A112838" i="1" s="1"/>
  <c r="A112839" i="1" s="1"/>
  <c r="A112840" i="1" s="1"/>
  <c r="A112841" i="1" s="1"/>
  <c r="A112842" i="1" s="1"/>
  <c r="A112843" i="1" s="1"/>
  <c r="A112844" i="1" s="1"/>
  <c r="A112845" i="1" s="1"/>
  <c r="A112846" i="1" s="1"/>
  <c r="A112847" i="1" s="1"/>
  <c r="A112848" i="1" s="1"/>
  <c r="A112849" i="1" s="1"/>
  <c r="A112850" i="1" s="1"/>
  <c r="A112851" i="1" s="1"/>
  <c r="A112852" i="1" s="1"/>
  <c r="A112853" i="1" s="1"/>
  <c r="A112854" i="1" s="1"/>
  <c r="A112855" i="1" s="1"/>
  <c r="A112856" i="1" s="1"/>
  <c r="A112857" i="1" s="1"/>
  <c r="A112858" i="1" s="1"/>
  <c r="A112859" i="1" s="1"/>
  <c r="A112860" i="1" s="1"/>
  <c r="A112861" i="1" s="1"/>
  <c r="A112862" i="1" s="1"/>
  <c r="A112863" i="1" s="1"/>
  <c r="A112864" i="1" s="1"/>
  <c r="A112865" i="1" s="1"/>
  <c r="A112866" i="1" s="1"/>
  <c r="A112867" i="1" s="1"/>
  <c r="A112868" i="1" s="1"/>
  <c r="A112869" i="1" s="1"/>
  <c r="A112870" i="1" s="1"/>
  <c r="A112871" i="1" s="1"/>
  <c r="A112872" i="1" s="1"/>
  <c r="A112873" i="1" s="1"/>
  <c r="A112874" i="1" s="1"/>
  <c r="A112875" i="1" s="1"/>
  <c r="A112876" i="1" s="1"/>
  <c r="A112877" i="1" s="1"/>
  <c r="A112878" i="1" s="1"/>
  <c r="A112879" i="1" s="1"/>
  <c r="A112880" i="1" s="1"/>
  <c r="A112881" i="1" s="1"/>
  <c r="A112882" i="1" s="1"/>
  <c r="A112883" i="1" s="1"/>
  <c r="A112884" i="1" s="1"/>
  <c r="A112885" i="1" s="1"/>
  <c r="A112886" i="1" s="1"/>
  <c r="A112887" i="1" s="1"/>
  <c r="A112888" i="1" s="1"/>
  <c r="A112889" i="1" s="1"/>
  <c r="A112890" i="1" s="1"/>
  <c r="A112891" i="1" s="1"/>
  <c r="A112892" i="1" s="1"/>
  <c r="A112893" i="1" s="1"/>
  <c r="A112894" i="1" s="1"/>
  <c r="A112895" i="1" s="1"/>
  <c r="A112896" i="1" s="1"/>
  <c r="A112897" i="1" s="1"/>
  <c r="A112898" i="1" s="1"/>
  <c r="A112899" i="1" s="1"/>
  <c r="A112900" i="1" s="1"/>
  <c r="A112901" i="1" s="1"/>
  <c r="A112902" i="1" s="1"/>
  <c r="A112903" i="1" s="1"/>
  <c r="A112904" i="1" s="1"/>
  <c r="A112905" i="1" s="1"/>
  <c r="A112906" i="1" s="1"/>
  <c r="A112907" i="1" s="1"/>
  <c r="A112908" i="1" s="1"/>
  <c r="A112909" i="1" s="1"/>
  <c r="A112910" i="1" s="1"/>
  <c r="A112911" i="1" s="1"/>
  <c r="A112912" i="1" s="1"/>
  <c r="A112913" i="1" s="1"/>
  <c r="A112914" i="1" s="1"/>
  <c r="A112915" i="1" s="1"/>
  <c r="A112916" i="1" s="1"/>
  <c r="A112917" i="1" s="1"/>
  <c r="A112918" i="1" s="1"/>
  <c r="A112919" i="1" s="1"/>
  <c r="A112920" i="1" s="1"/>
  <c r="A112921" i="1" s="1"/>
  <c r="A112922" i="1" s="1"/>
  <c r="A112923" i="1" s="1"/>
  <c r="A112924" i="1" s="1"/>
  <c r="A112925" i="1" s="1"/>
  <c r="A112926" i="1" s="1"/>
  <c r="A112927" i="1" s="1"/>
  <c r="A112928" i="1" s="1"/>
  <c r="A112929" i="1" s="1"/>
  <c r="A112930" i="1" s="1"/>
  <c r="A112931" i="1" s="1"/>
  <c r="A112932" i="1" s="1"/>
  <c r="A112933" i="1" s="1"/>
  <c r="A112934" i="1" s="1"/>
  <c r="A112935" i="1" s="1"/>
  <c r="A112936" i="1" s="1"/>
  <c r="A112937" i="1" s="1"/>
  <c r="A112938" i="1" s="1"/>
  <c r="A112939" i="1" s="1"/>
  <c r="A112940" i="1" s="1"/>
  <c r="A112941" i="1" s="1"/>
  <c r="A112942" i="1" s="1"/>
  <c r="A112943" i="1" s="1"/>
  <c r="A112944" i="1" s="1"/>
  <c r="A112945" i="1" s="1"/>
  <c r="A112946" i="1" s="1"/>
  <c r="A112947" i="1" s="1"/>
  <c r="A112948" i="1" s="1"/>
  <c r="A112949" i="1" s="1"/>
  <c r="A112950" i="1" s="1"/>
  <c r="A112951" i="1" s="1"/>
  <c r="A112952" i="1" s="1"/>
  <c r="A112953" i="1" s="1"/>
  <c r="A112954" i="1" s="1"/>
  <c r="A112955" i="1" s="1"/>
  <c r="A112956" i="1" s="1"/>
  <c r="A112957" i="1" s="1"/>
  <c r="A112958" i="1" s="1"/>
  <c r="A112959" i="1" s="1"/>
  <c r="A112960" i="1" s="1"/>
  <c r="A112961" i="1" s="1"/>
  <c r="A112962" i="1" s="1"/>
  <c r="A112963" i="1" s="1"/>
  <c r="A112964" i="1" s="1"/>
  <c r="A112965" i="1" s="1"/>
  <c r="A112966" i="1" s="1"/>
  <c r="A112967" i="1" s="1"/>
  <c r="A112968" i="1" s="1"/>
  <c r="A112969" i="1" s="1"/>
  <c r="A112970" i="1" s="1"/>
  <c r="A112971" i="1" s="1"/>
  <c r="A112972" i="1" s="1"/>
  <c r="A112973" i="1" s="1"/>
  <c r="A112974" i="1" s="1"/>
  <c r="A112975" i="1" s="1"/>
  <c r="A112976" i="1" s="1"/>
  <c r="A112977" i="1" s="1"/>
  <c r="A112978" i="1" s="1"/>
  <c r="A112979" i="1" s="1"/>
  <c r="A112980" i="1" s="1"/>
  <c r="A112981" i="1" s="1"/>
  <c r="A112982" i="1" s="1"/>
  <c r="A112983" i="1" s="1"/>
  <c r="A112984" i="1" s="1"/>
  <c r="A112985" i="1" s="1"/>
  <c r="A112986" i="1" s="1"/>
  <c r="A112987" i="1" s="1"/>
  <c r="A112988" i="1" s="1"/>
  <c r="A112989" i="1" s="1"/>
  <c r="A112990" i="1" s="1"/>
  <c r="A112991" i="1" s="1"/>
  <c r="A112992" i="1" s="1"/>
  <c r="A112993" i="1" s="1"/>
  <c r="A112994" i="1" s="1"/>
  <c r="A112995" i="1" s="1"/>
  <c r="A112996" i="1" s="1"/>
  <c r="A112997" i="1" s="1"/>
  <c r="A112998" i="1" s="1"/>
  <c r="A112999" i="1" s="1"/>
  <c r="A113000" i="1" s="1"/>
  <c r="A113001" i="1" s="1"/>
  <c r="A113002" i="1" s="1"/>
  <c r="A113003" i="1" s="1"/>
  <c r="A113004" i="1" s="1"/>
  <c r="A113005" i="1" s="1"/>
  <c r="A113006" i="1" s="1"/>
  <c r="A113007" i="1" s="1"/>
  <c r="A113008" i="1" s="1"/>
  <c r="A113009" i="1" s="1"/>
  <c r="A113010" i="1" s="1"/>
  <c r="A113011" i="1" s="1"/>
  <c r="A113012" i="1" s="1"/>
  <c r="A113013" i="1" s="1"/>
  <c r="A113014" i="1" s="1"/>
  <c r="A113015" i="1" s="1"/>
  <c r="A113016" i="1" s="1"/>
  <c r="A113017" i="1" s="1"/>
  <c r="A113018" i="1" s="1"/>
  <c r="A113019" i="1" s="1"/>
  <c r="A113020" i="1" s="1"/>
  <c r="A113021" i="1" s="1"/>
  <c r="A113022" i="1" s="1"/>
  <c r="A113023" i="1" s="1"/>
  <c r="A113024" i="1" s="1"/>
  <c r="A113025" i="1" s="1"/>
  <c r="A113026" i="1" s="1"/>
  <c r="A113027" i="1" s="1"/>
  <c r="A113028" i="1" s="1"/>
  <c r="A113029" i="1" s="1"/>
  <c r="A113030" i="1" s="1"/>
  <c r="A113031" i="1" s="1"/>
  <c r="A113032" i="1" s="1"/>
  <c r="A113033" i="1" s="1"/>
  <c r="A113034" i="1" s="1"/>
  <c r="A113035" i="1" s="1"/>
  <c r="A113036" i="1" s="1"/>
  <c r="A113037" i="1" s="1"/>
  <c r="A113038" i="1" s="1"/>
  <c r="A113039" i="1" s="1"/>
  <c r="A113040" i="1" s="1"/>
  <c r="A113041" i="1" s="1"/>
  <c r="A113042" i="1" s="1"/>
  <c r="A113043" i="1" s="1"/>
  <c r="A113044" i="1" s="1"/>
  <c r="A113045" i="1" s="1"/>
  <c r="A113046" i="1" s="1"/>
  <c r="A113047" i="1" s="1"/>
  <c r="A113048" i="1" s="1"/>
  <c r="A113049" i="1" s="1"/>
  <c r="A113050" i="1" s="1"/>
  <c r="A113051" i="1" s="1"/>
  <c r="A113052" i="1" s="1"/>
  <c r="A113053" i="1" s="1"/>
  <c r="A113054" i="1" s="1"/>
  <c r="A113055" i="1" s="1"/>
  <c r="A113056" i="1" s="1"/>
  <c r="A113057" i="1" s="1"/>
  <c r="A113058" i="1" s="1"/>
  <c r="A113059" i="1" s="1"/>
  <c r="A113060" i="1" s="1"/>
  <c r="A113061" i="1" s="1"/>
  <c r="A113062" i="1" s="1"/>
  <c r="A113063" i="1" s="1"/>
  <c r="A113064" i="1" s="1"/>
  <c r="A113065" i="1" s="1"/>
  <c r="A113066" i="1" s="1"/>
  <c r="A113067" i="1" s="1"/>
  <c r="A113068" i="1" s="1"/>
  <c r="A113069" i="1" s="1"/>
  <c r="A113070" i="1" s="1"/>
  <c r="A113071" i="1" s="1"/>
  <c r="A113072" i="1" s="1"/>
  <c r="A113073" i="1" s="1"/>
  <c r="A113074" i="1" s="1"/>
  <c r="A113075" i="1" s="1"/>
  <c r="A113076" i="1" s="1"/>
  <c r="A113077" i="1" s="1"/>
  <c r="A113078" i="1" s="1"/>
  <c r="A113079" i="1" s="1"/>
  <c r="A113080" i="1" s="1"/>
  <c r="A113081" i="1" s="1"/>
  <c r="A113082" i="1" s="1"/>
  <c r="A113083" i="1" s="1"/>
  <c r="A113084" i="1" s="1"/>
  <c r="A113085" i="1" s="1"/>
  <c r="A113086" i="1" s="1"/>
  <c r="A113087" i="1" s="1"/>
  <c r="A113088" i="1" s="1"/>
  <c r="A113089" i="1" s="1"/>
  <c r="A113090" i="1" s="1"/>
  <c r="A113091" i="1" s="1"/>
  <c r="A113092" i="1" s="1"/>
  <c r="A113093" i="1" s="1"/>
  <c r="A113094" i="1" s="1"/>
  <c r="A113095" i="1" s="1"/>
  <c r="A113096" i="1" s="1"/>
  <c r="A113097" i="1" s="1"/>
  <c r="A113098" i="1" s="1"/>
  <c r="A113099" i="1" s="1"/>
  <c r="A113100" i="1" s="1"/>
  <c r="A113101" i="1" s="1"/>
  <c r="A113102" i="1" s="1"/>
  <c r="A113103" i="1" s="1"/>
  <c r="A113104" i="1" s="1"/>
  <c r="A113105" i="1" s="1"/>
  <c r="A113106" i="1" s="1"/>
  <c r="A113107" i="1" s="1"/>
  <c r="A113108" i="1" s="1"/>
  <c r="A113109" i="1" s="1"/>
  <c r="A113110" i="1" s="1"/>
  <c r="A113111" i="1" s="1"/>
  <c r="A113112" i="1" s="1"/>
  <c r="A113113" i="1" s="1"/>
  <c r="A113114" i="1" s="1"/>
  <c r="A113115" i="1" s="1"/>
  <c r="A113116" i="1" s="1"/>
  <c r="A113117" i="1" s="1"/>
  <c r="A113118" i="1" s="1"/>
  <c r="A113119" i="1" s="1"/>
  <c r="A113120" i="1" s="1"/>
  <c r="A113121" i="1" s="1"/>
  <c r="A113122" i="1" s="1"/>
  <c r="A113123" i="1" s="1"/>
  <c r="A113124" i="1" s="1"/>
  <c r="A113125" i="1" s="1"/>
  <c r="A113126" i="1" s="1"/>
  <c r="A113127" i="1" s="1"/>
  <c r="A113128" i="1" s="1"/>
  <c r="A113129" i="1" s="1"/>
  <c r="A113130" i="1" s="1"/>
  <c r="A113131" i="1" s="1"/>
  <c r="A113132" i="1" s="1"/>
  <c r="A113133" i="1" s="1"/>
  <c r="A113134" i="1" s="1"/>
  <c r="A113135" i="1" s="1"/>
  <c r="A113136" i="1" s="1"/>
  <c r="A113137" i="1" s="1"/>
  <c r="A113138" i="1" s="1"/>
  <c r="A113139" i="1" s="1"/>
  <c r="A113140" i="1" s="1"/>
  <c r="A113141" i="1" s="1"/>
  <c r="A113142" i="1" s="1"/>
  <c r="A113143" i="1" s="1"/>
  <c r="A113144" i="1" s="1"/>
  <c r="A113145" i="1" s="1"/>
  <c r="A113146" i="1" s="1"/>
  <c r="A113147" i="1" s="1"/>
  <c r="A113148" i="1" s="1"/>
  <c r="A113149" i="1" s="1"/>
  <c r="A113150" i="1" s="1"/>
  <c r="A113151" i="1" s="1"/>
  <c r="A113152" i="1" s="1"/>
  <c r="A113153" i="1" s="1"/>
  <c r="A113154" i="1" s="1"/>
  <c r="A113155" i="1" s="1"/>
  <c r="A113156" i="1" s="1"/>
  <c r="A113157" i="1" s="1"/>
  <c r="A113158" i="1" s="1"/>
  <c r="A113159" i="1" s="1"/>
  <c r="A113160" i="1" s="1"/>
  <c r="A113161" i="1" s="1"/>
  <c r="A113162" i="1" s="1"/>
  <c r="A113163" i="1" s="1"/>
  <c r="A113164" i="1" s="1"/>
  <c r="A113165" i="1" s="1"/>
  <c r="A113166" i="1" s="1"/>
  <c r="A113167" i="1" s="1"/>
  <c r="A113168" i="1" s="1"/>
  <c r="A113169" i="1" s="1"/>
  <c r="A113170" i="1" s="1"/>
  <c r="A113171" i="1" s="1"/>
  <c r="A113172" i="1" s="1"/>
  <c r="A113173" i="1" s="1"/>
  <c r="A113174" i="1" s="1"/>
  <c r="A113175" i="1" s="1"/>
  <c r="A113176" i="1" s="1"/>
  <c r="A113177" i="1" s="1"/>
  <c r="A113178" i="1" s="1"/>
  <c r="A113179" i="1" s="1"/>
  <c r="A113180" i="1" s="1"/>
  <c r="A113181" i="1" s="1"/>
  <c r="A113182" i="1" s="1"/>
  <c r="A113183" i="1" s="1"/>
  <c r="A113184" i="1" s="1"/>
  <c r="A113185" i="1" s="1"/>
  <c r="A113186" i="1" s="1"/>
  <c r="A113187" i="1" s="1"/>
  <c r="A113188" i="1" s="1"/>
  <c r="A113189" i="1" s="1"/>
  <c r="A113190" i="1" s="1"/>
  <c r="A113191" i="1" s="1"/>
  <c r="A113192" i="1" s="1"/>
  <c r="A113193" i="1" s="1"/>
  <c r="A113194" i="1" s="1"/>
  <c r="A113195" i="1" s="1"/>
  <c r="A113196" i="1" s="1"/>
  <c r="A113197" i="1" s="1"/>
  <c r="A113198" i="1" s="1"/>
  <c r="A113199" i="1" s="1"/>
  <c r="A113200" i="1" s="1"/>
  <c r="A113201" i="1" s="1"/>
  <c r="A113202" i="1" s="1"/>
  <c r="A113203" i="1" s="1"/>
  <c r="A113204" i="1" s="1"/>
  <c r="A113205" i="1" s="1"/>
  <c r="A113206" i="1" s="1"/>
  <c r="A113207" i="1" s="1"/>
  <c r="A113208" i="1" s="1"/>
  <c r="A113209" i="1" s="1"/>
  <c r="A113210" i="1" s="1"/>
  <c r="A113211" i="1" s="1"/>
  <c r="A113212" i="1" s="1"/>
  <c r="A113213" i="1" s="1"/>
  <c r="A113214" i="1" s="1"/>
  <c r="A113215" i="1" s="1"/>
  <c r="A113216" i="1" s="1"/>
  <c r="A113217" i="1" s="1"/>
  <c r="A113218" i="1" s="1"/>
  <c r="A113219" i="1" s="1"/>
  <c r="A113220" i="1" s="1"/>
  <c r="A113221" i="1" s="1"/>
  <c r="A113222" i="1" s="1"/>
  <c r="A113223" i="1" s="1"/>
  <c r="A113224" i="1" s="1"/>
  <c r="A113225" i="1" s="1"/>
  <c r="A113226" i="1" s="1"/>
  <c r="A113227" i="1" s="1"/>
  <c r="A113228" i="1" s="1"/>
  <c r="A113229" i="1" s="1"/>
  <c r="A113230" i="1" s="1"/>
  <c r="A113231" i="1" s="1"/>
  <c r="A113232" i="1" s="1"/>
  <c r="A113233" i="1" s="1"/>
  <c r="A113234" i="1" s="1"/>
  <c r="A113235" i="1" s="1"/>
  <c r="A113236" i="1" s="1"/>
  <c r="A113237" i="1" s="1"/>
  <c r="A113238" i="1" s="1"/>
  <c r="A113239" i="1" s="1"/>
  <c r="A113240" i="1" s="1"/>
  <c r="A113241" i="1" s="1"/>
  <c r="A113242" i="1" s="1"/>
  <c r="A113243" i="1" s="1"/>
  <c r="A113244" i="1" s="1"/>
  <c r="A113245" i="1" s="1"/>
  <c r="A113246" i="1" s="1"/>
  <c r="A113247" i="1" s="1"/>
  <c r="A113248" i="1" s="1"/>
  <c r="A113249" i="1" s="1"/>
  <c r="A113250" i="1" s="1"/>
  <c r="A113251" i="1" s="1"/>
  <c r="A113252" i="1" s="1"/>
  <c r="A113253" i="1" s="1"/>
  <c r="A113254" i="1" s="1"/>
  <c r="A113255" i="1" s="1"/>
  <c r="A113256" i="1" s="1"/>
  <c r="A113257" i="1" s="1"/>
  <c r="A113258" i="1" s="1"/>
  <c r="A113259" i="1" s="1"/>
  <c r="A113260" i="1" s="1"/>
  <c r="A113261" i="1" s="1"/>
  <c r="A113262" i="1" s="1"/>
  <c r="A113263" i="1" s="1"/>
  <c r="A113264" i="1" s="1"/>
  <c r="A113265" i="1" s="1"/>
  <c r="A113266" i="1" s="1"/>
  <c r="A113267" i="1" s="1"/>
  <c r="A113268" i="1" s="1"/>
  <c r="A113269" i="1" s="1"/>
  <c r="A113270" i="1" s="1"/>
  <c r="A113271" i="1" s="1"/>
  <c r="A113272" i="1" s="1"/>
  <c r="A113273" i="1" s="1"/>
  <c r="A113274" i="1" s="1"/>
  <c r="A113275" i="1" s="1"/>
  <c r="A113276" i="1" s="1"/>
  <c r="A113277" i="1" s="1"/>
  <c r="A113278" i="1" s="1"/>
  <c r="A113279" i="1" s="1"/>
  <c r="A113280" i="1" s="1"/>
  <c r="A113281" i="1" s="1"/>
  <c r="A113282" i="1" s="1"/>
  <c r="A113283" i="1" s="1"/>
  <c r="A113284" i="1" s="1"/>
  <c r="A113285" i="1" s="1"/>
  <c r="A113286" i="1" s="1"/>
  <c r="A113287" i="1" s="1"/>
  <c r="A113288" i="1" s="1"/>
  <c r="A113289" i="1" s="1"/>
  <c r="A113290" i="1" s="1"/>
  <c r="A113291" i="1" s="1"/>
  <c r="A113292" i="1" s="1"/>
  <c r="A113293" i="1" s="1"/>
  <c r="A113294" i="1" s="1"/>
  <c r="A113295" i="1" s="1"/>
  <c r="A113296" i="1" s="1"/>
  <c r="A113297" i="1" s="1"/>
  <c r="A113298" i="1" s="1"/>
  <c r="A113299" i="1" s="1"/>
  <c r="A113300" i="1" s="1"/>
  <c r="A113301" i="1" s="1"/>
  <c r="A113302" i="1" s="1"/>
  <c r="A113303" i="1" s="1"/>
  <c r="A113304" i="1" s="1"/>
  <c r="A113305" i="1" s="1"/>
  <c r="A113306" i="1" s="1"/>
  <c r="A113307" i="1" s="1"/>
  <c r="A113308" i="1" s="1"/>
  <c r="A113309" i="1" s="1"/>
  <c r="A113310" i="1" s="1"/>
  <c r="A113311" i="1" s="1"/>
  <c r="A113312" i="1" s="1"/>
  <c r="A113313" i="1" s="1"/>
  <c r="A113314" i="1" s="1"/>
  <c r="A113315" i="1" s="1"/>
  <c r="A113316" i="1" s="1"/>
  <c r="A113317" i="1" s="1"/>
  <c r="A113318" i="1" s="1"/>
  <c r="A113319" i="1" s="1"/>
  <c r="A113320" i="1" s="1"/>
  <c r="A113321" i="1" s="1"/>
  <c r="A113322" i="1" s="1"/>
  <c r="A113323" i="1" s="1"/>
  <c r="A113324" i="1" s="1"/>
  <c r="A113325" i="1" s="1"/>
  <c r="A113326" i="1" s="1"/>
  <c r="A113327" i="1" s="1"/>
  <c r="A113328" i="1" s="1"/>
  <c r="A113329" i="1" s="1"/>
  <c r="A113330" i="1" s="1"/>
  <c r="A113331" i="1" s="1"/>
  <c r="A113332" i="1" s="1"/>
  <c r="A113333" i="1" s="1"/>
  <c r="A113334" i="1" s="1"/>
  <c r="A113335" i="1" s="1"/>
  <c r="A113336" i="1" s="1"/>
  <c r="A113337" i="1" s="1"/>
  <c r="A113338" i="1" s="1"/>
  <c r="A113339" i="1" s="1"/>
  <c r="A113340" i="1" s="1"/>
  <c r="A113341" i="1" s="1"/>
  <c r="A113342" i="1" s="1"/>
  <c r="A113343" i="1" s="1"/>
  <c r="A113344" i="1" s="1"/>
  <c r="A113345" i="1" s="1"/>
  <c r="A113346" i="1" s="1"/>
  <c r="A113347" i="1" s="1"/>
  <c r="A113348" i="1" s="1"/>
  <c r="A113349" i="1" s="1"/>
  <c r="A113350" i="1" s="1"/>
  <c r="A113351" i="1" s="1"/>
  <c r="A113352" i="1" s="1"/>
  <c r="A113353" i="1" s="1"/>
  <c r="A113354" i="1" s="1"/>
  <c r="A113355" i="1" s="1"/>
  <c r="A113356" i="1" s="1"/>
  <c r="A113357" i="1" s="1"/>
  <c r="A113358" i="1" s="1"/>
  <c r="A113359" i="1" s="1"/>
  <c r="A113360" i="1" s="1"/>
  <c r="A113361" i="1" s="1"/>
  <c r="A113362" i="1" s="1"/>
  <c r="A113363" i="1" s="1"/>
  <c r="A113364" i="1" s="1"/>
  <c r="A113365" i="1" s="1"/>
  <c r="A113366" i="1" s="1"/>
  <c r="A113367" i="1" s="1"/>
  <c r="A113368" i="1" s="1"/>
  <c r="A113369" i="1" s="1"/>
  <c r="A113370" i="1" s="1"/>
  <c r="A113371" i="1" s="1"/>
  <c r="A113372" i="1" s="1"/>
  <c r="A113373" i="1" s="1"/>
  <c r="A113374" i="1" s="1"/>
  <c r="A113375" i="1" s="1"/>
  <c r="A113376" i="1" s="1"/>
  <c r="A113377" i="1" s="1"/>
  <c r="A113378" i="1" s="1"/>
  <c r="A113379" i="1" s="1"/>
  <c r="A113380" i="1" s="1"/>
  <c r="A113381" i="1" s="1"/>
  <c r="A113382" i="1" s="1"/>
  <c r="A113383" i="1" s="1"/>
  <c r="A113384" i="1" s="1"/>
  <c r="A113385" i="1" s="1"/>
  <c r="A113386" i="1" s="1"/>
  <c r="A113387" i="1" s="1"/>
  <c r="A113388" i="1" s="1"/>
  <c r="A113389" i="1" s="1"/>
  <c r="A113390" i="1" s="1"/>
  <c r="A113391" i="1" s="1"/>
  <c r="A113392" i="1" s="1"/>
  <c r="A113393" i="1" s="1"/>
  <c r="A113394" i="1" s="1"/>
  <c r="A113395" i="1" s="1"/>
  <c r="A113396" i="1" s="1"/>
  <c r="A113397" i="1" s="1"/>
  <c r="A113398" i="1" s="1"/>
  <c r="A113399" i="1" s="1"/>
  <c r="A113400" i="1" s="1"/>
  <c r="A113401" i="1" s="1"/>
  <c r="A113402" i="1" s="1"/>
  <c r="A113403" i="1" s="1"/>
  <c r="A113404" i="1" s="1"/>
  <c r="A113405" i="1" s="1"/>
  <c r="A113406" i="1" s="1"/>
  <c r="A113407" i="1" s="1"/>
  <c r="A113408" i="1" s="1"/>
  <c r="A113409" i="1" s="1"/>
  <c r="A113410" i="1" s="1"/>
  <c r="A113411" i="1" s="1"/>
  <c r="A113412" i="1" s="1"/>
  <c r="A113413" i="1" s="1"/>
  <c r="A113414" i="1" s="1"/>
  <c r="A113415" i="1" s="1"/>
  <c r="A113416" i="1" s="1"/>
  <c r="A113417" i="1" s="1"/>
  <c r="A113418" i="1" s="1"/>
  <c r="A113419" i="1" s="1"/>
  <c r="A113420" i="1" s="1"/>
  <c r="A113421" i="1" s="1"/>
  <c r="A113422" i="1" s="1"/>
  <c r="A113423" i="1" s="1"/>
  <c r="A113424" i="1" s="1"/>
  <c r="A113425" i="1" s="1"/>
  <c r="A113426" i="1" s="1"/>
  <c r="A113427" i="1" s="1"/>
  <c r="A113428" i="1" s="1"/>
  <c r="A113429" i="1" s="1"/>
  <c r="A113430" i="1" s="1"/>
  <c r="A113431" i="1" s="1"/>
  <c r="A113432" i="1" s="1"/>
  <c r="A113433" i="1" s="1"/>
  <c r="A113434" i="1" s="1"/>
  <c r="A113435" i="1" s="1"/>
  <c r="A113436" i="1" s="1"/>
  <c r="A113437" i="1" s="1"/>
  <c r="A113438" i="1" s="1"/>
  <c r="A113439" i="1" s="1"/>
  <c r="A113440" i="1" s="1"/>
  <c r="A113441" i="1" s="1"/>
  <c r="A113442" i="1" s="1"/>
  <c r="A113443" i="1" s="1"/>
  <c r="A113444" i="1" s="1"/>
  <c r="A113445" i="1" s="1"/>
  <c r="A113446" i="1" s="1"/>
  <c r="A113447" i="1" s="1"/>
  <c r="A113448" i="1" s="1"/>
  <c r="A113449" i="1" s="1"/>
  <c r="A113450" i="1" s="1"/>
  <c r="A113451" i="1" s="1"/>
  <c r="A113452" i="1" s="1"/>
  <c r="A113453" i="1" s="1"/>
  <c r="A113454" i="1" s="1"/>
  <c r="A113455" i="1" s="1"/>
  <c r="A113456" i="1" s="1"/>
  <c r="A113457" i="1" s="1"/>
  <c r="A113458" i="1" s="1"/>
  <c r="A113459" i="1" s="1"/>
  <c r="A113460" i="1" s="1"/>
  <c r="A113461" i="1" s="1"/>
  <c r="A113462" i="1" s="1"/>
  <c r="A113463" i="1" s="1"/>
  <c r="A113464" i="1" s="1"/>
  <c r="A113465" i="1" s="1"/>
  <c r="A113466" i="1" s="1"/>
  <c r="A113467" i="1" s="1"/>
  <c r="A113468" i="1" s="1"/>
  <c r="A113469" i="1" s="1"/>
  <c r="A113470" i="1" s="1"/>
  <c r="A113471" i="1" s="1"/>
  <c r="A113472" i="1" s="1"/>
  <c r="A113473" i="1" s="1"/>
  <c r="A113474" i="1" s="1"/>
  <c r="A113475" i="1" s="1"/>
  <c r="A113476" i="1" s="1"/>
  <c r="A113477" i="1" s="1"/>
  <c r="A113478" i="1" s="1"/>
  <c r="A113479" i="1" s="1"/>
  <c r="A113480" i="1" s="1"/>
  <c r="A113481" i="1" s="1"/>
  <c r="A113482" i="1" s="1"/>
  <c r="A113483" i="1" s="1"/>
  <c r="A113484" i="1" s="1"/>
  <c r="A113485" i="1" s="1"/>
  <c r="A113486" i="1" s="1"/>
  <c r="A113487" i="1" s="1"/>
  <c r="A113488" i="1" s="1"/>
  <c r="A113489" i="1" s="1"/>
  <c r="A113490" i="1" s="1"/>
  <c r="A113491" i="1" s="1"/>
  <c r="A113492" i="1" s="1"/>
  <c r="A113493" i="1" s="1"/>
  <c r="A113494" i="1" s="1"/>
  <c r="A113495" i="1" s="1"/>
  <c r="A113496" i="1" s="1"/>
  <c r="A113497" i="1" s="1"/>
  <c r="A113498" i="1" s="1"/>
  <c r="A113499" i="1" s="1"/>
  <c r="A113500" i="1" s="1"/>
  <c r="A113501" i="1" s="1"/>
  <c r="A113502" i="1" s="1"/>
  <c r="A113503" i="1" s="1"/>
  <c r="A113504" i="1" s="1"/>
  <c r="A113505" i="1" s="1"/>
  <c r="A113506" i="1" s="1"/>
  <c r="A113507" i="1" s="1"/>
  <c r="A113508" i="1" s="1"/>
  <c r="A113509" i="1" s="1"/>
  <c r="A113510" i="1" s="1"/>
  <c r="A113511" i="1" s="1"/>
  <c r="A113512" i="1" s="1"/>
  <c r="A113513" i="1" s="1"/>
  <c r="A113514" i="1" s="1"/>
  <c r="A113515" i="1" s="1"/>
  <c r="A113516" i="1" s="1"/>
  <c r="A113517" i="1" s="1"/>
  <c r="A113518" i="1" s="1"/>
  <c r="A113519" i="1" s="1"/>
  <c r="A113520" i="1" s="1"/>
  <c r="A113521" i="1" s="1"/>
  <c r="A113522" i="1" s="1"/>
  <c r="A113523" i="1" s="1"/>
  <c r="A113524" i="1" s="1"/>
  <c r="A113525" i="1" s="1"/>
  <c r="A113526" i="1" s="1"/>
  <c r="A113527" i="1" s="1"/>
  <c r="A113528" i="1" s="1"/>
  <c r="A113529" i="1" s="1"/>
  <c r="A113530" i="1" s="1"/>
  <c r="A113531" i="1" s="1"/>
  <c r="A113532" i="1" s="1"/>
  <c r="A113533" i="1" s="1"/>
  <c r="A113534" i="1" s="1"/>
  <c r="A113535" i="1" s="1"/>
  <c r="A113536" i="1" s="1"/>
  <c r="A113537" i="1" s="1"/>
  <c r="A113538" i="1" s="1"/>
  <c r="A113539" i="1" s="1"/>
  <c r="A113540" i="1" s="1"/>
  <c r="A113541" i="1" s="1"/>
  <c r="A113542" i="1" s="1"/>
  <c r="A113543" i="1" s="1"/>
  <c r="A113544" i="1" s="1"/>
  <c r="A113545" i="1" s="1"/>
  <c r="A113546" i="1" s="1"/>
  <c r="A113547" i="1" s="1"/>
  <c r="A113548" i="1" s="1"/>
  <c r="A113549" i="1" s="1"/>
  <c r="A113550" i="1" s="1"/>
  <c r="A113551" i="1" s="1"/>
  <c r="A113552" i="1" s="1"/>
  <c r="A113553" i="1" s="1"/>
  <c r="A113554" i="1" s="1"/>
  <c r="A113555" i="1" s="1"/>
  <c r="A113556" i="1" s="1"/>
  <c r="A113557" i="1" s="1"/>
  <c r="A113558" i="1" s="1"/>
  <c r="A113559" i="1" s="1"/>
  <c r="A113560" i="1" s="1"/>
  <c r="A113561" i="1" s="1"/>
  <c r="A113562" i="1" s="1"/>
  <c r="A113563" i="1" s="1"/>
  <c r="A113564" i="1" s="1"/>
  <c r="A113565" i="1" s="1"/>
  <c r="A113566" i="1" s="1"/>
  <c r="A113567" i="1" s="1"/>
  <c r="A113568" i="1" s="1"/>
  <c r="A113569" i="1" s="1"/>
  <c r="A113570" i="1" s="1"/>
  <c r="A113571" i="1" s="1"/>
  <c r="A113572" i="1" s="1"/>
  <c r="A113573" i="1" s="1"/>
  <c r="A113574" i="1" s="1"/>
  <c r="A113575" i="1" s="1"/>
  <c r="A113576" i="1" s="1"/>
  <c r="A113577" i="1" s="1"/>
  <c r="A113578" i="1" s="1"/>
  <c r="A113579" i="1" s="1"/>
  <c r="A113580" i="1" s="1"/>
  <c r="A113581" i="1" s="1"/>
  <c r="A113582" i="1" s="1"/>
  <c r="A113583" i="1" s="1"/>
  <c r="A113584" i="1" s="1"/>
  <c r="A113585" i="1" s="1"/>
  <c r="A113586" i="1" s="1"/>
  <c r="A113587" i="1" s="1"/>
  <c r="A113588" i="1" s="1"/>
  <c r="A113589" i="1" s="1"/>
  <c r="A113590" i="1" s="1"/>
  <c r="A113591" i="1" s="1"/>
  <c r="A113592" i="1" s="1"/>
  <c r="A113593" i="1" s="1"/>
  <c r="A113594" i="1" s="1"/>
  <c r="A113595" i="1" s="1"/>
  <c r="A113596" i="1" s="1"/>
  <c r="A113597" i="1" s="1"/>
  <c r="A113598" i="1" s="1"/>
  <c r="A113599" i="1" s="1"/>
  <c r="A113600" i="1" s="1"/>
  <c r="A113601" i="1" s="1"/>
  <c r="A113602" i="1" s="1"/>
  <c r="A113603" i="1" s="1"/>
  <c r="A113604" i="1" s="1"/>
  <c r="A113605" i="1" s="1"/>
  <c r="A113606" i="1" s="1"/>
  <c r="A113607" i="1" s="1"/>
  <c r="A113608" i="1" s="1"/>
  <c r="A113609" i="1" s="1"/>
  <c r="A113610" i="1" s="1"/>
  <c r="A113611" i="1" s="1"/>
  <c r="A113612" i="1" s="1"/>
  <c r="A113613" i="1" s="1"/>
  <c r="A113614" i="1" s="1"/>
  <c r="A113615" i="1" s="1"/>
  <c r="A113616" i="1" s="1"/>
  <c r="A113617" i="1" s="1"/>
  <c r="A113618" i="1" s="1"/>
  <c r="A113619" i="1" s="1"/>
  <c r="A113620" i="1" s="1"/>
  <c r="A113621" i="1" s="1"/>
  <c r="A113622" i="1" s="1"/>
  <c r="A113623" i="1" s="1"/>
  <c r="A113624" i="1" s="1"/>
  <c r="A113625" i="1" s="1"/>
  <c r="A113626" i="1" s="1"/>
  <c r="A113627" i="1" s="1"/>
  <c r="A113628" i="1" s="1"/>
  <c r="A113629" i="1" s="1"/>
  <c r="A113630" i="1" s="1"/>
  <c r="A113631" i="1" s="1"/>
  <c r="A113632" i="1" s="1"/>
  <c r="A113633" i="1" s="1"/>
  <c r="A113634" i="1" s="1"/>
  <c r="A113635" i="1" s="1"/>
  <c r="A113636" i="1" s="1"/>
  <c r="A113637" i="1" s="1"/>
  <c r="A113638" i="1" s="1"/>
  <c r="A113639" i="1" s="1"/>
  <c r="A113640" i="1" s="1"/>
  <c r="A113641" i="1" s="1"/>
  <c r="A113642" i="1" s="1"/>
  <c r="A113643" i="1" s="1"/>
  <c r="A113644" i="1" s="1"/>
  <c r="A113645" i="1" s="1"/>
  <c r="A113646" i="1" s="1"/>
  <c r="A113647" i="1" s="1"/>
  <c r="A113648" i="1" s="1"/>
  <c r="A113649" i="1" s="1"/>
  <c r="A113650" i="1" s="1"/>
  <c r="A113651" i="1" s="1"/>
  <c r="A113652" i="1" s="1"/>
  <c r="A113653" i="1" s="1"/>
  <c r="A113654" i="1" s="1"/>
  <c r="A113655" i="1" s="1"/>
  <c r="A113656" i="1" s="1"/>
  <c r="A113657" i="1" s="1"/>
  <c r="A113658" i="1" s="1"/>
  <c r="A113659" i="1" s="1"/>
  <c r="A113660" i="1" s="1"/>
  <c r="A113661" i="1" s="1"/>
  <c r="A113662" i="1" s="1"/>
  <c r="A113663" i="1" s="1"/>
  <c r="A113664" i="1" s="1"/>
  <c r="A113665" i="1" s="1"/>
  <c r="A113666" i="1" s="1"/>
  <c r="A113667" i="1" s="1"/>
  <c r="A113668" i="1" s="1"/>
  <c r="A113669" i="1" s="1"/>
  <c r="A113670" i="1" s="1"/>
  <c r="A113671" i="1" s="1"/>
  <c r="A113672" i="1" s="1"/>
  <c r="A113673" i="1" s="1"/>
  <c r="A113674" i="1" s="1"/>
  <c r="A113675" i="1" s="1"/>
  <c r="A113676" i="1" s="1"/>
  <c r="A113677" i="1" s="1"/>
  <c r="A113678" i="1" s="1"/>
  <c r="A113679" i="1" s="1"/>
  <c r="A113680" i="1" s="1"/>
  <c r="A113681" i="1" s="1"/>
  <c r="A113682" i="1" s="1"/>
  <c r="A113683" i="1" s="1"/>
  <c r="A113684" i="1" s="1"/>
  <c r="A113685" i="1" s="1"/>
  <c r="A113686" i="1" s="1"/>
  <c r="A113687" i="1" s="1"/>
  <c r="A113688" i="1" s="1"/>
  <c r="A113689" i="1" s="1"/>
  <c r="A113690" i="1" s="1"/>
  <c r="A113691" i="1" s="1"/>
  <c r="A113692" i="1" s="1"/>
  <c r="A113693" i="1" s="1"/>
  <c r="A113694" i="1" s="1"/>
  <c r="A113695" i="1" s="1"/>
  <c r="A113696" i="1" s="1"/>
  <c r="A113697" i="1" s="1"/>
  <c r="A113698" i="1" s="1"/>
  <c r="A113699" i="1" s="1"/>
  <c r="A113700" i="1" s="1"/>
  <c r="A113701" i="1" s="1"/>
  <c r="A113702" i="1" s="1"/>
  <c r="A113703" i="1" s="1"/>
  <c r="A113704" i="1" s="1"/>
  <c r="A113705" i="1" s="1"/>
  <c r="A113706" i="1" s="1"/>
  <c r="A113707" i="1" s="1"/>
  <c r="A113708" i="1" s="1"/>
  <c r="A113709" i="1" s="1"/>
  <c r="A113710" i="1" s="1"/>
  <c r="A113711" i="1" s="1"/>
  <c r="A113712" i="1" s="1"/>
  <c r="A113713" i="1" s="1"/>
  <c r="A113714" i="1" s="1"/>
  <c r="A113715" i="1" s="1"/>
  <c r="A113716" i="1" s="1"/>
  <c r="A113717" i="1" s="1"/>
  <c r="A113718" i="1" s="1"/>
  <c r="A113719" i="1" s="1"/>
  <c r="A113720" i="1" s="1"/>
  <c r="A113721" i="1" s="1"/>
  <c r="A113722" i="1" s="1"/>
  <c r="A113723" i="1" s="1"/>
  <c r="A113724" i="1" s="1"/>
  <c r="A113725" i="1" s="1"/>
  <c r="A113726" i="1" s="1"/>
  <c r="A113727" i="1" s="1"/>
  <c r="A113728" i="1" s="1"/>
  <c r="A113729" i="1" s="1"/>
  <c r="A113730" i="1" s="1"/>
  <c r="A113731" i="1" s="1"/>
  <c r="A113732" i="1" s="1"/>
  <c r="A113733" i="1" s="1"/>
  <c r="A113734" i="1" s="1"/>
  <c r="A113735" i="1" s="1"/>
  <c r="A113736" i="1" s="1"/>
  <c r="A113737" i="1" s="1"/>
  <c r="A113738" i="1" s="1"/>
  <c r="A113739" i="1" s="1"/>
  <c r="A113740" i="1" s="1"/>
  <c r="A113741" i="1" s="1"/>
  <c r="A113742" i="1" s="1"/>
  <c r="A113743" i="1" s="1"/>
  <c r="A113744" i="1" s="1"/>
  <c r="A113745" i="1" s="1"/>
  <c r="A113746" i="1" s="1"/>
  <c r="A113747" i="1" s="1"/>
  <c r="A113748" i="1" s="1"/>
  <c r="A113749" i="1" s="1"/>
  <c r="A113750" i="1" s="1"/>
  <c r="A113751" i="1" s="1"/>
  <c r="A113752" i="1" s="1"/>
  <c r="A113753" i="1" s="1"/>
  <c r="A113754" i="1" s="1"/>
  <c r="A113755" i="1" s="1"/>
  <c r="A113756" i="1" s="1"/>
  <c r="A113757" i="1" s="1"/>
  <c r="A113758" i="1" s="1"/>
  <c r="A113759" i="1" s="1"/>
  <c r="A113760" i="1" s="1"/>
  <c r="A113761" i="1" s="1"/>
  <c r="A113762" i="1" s="1"/>
  <c r="A113763" i="1" s="1"/>
  <c r="A113764" i="1" s="1"/>
  <c r="A113765" i="1" s="1"/>
  <c r="A113766" i="1" s="1"/>
  <c r="A113767" i="1" s="1"/>
  <c r="A113768" i="1" s="1"/>
  <c r="A113769" i="1" s="1"/>
  <c r="A113770" i="1" s="1"/>
  <c r="A113771" i="1" s="1"/>
  <c r="A113772" i="1" s="1"/>
  <c r="A113773" i="1" s="1"/>
  <c r="A113774" i="1" s="1"/>
  <c r="A113775" i="1" s="1"/>
  <c r="A113776" i="1" s="1"/>
  <c r="A113777" i="1" s="1"/>
  <c r="A113778" i="1" s="1"/>
  <c r="A113779" i="1" s="1"/>
  <c r="A113780" i="1" s="1"/>
  <c r="A113781" i="1" s="1"/>
  <c r="A113782" i="1" s="1"/>
  <c r="A113783" i="1" s="1"/>
  <c r="A113784" i="1" s="1"/>
  <c r="A113785" i="1" s="1"/>
  <c r="A113786" i="1" s="1"/>
  <c r="A113787" i="1" s="1"/>
  <c r="A113788" i="1" s="1"/>
  <c r="A113789" i="1" s="1"/>
  <c r="A113790" i="1" s="1"/>
  <c r="A113791" i="1" s="1"/>
  <c r="A113792" i="1" s="1"/>
  <c r="A113793" i="1" s="1"/>
  <c r="A113794" i="1" s="1"/>
  <c r="A113795" i="1" s="1"/>
  <c r="A113796" i="1" s="1"/>
  <c r="A113797" i="1" s="1"/>
  <c r="A113798" i="1" s="1"/>
  <c r="A113799" i="1" s="1"/>
  <c r="A113800" i="1" s="1"/>
  <c r="A113801" i="1" s="1"/>
  <c r="A113802" i="1" s="1"/>
  <c r="A113803" i="1" s="1"/>
  <c r="A113804" i="1" s="1"/>
  <c r="A113805" i="1" s="1"/>
  <c r="A113806" i="1" s="1"/>
  <c r="A113807" i="1" s="1"/>
  <c r="A113808" i="1" s="1"/>
  <c r="A113809" i="1" s="1"/>
  <c r="A113810" i="1" s="1"/>
  <c r="A113811" i="1" s="1"/>
  <c r="A113812" i="1" s="1"/>
  <c r="A113813" i="1" s="1"/>
  <c r="A113814" i="1" s="1"/>
  <c r="A113815" i="1" s="1"/>
  <c r="A113816" i="1" s="1"/>
  <c r="A113817" i="1" s="1"/>
  <c r="A113818" i="1" s="1"/>
  <c r="A113819" i="1" s="1"/>
  <c r="A113820" i="1" s="1"/>
  <c r="A113821" i="1" s="1"/>
  <c r="A113822" i="1" s="1"/>
  <c r="A113823" i="1" s="1"/>
  <c r="A113824" i="1" s="1"/>
  <c r="A113825" i="1" s="1"/>
  <c r="A113826" i="1" s="1"/>
  <c r="A113827" i="1" s="1"/>
  <c r="A113828" i="1" s="1"/>
  <c r="A113829" i="1" s="1"/>
  <c r="A113830" i="1" s="1"/>
  <c r="A113831" i="1" s="1"/>
  <c r="A113832" i="1" s="1"/>
  <c r="A113833" i="1" s="1"/>
  <c r="A113834" i="1" s="1"/>
  <c r="A113835" i="1" s="1"/>
  <c r="A113836" i="1" s="1"/>
  <c r="A113837" i="1" s="1"/>
  <c r="A113838" i="1" s="1"/>
  <c r="A113839" i="1" s="1"/>
  <c r="A113840" i="1" s="1"/>
  <c r="A113841" i="1" s="1"/>
  <c r="A113842" i="1" s="1"/>
  <c r="A113843" i="1" s="1"/>
  <c r="A113844" i="1" s="1"/>
  <c r="A113845" i="1" s="1"/>
  <c r="A113846" i="1" s="1"/>
  <c r="A113847" i="1" s="1"/>
  <c r="A113848" i="1" s="1"/>
  <c r="A113849" i="1" s="1"/>
  <c r="A113850" i="1" s="1"/>
  <c r="A113851" i="1" s="1"/>
  <c r="A113852" i="1" s="1"/>
  <c r="A113853" i="1" s="1"/>
  <c r="A113854" i="1" s="1"/>
  <c r="A113855" i="1" s="1"/>
  <c r="A113856" i="1" s="1"/>
  <c r="A113857" i="1" s="1"/>
  <c r="A113858" i="1" s="1"/>
  <c r="A113859" i="1" s="1"/>
  <c r="A113860" i="1" s="1"/>
  <c r="A113861" i="1" s="1"/>
  <c r="A113862" i="1" s="1"/>
  <c r="A113863" i="1" s="1"/>
  <c r="A113864" i="1" s="1"/>
  <c r="A113865" i="1" s="1"/>
  <c r="A113866" i="1" s="1"/>
  <c r="A113867" i="1" s="1"/>
  <c r="A113868" i="1" s="1"/>
  <c r="A113869" i="1" s="1"/>
  <c r="A113870" i="1" s="1"/>
  <c r="A113871" i="1" s="1"/>
  <c r="A113872" i="1" s="1"/>
  <c r="A113873" i="1" s="1"/>
  <c r="A113874" i="1" s="1"/>
  <c r="A113875" i="1" s="1"/>
  <c r="A113876" i="1" s="1"/>
  <c r="A113877" i="1" s="1"/>
  <c r="A113878" i="1" s="1"/>
  <c r="A113879" i="1" s="1"/>
  <c r="A113880" i="1" s="1"/>
  <c r="A113881" i="1" s="1"/>
  <c r="A113882" i="1" s="1"/>
  <c r="A113883" i="1" s="1"/>
  <c r="A113884" i="1" s="1"/>
  <c r="A113885" i="1" s="1"/>
  <c r="A113886" i="1" s="1"/>
  <c r="A113887" i="1" s="1"/>
  <c r="A113888" i="1" s="1"/>
  <c r="A113889" i="1" s="1"/>
  <c r="A113890" i="1" s="1"/>
  <c r="A113891" i="1" s="1"/>
  <c r="A113892" i="1" s="1"/>
  <c r="A113893" i="1" s="1"/>
  <c r="A113894" i="1" s="1"/>
  <c r="A113895" i="1" s="1"/>
  <c r="A113896" i="1" s="1"/>
  <c r="A113897" i="1" s="1"/>
  <c r="A113898" i="1" s="1"/>
  <c r="A113899" i="1" s="1"/>
  <c r="A113900" i="1" s="1"/>
  <c r="A113901" i="1" s="1"/>
  <c r="A113902" i="1" s="1"/>
  <c r="A113903" i="1" s="1"/>
  <c r="A113904" i="1" s="1"/>
  <c r="A113905" i="1" s="1"/>
  <c r="A113906" i="1" s="1"/>
  <c r="A113907" i="1" s="1"/>
  <c r="A113908" i="1" s="1"/>
  <c r="A113909" i="1" s="1"/>
  <c r="A113910" i="1" s="1"/>
  <c r="A113911" i="1" s="1"/>
  <c r="A113912" i="1" s="1"/>
  <c r="A113913" i="1" s="1"/>
  <c r="A113914" i="1" s="1"/>
  <c r="A113915" i="1" s="1"/>
  <c r="A113916" i="1" s="1"/>
  <c r="A113917" i="1" s="1"/>
  <c r="A113918" i="1" s="1"/>
  <c r="A113919" i="1" s="1"/>
  <c r="A113920" i="1" s="1"/>
  <c r="A113921" i="1" s="1"/>
  <c r="A113922" i="1" s="1"/>
  <c r="A113923" i="1" s="1"/>
  <c r="A113924" i="1" s="1"/>
  <c r="A113925" i="1" s="1"/>
  <c r="A113926" i="1" s="1"/>
  <c r="A113927" i="1" s="1"/>
  <c r="A113928" i="1" s="1"/>
  <c r="A113929" i="1" s="1"/>
  <c r="A113930" i="1" s="1"/>
  <c r="A113931" i="1" s="1"/>
  <c r="A113932" i="1" s="1"/>
  <c r="A113933" i="1" s="1"/>
  <c r="A113934" i="1" s="1"/>
  <c r="A113935" i="1" s="1"/>
  <c r="A113936" i="1" s="1"/>
  <c r="A113937" i="1" s="1"/>
  <c r="A113938" i="1" s="1"/>
  <c r="A113939" i="1" s="1"/>
  <c r="A113940" i="1" s="1"/>
  <c r="A113941" i="1" s="1"/>
  <c r="A113942" i="1" s="1"/>
  <c r="A113943" i="1" s="1"/>
  <c r="A113944" i="1" s="1"/>
  <c r="A113945" i="1" s="1"/>
  <c r="A113946" i="1" s="1"/>
  <c r="A113947" i="1" s="1"/>
  <c r="A113948" i="1" s="1"/>
  <c r="A113949" i="1" s="1"/>
  <c r="A113950" i="1" s="1"/>
  <c r="A113951" i="1" s="1"/>
  <c r="A113952" i="1" s="1"/>
  <c r="A113953" i="1" s="1"/>
  <c r="A113954" i="1" s="1"/>
  <c r="A113955" i="1" s="1"/>
  <c r="A113956" i="1" s="1"/>
  <c r="A113957" i="1" s="1"/>
  <c r="A113958" i="1" s="1"/>
  <c r="A113959" i="1" s="1"/>
  <c r="A113960" i="1" s="1"/>
  <c r="A113961" i="1" s="1"/>
  <c r="A113962" i="1" s="1"/>
  <c r="A113963" i="1" s="1"/>
  <c r="A113964" i="1" s="1"/>
  <c r="A113965" i="1" s="1"/>
  <c r="A113966" i="1" s="1"/>
  <c r="A113967" i="1" s="1"/>
  <c r="A113968" i="1" s="1"/>
  <c r="A113969" i="1" s="1"/>
  <c r="A113970" i="1" s="1"/>
  <c r="A113971" i="1" s="1"/>
  <c r="A113972" i="1" s="1"/>
  <c r="A113973" i="1" s="1"/>
  <c r="A113974" i="1" s="1"/>
  <c r="A113975" i="1" s="1"/>
  <c r="A113976" i="1" s="1"/>
  <c r="A113977" i="1" s="1"/>
  <c r="A113978" i="1" s="1"/>
  <c r="A113979" i="1" s="1"/>
  <c r="A113980" i="1" s="1"/>
  <c r="A113981" i="1" s="1"/>
  <c r="A113982" i="1" s="1"/>
  <c r="A113983" i="1" s="1"/>
  <c r="A113984" i="1" s="1"/>
  <c r="A113985" i="1" s="1"/>
  <c r="A113986" i="1" s="1"/>
  <c r="A113987" i="1" s="1"/>
  <c r="A113988" i="1" s="1"/>
  <c r="A113989" i="1" s="1"/>
  <c r="A113990" i="1" s="1"/>
  <c r="A113991" i="1" s="1"/>
  <c r="A113992" i="1" s="1"/>
  <c r="A113993" i="1" s="1"/>
  <c r="A113994" i="1" s="1"/>
  <c r="A113995" i="1" s="1"/>
  <c r="A113996" i="1" s="1"/>
  <c r="A113997" i="1" s="1"/>
  <c r="A113998" i="1" s="1"/>
  <c r="A113999" i="1" s="1"/>
  <c r="A114000" i="1" s="1"/>
  <c r="A114001" i="1" s="1"/>
  <c r="A114002" i="1" s="1"/>
  <c r="A114003" i="1" s="1"/>
  <c r="A114004" i="1" s="1"/>
  <c r="A114005" i="1" s="1"/>
  <c r="A114006" i="1" s="1"/>
  <c r="A114007" i="1" s="1"/>
  <c r="A114008" i="1" s="1"/>
  <c r="A114009" i="1" s="1"/>
  <c r="A114010" i="1" s="1"/>
  <c r="A114011" i="1" s="1"/>
  <c r="A114012" i="1" s="1"/>
  <c r="A114013" i="1" s="1"/>
  <c r="A114014" i="1" s="1"/>
  <c r="A114015" i="1" s="1"/>
  <c r="A114016" i="1" s="1"/>
  <c r="A114017" i="1" s="1"/>
  <c r="A114018" i="1" s="1"/>
  <c r="A114019" i="1" s="1"/>
  <c r="A114020" i="1" s="1"/>
  <c r="A114021" i="1" s="1"/>
  <c r="A114022" i="1" s="1"/>
  <c r="A114023" i="1" s="1"/>
  <c r="A114024" i="1" s="1"/>
  <c r="A114025" i="1" s="1"/>
  <c r="A114026" i="1" s="1"/>
  <c r="A114027" i="1" s="1"/>
  <c r="A114028" i="1" s="1"/>
  <c r="A114029" i="1" s="1"/>
  <c r="A114030" i="1" s="1"/>
  <c r="A114031" i="1" s="1"/>
  <c r="A114032" i="1" s="1"/>
  <c r="A114033" i="1" s="1"/>
  <c r="A114034" i="1" s="1"/>
  <c r="A114035" i="1" s="1"/>
  <c r="A114036" i="1" s="1"/>
  <c r="A114037" i="1" s="1"/>
  <c r="A114038" i="1" s="1"/>
  <c r="A114039" i="1" s="1"/>
  <c r="A114040" i="1" s="1"/>
  <c r="A114041" i="1" s="1"/>
  <c r="A114042" i="1" s="1"/>
  <c r="A114043" i="1" s="1"/>
  <c r="A114044" i="1" s="1"/>
  <c r="A114045" i="1" s="1"/>
  <c r="A114046" i="1" s="1"/>
  <c r="A114047" i="1" s="1"/>
  <c r="A114048" i="1" s="1"/>
  <c r="A114049" i="1" s="1"/>
  <c r="A114050" i="1" s="1"/>
  <c r="A114051" i="1" s="1"/>
  <c r="A114052" i="1" s="1"/>
  <c r="A114053" i="1" s="1"/>
  <c r="A114054" i="1" s="1"/>
  <c r="A114055" i="1" s="1"/>
  <c r="A114056" i="1" s="1"/>
  <c r="A114057" i="1" s="1"/>
  <c r="A114058" i="1" s="1"/>
  <c r="A114059" i="1" s="1"/>
  <c r="A114060" i="1" s="1"/>
  <c r="A114061" i="1" s="1"/>
  <c r="A114062" i="1" s="1"/>
  <c r="A114063" i="1" s="1"/>
  <c r="A114064" i="1" s="1"/>
  <c r="A114065" i="1" s="1"/>
  <c r="A114066" i="1" s="1"/>
  <c r="A114067" i="1" s="1"/>
  <c r="A114068" i="1" s="1"/>
  <c r="A114069" i="1" s="1"/>
  <c r="A114070" i="1" s="1"/>
  <c r="A114071" i="1" s="1"/>
  <c r="A114072" i="1" s="1"/>
  <c r="A114073" i="1" s="1"/>
  <c r="A114074" i="1" s="1"/>
  <c r="A114075" i="1" s="1"/>
  <c r="A114076" i="1" s="1"/>
  <c r="A114077" i="1" s="1"/>
  <c r="A114078" i="1" s="1"/>
  <c r="A114079" i="1" s="1"/>
  <c r="A114080" i="1" s="1"/>
  <c r="A114081" i="1" s="1"/>
  <c r="A114082" i="1" s="1"/>
  <c r="A114083" i="1" s="1"/>
  <c r="A114084" i="1" s="1"/>
  <c r="A114085" i="1" s="1"/>
  <c r="A114086" i="1" s="1"/>
  <c r="A114087" i="1" s="1"/>
  <c r="A114088" i="1" s="1"/>
  <c r="A114089" i="1" s="1"/>
  <c r="A114090" i="1" s="1"/>
  <c r="A114091" i="1" s="1"/>
  <c r="A114092" i="1" s="1"/>
  <c r="A114093" i="1" s="1"/>
  <c r="A114094" i="1" s="1"/>
  <c r="A114095" i="1" s="1"/>
  <c r="A114096" i="1" s="1"/>
  <c r="A114097" i="1" s="1"/>
  <c r="A114098" i="1" s="1"/>
  <c r="A114099" i="1" s="1"/>
  <c r="A114100" i="1" s="1"/>
  <c r="A114101" i="1" s="1"/>
  <c r="A114102" i="1" s="1"/>
  <c r="A114103" i="1" s="1"/>
  <c r="A114104" i="1" s="1"/>
  <c r="A114105" i="1" s="1"/>
  <c r="A114106" i="1" s="1"/>
  <c r="A114107" i="1" s="1"/>
  <c r="A114108" i="1" s="1"/>
  <c r="A114109" i="1" s="1"/>
  <c r="A114110" i="1" s="1"/>
  <c r="A114111" i="1" s="1"/>
  <c r="A114112" i="1" s="1"/>
  <c r="A114113" i="1" s="1"/>
  <c r="A114114" i="1" s="1"/>
  <c r="A114115" i="1" s="1"/>
  <c r="A114116" i="1" s="1"/>
  <c r="A114117" i="1" s="1"/>
  <c r="A114118" i="1" s="1"/>
  <c r="A114119" i="1" s="1"/>
  <c r="A114120" i="1" s="1"/>
  <c r="A114121" i="1" s="1"/>
  <c r="A114122" i="1" s="1"/>
  <c r="A114123" i="1" s="1"/>
  <c r="A114124" i="1" s="1"/>
  <c r="A114125" i="1" s="1"/>
  <c r="A114126" i="1" s="1"/>
  <c r="A114127" i="1" s="1"/>
  <c r="A114128" i="1" s="1"/>
  <c r="A114129" i="1" s="1"/>
  <c r="A114130" i="1" s="1"/>
  <c r="A114131" i="1" s="1"/>
  <c r="A114132" i="1" s="1"/>
  <c r="A114133" i="1" s="1"/>
  <c r="A114134" i="1" s="1"/>
  <c r="A114135" i="1" s="1"/>
  <c r="A114136" i="1" s="1"/>
  <c r="A114137" i="1" s="1"/>
  <c r="A114138" i="1" s="1"/>
  <c r="A114139" i="1" s="1"/>
  <c r="A114140" i="1" s="1"/>
  <c r="A114141" i="1" s="1"/>
  <c r="A114142" i="1" s="1"/>
  <c r="A114143" i="1" s="1"/>
  <c r="A114144" i="1" s="1"/>
  <c r="A114145" i="1" s="1"/>
  <c r="A114146" i="1" s="1"/>
  <c r="A114147" i="1" s="1"/>
  <c r="A114148" i="1" s="1"/>
  <c r="A114149" i="1" s="1"/>
  <c r="A114150" i="1" s="1"/>
  <c r="A114151" i="1" s="1"/>
  <c r="A114152" i="1" s="1"/>
  <c r="A114153" i="1" s="1"/>
  <c r="A114154" i="1" s="1"/>
  <c r="A114155" i="1" s="1"/>
  <c r="A114156" i="1" s="1"/>
  <c r="A114157" i="1" s="1"/>
  <c r="A114158" i="1" s="1"/>
  <c r="A114159" i="1" s="1"/>
  <c r="A114160" i="1" s="1"/>
  <c r="A114161" i="1" s="1"/>
  <c r="A114162" i="1" s="1"/>
  <c r="A114163" i="1" s="1"/>
  <c r="A114164" i="1" s="1"/>
  <c r="A114165" i="1" s="1"/>
  <c r="A114166" i="1" s="1"/>
  <c r="A114167" i="1" s="1"/>
  <c r="A114168" i="1" s="1"/>
  <c r="A114169" i="1" s="1"/>
  <c r="A114170" i="1" s="1"/>
  <c r="A114171" i="1" s="1"/>
  <c r="A114172" i="1" s="1"/>
  <c r="A114173" i="1" s="1"/>
  <c r="A114174" i="1" s="1"/>
  <c r="A114175" i="1" s="1"/>
  <c r="A114176" i="1" s="1"/>
  <c r="A114177" i="1" s="1"/>
  <c r="A114178" i="1" s="1"/>
  <c r="A114179" i="1" s="1"/>
  <c r="A114180" i="1" s="1"/>
  <c r="A114181" i="1" s="1"/>
  <c r="A114182" i="1" s="1"/>
  <c r="A114183" i="1" s="1"/>
  <c r="A114184" i="1" s="1"/>
  <c r="A114185" i="1" s="1"/>
  <c r="A114186" i="1" s="1"/>
  <c r="A114187" i="1" s="1"/>
  <c r="A114188" i="1" s="1"/>
  <c r="A114189" i="1" s="1"/>
  <c r="A114190" i="1" s="1"/>
  <c r="A114191" i="1" s="1"/>
  <c r="A114192" i="1" s="1"/>
  <c r="A114193" i="1" s="1"/>
  <c r="A114194" i="1" s="1"/>
  <c r="A114195" i="1" s="1"/>
  <c r="A114196" i="1" s="1"/>
  <c r="A114197" i="1" s="1"/>
  <c r="A114198" i="1" s="1"/>
  <c r="A114199" i="1" s="1"/>
  <c r="A114200" i="1" s="1"/>
  <c r="A114201" i="1" s="1"/>
  <c r="A114202" i="1" s="1"/>
  <c r="A114203" i="1" s="1"/>
  <c r="A114204" i="1" s="1"/>
  <c r="A114205" i="1" s="1"/>
  <c r="A114206" i="1" s="1"/>
  <c r="A114207" i="1" s="1"/>
  <c r="A114208" i="1" s="1"/>
  <c r="A114209" i="1" s="1"/>
  <c r="A114210" i="1" s="1"/>
  <c r="A114211" i="1" s="1"/>
  <c r="A114212" i="1" s="1"/>
  <c r="A114213" i="1" s="1"/>
  <c r="A114214" i="1" s="1"/>
  <c r="A114215" i="1" s="1"/>
  <c r="A114216" i="1" s="1"/>
  <c r="A114217" i="1" s="1"/>
  <c r="A114218" i="1" s="1"/>
  <c r="A114219" i="1" s="1"/>
  <c r="A114220" i="1" s="1"/>
  <c r="A114221" i="1" s="1"/>
  <c r="A114222" i="1" s="1"/>
  <c r="A114223" i="1" s="1"/>
  <c r="A114224" i="1" s="1"/>
  <c r="A114225" i="1" s="1"/>
  <c r="A114226" i="1" s="1"/>
  <c r="A114227" i="1" s="1"/>
  <c r="A114228" i="1" s="1"/>
  <c r="A114229" i="1" s="1"/>
  <c r="A114230" i="1" s="1"/>
  <c r="A114231" i="1" s="1"/>
  <c r="A114232" i="1" s="1"/>
  <c r="A114233" i="1" s="1"/>
  <c r="A114234" i="1" s="1"/>
  <c r="A114235" i="1" s="1"/>
  <c r="A114236" i="1" s="1"/>
  <c r="A114237" i="1" s="1"/>
  <c r="A114238" i="1" s="1"/>
  <c r="A114239" i="1" s="1"/>
  <c r="A114240" i="1" s="1"/>
  <c r="A114241" i="1" s="1"/>
  <c r="A114242" i="1" s="1"/>
  <c r="A114243" i="1" s="1"/>
  <c r="A114244" i="1" s="1"/>
  <c r="A114245" i="1" s="1"/>
  <c r="A114246" i="1" s="1"/>
  <c r="A114247" i="1" s="1"/>
  <c r="A114248" i="1" s="1"/>
  <c r="A114249" i="1" s="1"/>
  <c r="A114250" i="1" s="1"/>
  <c r="A114251" i="1" s="1"/>
  <c r="A114252" i="1" s="1"/>
  <c r="A114253" i="1" s="1"/>
  <c r="A114254" i="1" s="1"/>
  <c r="A114255" i="1" s="1"/>
  <c r="A114256" i="1" s="1"/>
  <c r="A114257" i="1" s="1"/>
  <c r="A114258" i="1" s="1"/>
  <c r="A114259" i="1" s="1"/>
  <c r="A114260" i="1" s="1"/>
  <c r="A114261" i="1" s="1"/>
  <c r="A114262" i="1" s="1"/>
  <c r="A114263" i="1" s="1"/>
  <c r="A114264" i="1" s="1"/>
  <c r="A114265" i="1" s="1"/>
  <c r="A114266" i="1" s="1"/>
  <c r="A114267" i="1" s="1"/>
  <c r="A114268" i="1" s="1"/>
  <c r="A114269" i="1" s="1"/>
  <c r="A114270" i="1" s="1"/>
  <c r="A114271" i="1" s="1"/>
  <c r="A114272" i="1" s="1"/>
  <c r="A114273" i="1" s="1"/>
  <c r="A114274" i="1" s="1"/>
  <c r="A114275" i="1" s="1"/>
  <c r="A114276" i="1" s="1"/>
  <c r="A114277" i="1" s="1"/>
  <c r="A114278" i="1" s="1"/>
  <c r="A114279" i="1" s="1"/>
  <c r="A114280" i="1" s="1"/>
  <c r="A114281" i="1" s="1"/>
  <c r="A114282" i="1" s="1"/>
  <c r="A114283" i="1" s="1"/>
  <c r="A114284" i="1" s="1"/>
  <c r="A114285" i="1" s="1"/>
  <c r="A114286" i="1" s="1"/>
  <c r="A114287" i="1" s="1"/>
  <c r="A114288" i="1" s="1"/>
  <c r="A114289" i="1" s="1"/>
  <c r="A114290" i="1" s="1"/>
  <c r="A114291" i="1" s="1"/>
  <c r="A114292" i="1" s="1"/>
  <c r="A114293" i="1" s="1"/>
  <c r="A114294" i="1" s="1"/>
  <c r="A114295" i="1" s="1"/>
  <c r="A114296" i="1" s="1"/>
  <c r="A114297" i="1" s="1"/>
  <c r="A114298" i="1" s="1"/>
  <c r="A114299" i="1" s="1"/>
  <c r="A114300" i="1" s="1"/>
  <c r="A114301" i="1" s="1"/>
  <c r="A114302" i="1" s="1"/>
  <c r="A114303" i="1" s="1"/>
  <c r="A114304" i="1" s="1"/>
  <c r="A114305" i="1" s="1"/>
  <c r="A114306" i="1" s="1"/>
  <c r="A114307" i="1" s="1"/>
  <c r="A114308" i="1" s="1"/>
  <c r="A114309" i="1" s="1"/>
  <c r="A114310" i="1" s="1"/>
  <c r="A114311" i="1" s="1"/>
  <c r="A114312" i="1" s="1"/>
  <c r="A114313" i="1" s="1"/>
  <c r="A114314" i="1" s="1"/>
  <c r="A114315" i="1" s="1"/>
  <c r="A114316" i="1" s="1"/>
  <c r="A114317" i="1" s="1"/>
  <c r="A114318" i="1" s="1"/>
  <c r="A114319" i="1" s="1"/>
  <c r="A114320" i="1" s="1"/>
  <c r="A114321" i="1" s="1"/>
  <c r="A114322" i="1" s="1"/>
  <c r="A114323" i="1" s="1"/>
  <c r="A114324" i="1" s="1"/>
  <c r="A114325" i="1" s="1"/>
  <c r="A114326" i="1" s="1"/>
  <c r="A114327" i="1" s="1"/>
  <c r="A114328" i="1" s="1"/>
  <c r="A114329" i="1" s="1"/>
  <c r="A114330" i="1" s="1"/>
  <c r="A114331" i="1" s="1"/>
  <c r="A114332" i="1" s="1"/>
  <c r="A114333" i="1" s="1"/>
  <c r="A114334" i="1" s="1"/>
  <c r="A114335" i="1" s="1"/>
  <c r="A114336" i="1" s="1"/>
  <c r="A114337" i="1" s="1"/>
  <c r="A114338" i="1" s="1"/>
  <c r="A114339" i="1" s="1"/>
  <c r="A114340" i="1" s="1"/>
  <c r="A114341" i="1" s="1"/>
  <c r="A114342" i="1" s="1"/>
  <c r="A114343" i="1" s="1"/>
  <c r="A114344" i="1" s="1"/>
  <c r="A114345" i="1" s="1"/>
  <c r="A114346" i="1" s="1"/>
  <c r="A114347" i="1" s="1"/>
  <c r="A114348" i="1" s="1"/>
  <c r="A114349" i="1" s="1"/>
  <c r="A114350" i="1" s="1"/>
  <c r="A114351" i="1" s="1"/>
  <c r="A114352" i="1" s="1"/>
  <c r="A114353" i="1" s="1"/>
  <c r="A114354" i="1" s="1"/>
  <c r="A114355" i="1" s="1"/>
  <c r="A114356" i="1" s="1"/>
  <c r="A114357" i="1" s="1"/>
  <c r="A114358" i="1" s="1"/>
  <c r="A114359" i="1" s="1"/>
  <c r="A114360" i="1" s="1"/>
  <c r="A114361" i="1" s="1"/>
  <c r="A114362" i="1" s="1"/>
  <c r="A114363" i="1" s="1"/>
  <c r="A114364" i="1" s="1"/>
  <c r="A114365" i="1" s="1"/>
  <c r="A114366" i="1" s="1"/>
  <c r="A114367" i="1" s="1"/>
  <c r="A114368" i="1" s="1"/>
  <c r="A114369" i="1" s="1"/>
  <c r="A114370" i="1" s="1"/>
  <c r="A114371" i="1" s="1"/>
  <c r="A114372" i="1" s="1"/>
  <c r="A114373" i="1" s="1"/>
  <c r="A114374" i="1" s="1"/>
  <c r="A114375" i="1" s="1"/>
  <c r="A114376" i="1" s="1"/>
  <c r="A114377" i="1" s="1"/>
  <c r="A114378" i="1" s="1"/>
  <c r="A114379" i="1" s="1"/>
  <c r="A114380" i="1" s="1"/>
  <c r="A114381" i="1" s="1"/>
  <c r="A114382" i="1" s="1"/>
  <c r="A114383" i="1" s="1"/>
  <c r="A114384" i="1" s="1"/>
  <c r="A114385" i="1" s="1"/>
  <c r="A114386" i="1" s="1"/>
  <c r="A114387" i="1" s="1"/>
  <c r="A114388" i="1" s="1"/>
  <c r="A114389" i="1" s="1"/>
  <c r="A114390" i="1" s="1"/>
  <c r="A114391" i="1" s="1"/>
  <c r="A114392" i="1" s="1"/>
  <c r="A114393" i="1" s="1"/>
  <c r="A114394" i="1" s="1"/>
  <c r="A114395" i="1" s="1"/>
  <c r="A114396" i="1" s="1"/>
  <c r="A114397" i="1" s="1"/>
  <c r="A114398" i="1" s="1"/>
  <c r="A114399" i="1" s="1"/>
  <c r="A114400" i="1" s="1"/>
  <c r="A114401" i="1" s="1"/>
  <c r="A114402" i="1" s="1"/>
  <c r="A114403" i="1" s="1"/>
  <c r="A114404" i="1" s="1"/>
  <c r="A114405" i="1" s="1"/>
  <c r="A114406" i="1" s="1"/>
  <c r="A114407" i="1" s="1"/>
  <c r="A114408" i="1" s="1"/>
  <c r="A114409" i="1" s="1"/>
  <c r="A114410" i="1" s="1"/>
  <c r="A114411" i="1" s="1"/>
  <c r="A114412" i="1" s="1"/>
  <c r="A114413" i="1" s="1"/>
  <c r="A114414" i="1" s="1"/>
  <c r="A114415" i="1" s="1"/>
  <c r="A114416" i="1" s="1"/>
  <c r="A114417" i="1" s="1"/>
  <c r="A114418" i="1" s="1"/>
  <c r="A114419" i="1" s="1"/>
  <c r="A114420" i="1" s="1"/>
  <c r="A114421" i="1" s="1"/>
  <c r="A114422" i="1" s="1"/>
  <c r="A114423" i="1" s="1"/>
  <c r="A114424" i="1" s="1"/>
  <c r="A114425" i="1" s="1"/>
  <c r="A114426" i="1" s="1"/>
  <c r="A114427" i="1" s="1"/>
  <c r="A114428" i="1" s="1"/>
  <c r="A114429" i="1" s="1"/>
  <c r="A114430" i="1" s="1"/>
  <c r="A114431" i="1" s="1"/>
  <c r="A114432" i="1" s="1"/>
  <c r="A114433" i="1" s="1"/>
  <c r="A114434" i="1" s="1"/>
  <c r="A114435" i="1" s="1"/>
  <c r="A114436" i="1" s="1"/>
  <c r="A114437" i="1" s="1"/>
  <c r="A114438" i="1" s="1"/>
  <c r="A114439" i="1" s="1"/>
  <c r="A114440" i="1" s="1"/>
  <c r="A114441" i="1" s="1"/>
  <c r="A114442" i="1" s="1"/>
  <c r="A114443" i="1" s="1"/>
  <c r="A114444" i="1" s="1"/>
  <c r="A114445" i="1" s="1"/>
  <c r="A114446" i="1" s="1"/>
  <c r="A114447" i="1" s="1"/>
  <c r="A114448" i="1" s="1"/>
  <c r="A114449" i="1" s="1"/>
  <c r="A114450" i="1" s="1"/>
  <c r="A114451" i="1" s="1"/>
  <c r="A114452" i="1" s="1"/>
  <c r="A114453" i="1" s="1"/>
  <c r="A114454" i="1" s="1"/>
  <c r="A114455" i="1" s="1"/>
  <c r="A114456" i="1" s="1"/>
  <c r="A114457" i="1" s="1"/>
  <c r="A114458" i="1" s="1"/>
  <c r="A114459" i="1" s="1"/>
  <c r="A114460" i="1" s="1"/>
  <c r="A114461" i="1" s="1"/>
  <c r="A114462" i="1" s="1"/>
  <c r="A114463" i="1" s="1"/>
  <c r="A114464" i="1" s="1"/>
  <c r="A114465" i="1" s="1"/>
  <c r="A114466" i="1" s="1"/>
  <c r="A114467" i="1" s="1"/>
  <c r="A114468" i="1" s="1"/>
  <c r="A114469" i="1" s="1"/>
  <c r="A114470" i="1" s="1"/>
  <c r="A114471" i="1" s="1"/>
  <c r="A114472" i="1" s="1"/>
  <c r="A114473" i="1" s="1"/>
  <c r="A114474" i="1" s="1"/>
  <c r="A114475" i="1" s="1"/>
  <c r="A114476" i="1" s="1"/>
  <c r="A114477" i="1" s="1"/>
  <c r="A114478" i="1" s="1"/>
  <c r="A114479" i="1" s="1"/>
  <c r="A114480" i="1" s="1"/>
  <c r="A114481" i="1" s="1"/>
  <c r="A114482" i="1" s="1"/>
  <c r="A114483" i="1" s="1"/>
  <c r="A114484" i="1" s="1"/>
  <c r="A114485" i="1" s="1"/>
  <c r="A114486" i="1" s="1"/>
  <c r="A114487" i="1" s="1"/>
  <c r="A114488" i="1" s="1"/>
  <c r="A114489" i="1" s="1"/>
  <c r="A114490" i="1" s="1"/>
  <c r="A114491" i="1" s="1"/>
  <c r="A114492" i="1" s="1"/>
  <c r="A114493" i="1" s="1"/>
  <c r="A114494" i="1" s="1"/>
  <c r="A114495" i="1" s="1"/>
  <c r="A114496" i="1" s="1"/>
  <c r="A114497" i="1" s="1"/>
  <c r="A114498" i="1" s="1"/>
  <c r="A114499" i="1" s="1"/>
  <c r="A114500" i="1" s="1"/>
  <c r="A114501" i="1" s="1"/>
  <c r="A114502" i="1" s="1"/>
  <c r="A114503" i="1" s="1"/>
  <c r="A114504" i="1" s="1"/>
  <c r="A114505" i="1" s="1"/>
  <c r="A114506" i="1" s="1"/>
  <c r="A114507" i="1" s="1"/>
  <c r="A114508" i="1" s="1"/>
  <c r="A114509" i="1" s="1"/>
  <c r="A114510" i="1" s="1"/>
  <c r="A114511" i="1" s="1"/>
  <c r="A114512" i="1" s="1"/>
  <c r="A114513" i="1" s="1"/>
  <c r="A114514" i="1" s="1"/>
  <c r="A114515" i="1" s="1"/>
  <c r="A114516" i="1" s="1"/>
  <c r="A114517" i="1" s="1"/>
  <c r="A114518" i="1" s="1"/>
  <c r="A114519" i="1" s="1"/>
  <c r="A114520" i="1" s="1"/>
  <c r="A114521" i="1" s="1"/>
  <c r="A114522" i="1" s="1"/>
  <c r="A114523" i="1" s="1"/>
  <c r="A114524" i="1" s="1"/>
  <c r="A114525" i="1" s="1"/>
  <c r="A114526" i="1" s="1"/>
  <c r="A114527" i="1" s="1"/>
  <c r="A114528" i="1" s="1"/>
  <c r="A114529" i="1" s="1"/>
  <c r="A114530" i="1" s="1"/>
  <c r="A114531" i="1" s="1"/>
  <c r="A114532" i="1" s="1"/>
  <c r="A114533" i="1" s="1"/>
  <c r="A114534" i="1" s="1"/>
  <c r="A114535" i="1" s="1"/>
  <c r="A114536" i="1" s="1"/>
  <c r="A114537" i="1" s="1"/>
  <c r="A114538" i="1" s="1"/>
  <c r="A114539" i="1" s="1"/>
  <c r="A114540" i="1" s="1"/>
  <c r="A114541" i="1" s="1"/>
  <c r="A114542" i="1" s="1"/>
  <c r="A114543" i="1" s="1"/>
  <c r="A114544" i="1" s="1"/>
  <c r="A114545" i="1" s="1"/>
  <c r="A114546" i="1" s="1"/>
  <c r="A114547" i="1" s="1"/>
  <c r="A114548" i="1" s="1"/>
  <c r="A114549" i="1" s="1"/>
  <c r="A114550" i="1" s="1"/>
  <c r="A114551" i="1" s="1"/>
  <c r="A114552" i="1" s="1"/>
  <c r="A114553" i="1" s="1"/>
  <c r="A114554" i="1" s="1"/>
  <c r="A114555" i="1" s="1"/>
  <c r="A114556" i="1" s="1"/>
  <c r="A114557" i="1" s="1"/>
  <c r="A114558" i="1" s="1"/>
  <c r="A114559" i="1" s="1"/>
  <c r="A114560" i="1" s="1"/>
  <c r="A114561" i="1" s="1"/>
  <c r="A114562" i="1" s="1"/>
  <c r="A114563" i="1" s="1"/>
  <c r="A114564" i="1" s="1"/>
  <c r="A114565" i="1" s="1"/>
  <c r="A114566" i="1" s="1"/>
  <c r="A114567" i="1" s="1"/>
  <c r="A114568" i="1" s="1"/>
  <c r="A114569" i="1" s="1"/>
  <c r="A114570" i="1" s="1"/>
  <c r="A114571" i="1" s="1"/>
  <c r="A114572" i="1" s="1"/>
  <c r="A114573" i="1" s="1"/>
  <c r="A114574" i="1" s="1"/>
  <c r="A114575" i="1" s="1"/>
  <c r="A114576" i="1" s="1"/>
  <c r="A114577" i="1" s="1"/>
  <c r="A114578" i="1" s="1"/>
  <c r="A114579" i="1" s="1"/>
  <c r="A114580" i="1" s="1"/>
  <c r="A114581" i="1" s="1"/>
  <c r="A114582" i="1" s="1"/>
  <c r="A114583" i="1" s="1"/>
  <c r="A114584" i="1" s="1"/>
  <c r="A114585" i="1" s="1"/>
  <c r="A114586" i="1" s="1"/>
  <c r="A114587" i="1" s="1"/>
  <c r="A114588" i="1" s="1"/>
  <c r="A114589" i="1" s="1"/>
  <c r="A114590" i="1" s="1"/>
  <c r="A114591" i="1" s="1"/>
  <c r="A114592" i="1" s="1"/>
  <c r="A114593" i="1" s="1"/>
  <c r="A114594" i="1" s="1"/>
  <c r="A114595" i="1" s="1"/>
  <c r="A114596" i="1" s="1"/>
  <c r="A114597" i="1" s="1"/>
  <c r="A114598" i="1" s="1"/>
  <c r="A114599" i="1" s="1"/>
  <c r="A114600" i="1" s="1"/>
  <c r="A114601" i="1" s="1"/>
  <c r="A114602" i="1" s="1"/>
  <c r="A114603" i="1" s="1"/>
  <c r="A114604" i="1" s="1"/>
  <c r="A114605" i="1" s="1"/>
  <c r="A114606" i="1" s="1"/>
  <c r="A114607" i="1" s="1"/>
  <c r="A114608" i="1" s="1"/>
  <c r="A114609" i="1" s="1"/>
  <c r="A114610" i="1" s="1"/>
  <c r="A114611" i="1" s="1"/>
  <c r="A114612" i="1" s="1"/>
  <c r="A114613" i="1" s="1"/>
  <c r="A114614" i="1" s="1"/>
  <c r="A114615" i="1" s="1"/>
  <c r="A114616" i="1" s="1"/>
  <c r="A114617" i="1" s="1"/>
  <c r="A114618" i="1" s="1"/>
  <c r="A114619" i="1" s="1"/>
  <c r="A114620" i="1" s="1"/>
  <c r="A114621" i="1" s="1"/>
  <c r="A114622" i="1" s="1"/>
  <c r="A114623" i="1" s="1"/>
  <c r="A114624" i="1" s="1"/>
  <c r="A114625" i="1" s="1"/>
  <c r="A114626" i="1" s="1"/>
  <c r="A114627" i="1" s="1"/>
  <c r="A114628" i="1" s="1"/>
  <c r="A114629" i="1" s="1"/>
  <c r="A114630" i="1" s="1"/>
  <c r="A114631" i="1" s="1"/>
  <c r="A114632" i="1" s="1"/>
  <c r="A114633" i="1" s="1"/>
  <c r="A114634" i="1" s="1"/>
  <c r="A114635" i="1" s="1"/>
  <c r="A114636" i="1" s="1"/>
  <c r="A114637" i="1" s="1"/>
  <c r="A114638" i="1" s="1"/>
  <c r="A114639" i="1" s="1"/>
  <c r="A114640" i="1" s="1"/>
  <c r="A114641" i="1" s="1"/>
  <c r="A114642" i="1" s="1"/>
  <c r="A114643" i="1" s="1"/>
  <c r="A114644" i="1" s="1"/>
  <c r="A114645" i="1" s="1"/>
  <c r="A114646" i="1" s="1"/>
  <c r="A114647" i="1" s="1"/>
  <c r="A114648" i="1" s="1"/>
  <c r="A114649" i="1" s="1"/>
  <c r="A114650" i="1" s="1"/>
  <c r="A114651" i="1" s="1"/>
  <c r="A114652" i="1" s="1"/>
  <c r="A114653" i="1" s="1"/>
  <c r="A114654" i="1" s="1"/>
  <c r="A114655" i="1" s="1"/>
  <c r="A114656" i="1" s="1"/>
  <c r="A114657" i="1" s="1"/>
  <c r="A114658" i="1" s="1"/>
  <c r="A114659" i="1" s="1"/>
  <c r="A114660" i="1" s="1"/>
  <c r="A114661" i="1" s="1"/>
  <c r="A114662" i="1" s="1"/>
  <c r="A114663" i="1" s="1"/>
  <c r="A114664" i="1" s="1"/>
  <c r="A114665" i="1" s="1"/>
  <c r="A114666" i="1" s="1"/>
  <c r="A114667" i="1" s="1"/>
  <c r="A114668" i="1" s="1"/>
  <c r="A114669" i="1" s="1"/>
  <c r="A114670" i="1" s="1"/>
  <c r="A114671" i="1" s="1"/>
  <c r="A114672" i="1" s="1"/>
  <c r="A114673" i="1" s="1"/>
  <c r="A114674" i="1" s="1"/>
  <c r="A114675" i="1" s="1"/>
  <c r="A114676" i="1" s="1"/>
  <c r="A114677" i="1" s="1"/>
  <c r="A114678" i="1" s="1"/>
  <c r="A114679" i="1" s="1"/>
  <c r="A114680" i="1" s="1"/>
  <c r="A114681" i="1" s="1"/>
  <c r="A114682" i="1" s="1"/>
  <c r="A114683" i="1" s="1"/>
  <c r="A114684" i="1" s="1"/>
  <c r="A114685" i="1" s="1"/>
  <c r="A114686" i="1" s="1"/>
  <c r="A114687" i="1" s="1"/>
  <c r="A114688" i="1" s="1"/>
  <c r="A114689" i="1" s="1"/>
  <c r="A114690" i="1" s="1"/>
  <c r="A114691" i="1" s="1"/>
  <c r="A114692" i="1" s="1"/>
  <c r="A114693" i="1" s="1"/>
  <c r="A114694" i="1" s="1"/>
  <c r="A114695" i="1" s="1"/>
  <c r="A114696" i="1" s="1"/>
  <c r="A114697" i="1" s="1"/>
  <c r="A114698" i="1" s="1"/>
  <c r="A114699" i="1" s="1"/>
  <c r="A114700" i="1" s="1"/>
  <c r="A114701" i="1" s="1"/>
  <c r="A114702" i="1" s="1"/>
  <c r="A114703" i="1" s="1"/>
  <c r="A114704" i="1" s="1"/>
  <c r="A114705" i="1" s="1"/>
  <c r="A114706" i="1" s="1"/>
  <c r="A114707" i="1" s="1"/>
  <c r="A114708" i="1" s="1"/>
  <c r="A114709" i="1" s="1"/>
  <c r="A114710" i="1" s="1"/>
  <c r="A114711" i="1" s="1"/>
  <c r="A114712" i="1" s="1"/>
  <c r="A114713" i="1" s="1"/>
  <c r="A114714" i="1" s="1"/>
  <c r="A114715" i="1" s="1"/>
  <c r="A114716" i="1" s="1"/>
  <c r="A114717" i="1" s="1"/>
  <c r="A114718" i="1" s="1"/>
  <c r="A114719" i="1" s="1"/>
  <c r="A114720" i="1" s="1"/>
  <c r="A114721" i="1" s="1"/>
  <c r="A114722" i="1" s="1"/>
  <c r="A114723" i="1" s="1"/>
  <c r="A114724" i="1" s="1"/>
  <c r="A114725" i="1" s="1"/>
  <c r="A114726" i="1" s="1"/>
  <c r="A114727" i="1" s="1"/>
  <c r="A114728" i="1" s="1"/>
  <c r="A114729" i="1" s="1"/>
  <c r="A114730" i="1" s="1"/>
  <c r="A114731" i="1" s="1"/>
  <c r="A114732" i="1" s="1"/>
  <c r="A114733" i="1" s="1"/>
  <c r="A114734" i="1" s="1"/>
  <c r="A114735" i="1" s="1"/>
  <c r="A114736" i="1" s="1"/>
  <c r="A114737" i="1" s="1"/>
  <c r="A114738" i="1" s="1"/>
  <c r="A114739" i="1" s="1"/>
  <c r="A114740" i="1" s="1"/>
  <c r="A114741" i="1" s="1"/>
  <c r="A114742" i="1" s="1"/>
  <c r="A114743" i="1" s="1"/>
  <c r="A114744" i="1" s="1"/>
  <c r="A114745" i="1" s="1"/>
  <c r="A114746" i="1" s="1"/>
  <c r="A114747" i="1" s="1"/>
  <c r="A114748" i="1" s="1"/>
  <c r="A114749" i="1" s="1"/>
  <c r="A114750" i="1" s="1"/>
  <c r="A114751" i="1" s="1"/>
  <c r="A114752" i="1" s="1"/>
  <c r="A114753" i="1" s="1"/>
  <c r="A114754" i="1" s="1"/>
  <c r="A114755" i="1" s="1"/>
  <c r="A114756" i="1" s="1"/>
  <c r="A114757" i="1" s="1"/>
  <c r="A114758" i="1" s="1"/>
  <c r="A114759" i="1" s="1"/>
  <c r="A114760" i="1" s="1"/>
  <c r="A114761" i="1" s="1"/>
  <c r="A114762" i="1" s="1"/>
  <c r="A114763" i="1" s="1"/>
  <c r="A114764" i="1" s="1"/>
  <c r="A114765" i="1" s="1"/>
  <c r="A114766" i="1" s="1"/>
  <c r="A114767" i="1" s="1"/>
  <c r="A114768" i="1" s="1"/>
  <c r="A114769" i="1" s="1"/>
  <c r="A114770" i="1" s="1"/>
  <c r="A114771" i="1" s="1"/>
  <c r="A114772" i="1" s="1"/>
  <c r="A114773" i="1" s="1"/>
  <c r="A114774" i="1" s="1"/>
  <c r="A114775" i="1" s="1"/>
  <c r="A114776" i="1" s="1"/>
  <c r="A114777" i="1" s="1"/>
  <c r="A114778" i="1" s="1"/>
  <c r="A114779" i="1" s="1"/>
  <c r="A114780" i="1" s="1"/>
  <c r="A114781" i="1" s="1"/>
  <c r="A114782" i="1" s="1"/>
  <c r="A114783" i="1" s="1"/>
  <c r="A114784" i="1" s="1"/>
  <c r="A114785" i="1" s="1"/>
  <c r="A114786" i="1" s="1"/>
  <c r="A114787" i="1" s="1"/>
  <c r="A114788" i="1" s="1"/>
  <c r="A114789" i="1" s="1"/>
  <c r="A114790" i="1" s="1"/>
  <c r="A114791" i="1" s="1"/>
  <c r="A114792" i="1" s="1"/>
  <c r="A114793" i="1" s="1"/>
  <c r="A114794" i="1" s="1"/>
  <c r="A114795" i="1" s="1"/>
  <c r="A114796" i="1" s="1"/>
  <c r="A114797" i="1" s="1"/>
  <c r="A114798" i="1" s="1"/>
  <c r="A114799" i="1" s="1"/>
  <c r="A114800" i="1" s="1"/>
  <c r="A114801" i="1" s="1"/>
  <c r="A114802" i="1" s="1"/>
  <c r="A114803" i="1" s="1"/>
  <c r="A114804" i="1" s="1"/>
  <c r="A114805" i="1" s="1"/>
  <c r="A114806" i="1" s="1"/>
  <c r="A114807" i="1" s="1"/>
  <c r="A114808" i="1" s="1"/>
  <c r="A114809" i="1" s="1"/>
  <c r="A114810" i="1" s="1"/>
  <c r="A114811" i="1" s="1"/>
  <c r="A114812" i="1" s="1"/>
  <c r="A114813" i="1" s="1"/>
  <c r="A114814" i="1" s="1"/>
  <c r="A114815" i="1" s="1"/>
  <c r="A114816" i="1" s="1"/>
  <c r="A114817" i="1" s="1"/>
  <c r="A114818" i="1" s="1"/>
  <c r="A114819" i="1" s="1"/>
  <c r="A114820" i="1" s="1"/>
  <c r="A114821" i="1" s="1"/>
  <c r="A114822" i="1" s="1"/>
  <c r="A114823" i="1" s="1"/>
  <c r="A114824" i="1" s="1"/>
  <c r="A114825" i="1" s="1"/>
  <c r="A114826" i="1" s="1"/>
  <c r="A114827" i="1" s="1"/>
  <c r="A114828" i="1" s="1"/>
  <c r="A114829" i="1" s="1"/>
  <c r="A114830" i="1" s="1"/>
  <c r="A114831" i="1" s="1"/>
  <c r="A114832" i="1" s="1"/>
  <c r="A114833" i="1" s="1"/>
  <c r="A114834" i="1" s="1"/>
  <c r="A114835" i="1" s="1"/>
  <c r="A114836" i="1" s="1"/>
  <c r="A114837" i="1" s="1"/>
  <c r="A114838" i="1" s="1"/>
  <c r="A114839" i="1" s="1"/>
  <c r="A114840" i="1" s="1"/>
  <c r="A114841" i="1" s="1"/>
  <c r="A114842" i="1" s="1"/>
  <c r="A114843" i="1" s="1"/>
  <c r="A114844" i="1" s="1"/>
  <c r="A114845" i="1" s="1"/>
  <c r="A114846" i="1" s="1"/>
  <c r="A114847" i="1" s="1"/>
  <c r="A114848" i="1" s="1"/>
  <c r="A114849" i="1" s="1"/>
  <c r="A114850" i="1" s="1"/>
  <c r="A114851" i="1" s="1"/>
  <c r="A114852" i="1" s="1"/>
  <c r="A114853" i="1" s="1"/>
  <c r="A114854" i="1" s="1"/>
  <c r="A114855" i="1" s="1"/>
  <c r="A114856" i="1" s="1"/>
  <c r="A114857" i="1" s="1"/>
  <c r="A114858" i="1" s="1"/>
  <c r="A114859" i="1" s="1"/>
  <c r="A114860" i="1" s="1"/>
  <c r="A114861" i="1" s="1"/>
  <c r="A114862" i="1" s="1"/>
  <c r="A114863" i="1" s="1"/>
  <c r="A114864" i="1" s="1"/>
  <c r="A114865" i="1" s="1"/>
  <c r="A114866" i="1" s="1"/>
  <c r="A114867" i="1" s="1"/>
  <c r="A114868" i="1" s="1"/>
  <c r="A114869" i="1" s="1"/>
  <c r="A114870" i="1" s="1"/>
  <c r="A114871" i="1" s="1"/>
  <c r="A114872" i="1" s="1"/>
  <c r="A114873" i="1" s="1"/>
  <c r="A114874" i="1" s="1"/>
  <c r="A114875" i="1" s="1"/>
  <c r="A114876" i="1" s="1"/>
  <c r="A114877" i="1" s="1"/>
  <c r="A114878" i="1" s="1"/>
  <c r="A114879" i="1" s="1"/>
  <c r="A114880" i="1" s="1"/>
  <c r="A114881" i="1" s="1"/>
  <c r="A114882" i="1" s="1"/>
  <c r="A114883" i="1" s="1"/>
  <c r="A114884" i="1" s="1"/>
  <c r="A114885" i="1" s="1"/>
  <c r="A114886" i="1" s="1"/>
  <c r="A114887" i="1" s="1"/>
  <c r="A114888" i="1" s="1"/>
  <c r="A114889" i="1" s="1"/>
  <c r="A114890" i="1" s="1"/>
  <c r="A114891" i="1" s="1"/>
  <c r="A114892" i="1" s="1"/>
  <c r="A114893" i="1" s="1"/>
  <c r="A114894" i="1" s="1"/>
  <c r="A114895" i="1" s="1"/>
  <c r="A114896" i="1" s="1"/>
  <c r="A114897" i="1" s="1"/>
  <c r="A114898" i="1" s="1"/>
  <c r="A114899" i="1" s="1"/>
  <c r="A114900" i="1" s="1"/>
  <c r="A114901" i="1" s="1"/>
  <c r="A114902" i="1" s="1"/>
  <c r="A114903" i="1" s="1"/>
  <c r="A114904" i="1" s="1"/>
  <c r="A114905" i="1" s="1"/>
  <c r="A114906" i="1" s="1"/>
  <c r="A114907" i="1" s="1"/>
  <c r="A114908" i="1" s="1"/>
  <c r="A114909" i="1" s="1"/>
  <c r="A114910" i="1" s="1"/>
  <c r="A114911" i="1" s="1"/>
  <c r="A114912" i="1" s="1"/>
  <c r="A114913" i="1" s="1"/>
  <c r="A114914" i="1" s="1"/>
  <c r="A114915" i="1" s="1"/>
  <c r="A114916" i="1" s="1"/>
  <c r="A114917" i="1" s="1"/>
  <c r="A114918" i="1" s="1"/>
  <c r="A114919" i="1" s="1"/>
  <c r="A114920" i="1" s="1"/>
  <c r="A114921" i="1" s="1"/>
  <c r="A114922" i="1" s="1"/>
  <c r="A114923" i="1" s="1"/>
  <c r="A114924" i="1" s="1"/>
  <c r="A114925" i="1" s="1"/>
  <c r="A114926" i="1" s="1"/>
  <c r="A114927" i="1" s="1"/>
  <c r="A114928" i="1" s="1"/>
  <c r="A114929" i="1" s="1"/>
  <c r="A114930" i="1" s="1"/>
  <c r="A114931" i="1" s="1"/>
  <c r="A114932" i="1" s="1"/>
  <c r="A114933" i="1" s="1"/>
  <c r="A114934" i="1" s="1"/>
  <c r="A114935" i="1" s="1"/>
  <c r="A114936" i="1" s="1"/>
  <c r="A114937" i="1" s="1"/>
  <c r="A114938" i="1" s="1"/>
  <c r="A114939" i="1" s="1"/>
  <c r="A114940" i="1" s="1"/>
  <c r="A114941" i="1" s="1"/>
  <c r="A114942" i="1" s="1"/>
  <c r="A114943" i="1" s="1"/>
  <c r="A114944" i="1" s="1"/>
  <c r="A114945" i="1" s="1"/>
  <c r="A114946" i="1" s="1"/>
  <c r="A114947" i="1" s="1"/>
  <c r="A114948" i="1" s="1"/>
  <c r="A114949" i="1" s="1"/>
  <c r="A114950" i="1" s="1"/>
  <c r="A114951" i="1" s="1"/>
  <c r="A114952" i="1" s="1"/>
  <c r="A114953" i="1" s="1"/>
  <c r="A114954" i="1" s="1"/>
  <c r="A114955" i="1" s="1"/>
  <c r="A114956" i="1" s="1"/>
  <c r="A114957" i="1" s="1"/>
  <c r="A114958" i="1" s="1"/>
  <c r="A114959" i="1" s="1"/>
  <c r="A114960" i="1" s="1"/>
  <c r="A114961" i="1" s="1"/>
  <c r="A114962" i="1" s="1"/>
  <c r="A114963" i="1" s="1"/>
  <c r="A114964" i="1" s="1"/>
  <c r="A114965" i="1" s="1"/>
  <c r="A114966" i="1" s="1"/>
  <c r="A114967" i="1" s="1"/>
  <c r="A114968" i="1" s="1"/>
  <c r="A114969" i="1" s="1"/>
  <c r="A114970" i="1" s="1"/>
  <c r="A114971" i="1" s="1"/>
  <c r="A114972" i="1" s="1"/>
  <c r="A114973" i="1" s="1"/>
  <c r="A114974" i="1" s="1"/>
  <c r="A114975" i="1" s="1"/>
  <c r="A114976" i="1" s="1"/>
  <c r="A114977" i="1" s="1"/>
  <c r="A114978" i="1" s="1"/>
  <c r="A114979" i="1" s="1"/>
  <c r="A114980" i="1" s="1"/>
  <c r="A114981" i="1" s="1"/>
  <c r="A114982" i="1" s="1"/>
  <c r="A114983" i="1" s="1"/>
  <c r="A114984" i="1" s="1"/>
  <c r="A114985" i="1" s="1"/>
  <c r="A114986" i="1" s="1"/>
  <c r="A114987" i="1" s="1"/>
  <c r="A114988" i="1" s="1"/>
  <c r="A114989" i="1" s="1"/>
  <c r="A114990" i="1" s="1"/>
  <c r="A114991" i="1" s="1"/>
  <c r="A114992" i="1" s="1"/>
  <c r="A114993" i="1" s="1"/>
  <c r="A114994" i="1" s="1"/>
  <c r="A114995" i="1" s="1"/>
  <c r="A114996" i="1" s="1"/>
  <c r="A114997" i="1" s="1"/>
  <c r="A114998" i="1" s="1"/>
  <c r="A114999" i="1" s="1"/>
  <c r="A115000" i="1" s="1"/>
  <c r="A115001" i="1" s="1"/>
  <c r="A115002" i="1" s="1"/>
  <c r="A115003" i="1" s="1"/>
  <c r="A115004" i="1" s="1"/>
  <c r="A115005" i="1" s="1"/>
  <c r="A115006" i="1" s="1"/>
  <c r="A115007" i="1" s="1"/>
  <c r="A115008" i="1" s="1"/>
  <c r="A115009" i="1" s="1"/>
  <c r="A115010" i="1" s="1"/>
  <c r="A115011" i="1" s="1"/>
  <c r="A115012" i="1" s="1"/>
  <c r="A115013" i="1" s="1"/>
  <c r="A115014" i="1" s="1"/>
  <c r="A115015" i="1" s="1"/>
  <c r="A115016" i="1" s="1"/>
  <c r="A115017" i="1" s="1"/>
  <c r="A115018" i="1" s="1"/>
  <c r="A115019" i="1" s="1"/>
  <c r="A115020" i="1" s="1"/>
  <c r="A115021" i="1" s="1"/>
  <c r="A115022" i="1" s="1"/>
  <c r="A115023" i="1" s="1"/>
  <c r="A115024" i="1" s="1"/>
  <c r="A115025" i="1" s="1"/>
  <c r="A115026" i="1" s="1"/>
  <c r="A115027" i="1" s="1"/>
  <c r="A115028" i="1" s="1"/>
  <c r="A115029" i="1" s="1"/>
  <c r="A115030" i="1" s="1"/>
  <c r="A115031" i="1" s="1"/>
  <c r="A115032" i="1" s="1"/>
  <c r="A115033" i="1" s="1"/>
  <c r="A115034" i="1" s="1"/>
  <c r="A115035" i="1" s="1"/>
  <c r="A115036" i="1" s="1"/>
  <c r="A115037" i="1" s="1"/>
  <c r="A115038" i="1" s="1"/>
  <c r="A115039" i="1" s="1"/>
  <c r="A115040" i="1" s="1"/>
  <c r="A115041" i="1" s="1"/>
  <c r="A115042" i="1" s="1"/>
  <c r="A115043" i="1" s="1"/>
  <c r="A115044" i="1" s="1"/>
  <c r="A115045" i="1" s="1"/>
  <c r="A115046" i="1" s="1"/>
  <c r="A115047" i="1" s="1"/>
  <c r="A115048" i="1" s="1"/>
  <c r="A115049" i="1" s="1"/>
  <c r="A115050" i="1" s="1"/>
  <c r="A115051" i="1" s="1"/>
  <c r="A115052" i="1" s="1"/>
  <c r="A115053" i="1" s="1"/>
  <c r="A115054" i="1" s="1"/>
  <c r="A115055" i="1" s="1"/>
  <c r="A115056" i="1" s="1"/>
  <c r="A115057" i="1" s="1"/>
  <c r="A115058" i="1" s="1"/>
  <c r="A115059" i="1" s="1"/>
  <c r="A115060" i="1" s="1"/>
  <c r="A115061" i="1" s="1"/>
  <c r="A115062" i="1" s="1"/>
  <c r="A115063" i="1" s="1"/>
  <c r="A115064" i="1" s="1"/>
  <c r="A115065" i="1" s="1"/>
  <c r="A115066" i="1" s="1"/>
  <c r="A115067" i="1" s="1"/>
  <c r="A115068" i="1" s="1"/>
  <c r="A115069" i="1" s="1"/>
  <c r="A115070" i="1" s="1"/>
  <c r="A115071" i="1" s="1"/>
  <c r="A115072" i="1" s="1"/>
  <c r="A115073" i="1" s="1"/>
  <c r="A115074" i="1" s="1"/>
  <c r="A115075" i="1" s="1"/>
  <c r="A115076" i="1" s="1"/>
  <c r="A115077" i="1" s="1"/>
  <c r="A115078" i="1" s="1"/>
  <c r="A115079" i="1" s="1"/>
  <c r="A115080" i="1" s="1"/>
  <c r="A115081" i="1" s="1"/>
  <c r="A115082" i="1" s="1"/>
  <c r="A115083" i="1" s="1"/>
  <c r="A115084" i="1" s="1"/>
  <c r="A115085" i="1" s="1"/>
  <c r="A115086" i="1" s="1"/>
  <c r="A115087" i="1" s="1"/>
  <c r="A115088" i="1" s="1"/>
  <c r="A115089" i="1" s="1"/>
  <c r="A115090" i="1" s="1"/>
  <c r="A115091" i="1" s="1"/>
  <c r="A115092" i="1" s="1"/>
  <c r="A115093" i="1" s="1"/>
  <c r="A115094" i="1" s="1"/>
  <c r="A115095" i="1" s="1"/>
  <c r="A115096" i="1" s="1"/>
  <c r="A115097" i="1" s="1"/>
  <c r="A115098" i="1" s="1"/>
  <c r="A115099" i="1" s="1"/>
  <c r="A115100" i="1" s="1"/>
  <c r="A115101" i="1" s="1"/>
  <c r="A115102" i="1" s="1"/>
  <c r="A115103" i="1" s="1"/>
  <c r="A115104" i="1" s="1"/>
  <c r="A115105" i="1" s="1"/>
  <c r="A115106" i="1" s="1"/>
  <c r="A115107" i="1" s="1"/>
  <c r="A115108" i="1" s="1"/>
  <c r="A115109" i="1" s="1"/>
  <c r="A115110" i="1" s="1"/>
  <c r="A115111" i="1" s="1"/>
  <c r="A115112" i="1" s="1"/>
  <c r="A115113" i="1" s="1"/>
  <c r="A115114" i="1" s="1"/>
  <c r="A115115" i="1" s="1"/>
  <c r="A115116" i="1" s="1"/>
  <c r="A115117" i="1" s="1"/>
  <c r="A115118" i="1" s="1"/>
  <c r="A115119" i="1" s="1"/>
  <c r="A115120" i="1" s="1"/>
  <c r="A115121" i="1" s="1"/>
  <c r="A115122" i="1" s="1"/>
  <c r="A115123" i="1" s="1"/>
  <c r="A115124" i="1" s="1"/>
  <c r="A115125" i="1" s="1"/>
  <c r="A115126" i="1" s="1"/>
  <c r="A115127" i="1" s="1"/>
  <c r="A115128" i="1" s="1"/>
  <c r="A115129" i="1" s="1"/>
  <c r="A115130" i="1" s="1"/>
  <c r="A115131" i="1" s="1"/>
  <c r="A115132" i="1" s="1"/>
  <c r="A115133" i="1" s="1"/>
  <c r="A115134" i="1" s="1"/>
  <c r="A115135" i="1" s="1"/>
  <c r="A115136" i="1" s="1"/>
  <c r="A115137" i="1" s="1"/>
  <c r="A115138" i="1" s="1"/>
  <c r="A115139" i="1" s="1"/>
  <c r="A115140" i="1" s="1"/>
  <c r="A115141" i="1" s="1"/>
  <c r="A115142" i="1" s="1"/>
  <c r="A115143" i="1" s="1"/>
  <c r="A115144" i="1" s="1"/>
  <c r="A115145" i="1" s="1"/>
  <c r="A115146" i="1" s="1"/>
  <c r="A115147" i="1" s="1"/>
  <c r="A115148" i="1" s="1"/>
  <c r="A115149" i="1" s="1"/>
  <c r="A115150" i="1" s="1"/>
  <c r="A115151" i="1" s="1"/>
  <c r="A115152" i="1" s="1"/>
  <c r="A115153" i="1" s="1"/>
  <c r="A115154" i="1" s="1"/>
  <c r="A115155" i="1" s="1"/>
  <c r="A115156" i="1" s="1"/>
  <c r="A115157" i="1" s="1"/>
  <c r="A115158" i="1" s="1"/>
  <c r="A115159" i="1" s="1"/>
  <c r="A115160" i="1" s="1"/>
  <c r="A115161" i="1" s="1"/>
  <c r="A115162" i="1" s="1"/>
  <c r="A115163" i="1" s="1"/>
  <c r="A115164" i="1" s="1"/>
  <c r="A115165" i="1" s="1"/>
  <c r="A115166" i="1" s="1"/>
  <c r="A115167" i="1" s="1"/>
  <c r="A115168" i="1" s="1"/>
  <c r="A115169" i="1" s="1"/>
  <c r="A115170" i="1" s="1"/>
  <c r="A115171" i="1" s="1"/>
  <c r="A115172" i="1" s="1"/>
  <c r="A115173" i="1" s="1"/>
  <c r="A115174" i="1" s="1"/>
  <c r="A115175" i="1" s="1"/>
  <c r="A115176" i="1" s="1"/>
  <c r="A115177" i="1" s="1"/>
  <c r="A115178" i="1" s="1"/>
  <c r="A115179" i="1" s="1"/>
  <c r="A115180" i="1" s="1"/>
  <c r="A115181" i="1" s="1"/>
  <c r="A115182" i="1" s="1"/>
  <c r="A115183" i="1" s="1"/>
  <c r="A115184" i="1" s="1"/>
  <c r="A115185" i="1" s="1"/>
  <c r="A115186" i="1" s="1"/>
  <c r="A115187" i="1" s="1"/>
  <c r="A115188" i="1" s="1"/>
  <c r="A115189" i="1" s="1"/>
  <c r="A115190" i="1" s="1"/>
  <c r="A115191" i="1" s="1"/>
  <c r="A115192" i="1" s="1"/>
  <c r="A115193" i="1" s="1"/>
  <c r="A115194" i="1" s="1"/>
  <c r="A115195" i="1" s="1"/>
  <c r="A115196" i="1" s="1"/>
  <c r="A115197" i="1" s="1"/>
  <c r="A115198" i="1" s="1"/>
  <c r="A115199" i="1" s="1"/>
  <c r="A115200" i="1" s="1"/>
  <c r="A115201" i="1" s="1"/>
  <c r="A115202" i="1" s="1"/>
  <c r="A115203" i="1" s="1"/>
  <c r="A115204" i="1" s="1"/>
  <c r="A115205" i="1" s="1"/>
  <c r="A115206" i="1" s="1"/>
  <c r="A115207" i="1" s="1"/>
  <c r="A115208" i="1" s="1"/>
  <c r="A115209" i="1" s="1"/>
  <c r="A115210" i="1" s="1"/>
  <c r="A115211" i="1" s="1"/>
  <c r="A115212" i="1" s="1"/>
  <c r="A115213" i="1" s="1"/>
  <c r="A115214" i="1" s="1"/>
  <c r="A115215" i="1" s="1"/>
  <c r="A115216" i="1" s="1"/>
  <c r="A115217" i="1" s="1"/>
  <c r="A115218" i="1" s="1"/>
  <c r="A115219" i="1" s="1"/>
  <c r="A115220" i="1" s="1"/>
  <c r="A115221" i="1" s="1"/>
  <c r="A115222" i="1" s="1"/>
  <c r="A115223" i="1" s="1"/>
  <c r="A115224" i="1" s="1"/>
  <c r="A115225" i="1" s="1"/>
  <c r="A115226" i="1" s="1"/>
  <c r="A115227" i="1" s="1"/>
  <c r="A115228" i="1" s="1"/>
  <c r="A115229" i="1" s="1"/>
  <c r="A115230" i="1" s="1"/>
  <c r="A115231" i="1" s="1"/>
  <c r="A115232" i="1" s="1"/>
  <c r="A115233" i="1" s="1"/>
  <c r="A115234" i="1" s="1"/>
  <c r="A115235" i="1" s="1"/>
  <c r="A115236" i="1" s="1"/>
  <c r="A115237" i="1" s="1"/>
  <c r="A115238" i="1" s="1"/>
  <c r="A115239" i="1" s="1"/>
  <c r="A115240" i="1" s="1"/>
  <c r="A115241" i="1" s="1"/>
  <c r="A115242" i="1" s="1"/>
  <c r="A115243" i="1" s="1"/>
  <c r="A115244" i="1" s="1"/>
  <c r="A115245" i="1" s="1"/>
  <c r="A115246" i="1" s="1"/>
  <c r="A115247" i="1" s="1"/>
  <c r="A115248" i="1" s="1"/>
  <c r="A115249" i="1" s="1"/>
  <c r="A115250" i="1" s="1"/>
  <c r="A115251" i="1" s="1"/>
  <c r="A115252" i="1" s="1"/>
  <c r="A115253" i="1" s="1"/>
  <c r="A115254" i="1" s="1"/>
  <c r="A115255" i="1" s="1"/>
  <c r="A115256" i="1" s="1"/>
  <c r="A115257" i="1" s="1"/>
  <c r="A115258" i="1" s="1"/>
  <c r="A115259" i="1" s="1"/>
  <c r="A115260" i="1" s="1"/>
  <c r="A115261" i="1" s="1"/>
  <c r="A115262" i="1" s="1"/>
  <c r="A115263" i="1" s="1"/>
  <c r="A115264" i="1" s="1"/>
  <c r="A115265" i="1" s="1"/>
  <c r="A115266" i="1" s="1"/>
  <c r="A115267" i="1" s="1"/>
  <c r="A115268" i="1" s="1"/>
  <c r="A115269" i="1" s="1"/>
  <c r="A115270" i="1" s="1"/>
  <c r="A115271" i="1" s="1"/>
  <c r="A115272" i="1" s="1"/>
  <c r="A115273" i="1" s="1"/>
  <c r="A115274" i="1" s="1"/>
  <c r="A115275" i="1" s="1"/>
  <c r="A115276" i="1" s="1"/>
  <c r="A115277" i="1" s="1"/>
  <c r="A115278" i="1" s="1"/>
  <c r="A115279" i="1" s="1"/>
  <c r="A115280" i="1" s="1"/>
  <c r="A115281" i="1" s="1"/>
  <c r="A115282" i="1" s="1"/>
  <c r="A115283" i="1" s="1"/>
  <c r="A115284" i="1" s="1"/>
  <c r="A115285" i="1" s="1"/>
  <c r="A115286" i="1" s="1"/>
  <c r="A115287" i="1" s="1"/>
  <c r="A115288" i="1" s="1"/>
  <c r="A115289" i="1" s="1"/>
  <c r="A115290" i="1" s="1"/>
  <c r="A115291" i="1" s="1"/>
  <c r="A115292" i="1" s="1"/>
  <c r="A115293" i="1" s="1"/>
  <c r="A115294" i="1" s="1"/>
  <c r="A115295" i="1" s="1"/>
  <c r="A115296" i="1" s="1"/>
  <c r="A115297" i="1" s="1"/>
  <c r="A115298" i="1" s="1"/>
  <c r="A115299" i="1" s="1"/>
  <c r="A115300" i="1" s="1"/>
  <c r="A115301" i="1" s="1"/>
  <c r="A115302" i="1" s="1"/>
  <c r="A115303" i="1" s="1"/>
  <c r="A115304" i="1" s="1"/>
  <c r="A115305" i="1" s="1"/>
  <c r="A115306" i="1" s="1"/>
  <c r="A115307" i="1" s="1"/>
  <c r="A115308" i="1" s="1"/>
  <c r="A115309" i="1" s="1"/>
  <c r="A115310" i="1" s="1"/>
  <c r="A115311" i="1" s="1"/>
  <c r="A115312" i="1" s="1"/>
  <c r="A115313" i="1" s="1"/>
  <c r="A115314" i="1" s="1"/>
  <c r="A115315" i="1" s="1"/>
  <c r="A115316" i="1" s="1"/>
  <c r="A115317" i="1" s="1"/>
  <c r="A115318" i="1" s="1"/>
  <c r="A115319" i="1" s="1"/>
  <c r="A115320" i="1" s="1"/>
  <c r="A115321" i="1" s="1"/>
  <c r="A115322" i="1" s="1"/>
  <c r="A115323" i="1" s="1"/>
  <c r="A115324" i="1" s="1"/>
  <c r="A115325" i="1" s="1"/>
  <c r="A115326" i="1" s="1"/>
  <c r="A115327" i="1" s="1"/>
  <c r="A115328" i="1" s="1"/>
  <c r="A115329" i="1" s="1"/>
  <c r="A115330" i="1" s="1"/>
  <c r="A115331" i="1" s="1"/>
  <c r="A115332" i="1" s="1"/>
  <c r="A115333" i="1" s="1"/>
  <c r="A115334" i="1" s="1"/>
  <c r="A115335" i="1" s="1"/>
  <c r="A115336" i="1" s="1"/>
  <c r="A115337" i="1" s="1"/>
  <c r="A115338" i="1" s="1"/>
  <c r="A115339" i="1" s="1"/>
  <c r="A115340" i="1" s="1"/>
  <c r="A115341" i="1" s="1"/>
  <c r="A115342" i="1" s="1"/>
  <c r="A115343" i="1" s="1"/>
  <c r="A115344" i="1" s="1"/>
  <c r="A115345" i="1" s="1"/>
  <c r="A115346" i="1" s="1"/>
  <c r="A115347" i="1" s="1"/>
  <c r="A115348" i="1" s="1"/>
  <c r="A115349" i="1" s="1"/>
  <c r="A115350" i="1" s="1"/>
  <c r="A115351" i="1" s="1"/>
  <c r="A115352" i="1" s="1"/>
  <c r="A115353" i="1" s="1"/>
  <c r="A115354" i="1" s="1"/>
  <c r="A115355" i="1" s="1"/>
  <c r="A115356" i="1" s="1"/>
  <c r="A115357" i="1" s="1"/>
  <c r="A115358" i="1" s="1"/>
  <c r="A115359" i="1" s="1"/>
  <c r="A115360" i="1" s="1"/>
  <c r="A115361" i="1" s="1"/>
  <c r="A115362" i="1" s="1"/>
  <c r="A115363" i="1" s="1"/>
  <c r="A115364" i="1" s="1"/>
  <c r="A115365" i="1" s="1"/>
  <c r="A115366" i="1" s="1"/>
  <c r="A115367" i="1" s="1"/>
  <c r="A115368" i="1" s="1"/>
  <c r="A115369" i="1" s="1"/>
  <c r="A115370" i="1" s="1"/>
  <c r="A115371" i="1" s="1"/>
  <c r="A115372" i="1" s="1"/>
  <c r="A115373" i="1" s="1"/>
  <c r="A115374" i="1" s="1"/>
  <c r="A115375" i="1" s="1"/>
  <c r="A115376" i="1" s="1"/>
  <c r="A115377" i="1" s="1"/>
  <c r="A115378" i="1" s="1"/>
  <c r="A115379" i="1" s="1"/>
  <c r="A115380" i="1" s="1"/>
  <c r="A115381" i="1" s="1"/>
  <c r="A115382" i="1" s="1"/>
  <c r="A115383" i="1" s="1"/>
  <c r="A115384" i="1" s="1"/>
  <c r="A115385" i="1" s="1"/>
  <c r="A115386" i="1" s="1"/>
  <c r="A115387" i="1" s="1"/>
  <c r="A115388" i="1" s="1"/>
  <c r="A115389" i="1" s="1"/>
  <c r="A115390" i="1" s="1"/>
  <c r="A115391" i="1" s="1"/>
  <c r="A115392" i="1" s="1"/>
  <c r="A115393" i="1" s="1"/>
  <c r="A115394" i="1" s="1"/>
  <c r="A115395" i="1" s="1"/>
  <c r="A115396" i="1" s="1"/>
  <c r="A115397" i="1" s="1"/>
  <c r="A115398" i="1" s="1"/>
  <c r="A115399" i="1" s="1"/>
  <c r="A115400" i="1" s="1"/>
  <c r="A115401" i="1" s="1"/>
  <c r="A115402" i="1" s="1"/>
  <c r="A115403" i="1" s="1"/>
  <c r="A115404" i="1" s="1"/>
  <c r="A115405" i="1" s="1"/>
  <c r="A115406" i="1" s="1"/>
  <c r="A115407" i="1" s="1"/>
  <c r="A115408" i="1" s="1"/>
  <c r="A115409" i="1" s="1"/>
  <c r="A115410" i="1" s="1"/>
  <c r="A115411" i="1" s="1"/>
  <c r="A115412" i="1" s="1"/>
  <c r="A115413" i="1" s="1"/>
  <c r="A115414" i="1" s="1"/>
  <c r="A115415" i="1" s="1"/>
  <c r="A115416" i="1" s="1"/>
  <c r="A115417" i="1" s="1"/>
  <c r="A115418" i="1" s="1"/>
  <c r="A115419" i="1" s="1"/>
  <c r="A115420" i="1" s="1"/>
  <c r="A115421" i="1" s="1"/>
  <c r="A115422" i="1" s="1"/>
  <c r="A115423" i="1" s="1"/>
  <c r="A115424" i="1" s="1"/>
  <c r="A115425" i="1" s="1"/>
  <c r="A115426" i="1" s="1"/>
  <c r="A115427" i="1" s="1"/>
  <c r="A115428" i="1" s="1"/>
  <c r="A115429" i="1" s="1"/>
  <c r="A115430" i="1" s="1"/>
  <c r="A115431" i="1" s="1"/>
  <c r="A115432" i="1" s="1"/>
  <c r="A115433" i="1" s="1"/>
  <c r="A115434" i="1" s="1"/>
  <c r="A115435" i="1" s="1"/>
  <c r="A115436" i="1" s="1"/>
  <c r="A115437" i="1" s="1"/>
  <c r="A115438" i="1" s="1"/>
  <c r="A115439" i="1" s="1"/>
  <c r="A115440" i="1" s="1"/>
  <c r="A115441" i="1" s="1"/>
  <c r="A115442" i="1" s="1"/>
  <c r="A115443" i="1" s="1"/>
  <c r="A115444" i="1" s="1"/>
  <c r="A115445" i="1" s="1"/>
  <c r="A115446" i="1" s="1"/>
  <c r="A115447" i="1" s="1"/>
  <c r="A115448" i="1" s="1"/>
  <c r="A115449" i="1" s="1"/>
  <c r="A115450" i="1" s="1"/>
  <c r="A115451" i="1" s="1"/>
  <c r="A115452" i="1" s="1"/>
  <c r="A115453" i="1" s="1"/>
  <c r="A115454" i="1" s="1"/>
  <c r="A115455" i="1" s="1"/>
  <c r="A115456" i="1" s="1"/>
  <c r="A115457" i="1" s="1"/>
  <c r="A115458" i="1" s="1"/>
  <c r="A115459" i="1" s="1"/>
  <c r="A115460" i="1" s="1"/>
  <c r="A115461" i="1" s="1"/>
  <c r="A115462" i="1" s="1"/>
  <c r="A115463" i="1" s="1"/>
  <c r="A115464" i="1" s="1"/>
  <c r="A115465" i="1" s="1"/>
  <c r="A115466" i="1" s="1"/>
  <c r="A115467" i="1" s="1"/>
  <c r="A115468" i="1" s="1"/>
  <c r="A115469" i="1" s="1"/>
  <c r="A115470" i="1" s="1"/>
  <c r="A115471" i="1" s="1"/>
  <c r="A115472" i="1" s="1"/>
  <c r="A115473" i="1" s="1"/>
  <c r="A115474" i="1" s="1"/>
  <c r="A115475" i="1" s="1"/>
  <c r="A115476" i="1" s="1"/>
  <c r="A115477" i="1" s="1"/>
  <c r="A115478" i="1" s="1"/>
  <c r="A115479" i="1" s="1"/>
  <c r="A115480" i="1" s="1"/>
  <c r="A115481" i="1" s="1"/>
  <c r="A115482" i="1" s="1"/>
  <c r="A115483" i="1" s="1"/>
  <c r="A115484" i="1" s="1"/>
  <c r="A115485" i="1" s="1"/>
  <c r="A115486" i="1" s="1"/>
  <c r="A115487" i="1" s="1"/>
  <c r="A115488" i="1" s="1"/>
  <c r="A115489" i="1" s="1"/>
  <c r="A115490" i="1" s="1"/>
  <c r="A115491" i="1" s="1"/>
  <c r="A115492" i="1" s="1"/>
  <c r="A115493" i="1" s="1"/>
  <c r="A115494" i="1" s="1"/>
  <c r="A115495" i="1" s="1"/>
  <c r="A115496" i="1" s="1"/>
  <c r="A115497" i="1" s="1"/>
  <c r="A115498" i="1" s="1"/>
  <c r="A115499" i="1" s="1"/>
  <c r="A115500" i="1" s="1"/>
  <c r="A115501" i="1" s="1"/>
  <c r="A115502" i="1" s="1"/>
  <c r="A115503" i="1" s="1"/>
  <c r="A115504" i="1" s="1"/>
  <c r="A115505" i="1" s="1"/>
  <c r="A115506" i="1" s="1"/>
  <c r="A115507" i="1" s="1"/>
  <c r="A115508" i="1" s="1"/>
  <c r="A115509" i="1" s="1"/>
  <c r="A115510" i="1" s="1"/>
  <c r="A115511" i="1" s="1"/>
  <c r="A115512" i="1" s="1"/>
  <c r="A115513" i="1" s="1"/>
  <c r="A115514" i="1" s="1"/>
  <c r="A115515" i="1" s="1"/>
  <c r="A115516" i="1" s="1"/>
  <c r="A115517" i="1" s="1"/>
  <c r="A115518" i="1" s="1"/>
  <c r="A115519" i="1" s="1"/>
  <c r="A115520" i="1" s="1"/>
  <c r="A115521" i="1" s="1"/>
  <c r="A115522" i="1" s="1"/>
  <c r="A115523" i="1" s="1"/>
  <c r="A115524" i="1" s="1"/>
  <c r="A115525" i="1" s="1"/>
  <c r="A115526" i="1" s="1"/>
  <c r="A115527" i="1" s="1"/>
  <c r="A115528" i="1" s="1"/>
  <c r="A115529" i="1" s="1"/>
  <c r="A115530" i="1" s="1"/>
  <c r="A115531" i="1" s="1"/>
  <c r="A115532" i="1" s="1"/>
  <c r="A115533" i="1" s="1"/>
  <c r="A115534" i="1" s="1"/>
  <c r="A115535" i="1" s="1"/>
  <c r="A115536" i="1" s="1"/>
  <c r="A115537" i="1" s="1"/>
  <c r="A115538" i="1" s="1"/>
  <c r="A115539" i="1" s="1"/>
  <c r="A115540" i="1" s="1"/>
  <c r="A115541" i="1" s="1"/>
  <c r="A115542" i="1" s="1"/>
  <c r="A115543" i="1" s="1"/>
  <c r="A115544" i="1" s="1"/>
  <c r="A115545" i="1" s="1"/>
  <c r="A115546" i="1" s="1"/>
  <c r="A115547" i="1" s="1"/>
  <c r="A115548" i="1" s="1"/>
  <c r="A115549" i="1" s="1"/>
  <c r="A115550" i="1" s="1"/>
  <c r="A115551" i="1" s="1"/>
  <c r="A115552" i="1" s="1"/>
  <c r="A115553" i="1" s="1"/>
  <c r="A115554" i="1" s="1"/>
  <c r="A115555" i="1" s="1"/>
  <c r="A115556" i="1" s="1"/>
  <c r="A115557" i="1" s="1"/>
  <c r="A115558" i="1" s="1"/>
  <c r="A115559" i="1" s="1"/>
  <c r="A115560" i="1" s="1"/>
  <c r="A115561" i="1" s="1"/>
  <c r="A115562" i="1" s="1"/>
  <c r="A115563" i="1" s="1"/>
  <c r="A115564" i="1" s="1"/>
  <c r="A115565" i="1" s="1"/>
  <c r="A115566" i="1" s="1"/>
  <c r="A115567" i="1" s="1"/>
  <c r="A115568" i="1" s="1"/>
  <c r="A115569" i="1" s="1"/>
  <c r="A115570" i="1" s="1"/>
  <c r="A115571" i="1" s="1"/>
  <c r="A115572" i="1" s="1"/>
  <c r="A115573" i="1" s="1"/>
  <c r="A115574" i="1" s="1"/>
  <c r="A115575" i="1" s="1"/>
  <c r="A115576" i="1" s="1"/>
  <c r="A115577" i="1" s="1"/>
  <c r="A115578" i="1" s="1"/>
  <c r="A115579" i="1" s="1"/>
  <c r="A115580" i="1" s="1"/>
  <c r="A115581" i="1" s="1"/>
  <c r="A115582" i="1" s="1"/>
  <c r="A115583" i="1" s="1"/>
  <c r="A115584" i="1" s="1"/>
  <c r="A115585" i="1" s="1"/>
  <c r="A115586" i="1" s="1"/>
  <c r="A115587" i="1" s="1"/>
  <c r="A115588" i="1" s="1"/>
  <c r="A115589" i="1" s="1"/>
  <c r="A115590" i="1" s="1"/>
  <c r="A115591" i="1" s="1"/>
  <c r="A115592" i="1" s="1"/>
  <c r="A115593" i="1" s="1"/>
  <c r="A115594" i="1" s="1"/>
  <c r="A115595" i="1" s="1"/>
  <c r="A115596" i="1" s="1"/>
  <c r="A115597" i="1" s="1"/>
  <c r="A115598" i="1" s="1"/>
  <c r="A115599" i="1" s="1"/>
  <c r="A115600" i="1" s="1"/>
  <c r="A115601" i="1" s="1"/>
  <c r="A115602" i="1" s="1"/>
  <c r="A115603" i="1" s="1"/>
  <c r="A115604" i="1" s="1"/>
  <c r="A115605" i="1" s="1"/>
  <c r="A115606" i="1" s="1"/>
  <c r="A115607" i="1" s="1"/>
  <c r="A115608" i="1" s="1"/>
  <c r="A115609" i="1" s="1"/>
  <c r="A115610" i="1" s="1"/>
  <c r="A115611" i="1" s="1"/>
  <c r="A115612" i="1" s="1"/>
  <c r="A115613" i="1" s="1"/>
  <c r="A115614" i="1" s="1"/>
  <c r="A115615" i="1" s="1"/>
  <c r="A115616" i="1" s="1"/>
  <c r="A115617" i="1" s="1"/>
  <c r="A115618" i="1" s="1"/>
  <c r="A115619" i="1" s="1"/>
  <c r="A115620" i="1" s="1"/>
  <c r="A115621" i="1" s="1"/>
  <c r="A115622" i="1" s="1"/>
  <c r="A115623" i="1" s="1"/>
  <c r="A115624" i="1" s="1"/>
  <c r="A115625" i="1" s="1"/>
  <c r="A115626" i="1" s="1"/>
  <c r="A115627" i="1" s="1"/>
  <c r="A115628" i="1" s="1"/>
  <c r="A115629" i="1" s="1"/>
  <c r="A115630" i="1" s="1"/>
  <c r="A115631" i="1" s="1"/>
  <c r="A115632" i="1" s="1"/>
  <c r="A115633" i="1" s="1"/>
  <c r="A115634" i="1" s="1"/>
  <c r="A115635" i="1" s="1"/>
  <c r="A115636" i="1" s="1"/>
  <c r="A115637" i="1" s="1"/>
  <c r="A115638" i="1" s="1"/>
  <c r="A115639" i="1" s="1"/>
  <c r="A115640" i="1" s="1"/>
  <c r="A115641" i="1" s="1"/>
  <c r="A115642" i="1" s="1"/>
  <c r="A115643" i="1" s="1"/>
  <c r="A115644" i="1" s="1"/>
  <c r="A115645" i="1" s="1"/>
  <c r="A115646" i="1" s="1"/>
  <c r="A115647" i="1" s="1"/>
  <c r="A115648" i="1" s="1"/>
  <c r="A115649" i="1" s="1"/>
  <c r="A115650" i="1" s="1"/>
  <c r="A115651" i="1" s="1"/>
  <c r="A115652" i="1" s="1"/>
  <c r="A115653" i="1" s="1"/>
  <c r="A115654" i="1" s="1"/>
  <c r="A115655" i="1" s="1"/>
  <c r="A115656" i="1" s="1"/>
  <c r="A115657" i="1" s="1"/>
  <c r="A115658" i="1" s="1"/>
  <c r="A115659" i="1" s="1"/>
  <c r="A115660" i="1" s="1"/>
  <c r="A115661" i="1" s="1"/>
  <c r="A115662" i="1" s="1"/>
  <c r="A115663" i="1" s="1"/>
  <c r="A115664" i="1" s="1"/>
  <c r="A115665" i="1" s="1"/>
  <c r="A115666" i="1" s="1"/>
  <c r="A115667" i="1" s="1"/>
  <c r="A115668" i="1" s="1"/>
  <c r="A115669" i="1" s="1"/>
  <c r="A115670" i="1" s="1"/>
  <c r="A115671" i="1" s="1"/>
  <c r="A115672" i="1" s="1"/>
  <c r="A115673" i="1" s="1"/>
  <c r="A115674" i="1" s="1"/>
  <c r="A115675" i="1" s="1"/>
  <c r="A115676" i="1" s="1"/>
  <c r="A115677" i="1" s="1"/>
  <c r="A115678" i="1" s="1"/>
  <c r="A115679" i="1" s="1"/>
  <c r="A115680" i="1" s="1"/>
  <c r="A115681" i="1" s="1"/>
  <c r="A115682" i="1" s="1"/>
  <c r="A115683" i="1" s="1"/>
  <c r="A115684" i="1" s="1"/>
  <c r="A115685" i="1" s="1"/>
  <c r="A115686" i="1" s="1"/>
  <c r="A115687" i="1" s="1"/>
  <c r="A115688" i="1" s="1"/>
  <c r="A115689" i="1" s="1"/>
  <c r="A115690" i="1" s="1"/>
  <c r="A115691" i="1" s="1"/>
  <c r="A115692" i="1" s="1"/>
  <c r="A115693" i="1" s="1"/>
  <c r="A115694" i="1" s="1"/>
  <c r="A115695" i="1" s="1"/>
  <c r="A115696" i="1" s="1"/>
  <c r="A115697" i="1" s="1"/>
  <c r="A115698" i="1" s="1"/>
  <c r="A115699" i="1" s="1"/>
  <c r="A115700" i="1" s="1"/>
  <c r="A115701" i="1" s="1"/>
  <c r="A115702" i="1" s="1"/>
  <c r="A115703" i="1" s="1"/>
  <c r="A115704" i="1" s="1"/>
  <c r="A115705" i="1" s="1"/>
  <c r="A115706" i="1" s="1"/>
  <c r="A115707" i="1" s="1"/>
  <c r="A115708" i="1" s="1"/>
  <c r="A115709" i="1" s="1"/>
  <c r="A115710" i="1" s="1"/>
  <c r="A115711" i="1" s="1"/>
  <c r="A115712" i="1" s="1"/>
  <c r="A115713" i="1" s="1"/>
  <c r="A115714" i="1" s="1"/>
  <c r="A115715" i="1" s="1"/>
  <c r="A115716" i="1" s="1"/>
  <c r="A115717" i="1" s="1"/>
  <c r="A115718" i="1" s="1"/>
  <c r="A115719" i="1" s="1"/>
  <c r="A115720" i="1" s="1"/>
  <c r="A115721" i="1" s="1"/>
  <c r="A115722" i="1" s="1"/>
  <c r="A115723" i="1" s="1"/>
  <c r="A115724" i="1" s="1"/>
  <c r="A115725" i="1" s="1"/>
  <c r="A115726" i="1" s="1"/>
  <c r="A115727" i="1" s="1"/>
  <c r="A115728" i="1" s="1"/>
  <c r="A115729" i="1" s="1"/>
  <c r="A115730" i="1" s="1"/>
  <c r="A115731" i="1" s="1"/>
  <c r="A115732" i="1" s="1"/>
  <c r="A115733" i="1" s="1"/>
  <c r="A115734" i="1" s="1"/>
  <c r="A115735" i="1" s="1"/>
  <c r="A115736" i="1" s="1"/>
  <c r="A115737" i="1" s="1"/>
  <c r="A115738" i="1" s="1"/>
  <c r="A115739" i="1" s="1"/>
  <c r="A115740" i="1" s="1"/>
  <c r="A115741" i="1" s="1"/>
  <c r="A115742" i="1" s="1"/>
  <c r="A115743" i="1" s="1"/>
  <c r="A115744" i="1" s="1"/>
  <c r="A115745" i="1" s="1"/>
  <c r="A115746" i="1" s="1"/>
  <c r="A115747" i="1" s="1"/>
  <c r="A115748" i="1" s="1"/>
  <c r="A115749" i="1" s="1"/>
  <c r="A115750" i="1" s="1"/>
  <c r="A115751" i="1" s="1"/>
  <c r="A115752" i="1" s="1"/>
  <c r="A115753" i="1" s="1"/>
  <c r="A115754" i="1" s="1"/>
  <c r="A115755" i="1" s="1"/>
  <c r="A115756" i="1" s="1"/>
  <c r="A115757" i="1" s="1"/>
  <c r="A115758" i="1" s="1"/>
  <c r="A115759" i="1" s="1"/>
  <c r="A115760" i="1" s="1"/>
  <c r="A115761" i="1" s="1"/>
  <c r="A115762" i="1" s="1"/>
  <c r="A115763" i="1" s="1"/>
  <c r="A115764" i="1" s="1"/>
  <c r="A115765" i="1" s="1"/>
  <c r="A115766" i="1" s="1"/>
  <c r="A115767" i="1" s="1"/>
  <c r="A115768" i="1" s="1"/>
  <c r="A115769" i="1" s="1"/>
  <c r="A115770" i="1" s="1"/>
  <c r="A115771" i="1" s="1"/>
  <c r="A115772" i="1" s="1"/>
  <c r="A115773" i="1" s="1"/>
  <c r="A115774" i="1" s="1"/>
  <c r="A115775" i="1" s="1"/>
  <c r="A115776" i="1" s="1"/>
  <c r="A115777" i="1" s="1"/>
  <c r="A115778" i="1" s="1"/>
  <c r="A115779" i="1" s="1"/>
  <c r="A115780" i="1" s="1"/>
  <c r="A115781" i="1" s="1"/>
  <c r="A115782" i="1" s="1"/>
  <c r="A115783" i="1" s="1"/>
  <c r="A115784" i="1" s="1"/>
  <c r="A115785" i="1" s="1"/>
  <c r="A115786" i="1" s="1"/>
  <c r="A115787" i="1" s="1"/>
  <c r="A115788" i="1" s="1"/>
  <c r="A115789" i="1" s="1"/>
  <c r="A115790" i="1" s="1"/>
  <c r="A115791" i="1" s="1"/>
  <c r="A115792" i="1" s="1"/>
  <c r="A115793" i="1" s="1"/>
  <c r="A115794" i="1" s="1"/>
  <c r="A115795" i="1" s="1"/>
  <c r="A115796" i="1" s="1"/>
  <c r="A115797" i="1" s="1"/>
  <c r="A115798" i="1" s="1"/>
  <c r="A115799" i="1" s="1"/>
  <c r="A115800" i="1" s="1"/>
  <c r="A115801" i="1" s="1"/>
  <c r="A115802" i="1" s="1"/>
  <c r="A115803" i="1" s="1"/>
  <c r="A115804" i="1" s="1"/>
  <c r="A115805" i="1" s="1"/>
  <c r="A115806" i="1" s="1"/>
  <c r="A115807" i="1" s="1"/>
  <c r="A115808" i="1" s="1"/>
  <c r="A115809" i="1" s="1"/>
  <c r="A115810" i="1" s="1"/>
  <c r="A115811" i="1" s="1"/>
  <c r="A115812" i="1" s="1"/>
  <c r="A115813" i="1" s="1"/>
  <c r="A115814" i="1" s="1"/>
  <c r="A115815" i="1" s="1"/>
  <c r="A115816" i="1" s="1"/>
  <c r="A115817" i="1" s="1"/>
  <c r="A115818" i="1" s="1"/>
  <c r="A115819" i="1" s="1"/>
  <c r="A115820" i="1" s="1"/>
  <c r="A115821" i="1" s="1"/>
  <c r="A115822" i="1" s="1"/>
  <c r="A115823" i="1" s="1"/>
  <c r="A115824" i="1" s="1"/>
  <c r="A115825" i="1" s="1"/>
  <c r="A115826" i="1" s="1"/>
  <c r="A115827" i="1" s="1"/>
  <c r="A115828" i="1" s="1"/>
  <c r="A115829" i="1" s="1"/>
  <c r="A115830" i="1" s="1"/>
  <c r="A115831" i="1" s="1"/>
  <c r="A115832" i="1" s="1"/>
  <c r="A115833" i="1" s="1"/>
  <c r="A115834" i="1" s="1"/>
  <c r="A115835" i="1" s="1"/>
  <c r="A115836" i="1" s="1"/>
  <c r="A115837" i="1" s="1"/>
  <c r="A115838" i="1" s="1"/>
  <c r="A115839" i="1" s="1"/>
  <c r="A115840" i="1" s="1"/>
  <c r="A115841" i="1" s="1"/>
  <c r="A115842" i="1" s="1"/>
  <c r="A115843" i="1" s="1"/>
  <c r="A115844" i="1" s="1"/>
  <c r="A115845" i="1" s="1"/>
  <c r="A115846" i="1" s="1"/>
  <c r="A115847" i="1" s="1"/>
  <c r="A115848" i="1" s="1"/>
  <c r="A115849" i="1" s="1"/>
  <c r="A115850" i="1" s="1"/>
  <c r="A115851" i="1" s="1"/>
  <c r="A115852" i="1" s="1"/>
  <c r="A115853" i="1" s="1"/>
  <c r="A115854" i="1" s="1"/>
  <c r="A115855" i="1" s="1"/>
  <c r="A115856" i="1" s="1"/>
  <c r="A115857" i="1" s="1"/>
  <c r="A115858" i="1" s="1"/>
  <c r="A115859" i="1" s="1"/>
  <c r="A115860" i="1" s="1"/>
  <c r="A115861" i="1" s="1"/>
  <c r="A115862" i="1" s="1"/>
  <c r="A115863" i="1" s="1"/>
  <c r="A115864" i="1" s="1"/>
  <c r="A115865" i="1" s="1"/>
  <c r="A115866" i="1" s="1"/>
  <c r="A115867" i="1" s="1"/>
  <c r="A115868" i="1" s="1"/>
  <c r="A115869" i="1" s="1"/>
  <c r="A115870" i="1" s="1"/>
  <c r="A115871" i="1" s="1"/>
  <c r="A115872" i="1" s="1"/>
  <c r="A115873" i="1" s="1"/>
  <c r="A115874" i="1" s="1"/>
  <c r="A115875" i="1" s="1"/>
  <c r="A115876" i="1" s="1"/>
  <c r="A115877" i="1" s="1"/>
  <c r="A115878" i="1" s="1"/>
  <c r="A115879" i="1" s="1"/>
  <c r="A115880" i="1" s="1"/>
  <c r="A115881" i="1" s="1"/>
  <c r="A115882" i="1" s="1"/>
  <c r="A115883" i="1" s="1"/>
  <c r="A115884" i="1" s="1"/>
  <c r="A115885" i="1" s="1"/>
  <c r="A115886" i="1" s="1"/>
  <c r="A115887" i="1" s="1"/>
  <c r="A115888" i="1" s="1"/>
  <c r="A115889" i="1" s="1"/>
  <c r="A115890" i="1" s="1"/>
  <c r="A115891" i="1" s="1"/>
  <c r="A115892" i="1" s="1"/>
  <c r="A115893" i="1" s="1"/>
  <c r="A115894" i="1" s="1"/>
  <c r="A115895" i="1" s="1"/>
  <c r="A115896" i="1" s="1"/>
  <c r="A115897" i="1" s="1"/>
  <c r="A115898" i="1" s="1"/>
  <c r="A115899" i="1" s="1"/>
  <c r="A115900" i="1" s="1"/>
  <c r="A115901" i="1" s="1"/>
  <c r="A115902" i="1" s="1"/>
  <c r="A115903" i="1" s="1"/>
  <c r="A115904" i="1" s="1"/>
  <c r="A115905" i="1" s="1"/>
  <c r="A115906" i="1" s="1"/>
  <c r="A115907" i="1" s="1"/>
  <c r="A115908" i="1" s="1"/>
  <c r="A115909" i="1" s="1"/>
  <c r="A115910" i="1" s="1"/>
  <c r="A115911" i="1" s="1"/>
  <c r="A115912" i="1" s="1"/>
  <c r="A115913" i="1" s="1"/>
  <c r="A115914" i="1" s="1"/>
  <c r="A115915" i="1" s="1"/>
  <c r="A115916" i="1" s="1"/>
  <c r="A115917" i="1" s="1"/>
  <c r="A115918" i="1" s="1"/>
  <c r="A115919" i="1" s="1"/>
  <c r="A115920" i="1" s="1"/>
  <c r="A115921" i="1" s="1"/>
  <c r="A115922" i="1" s="1"/>
  <c r="A115923" i="1" s="1"/>
  <c r="A115924" i="1" s="1"/>
  <c r="A115925" i="1" s="1"/>
  <c r="A115926" i="1" s="1"/>
  <c r="A115927" i="1" s="1"/>
  <c r="A115928" i="1" s="1"/>
  <c r="A115929" i="1" s="1"/>
  <c r="A115930" i="1" s="1"/>
  <c r="A115931" i="1" s="1"/>
  <c r="A115932" i="1" s="1"/>
  <c r="A115933" i="1" s="1"/>
  <c r="A115934" i="1" s="1"/>
  <c r="A115935" i="1" s="1"/>
  <c r="A115936" i="1" s="1"/>
  <c r="A115937" i="1" s="1"/>
  <c r="A115938" i="1" s="1"/>
  <c r="A115939" i="1" s="1"/>
  <c r="A115940" i="1" s="1"/>
  <c r="A115941" i="1" s="1"/>
  <c r="A115942" i="1" s="1"/>
  <c r="A115943" i="1" s="1"/>
  <c r="A115944" i="1" s="1"/>
  <c r="A115945" i="1" s="1"/>
  <c r="A115946" i="1" s="1"/>
  <c r="A115947" i="1" s="1"/>
  <c r="A115948" i="1" s="1"/>
  <c r="A115949" i="1" s="1"/>
  <c r="A115950" i="1" s="1"/>
  <c r="A115951" i="1" s="1"/>
  <c r="A115952" i="1" s="1"/>
  <c r="A115953" i="1" s="1"/>
  <c r="A115954" i="1" s="1"/>
  <c r="A115955" i="1" s="1"/>
  <c r="A115956" i="1" s="1"/>
  <c r="A115957" i="1" s="1"/>
  <c r="A115958" i="1" s="1"/>
  <c r="A115959" i="1" s="1"/>
  <c r="A115960" i="1" s="1"/>
  <c r="A115961" i="1" s="1"/>
  <c r="A115962" i="1" s="1"/>
  <c r="A115963" i="1" s="1"/>
  <c r="A115964" i="1" s="1"/>
  <c r="A115965" i="1" s="1"/>
  <c r="A115966" i="1" s="1"/>
  <c r="A115967" i="1" s="1"/>
  <c r="A115968" i="1" s="1"/>
  <c r="A115969" i="1" s="1"/>
  <c r="A115970" i="1" s="1"/>
  <c r="A115971" i="1" s="1"/>
  <c r="A115972" i="1" s="1"/>
  <c r="A115973" i="1" s="1"/>
  <c r="A115974" i="1" s="1"/>
  <c r="A115975" i="1" s="1"/>
  <c r="A115976" i="1" s="1"/>
  <c r="A115977" i="1" s="1"/>
  <c r="A115978" i="1" s="1"/>
  <c r="A115979" i="1" s="1"/>
  <c r="A115980" i="1" s="1"/>
  <c r="A115981" i="1" s="1"/>
  <c r="A115982" i="1" s="1"/>
  <c r="A115983" i="1" s="1"/>
  <c r="A115984" i="1" s="1"/>
  <c r="A115985" i="1" s="1"/>
  <c r="A115986" i="1" s="1"/>
  <c r="A115987" i="1" s="1"/>
  <c r="A115988" i="1" s="1"/>
  <c r="A115989" i="1" s="1"/>
  <c r="A115990" i="1" s="1"/>
  <c r="A115991" i="1" s="1"/>
  <c r="A115992" i="1" s="1"/>
  <c r="A115993" i="1" s="1"/>
  <c r="A115994" i="1" s="1"/>
  <c r="A115995" i="1" s="1"/>
  <c r="A115996" i="1" s="1"/>
  <c r="A115997" i="1" s="1"/>
  <c r="A115998" i="1" s="1"/>
  <c r="A115999" i="1" s="1"/>
  <c r="A116000" i="1" s="1"/>
  <c r="A116001" i="1" s="1"/>
  <c r="A116002" i="1" s="1"/>
  <c r="A116003" i="1" s="1"/>
  <c r="A116004" i="1" s="1"/>
  <c r="A116005" i="1" s="1"/>
  <c r="A116006" i="1" s="1"/>
  <c r="A116007" i="1" s="1"/>
  <c r="A116008" i="1" s="1"/>
  <c r="A116009" i="1" s="1"/>
  <c r="A116010" i="1" s="1"/>
  <c r="A116011" i="1" s="1"/>
  <c r="A116012" i="1" s="1"/>
  <c r="A116013" i="1" s="1"/>
  <c r="A116014" i="1" s="1"/>
  <c r="A116015" i="1" s="1"/>
  <c r="A116016" i="1" s="1"/>
  <c r="A116017" i="1" s="1"/>
  <c r="A116018" i="1" s="1"/>
  <c r="A116019" i="1" s="1"/>
  <c r="A116020" i="1" s="1"/>
  <c r="A116021" i="1" s="1"/>
  <c r="A116022" i="1" s="1"/>
  <c r="A116023" i="1" s="1"/>
  <c r="A116024" i="1" s="1"/>
  <c r="A116025" i="1" s="1"/>
  <c r="A116026" i="1" s="1"/>
  <c r="A116027" i="1" s="1"/>
  <c r="A116028" i="1" s="1"/>
  <c r="A116029" i="1" s="1"/>
  <c r="A116030" i="1" s="1"/>
  <c r="A116031" i="1" s="1"/>
  <c r="A116032" i="1" s="1"/>
  <c r="A116033" i="1" s="1"/>
  <c r="A116034" i="1" s="1"/>
  <c r="A116035" i="1" s="1"/>
  <c r="A116036" i="1" s="1"/>
  <c r="A116037" i="1" s="1"/>
  <c r="A116038" i="1" s="1"/>
  <c r="A116039" i="1" s="1"/>
  <c r="A116040" i="1" s="1"/>
  <c r="A116041" i="1" s="1"/>
  <c r="A116042" i="1" s="1"/>
  <c r="A116043" i="1" s="1"/>
  <c r="A116044" i="1" s="1"/>
  <c r="A116045" i="1" s="1"/>
  <c r="A116046" i="1" s="1"/>
  <c r="A116047" i="1" s="1"/>
  <c r="A116048" i="1" s="1"/>
  <c r="A116049" i="1" s="1"/>
  <c r="A116050" i="1" s="1"/>
  <c r="A116051" i="1" s="1"/>
  <c r="A116052" i="1" s="1"/>
  <c r="A116053" i="1" s="1"/>
  <c r="A116054" i="1" s="1"/>
  <c r="A116055" i="1" s="1"/>
  <c r="A116056" i="1" s="1"/>
  <c r="A116057" i="1" s="1"/>
  <c r="A116058" i="1" s="1"/>
  <c r="A116059" i="1" s="1"/>
  <c r="A116060" i="1" s="1"/>
  <c r="A116061" i="1" s="1"/>
  <c r="A116062" i="1" s="1"/>
  <c r="A116063" i="1" s="1"/>
  <c r="A116064" i="1" s="1"/>
  <c r="A116065" i="1" s="1"/>
  <c r="A116066" i="1" s="1"/>
  <c r="A116067" i="1" s="1"/>
  <c r="A116068" i="1" s="1"/>
  <c r="A116069" i="1" s="1"/>
  <c r="A116070" i="1" s="1"/>
  <c r="A116071" i="1" s="1"/>
  <c r="A116072" i="1" s="1"/>
  <c r="A116073" i="1" s="1"/>
  <c r="A116074" i="1" s="1"/>
  <c r="A116075" i="1" s="1"/>
  <c r="A116076" i="1" s="1"/>
  <c r="A116077" i="1" s="1"/>
  <c r="A116078" i="1" s="1"/>
  <c r="A116079" i="1" s="1"/>
  <c r="A116080" i="1" s="1"/>
  <c r="A116081" i="1" s="1"/>
  <c r="A116082" i="1" s="1"/>
  <c r="A116083" i="1" s="1"/>
  <c r="A116084" i="1" s="1"/>
  <c r="A116085" i="1" s="1"/>
  <c r="A116086" i="1" s="1"/>
  <c r="A116087" i="1" s="1"/>
  <c r="A116088" i="1" s="1"/>
  <c r="A116089" i="1" s="1"/>
  <c r="A116090" i="1" s="1"/>
  <c r="A116091" i="1" s="1"/>
  <c r="A116092" i="1" s="1"/>
  <c r="A116093" i="1" s="1"/>
  <c r="A116094" i="1" s="1"/>
  <c r="A116095" i="1" s="1"/>
  <c r="A116096" i="1" s="1"/>
  <c r="A116097" i="1" s="1"/>
  <c r="A116098" i="1" s="1"/>
  <c r="A116099" i="1" s="1"/>
  <c r="A116100" i="1" s="1"/>
  <c r="A116101" i="1" s="1"/>
  <c r="A116102" i="1" s="1"/>
  <c r="A116103" i="1" s="1"/>
  <c r="A116104" i="1" s="1"/>
  <c r="A116105" i="1" s="1"/>
  <c r="A116106" i="1" s="1"/>
  <c r="A116107" i="1" s="1"/>
  <c r="A116108" i="1" s="1"/>
  <c r="A116109" i="1" s="1"/>
  <c r="A116110" i="1" s="1"/>
  <c r="A116111" i="1" s="1"/>
  <c r="A116112" i="1" s="1"/>
  <c r="A116113" i="1" s="1"/>
  <c r="A116114" i="1" s="1"/>
  <c r="A116115" i="1" s="1"/>
  <c r="A116116" i="1" s="1"/>
  <c r="A116117" i="1" s="1"/>
  <c r="A116118" i="1" s="1"/>
  <c r="A116119" i="1" s="1"/>
  <c r="A116120" i="1" s="1"/>
  <c r="A116121" i="1" s="1"/>
  <c r="A116122" i="1" s="1"/>
  <c r="A116123" i="1" s="1"/>
  <c r="A116124" i="1" s="1"/>
  <c r="A116125" i="1" s="1"/>
  <c r="A116126" i="1" s="1"/>
  <c r="A116127" i="1" s="1"/>
  <c r="A116128" i="1" s="1"/>
  <c r="A116129" i="1" s="1"/>
  <c r="A116130" i="1" s="1"/>
  <c r="A116131" i="1" s="1"/>
  <c r="A116132" i="1" s="1"/>
  <c r="A116133" i="1" s="1"/>
  <c r="A116134" i="1" s="1"/>
  <c r="A116135" i="1" s="1"/>
  <c r="A116136" i="1" s="1"/>
  <c r="A116137" i="1" s="1"/>
  <c r="A116138" i="1" s="1"/>
  <c r="A116139" i="1" s="1"/>
  <c r="A116140" i="1" s="1"/>
  <c r="A116141" i="1" s="1"/>
  <c r="A116142" i="1" s="1"/>
  <c r="A116143" i="1" s="1"/>
  <c r="A116144" i="1" s="1"/>
  <c r="A116145" i="1" s="1"/>
  <c r="A116146" i="1" s="1"/>
  <c r="A116147" i="1" s="1"/>
  <c r="A116148" i="1" s="1"/>
  <c r="A116149" i="1" s="1"/>
  <c r="A116150" i="1" s="1"/>
  <c r="A116151" i="1" s="1"/>
  <c r="A116152" i="1" s="1"/>
  <c r="A116153" i="1" s="1"/>
  <c r="A116154" i="1" s="1"/>
  <c r="A116155" i="1" s="1"/>
  <c r="A116156" i="1" s="1"/>
  <c r="A116157" i="1" s="1"/>
  <c r="A116158" i="1" s="1"/>
  <c r="A116159" i="1" s="1"/>
  <c r="A116160" i="1" s="1"/>
  <c r="A116161" i="1" s="1"/>
  <c r="A116162" i="1" s="1"/>
  <c r="A116163" i="1" s="1"/>
  <c r="A116164" i="1" s="1"/>
  <c r="A116165" i="1" s="1"/>
  <c r="A116166" i="1" s="1"/>
  <c r="A116167" i="1" s="1"/>
  <c r="A116168" i="1" s="1"/>
  <c r="A116169" i="1" s="1"/>
  <c r="A116170" i="1" s="1"/>
  <c r="A116171" i="1" s="1"/>
  <c r="A116172" i="1" s="1"/>
  <c r="A116173" i="1" s="1"/>
  <c r="A116174" i="1" s="1"/>
  <c r="A116175" i="1" s="1"/>
  <c r="A116176" i="1" s="1"/>
  <c r="A116177" i="1" s="1"/>
  <c r="A116178" i="1" s="1"/>
  <c r="A116179" i="1" s="1"/>
  <c r="A116180" i="1" s="1"/>
  <c r="A116181" i="1" s="1"/>
  <c r="A116182" i="1" s="1"/>
  <c r="A116183" i="1" s="1"/>
  <c r="A116184" i="1" s="1"/>
  <c r="A116185" i="1" s="1"/>
  <c r="A116186" i="1" s="1"/>
  <c r="A116187" i="1" s="1"/>
  <c r="A116188" i="1" s="1"/>
  <c r="A116189" i="1" s="1"/>
  <c r="A116190" i="1" s="1"/>
  <c r="A116191" i="1" s="1"/>
  <c r="A116192" i="1" s="1"/>
  <c r="A116193" i="1" s="1"/>
  <c r="A116194" i="1" s="1"/>
  <c r="A116195" i="1" s="1"/>
  <c r="A116196" i="1" s="1"/>
  <c r="A116197" i="1" s="1"/>
  <c r="A116198" i="1" s="1"/>
  <c r="A116199" i="1" s="1"/>
  <c r="A116200" i="1" s="1"/>
  <c r="A116201" i="1" s="1"/>
  <c r="A116202" i="1" s="1"/>
  <c r="A116203" i="1" s="1"/>
  <c r="A116204" i="1" s="1"/>
  <c r="A116205" i="1" s="1"/>
  <c r="A116206" i="1" s="1"/>
  <c r="A116207" i="1" s="1"/>
  <c r="A116208" i="1" s="1"/>
  <c r="A116209" i="1" s="1"/>
  <c r="A116210" i="1" s="1"/>
  <c r="A116211" i="1" s="1"/>
  <c r="A116212" i="1" s="1"/>
  <c r="A116213" i="1" s="1"/>
  <c r="A116214" i="1" s="1"/>
  <c r="A116215" i="1" s="1"/>
  <c r="A116216" i="1" s="1"/>
  <c r="A116217" i="1" s="1"/>
  <c r="A116218" i="1" s="1"/>
  <c r="A116219" i="1" s="1"/>
  <c r="A116220" i="1" s="1"/>
  <c r="A116221" i="1" s="1"/>
  <c r="A116222" i="1" s="1"/>
  <c r="A116223" i="1" s="1"/>
  <c r="A116224" i="1" s="1"/>
  <c r="A116225" i="1" s="1"/>
  <c r="A116226" i="1" s="1"/>
  <c r="A116227" i="1" s="1"/>
  <c r="A116228" i="1" s="1"/>
  <c r="A116229" i="1" s="1"/>
  <c r="A116230" i="1" s="1"/>
  <c r="A116231" i="1" s="1"/>
  <c r="A116232" i="1" s="1"/>
  <c r="A116233" i="1" s="1"/>
  <c r="A116234" i="1" s="1"/>
  <c r="A116235" i="1" s="1"/>
  <c r="A116236" i="1" s="1"/>
  <c r="A116237" i="1" s="1"/>
  <c r="A116238" i="1" s="1"/>
  <c r="A116239" i="1" s="1"/>
  <c r="A116240" i="1" s="1"/>
  <c r="A116241" i="1" s="1"/>
  <c r="A116242" i="1" s="1"/>
  <c r="A116243" i="1" s="1"/>
  <c r="A116244" i="1" s="1"/>
  <c r="A116245" i="1" s="1"/>
  <c r="A116246" i="1" s="1"/>
  <c r="A116247" i="1" s="1"/>
  <c r="A116248" i="1" s="1"/>
  <c r="A116249" i="1" s="1"/>
  <c r="A116250" i="1" s="1"/>
  <c r="A116251" i="1" s="1"/>
  <c r="A116252" i="1" s="1"/>
  <c r="A116253" i="1" s="1"/>
  <c r="A116254" i="1" s="1"/>
  <c r="A116255" i="1" s="1"/>
  <c r="A116256" i="1" s="1"/>
  <c r="A116257" i="1" s="1"/>
  <c r="A116258" i="1" s="1"/>
  <c r="A116259" i="1" s="1"/>
  <c r="A116260" i="1" s="1"/>
  <c r="A116261" i="1" s="1"/>
  <c r="A116262" i="1" s="1"/>
  <c r="A116263" i="1" s="1"/>
  <c r="A116264" i="1" s="1"/>
  <c r="A116265" i="1" s="1"/>
  <c r="A116266" i="1" s="1"/>
  <c r="A116267" i="1" s="1"/>
  <c r="A116268" i="1" s="1"/>
  <c r="A116269" i="1" s="1"/>
  <c r="A116270" i="1" s="1"/>
  <c r="A116271" i="1" s="1"/>
  <c r="A116272" i="1" s="1"/>
  <c r="A116273" i="1" s="1"/>
  <c r="A116274" i="1" s="1"/>
  <c r="A116275" i="1" s="1"/>
  <c r="A116276" i="1" s="1"/>
  <c r="A116277" i="1" s="1"/>
  <c r="A116278" i="1" s="1"/>
  <c r="A116279" i="1" s="1"/>
  <c r="A116280" i="1" s="1"/>
  <c r="A116281" i="1" s="1"/>
  <c r="A116282" i="1" s="1"/>
  <c r="A116283" i="1" s="1"/>
  <c r="A116284" i="1" s="1"/>
  <c r="A116285" i="1" s="1"/>
  <c r="A116286" i="1" s="1"/>
  <c r="A116287" i="1" s="1"/>
  <c r="A116288" i="1" s="1"/>
  <c r="A116289" i="1" s="1"/>
  <c r="A116290" i="1" s="1"/>
  <c r="A116291" i="1" s="1"/>
  <c r="A116292" i="1" s="1"/>
  <c r="A116293" i="1" s="1"/>
  <c r="A116294" i="1" s="1"/>
  <c r="A116295" i="1" s="1"/>
  <c r="A116296" i="1" s="1"/>
  <c r="A116297" i="1" s="1"/>
  <c r="A116298" i="1" s="1"/>
  <c r="A116299" i="1" s="1"/>
  <c r="A116300" i="1" s="1"/>
  <c r="A116301" i="1" s="1"/>
  <c r="A116302" i="1" s="1"/>
  <c r="A116303" i="1" s="1"/>
  <c r="A116304" i="1" s="1"/>
  <c r="A116305" i="1" s="1"/>
  <c r="A116306" i="1" s="1"/>
  <c r="A116307" i="1" s="1"/>
  <c r="A116308" i="1" s="1"/>
  <c r="A116309" i="1" s="1"/>
  <c r="A116310" i="1" s="1"/>
  <c r="A116311" i="1" s="1"/>
  <c r="A116312" i="1" s="1"/>
  <c r="A116313" i="1" s="1"/>
  <c r="A116314" i="1" s="1"/>
  <c r="A116315" i="1" s="1"/>
  <c r="A116316" i="1" s="1"/>
  <c r="A116317" i="1" s="1"/>
  <c r="A116318" i="1" s="1"/>
  <c r="A116319" i="1" s="1"/>
  <c r="A116320" i="1" s="1"/>
  <c r="A116321" i="1" s="1"/>
  <c r="A116322" i="1" s="1"/>
  <c r="A116323" i="1" s="1"/>
  <c r="A116324" i="1" s="1"/>
  <c r="A116325" i="1" s="1"/>
  <c r="A116326" i="1" s="1"/>
  <c r="A116327" i="1" s="1"/>
  <c r="A116328" i="1" s="1"/>
  <c r="A116329" i="1" s="1"/>
  <c r="A116330" i="1" s="1"/>
  <c r="A116331" i="1" s="1"/>
  <c r="A116332" i="1" s="1"/>
  <c r="A116333" i="1" s="1"/>
  <c r="A116334" i="1" s="1"/>
  <c r="A116335" i="1" s="1"/>
  <c r="A116336" i="1" s="1"/>
  <c r="A116337" i="1" s="1"/>
  <c r="A116338" i="1" s="1"/>
  <c r="A116339" i="1" s="1"/>
  <c r="A116340" i="1" s="1"/>
  <c r="A116341" i="1" s="1"/>
  <c r="A116342" i="1" s="1"/>
  <c r="A116343" i="1" s="1"/>
  <c r="A116344" i="1" s="1"/>
  <c r="A116345" i="1" s="1"/>
  <c r="A116346" i="1" s="1"/>
  <c r="A116347" i="1" s="1"/>
  <c r="A116348" i="1" s="1"/>
  <c r="A116349" i="1" s="1"/>
  <c r="A116350" i="1" s="1"/>
  <c r="A116351" i="1" s="1"/>
  <c r="A116352" i="1" s="1"/>
  <c r="A116353" i="1" s="1"/>
  <c r="A116354" i="1" s="1"/>
  <c r="A116355" i="1" s="1"/>
  <c r="A116356" i="1" s="1"/>
  <c r="A116357" i="1" s="1"/>
  <c r="A116358" i="1" s="1"/>
  <c r="A116359" i="1" s="1"/>
  <c r="A116360" i="1" s="1"/>
  <c r="A116361" i="1" s="1"/>
  <c r="A116362" i="1" s="1"/>
  <c r="A116363" i="1" s="1"/>
  <c r="A116364" i="1" s="1"/>
  <c r="A116365" i="1" s="1"/>
  <c r="A116366" i="1" s="1"/>
  <c r="A116367" i="1" s="1"/>
  <c r="A116368" i="1" s="1"/>
  <c r="A116369" i="1" s="1"/>
  <c r="A116370" i="1" s="1"/>
  <c r="A116371" i="1" s="1"/>
  <c r="A116372" i="1" s="1"/>
  <c r="A116373" i="1" s="1"/>
  <c r="A116374" i="1" s="1"/>
  <c r="A116375" i="1" s="1"/>
  <c r="A116376" i="1" s="1"/>
  <c r="A116377" i="1" s="1"/>
  <c r="A116378" i="1" s="1"/>
  <c r="A116379" i="1" s="1"/>
  <c r="A116380" i="1" s="1"/>
  <c r="A116381" i="1" s="1"/>
  <c r="A116382" i="1" s="1"/>
  <c r="A116383" i="1" s="1"/>
  <c r="A116384" i="1" s="1"/>
  <c r="A116385" i="1" s="1"/>
  <c r="A116386" i="1" s="1"/>
  <c r="A116387" i="1" s="1"/>
  <c r="A116388" i="1" s="1"/>
  <c r="A116389" i="1" s="1"/>
  <c r="A116390" i="1" s="1"/>
  <c r="A116391" i="1" s="1"/>
  <c r="A116392" i="1" s="1"/>
  <c r="A116393" i="1" s="1"/>
  <c r="A116394" i="1" s="1"/>
  <c r="A116395" i="1" s="1"/>
  <c r="A116396" i="1" s="1"/>
  <c r="A116397" i="1" s="1"/>
  <c r="A116398" i="1" s="1"/>
  <c r="A116399" i="1" s="1"/>
  <c r="A116400" i="1" s="1"/>
  <c r="A116401" i="1" s="1"/>
  <c r="A116402" i="1" s="1"/>
  <c r="A116403" i="1" s="1"/>
  <c r="A116404" i="1" s="1"/>
  <c r="A116405" i="1" s="1"/>
  <c r="A116406" i="1" s="1"/>
  <c r="A116407" i="1" s="1"/>
  <c r="A116408" i="1" s="1"/>
  <c r="A116409" i="1" s="1"/>
  <c r="A116410" i="1" s="1"/>
  <c r="A116411" i="1" s="1"/>
  <c r="A116412" i="1" s="1"/>
  <c r="A116413" i="1" s="1"/>
  <c r="A116414" i="1" s="1"/>
  <c r="A116415" i="1" s="1"/>
  <c r="A116416" i="1" s="1"/>
  <c r="A116417" i="1" s="1"/>
  <c r="A116418" i="1" s="1"/>
  <c r="A116419" i="1" s="1"/>
  <c r="A116420" i="1" s="1"/>
  <c r="A116421" i="1" s="1"/>
  <c r="A116422" i="1" s="1"/>
  <c r="A116423" i="1" s="1"/>
  <c r="A116424" i="1" s="1"/>
  <c r="A116425" i="1" s="1"/>
  <c r="A116426" i="1" s="1"/>
  <c r="A116427" i="1" s="1"/>
  <c r="A116428" i="1" s="1"/>
  <c r="A116429" i="1" s="1"/>
  <c r="A116430" i="1" s="1"/>
  <c r="A116431" i="1" s="1"/>
  <c r="A116432" i="1" s="1"/>
  <c r="A116433" i="1" s="1"/>
  <c r="A116434" i="1" s="1"/>
  <c r="A116435" i="1" s="1"/>
  <c r="A116436" i="1" s="1"/>
  <c r="A116437" i="1" s="1"/>
  <c r="A116438" i="1" s="1"/>
  <c r="A116439" i="1" s="1"/>
  <c r="A116440" i="1" s="1"/>
  <c r="A116441" i="1" s="1"/>
  <c r="A116442" i="1" s="1"/>
  <c r="A116443" i="1" s="1"/>
  <c r="A116444" i="1" s="1"/>
  <c r="A116445" i="1" s="1"/>
  <c r="A116446" i="1" s="1"/>
  <c r="A116447" i="1" s="1"/>
  <c r="A116448" i="1" s="1"/>
  <c r="A116449" i="1" s="1"/>
  <c r="A116450" i="1" s="1"/>
  <c r="A116451" i="1" s="1"/>
  <c r="A116452" i="1" s="1"/>
  <c r="A116453" i="1" s="1"/>
  <c r="A116454" i="1" s="1"/>
  <c r="A116455" i="1" s="1"/>
  <c r="A116456" i="1" s="1"/>
  <c r="A116457" i="1" s="1"/>
  <c r="A116458" i="1" s="1"/>
  <c r="A116459" i="1" s="1"/>
  <c r="A116460" i="1" s="1"/>
  <c r="A116461" i="1" s="1"/>
  <c r="A116462" i="1" s="1"/>
  <c r="A116463" i="1" s="1"/>
  <c r="A116464" i="1" s="1"/>
  <c r="A116465" i="1" s="1"/>
  <c r="A116466" i="1" s="1"/>
  <c r="A116467" i="1" s="1"/>
  <c r="A116468" i="1" s="1"/>
  <c r="A116469" i="1" s="1"/>
  <c r="A116470" i="1" s="1"/>
  <c r="A116471" i="1" s="1"/>
  <c r="A116472" i="1" s="1"/>
  <c r="A116473" i="1" s="1"/>
  <c r="A116474" i="1" s="1"/>
  <c r="A116475" i="1" s="1"/>
  <c r="A116476" i="1" s="1"/>
  <c r="A116477" i="1" s="1"/>
  <c r="A116478" i="1" s="1"/>
  <c r="A116479" i="1" s="1"/>
  <c r="A116480" i="1" s="1"/>
  <c r="A116481" i="1" s="1"/>
  <c r="A116482" i="1" s="1"/>
  <c r="A116483" i="1" s="1"/>
  <c r="A116484" i="1" s="1"/>
  <c r="A116485" i="1" s="1"/>
  <c r="A116486" i="1" s="1"/>
  <c r="A116487" i="1" s="1"/>
  <c r="A116488" i="1" s="1"/>
  <c r="A116489" i="1" s="1"/>
  <c r="A116490" i="1" s="1"/>
  <c r="A116491" i="1" s="1"/>
  <c r="A116492" i="1" s="1"/>
  <c r="A116493" i="1" s="1"/>
  <c r="A116494" i="1" s="1"/>
  <c r="A116495" i="1" s="1"/>
  <c r="A116496" i="1" s="1"/>
  <c r="A116497" i="1" s="1"/>
  <c r="A116498" i="1" s="1"/>
  <c r="A116499" i="1" s="1"/>
  <c r="A116500" i="1" s="1"/>
  <c r="A116501" i="1" s="1"/>
  <c r="A116502" i="1" s="1"/>
  <c r="A116503" i="1" s="1"/>
  <c r="A116504" i="1" s="1"/>
  <c r="A116505" i="1" s="1"/>
  <c r="A116506" i="1" s="1"/>
  <c r="A116507" i="1" s="1"/>
  <c r="A116508" i="1" s="1"/>
  <c r="A116509" i="1" s="1"/>
  <c r="A116510" i="1" s="1"/>
  <c r="A116511" i="1" s="1"/>
  <c r="A116512" i="1" s="1"/>
  <c r="A116513" i="1" s="1"/>
  <c r="A116514" i="1" s="1"/>
  <c r="A116515" i="1" s="1"/>
  <c r="A116516" i="1" s="1"/>
  <c r="A116517" i="1" s="1"/>
  <c r="A116518" i="1" s="1"/>
  <c r="A116519" i="1" s="1"/>
  <c r="A116520" i="1" s="1"/>
  <c r="A116521" i="1" s="1"/>
  <c r="A116522" i="1" s="1"/>
  <c r="A116523" i="1" s="1"/>
  <c r="A116524" i="1" s="1"/>
  <c r="A116525" i="1" s="1"/>
  <c r="A116526" i="1" s="1"/>
  <c r="A116527" i="1" s="1"/>
  <c r="A116528" i="1" s="1"/>
  <c r="A116529" i="1" s="1"/>
  <c r="A116530" i="1" s="1"/>
  <c r="A116531" i="1" s="1"/>
  <c r="A116532" i="1" s="1"/>
  <c r="A116533" i="1" s="1"/>
  <c r="A116534" i="1" s="1"/>
  <c r="A116535" i="1" s="1"/>
  <c r="A116536" i="1" s="1"/>
  <c r="A116537" i="1" s="1"/>
  <c r="A116538" i="1" s="1"/>
  <c r="A116539" i="1" s="1"/>
  <c r="A116540" i="1" s="1"/>
  <c r="A116541" i="1" s="1"/>
  <c r="A116542" i="1" s="1"/>
  <c r="A116543" i="1" s="1"/>
  <c r="A116544" i="1" s="1"/>
  <c r="A116545" i="1" s="1"/>
  <c r="A116546" i="1" s="1"/>
  <c r="A116547" i="1" s="1"/>
  <c r="A116548" i="1" s="1"/>
  <c r="A116549" i="1" s="1"/>
  <c r="A116550" i="1" s="1"/>
  <c r="A116551" i="1" s="1"/>
  <c r="A116552" i="1" s="1"/>
  <c r="A116553" i="1" s="1"/>
  <c r="A116554" i="1" s="1"/>
  <c r="A116555" i="1" s="1"/>
  <c r="A116556" i="1" s="1"/>
  <c r="A116557" i="1" s="1"/>
  <c r="A116558" i="1" s="1"/>
  <c r="A116559" i="1" s="1"/>
  <c r="A116560" i="1" s="1"/>
  <c r="A116561" i="1" s="1"/>
  <c r="A116562" i="1" s="1"/>
  <c r="A116563" i="1" s="1"/>
  <c r="A116564" i="1" s="1"/>
  <c r="A116565" i="1" s="1"/>
  <c r="A116566" i="1" s="1"/>
  <c r="A116567" i="1" s="1"/>
  <c r="A116568" i="1" s="1"/>
  <c r="A116569" i="1" s="1"/>
  <c r="A116570" i="1" s="1"/>
  <c r="A116571" i="1" s="1"/>
  <c r="A116572" i="1" s="1"/>
  <c r="A116573" i="1" s="1"/>
  <c r="A116574" i="1" s="1"/>
  <c r="A116575" i="1" s="1"/>
  <c r="A116576" i="1" s="1"/>
  <c r="A116577" i="1" s="1"/>
  <c r="A116578" i="1" s="1"/>
  <c r="A116579" i="1" s="1"/>
  <c r="A116580" i="1" s="1"/>
  <c r="A116581" i="1" s="1"/>
  <c r="A116582" i="1" s="1"/>
  <c r="A116583" i="1" s="1"/>
  <c r="A116584" i="1" s="1"/>
  <c r="A116585" i="1" s="1"/>
  <c r="A116586" i="1" s="1"/>
  <c r="A116587" i="1" s="1"/>
  <c r="A116588" i="1" s="1"/>
  <c r="A116589" i="1" s="1"/>
  <c r="A116590" i="1" s="1"/>
  <c r="A116591" i="1" s="1"/>
  <c r="A116592" i="1" s="1"/>
  <c r="A116593" i="1" s="1"/>
  <c r="A116594" i="1" s="1"/>
  <c r="A116595" i="1" s="1"/>
  <c r="A116596" i="1" s="1"/>
  <c r="A116597" i="1" s="1"/>
  <c r="A116598" i="1" s="1"/>
  <c r="A116599" i="1" s="1"/>
  <c r="A116600" i="1" s="1"/>
  <c r="A116601" i="1" s="1"/>
  <c r="A116602" i="1" s="1"/>
  <c r="A116603" i="1" s="1"/>
  <c r="A116604" i="1" s="1"/>
  <c r="A116605" i="1" s="1"/>
  <c r="A116606" i="1" s="1"/>
  <c r="A116607" i="1" s="1"/>
  <c r="A116608" i="1" s="1"/>
  <c r="A116609" i="1" s="1"/>
  <c r="A116610" i="1" s="1"/>
  <c r="A116611" i="1" s="1"/>
  <c r="A116612" i="1" s="1"/>
  <c r="A116613" i="1" s="1"/>
  <c r="A116614" i="1" s="1"/>
  <c r="A116615" i="1" s="1"/>
  <c r="A116616" i="1" s="1"/>
  <c r="A116617" i="1" s="1"/>
  <c r="A116618" i="1" s="1"/>
  <c r="A116619" i="1" s="1"/>
  <c r="A116620" i="1" s="1"/>
  <c r="A116621" i="1" s="1"/>
  <c r="A116622" i="1" s="1"/>
  <c r="A116623" i="1" s="1"/>
  <c r="A116624" i="1" s="1"/>
  <c r="A116625" i="1" s="1"/>
  <c r="A116626" i="1" s="1"/>
  <c r="A116627" i="1" s="1"/>
  <c r="A116628" i="1" s="1"/>
  <c r="A116629" i="1" s="1"/>
  <c r="A116630" i="1" s="1"/>
  <c r="A116631" i="1" s="1"/>
  <c r="A116632" i="1" s="1"/>
  <c r="A116633" i="1" s="1"/>
  <c r="A116634" i="1" s="1"/>
  <c r="A116635" i="1" s="1"/>
  <c r="A116636" i="1" s="1"/>
  <c r="A116637" i="1" s="1"/>
  <c r="A116638" i="1" s="1"/>
  <c r="A116639" i="1" s="1"/>
  <c r="A116640" i="1" s="1"/>
  <c r="A116641" i="1" s="1"/>
  <c r="A116642" i="1" s="1"/>
  <c r="A116643" i="1" s="1"/>
  <c r="A116644" i="1" s="1"/>
  <c r="A116645" i="1" s="1"/>
  <c r="A116646" i="1" s="1"/>
  <c r="A116647" i="1" s="1"/>
  <c r="A116648" i="1" s="1"/>
  <c r="A116649" i="1" s="1"/>
  <c r="A116650" i="1" s="1"/>
  <c r="A116651" i="1" s="1"/>
  <c r="A116652" i="1" s="1"/>
  <c r="A116653" i="1" s="1"/>
  <c r="A116654" i="1" s="1"/>
  <c r="A116655" i="1" s="1"/>
  <c r="A116656" i="1" s="1"/>
  <c r="A116657" i="1" s="1"/>
  <c r="A116658" i="1" s="1"/>
  <c r="A116659" i="1" s="1"/>
  <c r="A116660" i="1" s="1"/>
  <c r="A116661" i="1" s="1"/>
  <c r="A116662" i="1" s="1"/>
  <c r="A116663" i="1" s="1"/>
  <c r="A116664" i="1" s="1"/>
  <c r="A116665" i="1" s="1"/>
  <c r="A116666" i="1" s="1"/>
  <c r="A116667" i="1" s="1"/>
  <c r="A116668" i="1" s="1"/>
  <c r="A116669" i="1" s="1"/>
  <c r="A116670" i="1" s="1"/>
  <c r="A116671" i="1" s="1"/>
  <c r="A116672" i="1" s="1"/>
  <c r="A116673" i="1" s="1"/>
  <c r="A116674" i="1" s="1"/>
  <c r="A116675" i="1" s="1"/>
  <c r="A116676" i="1" s="1"/>
  <c r="A116677" i="1" s="1"/>
  <c r="A116678" i="1" s="1"/>
  <c r="A116679" i="1" s="1"/>
  <c r="A116680" i="1" s="1"/>
  <c r="A116681" i="1" s="1"/>
  <c r="A116682" i="1" s="1"/>
  <c r="A116683" i="1" s="1"/>
  <c r="A116684" i="1" s="1"/>
  <c r="A116685" i="1" s="1"/>
  <c r="A116686" i="1" s="1"/>
  <c r="A116687" i="1" s="1"/>
  <c r="A116688" i="1" s="1"/>
  <c r="A116689" i="1" s="1"/>
  <c r="A116690" i="1" s="1"/>
  <c r="A116691" i="1" s="1"/>
  <c r="A116692" i="1" s="1"/>
  <c r="A116693" i="1" s="1"/>
  <c r="A116694" i="1" s="1"/>
  <c r="A116695" i="1" s="1"/>
  <c r="A116696" i="1" s="1"/>
  <c r="A116697" i="1" s="1"/>
  <c r="A116698" i="1" s="1"/>
  <c r="A116699" i="1" s="1"/>
  <c r="A116700" i="1" s="1"/>
  <c r="A116701" i="1" s="1"/>
  <c r="A116702" i="1" s="1"/>
  <c r="A116703" i="1" s="1"/>
  <c r="A116704" i="1" s="1"/>
  <c r="A116705" i="1" s="1"/>
  <c r="A116706" i="1" s="1"/>
  <c r="A116707" i="1" s="1"/>
  <c r="A116708" i="1" s="1"/>
  <c r="A116709" i="1" s="1"/>
  <c r="A116710" i="1" s="1"/>
  <c r="A116711" i="1" s="1"/>
  <c r="A116712" i="1" s="1"/>
  <c r="A116713" i="1" s="1"/>
  <c r="A116714" i="1" s="1"/>
  <c r="A116715" i="1" s="1"/>
  <c r="A116716" i="1" s="1"/>
  <c r="A116717" i="1" s="1"/>
  <c r="A116718" i="1" s="1"/>
  <c r="A116719" i="1" s="1"/>
  <c r="A116720" i="1" s="1"/>
  <c r="A116721" i="1" s="1"/>
  <c r="A116722" i="1" s="1"/>
  <c r="A116723" i="1" s="1"/>
  <c r="A116724" i="1" s="1"/>
  <c r="A116725" i="1" s="1"/>
  <c r="A116726" i="1" s="1"/>
  <c r="A116727" i="1" s="1"/>
  <c r="A116728" i="1" s="1"/>
  <c r="A116729" i="1" s="1"/>
  <c r="A116730" i="1" s="1"/>
  <c r="A116731" i="1" s="1"/>
  <c r="A116732" i="1" s="1"/>
  <c r="A116733" i="1" s="1"/>
  <c r="A116734" i="1" s="1"/>
  <c r="A116735" i="1" s="1"/>
  <c r="A116736" i="1" s="1"/>
  <c r="A116737" i="1" s="1"/>
  <c r="A116738" i="1" s="1"/>
  <c r="A116739" i="1" s="1"/>
  <c r="A116740" i="1" s="1"/>
  <c r="A116741" i="1" s="1"/>
  <c r="A116742" i="1" s="1"/>
  <c r="A116743" i="1" s="1"/>
  <c r="A116744" i="1" s="1"/>
  <c r="A116745" i="1" s="1"/>
  <c r="A116746" i="1" s="1"/>
  <c r="A116747" i="1" s="1"/>
  <c r="A116748" i="1" s="1"/>
  <c r="A116749" i="1" s="1"/>
  <c r="A116750" i="1" s="1"/>
  <c r="A116751" i="1" s="1"/>
  <c r="A116752" i="1" s="1"/>
  <c r="A116753" i="1" s="1"/>
  <c r="A116754" i="1" s="1"/>
  <c r="A116755" i="1" s="1"/>
  <c r="A116756" i="1" s="1"/>
  <c r="A116757" i="1" s="1"/>
  <c r="A116758" i="1" s="1"/>
  <c r="A116759" i="1" s="1"/>
  <c r="A116760" i="1" s="1"/>
  <c r="A116761" i="1" s="1"/>
  <c r="A116762" i="1" s="1"/>
  <c r="A116763" i="1" s="1"/>
  <c r="A116764" i="1" s="1"/>
  <c r="A116765" i="1" s="1"/>
  <c r="A116766" i="1" s="1"/>
  <c r="A116767" i="1" s="1"/>
  <c r="A116768" i="1" s="1"/>
  <c r="A116769" i="1" s="1"/>
  <c r="A116770" i="1" s="1"/>
  <c r="A116771" i="1" s="1"/>
  <c r="A116772" i="1" s="1"/>
  <c r="A116773" i="1" s="1"/>
  <c r="A116774" i="1" s="1"/>
  <c r="A116775" i="1" s="1"/>
  <c r="A116776" i="1" s="1"/>
  <c r="A116777" i="1" s="1"/>
  <c r="A116778" i="1" s="1"/>
  <c r="A116779" i="1" s="1"/>
  <c r="A116780" i="1" s="1"/>
  <c r="A116781" i="1" s="1"/>
  <c r="A116782" i="1" s="1"/>
  <c r="A116783" i="1" s="1"/>
  <c r="A116784" i="1" s="1"/>
  <c r="A116785" i="1" s="1"/>
  <c r="A116786" i="1" s="1"/>
  <c r="A116787" i="1" s="1"/>
  <c r="A116788" i="1" s="1"/>
  <c r="A116789" i="1" s="1"/>
  <c r="A116790" i="1" s="1"/>
  <c r="A116791" i="1" s="1"/>
  <c r="A116792" i="1" s="1"/>
  <c r="A116793" i="1" s="1"/>
  <c r="A116794" i="1" s="1"/>
  <c r="A116795" i="1" s="1"/>
  <c r="A116796" i="1" s="1"/>
  <c r="A116797" i="1" s="1"/>
  <c r="A116798" i="1" s="1"/>
  <c r="A116799" i="1" s="1"/>
  <c r="A116800" i="1" s="1"/>
  <c r="A116801" i="1" s="1"/>
  <c r="A116802" i="1" s="1"/>
  <c r="A116803" i="1" s="1"/>
  <c r="A116804" i="1" s="1"/>
  <c r="A116805" i="1" s="1"/>
  <c r="A116806" i="1" s="1"/>
  <c r="A116807" i="1" s="1"/>
  <c r="A116808" i="1" s="1"/>
  <c r="A116809" i="1" s="1"/>
  <c r="A116810" i="1" s="1"/>
  <c r="A116811" i="1" s="1"/>
  <c r="A116812" i="1" s="1"/>
  <c r="A116813" i="1" s="1"/>
  <c r="A116814" i="1" s="1"/>
  <c r="A116815" i="1" s="1"/>
  <c r="A116816" i="1" s="1"/>
  <c r="A116817" i="1" s="1"/>
  <c r="A116818" i="1" s="1"/>
  <c r="A116819" i="1" s="1"/>
  <c r="A116820" i="1" s="1"/>
  <c r="A116821" i="1" s="1"/>
  <c r="A116822" i="1" s="1"/>
  <c r="A116823" i="1" s="1"/>
  <c r="A116824" i="1" s="1"/>
  <c r="A116825" i="1" s="1"/>
  <c r="A116826" i="1" s="1"/>
  <c r="A116827" i="1" s="1"/>
  <c r="A116828" i="1" s="1"/>
  <c r="A116829" i="1" s="1"/>
  <c r="A116830" i="1" s="1"/>
  <c r="A116831" i="1" s="1"/>
  <c r="A116832" i="1" s="1"/>
  <c r="A116833" i="1" s="1"/>
  <c r="A116834" i="1" s="1"/>
  <c r="A116835" i="1" s="1"/>
  <c r="A116836" i="1" s="1"/>
  <c r="A116837" i="1" s="1"/>
  <c r="A116838" i="1" s="1"/>
  <c r="A116839" i="1" s="1"/>
  <c r="A116840" i="1" s="1"/>
  <c r="A116841" i="1" s="1"/>
  <c r="A116842" i="1" s="1"/>
  <c r="A116843" i="1" s="1"/>
  <c r="A116844" i="1" s="1"/>
  <c r="A116845" i="1" s="1"/>
  <c r="A116846" i="1" s="1"/>
  <c r="A116847" i="1" s="1"/>
  <c r="A116848" i="1" s="1"/>
  <c r="A116849" i="1" s="1"/>
  <c r="A116850" i="1" s="1"/>
  <c r="A116851" i="1" s="1"/>
  <c r="A116852" i="1" s="1"/>
  <c r="A116853" i="1" s="1"/>
  <c r="A116854" i="1" s="1"/>
  <c r="A116855" i="1" s="1"/>
  <c r="A116856" i="1" s="1"/>
  <c r="A116857" i="1" s="1"/>
  <c r="A116858" i="1" s="1"/>
  <c r="A116859" i="1" s="1"/>
  <c r="A116860" i="1" s="1"/>
  <c r="A116861" i="1" s="1"/>
  <c r="A116862" i="1" s="1"/>
  <c r="A116863" i="1" s="1"/>
  <c r="A116864" i="1" s="1"/>
  <c r="A116865" i="1" s="1"/>
  <c r="A116866" i="1" s="1"/>
  <c r="A116867" i="1" s="1"/>
  <c r="A116868" i="1" s="1"/>
  <c r="A116869" i="1" s="1"/>
  <c r="A116870" i="1" s="1"/>
  <c r="A116871" i="1" s="1"/>
  <c r="A116872" i="1" s="1"/>
  <c r="A116873" i="1" s="1"/>
  <c r="A116874" i="1" s="1"/>
  <c r="A116875" i="1" s="1"/>
  <c r="A116876" i="1" s="1"/>
  <c r="A116877" i="1" s="1"/>
  <c r="A116878" i="1" s="1"/>
  <c r="A116879" i="1" s="1"/>
  <c r="A116880" i="1" s="1"/>
  <c r="A116881" i="1" s="1"/>
  <c r="A116882" i="1" s="1"/>
  <c r="A116883" i="1" s="1"/>
  <c r="A116884" i="1" s="1"/>
  <c r="A116885" i="1" s="1"/>
  <c r="A116886" i="1" s="1"/>
  <c r="A116887" i="1" s="1"/>
  <c r="A116888" i="1" s="1"/>
  <c r="A116889" i="1" s="1"/>
  <c r="A116890" i="1" s="1"/>
  <c r="A116891" i="1" s="1"/>
  <c r="A116892" i="1" s="1"/>
  <c r="A116893" i="1" s="1"/>
  <c r="A116894" i="1" s="1"/>
  <c r="A116895" i="1" s="1"/>
  <c r="A116896" i="1" s="1"/>
  <c r="A116897" i="1" s="1"/>
  <c r="A116898" i="1" s="1"/>
  <c r="A116899" i="1" s="1"/>
  <c r="A116900" i="1" s="1"/>
  <c r="A116901" i="1" s="1"/>
  <c r="A116902" i="1" s="1"/>
  <c r="A116903" i="1" s="1"/>
  <c r="A116904" i="1" s="1"/>
  <c r="A116905" i="1" s="1"/>
  <c r="A116906" i="1" s="1"/>
  <c r="A116907" i="1" s="1"/>
  <c r="A116908" i="1" s="1"/>
  <c r="A116909" i="1" s="1"/>
  <c r="A116910" i="1" s="1"/>
  <c r="A116911" i="1" s="1"/>
  <c r="A116912" i="1" s="1"/>
  <c r="A116913" i="1" s="1"/>
  <c r="A116914" i="1" s="1"/>
  <c r="A116915" i="1" s="1"/>
  <c r="A116916" i="1" s="1"/>
  <c r="A116917" i="1" s="1"/>
  <c r="A116918" i="1" s="1"/>
  <c r="A116919" i="1" s="1"/>
  <c r="A116920" i="1" s="1"/>
  <c r="A116921" i="1" s="1"/>
  <c r="A116922" i="1" s="1"/>
  <c r="A116923" i="1" s="1"/>
  <c r="A116924" i="1" s="1"/>
  <c r="A116925" i="1" s="1"/>
  <c r="A116926" i="1" s="1"/>
  <c r="A116927" i="1" s="1"/>
  <c r="A116928" i="1" s="1"/>
  <c r="A116929" i="1" s="1"/>
  <c r="A116930" i="1" s="1"/>
  <c r="A116931" i="1" s="1"/>
  <c r="A116932" i="1" s="1"/>
  <c r="A116933" i="1" s="1"/>
  <c r="A116934" i="1" s="1"/>
  <c r="A116935" i="1" s="1"/>
  <c r="A116936" i="1" s="1"/>
  <c r="A116937" i="1" s="1"/>
  <c r="A116938" i="1" s="1"/>
  <c r="A116939" i="1" s="1"/>
  <c r="A116940" i="1" s="1"/>
  <c r="A116941" i="1" s="1"/>
  <c r="A116942" i="1" s="1"/>
  <c r="A116943" i="1" s="1"/>
  <c r="A116944" i="1" s="1"/>
  <c r="A116945" i="1" s="1"/>
  <c r="A116946" i="1" s="1"/>
  <c r="A116947" i="1" s="1"/>
  <c r="A116948" i="1" s="1"/>
  <c r="A116949" i="1" s="1"/>
  <c r="A116950" i="1" s="1"/>
  <c r="A116951" i="1" s="1"/>
  <c r="A116952" i="1" s="1"/>
  <c r="A116953" i="1" s="1"/>
  <c r="A116954" i="1" s="1"/>
  <c r="A116955" i="1" s="1"/>
  <c r="A116956" i="1" s="1"/>
  <c r="A116957" i="1" s="1"/>
  <c r="A116958" i="1" s="1"/>
  <c r="A116959" i="1" s="1"/>
  <c r="A116960" i="1" s="1"/>
  <c r="A116961" i="1" s="1"/>
  <c r="A116962" i="1" s="1"/>
  <c r="A116963" i="1" s="1"/>
  <c r="A116964" i="1" s="1"/>
  <c r="A116965" i="1" s="1"/>
  <c r="A116966" i="1" s="1"/>
  <c r="A116967" i="1" s="1"/>
  <c r="A116968" i="1" s="1"/>
  <c r="A116969" i="1" s="1"/>
  <c r="A116970" i="1" s="1"/>
  <c r="A116971" i="1" s="1"/>
  <c r="A116972" i="1" s="1"/>
  <c r="A116973" i="1" s="1"/>
  <c r="A116974" i="1" s="1"/>
  <c r="A116975" i="1" s="1"/>
  <c r="A116976" i="1" s="1"/>
  <c r="A116977" i="1" s="1"/>
  <c r="A116978" i="1" s="1"/>
  <c r="A116979" i="1" s="1"/>
  <c r="A116980" i="1" s="1"/>
  <c r="A116981" i="1" s="1"/>
  <c r="A116982" i="1" s="1"/>
  <c r="A116983" i="1" s="1"/>
  <c r="A116984" i="1" s="1"/>
  <c r="A116985" i="1" s="1"/>
  <c r="A116986" i="1" s="1"/>
  <c r="A116987" i="1" s="1"/>
  <c r="A116988" i="1" s="1"/>
  <c r="A116989" i="1" s="1"/>
  <c r="A116990" i="1" s="1"/>
  <c r="A116991" i="1" s="1"/>
  <c r="A116992" i="1" s="1"/>
  <c r="A116993" i="1" s="1"/>
  <c r="A116994" i="1" s="1"/>
  <c r="A116995" i="1" s="1"/>
  <c r="A116996" i="1" s="1"/>
  <c r="A116997" i="1" s="1"/>
  <c r="A116998" i="1" s="1"/>
  <c r="A116999" i="1" s="1"/>
  <c r="A117000" i="1" s="1"/>
  <c r="A117001" i="1" s="1"/>
  <c r="A117002" i="1" s="1"/>
  <c r="A117003" i="1" s="1"/>
  <c r="A117004" i="1" s="1"/>
  <c r="A117005" i="1" s="1"/>
  <c r="A117006" i="1" s="1"/>
  <c r="A117007" i="1" s="1"/>
  <c r="A117008" i="1" s="1"/>
  <c r="A117009" i="1" s="1"/>
  <c r="A117010" i="1" s="1"/>
  <c r="A117011" i="1" s="1"/>
  <c r="A117012" i="1" s="1"/>
  <c r="A117013" i="1" s="1"/>
  <c r="A117014" i="1" s="1"/>
  <c r="A117015" i="1" s="1"/>
  <c r="A117016" i="1" s="1"/>
  <c r="A117017" i="1" s="1"/>
  <c r="A117018" i="1" s="1"/>
  <c r="A117019" i="1" s="1"/>
  <c r="A117020" i="1" s="1"/>
  <c r="A117021" i="1" s="1"/>
  <c r="A117022" i="1" s="1"/>
  <c r="A117023" i="1" s="1"/>
  <c r="A117024" i="1" s="1"/>
  <c r="A117025" i="1" s="1"/>
  <c r="A117026" i="1" s="1"/>
  <c r="A117027" i="1" s="1"/>
  <c r="A117028" i="1" s="1"/>
  <c r="A117029" i="1" s="1"/>
  <c r="A117030" i="1" s="1"/>
  <c r="A117031" i="1" s="1"/>
  <c r="A117032" i="1" s="1"/>
  <c r="A117033" i="1" s="1"/>
  <c r="A117034" i="1" s="1"/>
  <c r="A117035" i="1" s="1"/>
  <c r="A117036" i="1" s="1"/>
  <c r="A117037" i="1" s="1"/>
  <c r="A117038" i="1" s="1"/>
  <c r="A117039" i="1" s="1"/>
  <c r="A117040" i="1" s="1"/>
  <c r="A117041" i="1" s="1"/>
  <c r="A117042" i="1" s="1"/>
  <c r="A117043" i="1" s="1"/>
  <c r="A117044" i="1" s="1"/>
  <c r="A117045" i="1" s="1"/>
  <c r="A117046" i="1" s="1"/>
  <c r="A117047" i="1" s="1"/>
  <c r="A117048" i="1" s="1"/>
  <c r="A117049" i="1" s="1"/>
  <c r="A117050" i="1" s="1"/>
  <c r="A117051" i="1" s="1"/>
  <c r="A117052" i="1" s="1"/>
  <c r="A117053" i="1" s="1"/>
  <c r="A117054" i="1" s="1"/>
  <c r="A117055" i="1" s="1"/>
  <c r="A117056" i="1" s="1"/>
  <c r="A117057" i="1" s="1"/>
  <c r="A117058" i="1" s="1"/>
  <c r="A117059" i="1" s="1"/>
  <c r="A117060" i="1" s="1"/>
  <c r="A117061" i="1" s="1"/>
  <c r="A117062" i="1" s="1"/>
  <c r="A117063" i="1" s="1"/>
  <c r="A117064" i="1" s="1"/>
  <c r="A117065" i="1" s="1"/>
  <c r="A117066" i="1" s="1"/>
  <c r="A117067" i="1" s="1"/>
  <c r="A117068" i="1" s="1"/>
  <c r="A117069" i="1" s="1"/>
  <c r="A117070" i="1" s="1"/>
  <c r="A117071" i="1" s="1"/>
  <c r="A117072" i="1" s="1"/>
  <c r="A117073" i="1" s="1"/>
  <c r="A117074" i="1" s="1"/>
  <c r="A117075" i="1" s="1"/>
  <c r="A117076" i="1" s="1"/>
  <c r="A117077" i="1" s="1"/>
  <c r="A117078" i="1" s="1"/>
  <c r="A117079" i="1" s="1"/>
  <c r="A117080" i="1" s="1"/>
  <c r="A117081" i="1" s="1"/>
  <c r="A117082" i="1" s="1"/>
  <c r="A117083" i="1" s="1"/>
  <c r="A117084" i="1" s="1"/>
  <c r="A117085" i="1" s="1"/>
  <c r="A117086" i="1" s="1"/>
  <c r="A117087" i="1" s="1"/>
  <c r="A117088" i="1" s="1"/>
  <c r="A117089" i="1" s="1"/>
  <c r="A117090" i="1" s="1"/>
  <c r="A117091" i="1" s="1"/>
  <c r="A117092" i="1" s="1"/>
  <c r="A117093" i="1" s="1"/>
  <c r="A117094" i="1" s="1"/>
  <c r="A117095" i="1" s="1"/>
  <c r="A117096" i="1" s="1"/>
  <c r="A117097" i="1" s="1"/>
  <c r="A117098" i="1" s="1"/>
  <c r="A117099" i="1" s="1"/>
  <c r="A117100" i="1" s="1"/>
  <c r="A117101" i="1" s="1"/>
  <c r="A117102" i="1" s="1"/>
  <c r="A117103" i="1" s="1"/>
  <c r="A117104" i="1" s="1"/>
  <c r="A117105" i="1" s="1"/>
  <c r="A117106" i="1" s="1"/>
  <c r="A117107" i="1" s="1"/>
  <c r="A117108" i="1" s="1"/>
  <c r="A117109" i="1" s="1"/>
  <c r="A117110" i="1" s="1"/>
  <c r="A117111" i="1" s="1"/>
  <c r="A117112" i="1" s="1"/>
  <c r="A117113" i="1" s="1"/>
  <c r="A117114" i="1" s="1"/>
  <c r="A117115" i="1" s="1"/>
  <c r="A117116" i="1" s="1"/>
  <c r="A117117" i="1" s="1"/>
  <c r="A117118" i="1" s="1"/>
  <c r="A117119" i="1" s="1"/>
  <c r="A117120" i="1" s="1"/>
  <c r="A117121" i="1" s="1"/>
  <c r="A117122" i="1" s="1"/>
  <c r="A117123" i="1" s="1"/>
  <c r="A117124" i="1" s="1"/>
  <c r="A117125" i="1" s="1"/>
  <c r="A117126" i="1" s="1"/>
  <c r="A117127" i="1" s="1"/>
  <c r="A117128" i="1" s="1"/>
  <c r="A117129" i="1" s="1"/>
  <c r="A117130" i="1" s="1"/>
  <c r="A117131" i="1" s="1"/>
  <c r="A117132" i="1" s="1"/>
  <c r="A117133" i="1" s="1"/>
  <c r="A117134" i="1" s="1"/>
  <c r="A117135" i="1" s="1"/>
  <c r="A117136" i="1" s="1"/>
  <c r="A117137" i="1" s="1"/>
  <c r="A117138" i="1" s="1"/>
  <c r="A117139" i="1" s="1"/>
  <c r="A117140" i="1" s="1"/>
  <c r="A117141" i="1" s="1"/>
  <c r="A117142" i="1" s="1"/>
  <c r="A117143" i="1" s="1"/>
  <c r="A117144" i="1" s="1"/>
  <c r="A117145" i="1" s="1"/>
  <c r="A117146" i="1" s="1"/>
  <c r="A117147" i="1" s="1"/>
  <c r="A117148" i="1" s="1"/>
  <c r="A117149" i="1" s="1"/>
  <c r="A117150" i="1" s="1"/>
  <c r="A117151" i="1" s="1"/>
  <c r="A117152" i="1" s="1"/>
  <c r="A117153" i="1" s="1"/>
  <c r="A117154" i="1" s="1"/>
  <c r="A117155" i="1" s="1"/>
  <c r="A117156" i="1" s="1"/>
  <c r="A117157" i="1" s="1"/>
  <c r="A117158" i="1" s="1"/>
  <c r="A117159" i="1" s="1"/>
  <c r="A117160" i="1" s="1"/>
  <c r="A117161" i="1" s="1"/>
  <c r="A117162" i="1" s="1"/>
  <c r="A117163" i="1" s="1"/>
  <c r="A117164" i="1" s="1"/>
  <c r="A117165" i="1" s="1"/>
  <c r="A117166" i="1" s="1"/>
  <c r="A117167" i="1" s="1"/>
  <c r="A117168" i="1" s="1"/>
  <c r="A117169" i="1" s="1"/>
  <c r="A117170" i="1" s="1"/>
  <c r="A117171" i="1" s="1"/>
  <c r="A117172" i="1" s="1"/>
  <c r="A117173" i="1" s="1"/>
  <c r="A117174" i="1" s="1"/>
  <c r="A117175" i="1" s="1"/>
  <c r="A117176" i="1" s="1"/>
  <c r="A117177" i="1" s="1"/>
  <c r="A117178" i="1" s="1"/>
  <c r="A117179" i="1" s="1"/>
  <c r="A117180" i="1" s="1"/>
  <c r="A117181" i="1" s="1"/>
  <c r="A117182" i="1" s="1"/>
  <c r="A117183" i="1" s="1"/>
  <c r="A117184" i="1" s="1"/>
  <c r="A117185" i="1" s="1"/>
  <c r="A117186" i="1" s="1"/>
  <c r="A117187" i="1" s="1"/>
  <c r="A117188" i="1" s="1"/>
  <c r="A117189" i="1" s="1"/>
  <c r="A117190" i="1" s="1"/>
  <c r="A117191" i="1" s="1"/>
  <c r="A117192" i="1" s="1"/>
  <c r="A117193" i="1" s="1"/>
  <c r="A117194" i="1" s="1"/>
  <c r="A117195" i="1" s="1"/>
  <c r="A117196" i="1" s="1"/>
  <c r="A117197" i="1" s="1"/>
  <c r="A117198" i="1" s="1"/>
  <c r="A117199" i="1" s="1"/>
  <c r="A117200" i="1" s="1"/>
  <c r="A117201" i="1" s="1"/>
  <c r="A117202" i="1" s="1"/>
  <c r="A117203" i="1" s="1"/>
  <c r="A117204" i="1" s="1"/>
  <c r="A117205" i="1" s="1"/>
  <c r="A117206" i="1" s="1"/>
  <c r="A117207" i="1" s="1"/>
  <c r="A117208" i="1" s="1"/>
  <c r="A117209" i="1" s="1"/>
  <c r="A117210" i="1" s="1"/>
  <c r="A117211" i="1" s="1"/>
  <c r="A117212" i="1" s="1"/>
  <c r="A117213" i="1" s="1"/>
  <c r="A117214" i="1" s="1"/>
  <c r="A117215" i="1" s="1"/>
  <c r="A117216" i="1" s="1"/>
  <c r="A117217" i="1" s="1"/>
  <c r="A117218" i="1" s="1"/>
  <c r="A117219" i="1" s="1"/>
  <c r="A117220" i="1" s="1"/>
  <c r="A117221" i="1" s="1"/>
  <c r="A117222" i="1" s="1"/>
  <c r="A117223" i="1" s="1"/>
  <c r="A117224" i="1" s="1"/>
  <c r="A117225" i="1" s="1"/>
  <c r="A117226" i="1" s="1"/>
  <c r="A117227" i="1" s="1"/>
  <c r="A117228" i="1" s="1"/>
  <c r="A117229" i="1" s="1"/>
  <c r="A117230" i="1" s="1"/>
  <c r="A117231" i="1" s="1"/>
  <c r="A117232" i="1" s="1"/>
  <c r="A117233" i="1" s="1"/>
  <c r="A117234" i="1" s="1"/>
  <c r="A117235" i="1" s="1"/>
  <c r="A117236" i="1" s="1"/>
  <c r="A117237" i="1" s="1"/>
  <c r="A117238" i="1" s="1"/>
  <c r="A117239" i="1" s="1"/>
  <c r="A117240" i="1" s="1"/>
  <c r="A117241" i="1" s="1"/>
  <c r="A117242" i="1" s="1"/>
  <c r="A117243" i="1" s="1"/>
  <c r="A117244" i="1" s="1"/>
  <c r="A117245" i="1" s="1"/>
  <c r="A117246" i="1" s="1"/>
  <c r="A117247" i="1" s="1"/>
  <c r="A117248" i="1" s="1"/>
  <c r="A117249" i="1" s="1"/>
  <c r="A117250" i="1" s="1"/>
  <c r="A117251" i="1" s="1"/>
  <c r="A117252" i="1" s="1"/>
  <c r="A117253" i="1" s="1"/>
  <c r="A117254" i="1" s="1"/>
  <c r="A117255" i="1" s="1"/>
  <c r="A117256" i="1" s="1"/>
  <c r="A117257" i="1" s="1"/>
  <c r="A117258" i="1" s="1"/>
  <c r="A117259" i="1" s="1"/>
  <c r="A117260" i="1" s="1"/>
  <c r="A117261" i="1" s="1"/>
  <c r="A117262" i="1" s="1"/>
  <c r="A117263" i="1" s="1"/>
  <c r="A117264" i="1" s="1"/>
  <c r="A117265" i="1" s="1"/>
  <c r="A117266" i="1" s="1"/>
  <c r="A117267" i="1" s="1"/>
  <c r="A117268" i="1" s="1"/>
  <c r="A117269" i="1" s="1"/>
  <c r="A117270" i="1" s="1"/>
  <c r="A117271" i="1" s="1"/>
  <c r="A117272" i="1" s="1"/>
  <c r="A117273" i="1" s="1"/>
  <c r="A117274" i="1" s="1"/>
  <c r="A117275" i="1" s="1"/>
  <c r="A117276" i="1" s="1"/>
  <c r="A117277" i="1" s="1"/>
  <c r="A117278" i="1" s="1"/>
  <c r="A117279" i="1" s="1"/>
  <c r="A117280" i="1" s="1"/>
  <c r="A117281" i="1" s="1"/>
  <c r="A117282" i="1" s="1"/>
  <c r="A117283" i="1" s="1"/>
  <c r="A117284" i="1" s="1"/>
  <c r="A117285" i="1" s="1"/>
  <c r="A117286" i="1" s="1"/>
  <c r="A117287" i="1" s="1"/>
  <c r="A117288" i="1" s="1"/>
  <c r="A117289" i="1" s="1"/>
  <c r="A117290" i="1" s="1"/>
  <c r="A117291" i="1" s="1"/>
  <c r="A117292" i="1" s="1"/>
  <c r="A117293" i="1" s="1"/>
  <c r="A117294" i="1" s="1"/>
  <c r="A117295" i="1" s="1"/>
  <c r="A117296" i="1" s="1"/>
  <c r="A117297" i="1" s="1"/>
  <c r="A117298" i="1" s="1"/>
  <c r="A117299" i="1" s="1"/>
  <c r="A117300" i="1" s="1"/>
  <c r="A117301" i="1" s="1"/>
  <c r="A117302" i="1" s="1"/>
  <c r="A117303" i="1" s="1"/>
  <c r="A117304" i="1" s="1"/>
  <c r="A117305" i="1" s="1"/>
  <c r="A117306" i="1" s="1"/>
  <c r="A117307" i="1" s="1"/>
  <c r="A117308" i="1" s="1"/>
  <c r="A117309" i="1" s="1"/>
  <c r="A117310" i="1" s="1"/>
  <c r="A117311" i="1" s="1"/>
  <c r="A117312" i="1" s="1"/>
  <c r="A117313" i="1" s="1"/>
  <c r="A117314" i="1" s="1"/>
  <c r="A117315" i="1" s="1"/>
  <c r="A117316" i="1" s="1"/>
  <c r="A117317" i="1" s="1"/>
  <c r="A117318" i="1" s="1"/>
  <c r="A117319" i="1" s="1"/>
  <c r="A117320" i="1" s="1"/>
  <c r="A117321" i="1" s="1"/>
  <c r="A117322" i="1" s="1"/>
  <c r="A117323" i="1" s="1"/>
  <c r="A117324" i="1" s="1"/>
  <c r="A117325" i="1" s="1"/>
  <c r="A117326" i="1" s="1"/>
  <c r="A117327" i="1" s="1"/>
  <c r="A117328" i="1" s="1"/>
  <c r="A117329" i="1" s="1"/>
  <c r="A117330" i="1" s="1"/>
  <c r="A117331" i="1" s="1"/>
  <c r="A117332" i="1" s="1"/>
  <c r="A117333" i="1" s="1"/>
  <c r="A117334" i="1" s="1"/>
  <c r="A117335" i="1" s="1"/>
  <c r="A117336" i="1" s="1"/>
  <c r="A117337" i="1" s="1"/>
  <c r="A117338" i="1" s="1"/>
  <c r="A117339" i="1" s="1"/>
  <c r="A117340" i="1" s="1"/>
  <c r="A117341" i="1" s="1"/>
  <c r="A117342" i="1" s="1"/>
  <c r="A117343" i="1" s="1"/>
  <c r="A117344" i="1" s="1"/>
  <c r="A117345" i="1" s="1"/>
  <c r="A117346" i="1" s="1"/>
  <c r="A117347" i="1" s="1"/>
  <c r="A117348" i="1" s="1"/>
  <c r="A117349" i="1" s="1"/>
  <c r="A117350" i="1" s="1"/>
  <c r="A117351" i="1" s="1"/>
  <c r="A117352" i="1" s="1"/>
  <c r="A117353" i="1" s="1"/>
  <c r="A117354" i="1" s="1"/>
  <c r="A117355" i="1" s="1"/>
  <c r="A117356" i="1" s="1"/>
  <c r="A117357" i="1" s="1"/>
  <c r="A117358" i="1" s="1"/>
  <c r="A117359" i="1" s="1"/>
  <c r="A117360" i="1" s="1"/>
  <c r="A117361" i="1" s="1"/>
  <c r="A117362" i="1" s="1"/>
  <c r="A117363" i="1" s="1"/>
  <c r="A117364" i="1" s="1"/>
  <c r="A117365" i="1" s="1"/>
  <c r="A117366" i="1" s="1"/>
  <c r="A117367" i="1" s="1"/>
  <c r="A117368" i="1" s="1"/>
  <c r="A117369" i="1" s="1"/>
  <c r="A117370" i="1" s="1"/>
  <c r="A117371" i="1" s="1"/>
  <c r="A117372" i="1" s="1"/>
  <c r="A117373" i="1" s="1"/>
  <c r="A117374" i="1" s="1"/>
  <c r="A117375" i="1" s="1"/>
  <c r="A117376" i="1" s="1"/>
  <c r="A117377" i="1" s="1"/>
  <c r="A117378" i="1" s="1"/>
  <c r="A117379" i="1" s="1"/>
  <c r="A117380" i="1" s="1"/>
  <c r="A117381" i="1" s="1"/>
  <c r="A117382" i="1" s="1"/>
  <c r="A117383" i="1" s="1"/>
  <c r="A117384" i="1" s="1"/>
  <c r="A117385" i="1" s="1"/>
  <c r="A117386" i="1" s="1"/>
  <c r="A117387" i="1" s="1"/>
  <c r="A117388" i="1" s="1"/>
  <c r="A117389" i="1" s="1"/>
  <c r="A117390" i="1" s="1"/>
  <c r="A117391" i="1" s="1"/>
  <c r="A117392" i="1" s="1"/>
  <c r="A117393" i="1" s="1"/>
  <c r="A117394" i="1" s="1"/>
  <c r="A117395" i="1" s="1"/>
  <c r="A117396" i="1" s="1"/>
  <c r="A117397" i="1" s="1"/>
  <c r="A117398" i="1" s="1"/>
  <c r="A117399" i="1" s="1"/>
  <c r="A117400" i="1" s="1"/>
  <c r="A117401" i="1" s="1"/>
  <c r="A117402" i="1" s="1"/>
  <c r="A117403" i="1" s="1"/>
  <c r="A117404" i="1" s="1"/>
  <c r="A117405" i="1" s="1"/>
  <c r="A117406" i="1" s="1"/>
  <c r="A117407" i="1" s="1"/>
  <c r="A117408" i="1" s="1"/>
  <c r="A117409" i="1" s="1"/>
  <c r="A117410" i="1" s="1"/>
  <c r="A117411" i="1" s="1"/>
  <c r="A117412" i="1" s="1"/>
  <c r="A117413" i="1" s="1"/>
  <c r="A117414" i="1" s="1"/>
  <c r="A117415" i="1" s="1"/>
  <c r="A117416" i="1" s="1"/>
  <c r="A117417" i="1" s="1"/>
  <c r="A117418" i="1" s="1"/>
  <c r="A117419" i="1" s="1"/>
  <c r="A117420" i="1" s="1"/>
  <c r="A117421" i="1" s="1"/>
  <c r="A117422" i="1" s="1"/>
  <c r="A117423" i="1" s="1"/>
  <c r="A117424" i="1" s="1"/>
  <c r="A117425" i="1" s="1"/>
  <c r="A117426" i="1" s="1"/>
  <c r="A117427" i="1" s="1"/>
  <c r="A117428" i="1" s="1"/>
  <c r="A117429" i="1" s="1"/>
  <c r="A117430" i="1" s="1"/>
  <c r="A117431" i="1" s="1"/>
  <c r="A117432" i="1" s="1"/>
  <c r="A117433" i="1" s="1"/>
  <c r="A117434" i="1" s="1"/>
  <c r="A117435" i="1" s="1"/>
  <c r="A117436" i="1" s="1"/>
  <c r="A117437" i="1" s="1"/>
  <c r="A117438" i="1" s="1"/>
  <c r="A117439" i="1" s="1"/>
  <c r="A117440" i="1" s="1"/>
  <c r="A117441" i="1" s="1"/>
  <c r="A117442" i="1" s="1"/>
  <c r="A117443" i="1" s="1"/>
  <c r="A117444" i="1" s="1"/>
  <c r="A117445" i="1" s="1"/>
  <c r="A117446" i="1" s="1"/>
  <c r="A117447" i="1" s="1"/>
  <c r="A117448" i="1" s="1"/>
  <c r="A117449" i="1" s="1"/>
  <c r="A117450" i="1" s="1"/>
  <c r="A117451" i="1" s="1"/>
  <c r="A117452" i="1" s="1"/>
  <c r="A117453" i="1" s="1"/>
  <c r="A117454" i="1" s="1"/>
  <c r="A117455" i="1" s="1"/>
  <c r="A117456" i="1" s="1"/>
  <c r="A117457" i="1" s="1"/>
  <c r="A117458" i="1" s="1"/>
  <c r="A117459" i="1" s="1"/>
  <c r="A117460" i="1" s="1"/>
  <c r="A117461" i="1" s="1"/>
  <c r="A117462" i="1" s="1"/>
  <c r="A117463" i="1" s="1"/>
  <c r="A117464" i="1" s="1"/>
  <c r="A117465" i="1" s="1"/>
  <c r="A117466" i="1" s="1"/>
  <c r="A117467" i="1" s="1"/>
  <c r="A117468" i="1" s="1"/>
  <c r="A117469" i="1" s="1"/>
  <c r="A117470" i="1" s="1"/>
  <c r="A117471" i="1" s="1"/>
  <c r="A117472" i="1" s="1"/>
  <c r="A117473" i="1" s="1"/>
  <c r="A117474" i="1" s="1"/>
  <c r="A117475" i="1" s="1"/>
  <c r="A117476" i="1" s="1"/>
  <c r="A117477" i="1" s="1"/>
  <c r="A117478" i="1" s="1"/>
  <c r="A117479" i="1" s="1"/>
  <c r="A117480" i="1" s="1"/>
  <c r="A117481" i="1" s="1"/>
  <c r="A117482" i="1" s="1"/>
  <c r="A117483" i="1" s="1"/>
  <c r="A117484" i="1" s="1"/>
  <c r="A117485" i="1" s="1"/>
  <c r="A117486" i="1" s="1"/>
  <c r="A117487" i="1" s="1"/>
  <c r="A117488" i="1" s="1"/>
  <c r="A117489" i="1" s="1"/>
  <c r="A117490" i="1" s="1"/>
  <c r="A117491" i="1" s="1"/>
  <c r="A117492" i="1" s="1"/>
  <c r="A117493" i="1" s="1"/>
  <c r="A117494" i="1" s="1"/>
  <c r="A117495" i="1" s="1"/>
  <c r="A117496" i="1" s="1"/>
  <c r="A117497" i="1" s="1"/>
  <c r="A117498" i="1" s="1"/>
  <c r="A117499" i="1" s="1"/>
  <c r="A117500" i="1" s="1"/>
  <c r="A117501" i="1" s="1"/>
  <c r="A117502" i="1" s="1"/>
  <c r="A117503" i="1" s="1"/>
  <c r="A117504" i="1" s="1"/>
  <c r="A117505" i="1" s="1"/>
  <c r="A117506" i="1" s="1"/>
  <c r="A117507" i="1" s="1"/>
  <c r="A117508" i="1" s="1"/>
  <c r="A117509" i="1" s="1"/>
  <c r="A117510" i="1" s="1"/>
  <c r="A117511" i="1" s="1"/>
  <c r="A117512" i="1" s="1"/>
  <c r="A117513" i="1" s="1"/>
  <c r="A117514" i="1" s="1"/>
  <c r="A117515" i="1" s="1"/>
  <c r="A117516" i="1" s="1"/>
  <c r="A117517" i="1" s="1"/>
  <c r="A117518" i="1" s="1"/>
  <c r="A117519" i="1" s="1"/>
  <c r="A117520" i="1" s="1"/>
  <c r="A117521" i="1" s="1"/>
  <c r="A117522" i="1" s="1"/>
  <c r="A117523" i="1" s="1"/>
  <c r="A117524" i="1" s="1"/>
  <c r="A117525" i="1" s="1"/>
  <c r="A117526" i="1" s="1"/>
  <c r="A117527" i="1" s="1"/>
  <c r="A117528" i="1" s="1"/>
  <c r="A117529" i="1" s="1"/>
  <c r="A117530" i="1" s="1"/>
  <c r="A117531" i="1" s="1"/>
  <c r="A117532" i="1" s="1"/>
  <c r="A117533" i="1" s="1"/>
  <c r="A117534" i="1" s="1"/>
  <c r="A117535" i="1" s="1"/>
  <c r="A117536" i="1" s="1"/>
  <c r="A117537" i="1" s="1"/>
  <c r="A117538" i="1" s="1"/>
  <c r="A117539" i="1" s="1"/>
  <c r="A117540" i="1" s="1"/>
  <c r="A117541" i="1" s="1"/>
  <c r="A117542" i="1" s="1"/>
  <c r="A117543" i="1" s="1"/>
  <c r="A117544" i="1" s="1"/>
  <c r="A117545" i="1" s="1"/>
  <c r="A117546" i="1" s="1"/>
  <c r="A117547" i="1" s="1"/>
  <c r="A117548" i="1" s="1"/>
  <c r="A117549" i="1" s="1"/>
  <c r="A117550" i="1" s="1"/>
  <c r="A117551" i="1" s="1"/>
  <c r="A117552" i="1" s="1"/>
  <c r="A117553" i="1" s="1"/>
  <c r="A117554" i="1" s="1"/>
  <c r="A117555" i="1" s="1"/>
  <c r="A117556" i="1" s="1"/>
  <c r="A117557" i="1" s="1"/>
  <c r="A117558" i="1" s="1"/>
  <c r="A117559" i="1" s="1"/>
  <c r="A117560" i="1" s="1"/>
  <c r="A117561" i="1" s="1"/>
  <c r="A117562" i="1" s="1"/>
  <c r="A117563" i="1" s="1"/>
  <c r="A117564" i="1" s="1"/>
  <c r="A117565" i="1" s="1"/>
  <c r="A117566" i="1" s="1"/>
  <c r="A117567" i="1" s="1"/>
  <c r="A117568" i="1" s="1"/>
  <c r="A117569" i="1" s="1"/>
  <c r="A117570" i="1" s="1"/>
  <c r="A117571" i="1" s="1"/>
  <c r="A117572" i="1" s="1"/>
  <c r="A117573" i="1" s="1"/>
  <c r="A117574" i="1" s="1"/>
  <c r="A117575" i="1" s="1"/>
  <c r="A117576" i="1" s="1"/>
  <c r="A117577" i="1" s="1"/>
  <c r="A117578" i="1" s="1"/>
  <c r="A117579" i="1" s="1"/>
  <c r="A117580" i="1" s="1"/>
  <c r="A117581" i="1" s="1"/>
  <c r="A117582" i="1" s="1"/>
  <c r="A117583" i="1" s="1"/>
  <c r="A117584" i="1" s="1"/>
  <c r="A117585" i="1" s="1"/>
  <c r="A117586" i="1" s="1"/>
  <c r="A117587" i="1" s="1"/>
  <c r="A117588" i="1" s="1"/>
  <c r="A117589" i="1" s="1"/>
  <c r="A117590" i="1" s="1"/>
  <c r="A117591" i="1" s="1"/>
  <c r="A117592" i="1" s="1"/>
  <c r="A117593" i="1" s="1"/>
  <c r="A117594" i="1" s="1"/>
  <c r="A117595" i="1" s="1"/>
  <c r="A117596" i="1" s="1"/>
  <c r="A117597" i="1" s="1"/>
  <c r="A117598" i="1" s="1"/>
  <c r="A117599" i="1" s="1"/>
  <c r="A117600" i="1" s="1"/>
  <c r="A117601" i="1" s="1"/>
  <c r="A117602" i="1" s="1"/>
  <c r="A117603" i="1" s="1"/>
  <c r="A117604" i="1" s="1"/>
  <c r="A117605" i="1" s="1"/>
  <c r="A117606" i="1" s="1"/>
  <c r="A117607" i="1" s="1"/>
  <c r="A117608" i="1" s="1"/>
  <c r="A117609" i="1" s="1"/>
  <c r="A117610" i="1" s="1"/>
  <c r="A117611" i="1" s="1"/>
  <c r="A117612" i="1" s="1"/>
  <c r="A117613" i="1" s="1"/>
  <c r="A117614" i="1" s="1"/>
  <c r="A117615" i="1" s="1"/>
  <c r="A117616" i="1" s="1"/>
  <c r="A117617" i="1" s="1"/>
  <c r="A117618" i="1" s="1"/>
  <c r="A117619" i="1" s="1"/>
  <c r="A117620" i="1" s="1"/>
  <c r="A117621" i="1" s="1"/>
  <c r="A117622" i="1" s="1"/>
  <c r="A117623" i="1" s="1"/>
  <c r="A117624" i="1" s="1"/>
  <c r="A117625" i="1" s="1"/>
  <c r="A117626" i="1" s="1"/>
  <c r="A117627" i="1" s="1"/>
  <c r="A117628" i="1" s="1"/>
  <c r="A117629" i="1" s="1"/>
  <c r="A117630" i="1" s="1"/>
  <c r="A117631" i="1" s="1"/>
  <c r="A117632" i="1" s="1"/>
  <c r="A117633" i="1" s="1"/>
  <c r="A117634" i="1" s="1"/>
  <c r="A117635" i="1" s="1"/>
  <c r="A117636" i="1" s="1"/>
  <c r="A117637" i="1" s="1"/>
  <c r="A117638" i="1" s="1"/>
  <c r="A117639" i="1" s="1"/>
  <c r="A117640" i="1" s="1"/>
  <c r="A117641" i="1" s="1"/>
  <c r="A117642" i="1" s="1"/>
  <c r="A117643" i="1" s="1"/>
  <c r="A117644" i="1" s="1"/>
  <c r="A117645" i="1" s="1"/>
  <c r="A117646" i="1" s="1"/>
  <c r="A117647" i="1" s="1"/>
  <c r="A117648" i="1" s="1"/>
  <c r="A117649" i="1" s="1"/>
  <c r="A117650" i="1" s="1"/>
  <c r="A117651" i="1" s="1"/>
  <c r="A117652" i="1" s="1"/>
  <c r="A117653" i="1" s="1"/>
  <c r="A117654" i="1" s="1"/>
  <c r="A117655" i="1" s="1"/>
  <c r="A117656" i="1" s="1"/>
  <c r="A117657" i="1" s="1"/>
  <c r="A117658" i="1" s="1"/>
  <c r="A117659" i="1" s="1"/>
  <c r="A117660" i="1" s="1"/>
  <c r="A117661" i="1" s="1"/>
  <c r="A117662" i="1" s="1"/>
  <c r="A117663" i="1" s="1"/>
  <c r="A117664" i="1" s="1"/>
  <c r="A117665" i="1" s="1"/>
  <c r="A117666" i="1" s="1"/>
  <c r="A117667" i="1" s="1"/>
  <c r="A117668" i="1" s="1"/>
  <c r="A117669" i="1" s="1"/>
  <c r="A117670" i="1" s="1"/>
  <c r="A117671" i="1" s="1"/>
  <c r="A117672" i="1" s="1"/>
  <c r="A117673" i="1" s="1"/>
  <c r="A117674" i="1" s="1"/>
  <c r="A117675" i="1" s="1"/>
  <c r="A117676" i="1" s="1"/>
  <c r="A117677" i="1" s="1"/>
  <c r="A117678" i="1" s="1"/>
  <c r="A117679" i="1" s="1"/>
  <c r="A117680" i="1" s="1"/>
  <c r="A117681" i="1" s="1"/>
  <c r="A117682" i="1" s="1"/>
  <c r="A117683" i="1" s="1"/>
  <c r="A117684" i="1" s="1"/>
  <c r="A117685" i="1" s="1"/>
  <c r="A117686" i="1" s="1"/>
  <c r="A117687" i="1" s="1"/>
  <c r="A117688" i="1" s="1"/>
  <c r="A117689" i="1" s="1"/>
  <c r="A117690" i="1" s="1"/>
  <c r="A117691" i="1" s="1"/>
  <c r="A117692" i="1" s="1"/>
  <c r="A117693" i="1" s="1"/>
  <c r="A117694" i="1" s="1"/>
  <c r="A117695" i="1" s="1"/>
  <c r="A117696" i="1" s="1"/>
  <c r="A117697" i="1" s="1"/>
  <c r="A117698" i="1" s="1"/>
  <c r="A117699" i="1" s="1"/>
  <c r="A117700" i="1" s="1"/>
  <c r="A117701" i="1" s="1"/>
  <c r="A117702" i="1" s="1"/>
  <c r="A117703" i="1" s="1"/>
  <c r="A117704" i="1" s="1"/>
  <c r="A117705" i="1" s="1"/>
  <c r="A117706" i="1" s="1"/>
  <c r="A117707" i="1" s="1"/>
  <c r="A117708" i="1" s="1"/>
  <c r="A117709" i="1" s="1"/>
  <c r="A117710" i="1" s="1"/>
  <c r="A117711" i="1" s="1"/>
  <c r="A117712" i="1" s="1"/>
  <c r="A117713" i="1" s="1"/>
  <c r="A117714" i="1" s="1"/>
  <c r="A117715" i="1" s="1"/>
  <c r="A117716" i="1" s="1"/>
  <c r="A117717" i="1" s="1"/>
  <c r="A117718" i="1" s="1"/>
  <c r="A117719" i="1" s="1"/>
  <c r="A117720" i="1" s="1"/>
  <c r="A117721" i="1" s="1"/>
  <c r="A117722" i="1" s="1"/>
  <c r="A117723" i="1" s="1"/>
  <c r="A117724" i="1" s="1"/>
  <c r="A117725" i="1" s="1"/>
  <c r="A117726" i="1" s="1"/>
  <c r="A117727" i="1" s="1"/>
  <c r="A117728" i="1" s="1"/>
  <c r="A117729" i="1" s="1"/>
  <c r="A117730" i="1" s="1"/>
  <c r="A117731" i="1" s="1"/>
  <c r="A117732" i="1" s="1"/>
  <c r="A117733" i="1" s="1"/>
  <c r="A117734" i="1" s="1"/>
  <c r="A117735" i="1" s="1"/>
  <c r="A117736" i="1" s="1"/>
  <c r="A117737" i="1" s="1"/>
  <c r="A117738" i="1" s="1"/>
  <c r="A117739" i="1" s="1"/>
  <c r="A117740" i="1" s="1"/>
  <c r="A117741" i="1" s="1"/>
  <c r="A117742" i="1" s="1"/>
  <c r="A117743" i="1" s="1"/>
  <c r="A117744" i="1" s="1"/>
  <c r="A117745" i="1" s="1"/>
  <c r="A117746" i="1" s="1"/>
  <c r="A117747" i="1" s="1"/>
  <c r="A117748" i="1" s="1"/>
  <c r="A117749" i="1" s="1"/>
  <c r="A117750" i="1" s="1"/>
  <c r="A117751" i="1" s="1"/>
  <c r="A117752" i="1" s="1"/>
  <c r="A117753" i="1" s="1"/>
  <c r="A117754" i="1" s="1"/>
  <c r="A117755" i="1" s="1"/>
  <c r="A117756" i="1" s="1"/>
  <c r="A117757" i="1" s="1"/>
  <c r="A117758" i="1" s="1"/>
  <c r="A117759" i="1" s="1"/>
  <c r="A117760" i="1" s="1"/>
  <c r="A117761" i="1" s="1"/>
  <c r="A117762" i="1" s="1"/>
  <c r="A117763" i="1" s="1"/>
  <c r="A117764" i="1" s="1"/>
  <c r="A117765" i="1" s="1"/>
  <c r="A117766" i="1" s="1"/>
  <c r="A117767" i="1" s="1"/>
  <c r="A117768" i="1" s="1"/>
  <c r="A117769" i="1" s="1"/>
  <c r="A117770" i="1" s="1"/>
  <c r="A117771" i="1" s="1"/>
  <c r="A117772" i="1" s="1"/>
  <c r="A117773" i="1" s="1"/>
  <c r="A117774" i="1" s="1"/>
  <c r="A117775" i="1" s="1"/>
  <c r="A117776" i="1" s="1"/>
  <c r="A117777" i="1" s="1"/>
  <c r="A117778" i="1" s="1"/>
  <c r="A117779" i="1" s="1"/>
  <c r="A117780" i="1" s="1"/>
  <c r="A117781" i="1" s="1"/>
  <c r="A117782" i="1" s="1"/>
  <c r="A117783" i="1" s="1"/>
  <c r="A117784" i="1" s="1"/>
  <c r="A117785" i="1" s="1"/>
  <c r="A117786" i="1" s="1"/>
  <c r="A117787" i="1" s="1"/>
  <c r="A117788" i="1" s="1"/>
  <c r="A117789" i="1" s="1"/>
  <c r="A117790" i="1" s="1"/>
  <c r="A117791" i="1" s="1"/>
  <c r="A117792" i="1" s="1"/>
  <c r="A117793" i="1" s="1"/>
  <c r="A117794" i="1" s="1"/>
  <c r="A117795" i="1" s="1"/>
  <c r="A117796" i="1" s="1"/>
  <c r="A117797" i="1" s="1"/>
  <c r="A117798" i="1" s="1"/>
  <c r="A117799" i="1" s="1"/>
  <c r="A117800" i="1" s="1"/>
  <c r="A117801" i="1" s="1"/>
  <c r="A117802" i="1" s="1"/>
  <c r="A117803" i="1" s="1"/>
  <c r="A117804" i="1" s="1"/>
  <c r="A117805" i="1" s="1"/>
  <c r="A117806" i="1" s="1"/>
  <c r="A117807" i="1" s="1"/>
  <c r="A117808" i="1" s="1"/>
  <c r="A117809" i="1" s="1"/>
  <c r="A117810" i="1" s="1"/>
  <c r="A117811" i="1" s="1"/>
  <c r="A117812" i="1" s="1"/>
  <c r="A117813" i="1" s="1"/>
  <c r="A117814" i="1" s="1"/>
  <c r="A117815" i="1" s="1"/>
  <c r="A117816" i="1" s="1"/>
  <c r="A117817" i="1" s="1"/>
  <c r="A117818" i="1" s="1"/>
  <c r="A117819" i="1" s="1"/>
  <c r="A117820" i="1" s="1"/>
  <c r="A117821" i="1" s="1"/>
  <c r="A117822" i="1" s="1"/>
  <c r="A117823" i="1" s="1"/>
  <c r="A117824" i="1" s="1"/>
  <c r="A117825" i="1" s="1"/>
  <c r="A117826" i="1" s="1"/>
  <c r="A117827" i="1" s="1"/>
  <c r="A117828" i="1" s="1"/>
  <c r="A117829" i="1" s="1"/>
  <c r="A117830" i="1" s="1"/>
  <c r="A117831" i="1" s="1"/>
  <c r="A117832" i="1" s="1"/>
  <c r="A117833" i="1" s="1"/>
  <c r="A117834" i="1" s="1"/>
  <c r="A117835" i="1" s="1"/>
  <c r="A117836" i="1" s="1"/>
  <c r="A117837" i="1" s="1"/>
  <c r="A117838" i="1" s="1"/>
  <c r="A117839" i="1" s="1"/>
  <c r="A117840" i="1" s="1"/>
  <c r="A117841" i="1" s="1"/>
  <c r="A117842" i="1" s="1"/>
  <c r="A117843" i="1" s="1"/>
  <c r="A117844" i="1" s="1"/>
  <c r="A117845" i="1" s="1"/>
  <c r="A117846" i="1" s="1"/>
  <c r="A117847" i="1" s="1"/>
  <c r="A117848" i="1" s="1"/>
  <c r="A117849" i="1" s="1"/>
  <c r="A117850" i="1" s="1"/>
  <c r="A117851" i="1" s="1"/>
  <c r="A117852" i="1" s="1"/>
  <c r="A117853" i="1" s="1"/>
  <c r="A117854" i="1" s="1"/>
  <c r="A117855" i="1" s="1"/>
  <c r="A117856" i="1" s="1"/>
  <c r="A117857" i="1" s="1"/>
  <c r="A117858" i="1" s="1"/>
  <c r="A117859" i="1" s="1"/>
  <c r="A117860" i="1" s="1"/>
  <c r="A117861" i="1" s="1"/>
  <c r="A117862" i="1" s="1"/>
  <c r="A117863" i="1" s="1"/>
  <c r="A117864" i="1" s="1"/>
  <c r="A117865" i="1" s="1"/>
  <c r="A117866" i="1" s="1"/>
  <c r="A117867" i="1" s="1"/>
  <c r="A117868" i="1" s="1"/>
  <c r="A117869" i="1" s="1"/>
  <c r="A117870" i="1" s="1"/>
  <c r="A117871" i="1" s="1"/>
  <c r="A117872" i="1" s="1"/>
  <c r="A117873" i="1" s="1"/>
  <c r="A117874" i="1" s="1"/>
  <c r="A117875" i="1" s="1"/>
  <c r="A117876" i="1" s="1"/>
  <c r="A117877" i="1" s="1"/>
  <c r="A117878" i="1" s="1"/>
  <c r="A117879" i="1" s="1"/>
  <c r="A117880" i="1" s="1"/>
  <c r="A117881" i="1" s="1"/>
  <c r="A117882" i="1" s="1"/>
  <c r="A117883" i="1" s="1"/>
  <c r="A117884" i="1" s="1"/>
  <c r="A117885" i="1" s="1"/>
  <c r="A117886" i="1" s="1"/>
  <c r="A117887" i="1" s="1"/>
  <c r="A117888" i="1" s="1"/>
  <c r="A117889" i="1" s="1"/>
  <c r="A117890" i="1" s="1"/>
  <c r="A117891" i="1" s="1"/>
  <c r="A117892" i="1" s="1"/>
  <c r="A117893" i="1" s="1"/>
  <c r="A117894" i="1" s="1"/>
  <c r="A117895" i="1" s="1"/>
  <c r="A117896" i="1" s="1"/>
  <c r="A117897" i="1" s="1"/>
  <c r="A117898" i="1" s="1"/>
  <c r="A117899" i="1" s="1"/>
  <c r="A117900" i="1" s="1"/>
  <c r="A117901" i="1" s="1"/>
  <c r="A117902" i="1" s="1"/>
  <c r="A117903" i="1" s="1"/>
  <c r="A117904" i="1" s="1"/>
  <c r="A117905" i="1" s="1"/>
  <c r="A117906" i="1" s="1"/>
  <c r="A117907" i="1" s="1"/>
  <c r="A117908" i="1" s="1"/>
  <c r="A117909" i="1" s="1"/>
  <c r="A117910" i="1" s="1"/>
  <c r="A117911" i="1" s="1"/>
  <c r="A117912" i="1" s="1"/>
  <c r="A117913" i="1" s="1"/>
  <c r="A117914" i="1" s="1"/>
  <c r="A117915" i="1" s="1"/>
  <c r="A117916" i="1" s="1"/>
  <c r="A117917" i="1" s="1"/>
  <c r="A117918" i="1" s="1"/>
  <c r="A117919" i="1" s="1"/>
  <c r="A117920" i="1" s="1"/>
  <c r="A117921" i="1" s="1"/>
  <c r="A117922" i="1" s="1"/>
  <c r="A117923" i="1" s="1"/>
  <c r="A117924" i="1" s="1"/>
  <c r="A117925" i="1" s="1"/>
  <c r="A117926" i="1" s="1"/>
  <c r="A117927" i="1" s="1"/>
  <c r="A117928" i="1" s="1"/>
  <c r="A117929" i="1" s="1"/>
  <c r="A117930" i="1" s="1"/>
  <c r="A117931" i="1" s="1"/>
  <c r="A117932" i="1" s="1"/>
  <c r="A117933" i="1" s="1"/>
  <c r="A117934" i="1" s="1"/>
  <c r="A117935" i="1" s="1"/>
  <c r="A117936" i="1" s="1"/>
  <c r="A117937" i="1" s="1"/>
  <c r="A117938" i="1" s="1"/>
  <c r="A117939" i="1" s="1"/>
  <c r="A117940" i="1" s="1"/>
  <c r="A117941" i="1" s="1"/>
  <c r="A117942" i="1" s="1"/>
  <c r="A117943" i="1" s="1"/>
  <c r="A117944" i="1" s="1"/>
  <c r="A117945" i="1" s="1"/>
  <c r="A117946" i="1" s="1"/>
  <c r="A117947" i="1" s="1"/>
  <c r="A117948" i="1" s="1"/>
  <c r="A117949" i="1" s="1"/>
  <c r="A117950" i="1" s="1"/>
  <c r="A117951" i="1" s="1"/>
  <c r="A117952" i="1" s="1"/>
  <c r="A117953" i="1" s="1"/>
  <c r="A117954" i="1" s="1"/>
  <c r="A117955" i="1" s="1"/>
  <c r="A117956" i="1" s="1"/>
  <c r="A117957" i="1" s="1"/>
  <c r="A117958" i="1" s="1"/>
  <c r="A117959" i="1" s="1"/>
  <c r="A117960" i="1" s="1"/>
  <c r="A117961" i="1" s="1"/>
  <c r="A117962" i="1" s="1"/>
  <c r="A117963" i="1" s="1"/>
  <c r="A117964" i="1" s="1"/>
  <c r="A117965" i="1" s="1"/>
  <c r="A117966" i="1" s="1"/>
  <c r="A117967" i="1" s="1"/>
  <c r="A117968" i="1" s="1"/>
  <c r="A117969" i="1" s="1"/>
  <c r="A117970" i="1" s="1"/>
  <c r="A117971" i="1" s="1"/>
  <c r="A117972" i="1" s="1"/>
  <c r="A117973" i="1" s="1"/>
  <c r="A117974" i="1" s="1"/>
  <c r="A117975" i="1" s="1"/>
  <c r="A117976" i="1" s="1"/>
  <c r="A117977" i="1" s="1"/>
  <c r="A117978" i="1" s="1"/>
  <c r="A117979" i="1" s="1"/>
  <c r="A117980" i="1" s="1"/>
  <c r="A117981" i="1" s="1"/>
  <c r="A117982" i="1" s="1"/>
  <c r="A117983" i="1" s="1"/>
  <c r="A117984" i="1" s="1"/>
  <c r="A117985" i="1" s="1"/>
  <c r="A117986" i="1" s="1"/>
  <c r="A117987" i="1" s="1"/>
  <c r="A117988" i="1" s="1"/>
  <c r="A117989" i="1" s="1"/>
  <c r="A117990" i="1" s="1"/>
  <c r="A117991" i="1" s="1"/>
  <c r="A117992" i="1" s="1"/>
  <c r="A117993" i="1" s="1"/>
  <c r="A117994" i="1" s="1"/>
  <c r="A117995" i="1" s="1"/>
  <c r="A117996" i="1" s="1"/>
  <c r="A117997" i="1" s="1"/>
  <c r="A117998" i="1" s="1"/>
  <c r="A117999" i="1" s="1"/>
  <c r="A118000" i="1" s="1"/>
  <c r="A118001" i="1" s="1"/>
  <c r="A118002" i="1" s="1"/>
  <c r="A118003" i="1" s="1"/>
  <c r="A118004" i="1" s="1"/>
  <c r="A118005" i="1" s="1"/>
  <c r="A118006" i="1" s="1"/>
  <c r="A118007" i="1" s="1"/>
  <c r="A118008" i="1" s="1"/>
  <c r="A118009" i="1" s="1"/>
  <c r="A118010" i="1" s="1"/>
  <c r="A118011" i="1" s="1"/>
  <c r="A118012" i="1" s="1"/>
  <c r="A118013" i="1" s="1"/>
  <c r="A118014" i="1" s="1"/>
  <c r="A118015" i="1" s="1"/>
  <c r="A118016" i="1" s="1"/>
  <c r="A118017" i="1" s="1"/>
  <c r="A118018" i="1" s="1"/>
  <c r="A118019" i="1" s="1"/>
  <c r="A118020" i="1" s="1"/>
  <c r="A118021" i="1" s="1"/>
  <c r="A118022" i="1" s="1"/>
  <c r="A118023" i="1" s="1"/>
  <c r="A118024" i="1" s="1"/>
  <c r="A118025" i="1" s="1"/>
  <c r="A118026" i="1" s="1"/>
  <c r="A118027" i="1" s="1"/>
  <c r="A118028" i="1" s="1"/>
  <c r="A118029" i="1" s="1"/>
  <c r="A118030" i="1" s="1"/>
  <c r="A118031" i="1" s="1"/>
  <c r="A118032" i="1" s="1"/>
  <c r="A118033" i="1" s="1"/>
  <c r="A118034" i="1" s="1"/>
  <c r="A118035" i="1" s="1"/>
  <c r="A118036" i="1" s="1"/>
  <c r="A118037" i="1" s="1"/>
  <c r="A118038" i="1" s="1"/>
  <c r="A118039" i="1" s="1"/>
  <c r="A118040" i="1" s="1"/>
  <c r="A118041" i="1" s="1"/>
  <c r="A118042" i="1" s="1"/>
  <c r="A118043" i="1" s="1"/>
  <c r="A118044" i="1" s="1"/>
  <c r="A118045" i="1" s="1"/>
  <c r="A118046" i="1" s="1"/>
  <c r="A118047" i="1" s="1"/>
  <c r="A118048" i="1" s="1"/>
  <c r="A118049" i="1" s="1"/>
  <c r="A118050" i="1" s="1"/>
  <c r="A118051" i="1" s="1"/>
  <c r="A118052" i="1" s="1"/>
  <c r="A118053" i="1" s="1"/>
  <c r="A118054" i="1" s="1"/>
  <c r="A118055" i="1" s="1"/>
  <c r="A118056" i="1" s="1"/>
  <c r="A118057" i="1" s="1"/>
  <c r="A118058" i="1" s="1"/>
  <c r="A118059" i="1" s="1"/>
  <c r="A118060" i="1" s="1"/>
  <c r="A118061" i="1" s="1"/>
  <c r="A118062" i="1" s="1"/>
  <c r="A118063" i="1" s="1"/>
  <c r="A118064" i="1" s="1"/>
  <c r="A118065" i="1" s="1"/>
  <c r="A118066" i="1" s="1"/>
  <c r="A118067" i="1" s="1"/>
  <c r="A118068" i="1" s="1"/>
  <c r="A118069" i="1" s="1"/>
  <c r="A118070" i="1" s="1"/>
  <c r="A118071" i="1" s="1"/>
  <c r="A118072" i="1" s="1"/>
  <c r="A118073" i="1" s="1"/>
  <c r="A118074" i="1" s="1"/>
  <c r="A118075" i="1" s="1"/>
  <c r="A118076" i="1" s="1"/>
  <c r="A118077" i="1" s="1"/>
  <c r="A118078" i="1" s="1"/>
  <c r="A118079" i="1" s="1"/>
  <c r="A118080" i="1" s="1"/>
  <c r="A118081" i="1" s="1"/>
  <c r="A118082" i="1" s="1"/>
  <c r="A118083" i="1" s="1"/>
  <c r="A118084" i="1" s="1"/>
  <c r="A118085" i="1" s="1"/>
  <c r="A118086" i="1" s="1"/>
  <c r="A118087" i="1" s="1"/>
  <c r="A118088" i="1" s="1"/>
  <c r="A118089" i="1" s="1"/>
  <c r="A118090" i="1" s="1"/>
  <c r="A118091" i="1" s="1"/>
  <c r="A118092" i="1" s="1"/>
  <c r="A118093" i="1" s="1"/>
  <c r="A118094" i="1" s="1"/>
  <c r="A118095" i="1" s="1"/>
  <c r="A118096" i="1" s="1"/>
  <c r="A118097" i="1" s="1"/>
  <c r="A118098" i="1" s="1"/>
  <c r="A118099" i="1" s="1"/>
  <c r="A118100" i="1" s="1"/>
  <c r="A118101" i="1" s="1"/>
  <c r="A118102" i="1" s="1"/>
  <c r="A118103" i="1" s="1"/>
  <c r="A118104" i="1" s="1"/>
  <c r="A118105" i="1" s="1"/>
  <c r="A118106" i="1" s="1"/>
  <c r="A118107" i="1" s="1"/>
  <c r="A118108" i="1" s="1"/>
  <c r="A118109" i="1" s="1"/>
  <c r="A118110" i="1" s="1"/>
  <c r="A118111" i="1" s="1"/>
  <c r="A118112" i="1" s="1"/>
  <c r="A118113" i="1" s="1"/>
  <c r="A118114" i="1" s="1"/>
  <c r="A118115" i="1" s="1"/>
  <c r="A118116" i="1" s="1"/>
  <c r="A118117" i="1" s="1"/>
  <c r="A118118" i="1" s="1"/>
  <c r="A118119" i="1" s="1"/>
  <c r="A118120" i="1" s="1"/>
  <c r="A118121" i="1" s="1"/>
  <c r="A118122" i="1" s="1"/>
  <c r="A118123" i="1" s="1"/>
  <c r="A118124" i="1" s="1"/>
  <c r="A118125" i="1" s="1"/>
  <c r="A118126" i="1" s="1"/>
  <c r="A118127" i="1" s="1"/>
  <c r="A118128" i="1" s="1"/>
  <c r="A118129" i="1" s="1"/>
  <c r="A118130" i="1" s="1"/>
  <c r="A118131" i="1" s="1"/>
  <c r="A118132" i="1" s="1"/>
  <c r="A118133" i="1" s="1"/>
  <c r="A118134" i="1" s="1"/>
  <c r="A118135" i="1" s="1"/>
  <c r="A118136" i="1" s="1"/>
  <c r="A118137" i="1" s="1"/>
  <c r="A118138" i="1" s="1"/>
  <c r="A118139" i="1" s="1"/>
  <c r="A118140" i="1" s="1"/>
  <c r="A118141" i="1" s="1"/>
  <c r="A118142" i="1" s="1"/>
  <c r="A118143" i="1" s="1"/>
  <c r="A118144" i="1" s="1"/>
  <c r="A118145" i="1" s="1"/>
  <c r="A118146" i="1" s="1"/>
  <c r="A118147" i="1" s="1"/>
  <c r="A118148" i="1" s="1"/>
  <c r="A118149" i="1" s="1"/>
  <c r="A118150" i="1" s="1"/>
  <c r="A118151" i="1" s="1"/>
  <c r="A118152" i="1" s="1"/>
  <c r="A118153" i="1" s="1"/>
  <c r="A118154" i="1" s="1"/>
  <c r="A118155" i="1" s="1"/>
  <c r="A118156" i="1" s="1"/>
  <c r="A118157" i="1" s="1"/>
  <c r="A118158" i="1" s="1"/>
  <c r="A118159" i="1" s="1"/>
  <c r="A118160" i="1" s="1"/>
  <c r="A118161" i="1" s="1"/>
  <c r="A118162" i="1" s="1"/>
  <c r="A118163" i="1" s="1"/>
  <c r="A118164" i="1" s="1"/>
  <c r="A118165" i="1" s="1"/>
  <c r="A118166" i="1" s="1"/>
  <c r="A118167" i="1" s="1"/>
  <c r="A118168" i="1" s="1"/>
  <c r="A118169" i="1" s="1"/>
  <c r="A118170" i="1" s="1"/>
  <c r="A118171" i="1" s="1"/>
  <c r="A118172" i="1" s="1"/>
  <c r="A118173" i="1" s="1"/>
  <c r="A118174" i="1" s="1"/>
  <c r="A118175" i="1" s="1"/>
  <c r="A118176" i="1" s="1"/>
  <c r="A118177" i="1" s="1"/>
  <c r="A118178" i="1" s="1"/>
  <c r="A118179" i="1" s="1"/>
  <c r="A118180" i="1" s="1"/>
  <c r="A118181" i="1" s="1"/>
  <c r="A118182" i="1" s="1"/>
  <c r="A118183" i="1" s="1"/>
  <c r="A118184" i="1" s="1"/>
  <c r="A118185" i="1" s="1"/>
  <c r="A118186" i="1" s="1"/>
  <c r="A118187" i="1" s="1"/>
  <c r="A118188" i="1" s="1"/>
  <c r="A118189" i="1" s="1"/>
  <c r="A118190" i="1" s="1"/>
  <c r="A118191" i="1" s="1"/>
  <c r="A118192" i="1" s="1"/>
  <c r="A118193" i="1" s="1"/>
  <c r="A118194" i="1" s="1"/>
  <c r="A118195" i="1" s="1"/>
  <c r="A118196" i="1" s="1"/>
  <c r="A118197" i="1" s="1"/>
  <c r="A118198" i="1" s="1"/>
  <c r="A118199" i="1" s="1"/>
  <c r="A118200" i="1" s="1"/>
  <c r="A118201" i="1" s="1"/>
  <c r="A118202" i="1" s="1"/>
  <c r="A118203" i="1" s="1"/>
  <c r="A118204" i="1" s="1"/>
  <c r="A118205" i="1" s="1"/>
  <c r="A118206" i="1" s="1"/>
  <c r="A118207" i="1" s="1"/>
  <c r="A118208" i="1" s="1"/>
  <c r="A118209" i="1" s="1"/>
  <c r="A118210" i="1" s="1"/>
  <c r="A118211" i="1" s="1"/>
  <c r="A118212" i="1" s="1"/>
  <c r="A118213" i="1" s="1"/>
  <c r="A118214" i="1" s="1"/>
  <c r="A118215" i="1" s="1"/>
  <c r="A118216" i="1" s="1"/>
  <c r="A118217" i="1" s="1"/>
  <c r="A118218" i="1" s="1"/>
  <c r="A118219" i="1" s="1"/>
  <c r="A118220" i="1" s="1"/>
  <c r="A118221" i="1" s="1"/>
  <c r="A118222" i="1" s="1"/>
  <c r="A118223" i="1" s="1"/>
  <c r="A118224" i="1" s="1"/>
  <c r="A118225" i="1" s="1"/>
  <c r="A118226" i="1" s="1"/>
  <c r="A118227" i="1" s="1"/>
  <c r="A118228" i="1" s="1"/>
  <c r="A118229" i="1" s="1"/>
  <c r="A118230" i="1" s="1"/>
  <c r="A118231" i="1" s="1"/>
  <c r="A118232" i="1" s="1"/>
  <c r="A118233" i="1" s="1"/>
  <c r="A118234" i="1" s="1"/>
  <c r="A118235" i="1" s="1"/>
  <c r="A118236" i="1" s="1"/>
  <c r="A118237" i="1" s="1"/>
  <c r="A118238" i="1" s="1"/>
  <c r="A118239" i="1" s="1"/>
  <c r="A118240" i="1" s="1"/>
  <c r="A118241" i="1" s="1"/>
  <c r="A118242" i="1" s="1"/>
  <c r="A118243" i="1" s="1"/>
  <c r="A118244" i="1" s="1"/>
  <c r="A118245" i="1" s="1"/>
  <c r="A118246" i="1" s="1"/>
  <c r="A118247" i="1" s="1"/>
  <c r="A118248" i="1" s="1"/>
  <c r="A118249" i="1" s="1"/>
  <c r="A118250" i="1" s="1"/>
  <c r="A118251" i="1" s="1"/>
  <c r="A118252" i="1" s="1"/>
  <c r="A118253" i="1" s="1"/>
  <c r="A118254" i="1" s="1"/>
  <c r="A118255" i="1" s="1"/>
  <c r="A118256" i="1" s="1"/>
  <c r="A118257" i="1" s="1"/>
  <c r="A118258" i="1" s="1"/>
  <c r="A118259" i="1" s="1"/>
  <c r="A118260" i="1" s="1"/>
  <c r="A118261" i="1" s="1"/>
  <c r="A118262" i="1" s="1"/>
  <c r="A118263" i="1" s="1"/>
  <c r="A118264" i="1" s="1"/>
  <c r="A118265" i="1" s="1"/>
  <c r="A118266" i="1" s="1"/>
  <c r="A118267" i="1" s="1"/>
  <c r="A118268" i="1" s="1"/>
  <c r="A118269" i="1" s="1"/>
  <c r="A118270" i="1" s="1"/>
  <c r="A118271" i="1" s="1"/>
  <c r="A118272" i="1" s="1"/>
  <c r="A118273" i="1" s="1"/>
  <c r="A118274" i="1" s="1"/>
  <c r="A118275" i="1" s="1"/>
  <c r="A118276" i="1" s="1"/>
  <c r="A118277" i="1" s="1"/>
  <c r="A118278" i="1" s="1"/>
  <c r="A118279" i="1" s="1"/>
  <c r="A118280" i="1" s="1"/>
  <c r="A118281" i="1" s="1"/>
  <c r="A118282" i="1" s="1"/>
  <c r="A118283" i="1" s="1"/>
  <c r="A118284" i="1" s="1"/>
  <c r="A118285" i="1" s="1"/>
  <c r="A118286" i="1" s="1"/>
  <c r="A118287" i="1" s="1"/>
  <c r="A118288" i="1" s="1"/>
  <c r="A118289" i="1" s="1"/>
  <c r="A118290" i="1" s="1"/>
  <c r="A118291" i="1" s="1"/>
  <c r="A118292" i="1" s="1"/>
  <c r="A118293" i="1" s="1"/>
  <c r="A118294" i="1" s="1"/>
  <c r="A118295" i="1" s="1"/>
  <c r="A118296" i="1" s="1"/>
  <c r="A118297" i="1" s="1"/>
  <c r="A118298" i="1" s="1"/>
  <c r="A118299" i="1" s="1"/>
  <c r="A118300" i="1" s="1"/>
  <c r="A118301" i="1" s="1"/>
  <c r="A118302" i="1" s="1"/>
  <c r="A118303" i="1" s="1"/>
  <c r="A118304" i="1" s="1"/>
  <c r="A118305" i="1" s="1"/>
  <c r="A118306" i="1" s="1"/>
  <c r="A118307" i="1" s="1"/>
  <c r="A118308" i="1" s="1"/>
  <c r="A118309" i="1" s="1"/>
  <c r="A118310" i="1" s="1"/>
  <c r="A118311" i="1" s="1"/>
  <c r="A118312" i="1" s="1"/>
  <c r="A118313" i="1" s="1"/>
  <c r="A118314" i="1" s="1"/>
  <c r="A118315" i="1" s="1"/>
  <c r="A118316" i="1" s="1"/>
  <c r="A118317" i="1" s="1"/>
  <c r="A118318" i="1" s="1"/>
  <c r="A118319" i="1" s="1"/>
  <c r="A118320" i="1" s="1"/>
  <c r="A118321" i="1" s="1"/>
  <c r="A118322" i="1" s="1"/>
  <c r="A118323" i="1" s="1"/>
  <c r="A118324" i="1" s="1"/>
  <c r="A118325" i="1" s="1"/>
  <c r="A118326" i="1" s="1"/>
  <c r="A118327" i="1" s="1"/>
  <c r="A118328" i="1" s="1"/>
  <c r="A118329" i="1" s="1"/>
  <c r="A118330" i="1" s="1"/>
  <c r="A118331" i="1" s="1"/>
  <c r="A118332" i="1" s="1"/>
  <c r="A118333" i="1" s="1"/>
  <c r="A118334" i="1" s="1"/>
  <c r="A118335" i="1" s="1"/>
  <c r="A118336" i="1" s="1"/>
  <c r="A118337" i="1" s="1"/>
  <c r="A118338" i="1" s="1"/>
  <c r="A118339" i="1" s="1"/>
  <c r="A118340" i="1" s="1"/>
  <c r="A118341" i="1" s="1"/>
  <c r="A118342" i="1" s="1"/>
  <c r="A118343" i="1" s="1"/>
  <c r="A118344" i="1" s="1"/>
  <c r="A118345" i="1" s="1"/>
  <c r="A118346" i="1" s="1"/>
  <c r="A118347" i="1" s="1"/>
  <c r="A118348" i="1" s="1"/>
  <c r="A118349" i="1" s="1"/>
  <c r="A118350" i="1" s="1"/>
  <c r="A118351" i="1" s="1"/>
  <c r="A118352" i="1" s="1"/>
  <c r="A118353" i="1" s="1"/>
  <c r="A118354" i="1" s="1"/>
  <c r="A118355" i="1" s="1"/>
  <c r="A118356" i="1" s="1"/>
  <c r="A118357" i="1" s="1"/>
  <c r="A118358" i="1" s="1"/>
  <c r="A118359" i="1" s="1"/>
  <c r="A118360" i="1" s="1"/>
  <c r="A118361" i="1" s="1"/>
  <c r="A118362" i="1" s="1"/>
  <c r="A118363" i="1" s="1"/>
  <c r="A118364" i="1" s="1"/>
  <c r="A118365" i="1" s="1"/>
  <c r="A118366" i="1" s="1"/>
  <c r="A118367" i="1" s="1"/>
  <c r="A118368" i="1" s="1"/>
  <c r="A118369" i="1" s="1"/>
  <c r="A118370" i="1" s="1"/>
  <c r="A118371" i="1" s="1"/>
  <c r="A118372" i="1" s="1"/>
  <c r="A118373" i="1" s="1"/>
  <c r="A118374" i="1" s="1"/>
  <c r="A118375" i="1" s="1"/>
  <c r="A118376" i="1" s="1"/>
  <c r="A118377" i="1" s="1"/>
  <c r="A118378" i="1" s="1"/>
  <c r="A118379" i="1" s="1"/>
  <c r="A118380" i="1" s="1"/>
  <c r="A118381" i="1" s="1"/>
  <c r="A118382" i="1" s="1"/>
  <c r="A118383" i="1" s="1"/>
  <c r="A118384" i="1" s="1"/>
  <c r="A118385" i="1" s="1"/>
  <c r="A118386" i="1" s="1"/>
  <c r="A118387" i="1" s="1"/>
  <c r="A118388" i="1" s="1"/>
  <c r="A118389" i="1" s="1"/>
  <c r="A118390" i="1" s="1"/>
  <c r="A118391" i="1" s="1"/>
  <c r="A118392" i="1" s="1"/>
  <c r="A118393" i="1" s="1"/>
  <c r="A118394" i="1" s="1"/>
  <c r="A118395" i="1" s="1"/>
  <c r="A118396" i="1" s="1"/>
  <c r="A118397" i="1" s="1"/>
  <c r="A118398" i="1" s="1"/>
  <c r="A118399" i="1" s="1"/>
  <c r="A118400" i="1" s="1"/>
  <c r="A118401" i="1" s="1"/>
  <c r="A118402" i="1" s="1"/>
  <c r="A118403" i="1" s="1"/>
  <c r="A118404" i="1" s="1"/>
  <c r="A118405" i="1" s="1"/>
  <c r="A118406" i="1" s="1"/>
  <c r="A118407" i="1" s="1"/>
  <c r="A118408" i="1" s="1"/>
  <c r="A118409" i="1" s="1"/>
  <c r="A118410" i="1" s="1"/>
  <c r="A118411" i="1" s="1"/>
  <c r="A118412" i="1" s="1"/>
  <c r="A118413" i="1" s="1"/>
  <c r="A118414" i="1" s="1"/>
  <c r="A118415" i="1" s="1"/>
  <c r="A118416" i="1" s="1"/>
  <c r="A118417" i="1" s="1"/>
  <c r="A118418" i="1" s="1"/>
  <c r="A118419" i="1" s="1"/>
  <c r="A118420" i="1" s="1"/>
  <c r="A118421" i="1" s="1"/>
  <c r="A118422" i="1" s="1"/>
  <c r="A118423" i="1" s="1"/>
  <c r="A118424" i="1" s="1"/>
  <c r="A118425" i="1" s="1"/>
  <c r="A118426" i="1" s="1"/>
  <c r="A118427" i="1" s="1"/>
  <c r="A118428" i="1" s="1"/>
  <c r="A118429" i="1" s="1"/>
  <c r="A118430" i="1" s="1"/>
  <c r="A118431" i="1" s="1"/>
  <c r="A118432" i="1" s="1"/>
  <c r="A118433" i="1" s="1"/>
  <c r="A118434" i="1" s="1"/>
  <c r="A118435" i="1" s="1"/>
  <c r="A118436" i="1" s="1"/>
  <c r="A118437" i="1" s="1"/>
  <c r="A118438" i="1" s="1"/>
  <c r="A118439" i="1" s="1"/>
  <c r="A118440" i="1" s="1"/>
  <c r="A118441" i="1" s="1"/>
  <c r="A118442" i="1" s="1"/>
  <c r="A118443" i="1" s="1"/>
  <c r="A118444" i="1" s="1"/>
  <c r="A118445" i="1" s="1"/>
  <c r="A118446" i="1" s="1"/>
  <c r="A118447" i="1" s="1"/>
  <c r="A118448" i="1" s="1"/>
  <c r="A118449" i="1" s="1"/>
  <c r="A118450" i="1" s="1"/>
  <c r="A118451" i="1" s="1"/>
  <c r="A118452" i="1" s="1"/>
  <c r="A118453" i="1" s="1"/>
  <c r="A118454" i="1" s="1"/>
  <c r="A118455" i="1" s="1"/>
  <c r="A118456" i="1" s="1"/>
  <c r="A118457" i="1" s="1"/>
  <c r="A118458" i="1" s="1"/>
  <c r="A118459" i="1" s="1"/>
  <c r="A118460" i="1" s="1"/>
  <c r="A118461" i="1" s="1"/>
  <c r="A118462" i="1" s="1"/>
  <c r="A118463" i="1" s="1"/>
  <c r="A118464" i="1" s="1"/>
  <c r="A118465" i="1" s="1"/>
  <c r="A118466" i="1" s="1"/>
  <c r="A118467" i="1" s="1"/>
  <c r="A118468" i="1" s="1"/>
  <c r="A118469" i="1" s="1"/>
  <c r="A118470" i="1" s="1"/>
  <c r="A118471" i="1" s="1"/>
  <c r="A118472" i="1" s="1"/>
  <c r="A118473" i="1" s="1"/>
  <c r="A118474" i="1" s="1"/>
  <c r="A118475" i="1" s="1"/>
  <c r="A118476" i="1" s="1"/>
  <c r="A118477" i="1" s="1"/>
  <c r="A118478" i="1" s="1"/>
  <c r="A118479" i="1" s="1"/>
  <c r="A118480" i="1" s="1"/>
  <c r="A118481" i="1" s="1"/>
  <c r="A118482" i="1" s="1"/>
  <c r="A118483" i="1" s="1"/>
  <c r="A118484" i="1" s="1"/>
  <c r="A118485" i="1" s="1"/>
  <c r="A118486" i="1" s="1"/>
  <c r="A118487" i="1" s="1"/>
  <c r="A118488" i="1" s="1"/>
  <c r="A118489" i="1" s="1"/>
  <c r="A118490" i="1" s="1"/>
  <c r="A118491" i="1" s="1"/>
  <c r="A118492" i="1" s="1"/>
  <c r="A118493" i="1" s="1"/>
  <c r="A118494" i="1" s="1"/>
  <c r="A118495" i="1" s="1"/>
  <c r="A118496" i="1" s="1"/>
  <c r="A118497" i="1" s="1"/>
  <c r="A118498" i="1" s="1"/>
  <c r="A118499" i="1" s="1"/>
  <c r="A118500" i="1" s="1"/>
  <c r="A118501" i="1" s="1"/>
  <c r="A118502" i="1" s="1"/>
  <c r="A118503" i="1" s="1"/>
  <c r="A118504" i="1" s="1"/>
  <c r="A118505" i="1" s="1"/>
  <c r="A118506" i="1" s="1"/>
  <c r="A118507" i="1" s="1"/>
  <c r="A118508" i="1" s="1"/>
  <c r="A118509" i="1" s="1"/>
  <c r="A118510" i="1" s="1"/>
  <c r="A118511" i="1" s="1"/>
  <c r="A118512" i="1" s="1"/>
  <c r="A118513" i="1" s="1"/>
  <c r="A118514" i="1" s="1"/>
  <c r="A118515" i="1" s="1"/>
  <c r="A118516" i="1" s="1"/>
  <c r="A118517" i="1" s="1"/>
  <c r="A118518" i="1" s="1"/>
  <c r="A118519" i="1" s="1"/>
  <c r="A118520" i="1" s="1"/>
  <c r="A118521" i="1" s="1"/>
  <c r="A118522" i="1" s="1"/>
  <c r="A118523" i="1" s="1"/>
  <c r="A118524" i="1" s="1"/>
  <c r="A118525" i="1" s="1"/>
  <c r="A118526" i="1" s="1"/>
  <c r="A118527" i="1" s="1"/>
  <c r="A118528" i="1" s="1"/>
  <c r="A118529" i="1" s="1"/>
  <c r="A118530" i="1" s="1"/>
  <c r="A118531" i="1" s="1"/>
  <c r="A118532" i="1" s="1"/>
  <c r="A118533" i="1" s="1"/>
  <c r="A118534" i="1" s="1"/>
  <c r="A118535" i="1" s="1"/>
  <c r="A118536" i="1" s="1"/>
  <c r="A118537" i="1" s="1"/>
  <c r="A118538" i="1" s="1"/>
  <c r="A118539" i="1" s="1"/>
  <c r="A118540" i="1" s="1"/>
  <c r="A118541" i="1" s="1"/>
  <c r="A118542" i="1" s="1"/>
  <c r="A118543" i="1" s="1"/>
  <c r="A118544" i="1" s="1"/>
  <c r="A118545" i="1" s="1"/>
  <c r="A118546" i="1" s="1"/>
  <c r="A118547" i="1" s="1"/>
  <c r="A118548" i="1" s="1"/>
  <c r="A118549" i="1" s="1"/>
  <c r="A118550" i="1" s="1"/>
  <c r="A118551" i="1" s="1"/>
  <c r="A118552" i="1" s="1"/>
  <c r="A118553" i="1" s="1"/>
  <c r="A118554" i="1" s="1"/>
  <c r="A118555" i="1" s="1"/>
  <c r="A118556" i="1" s="1"/>
  <c r="A118557" i="1" s="1"/>
  <c r="A118558" i="1" s="1"/>
  <c r="A118559" i="1" s="1"/>
  <c r="A118560" i="1" s="1"/>
  <c r="A118561" i="1" s="1"/>
  <c r="A118562" i="1" s="1"/>
  <c r="A118563" i="1" s="1"/>
  <c r="A118564" i="1" s="1"/>
  <c r="A118565" i="1" s="1"/>
  <c r="A118566" i="1" s="1"/>
  <c r="A118567" i="1" s="1"/>
  <c r="A118568" i="1" s="1"/>
  <c r="A118569" i="1" s="1"/>
  <c r="A118570" i="1" s="1"/>
  <c r="A118571" i="1" s="1"/>
  <c r="A118572" i="1" s="1"/>
  <c r="A118573" i="1" s="1"/>
  <c r="A118574" i="1" s="1"/>
  <c r="A118575" i="1" s="1"/>
  <c r="A118576" i="1" s="1"/>
  <c r="A118577" i="1" s="1"/>
  <c r="A118578" i="1" s="1"/>
  <c r="A118579" i="1" s="1"/>
  <c r="A118580" i="1" s="1"/>
  <c r="A118581" i="1" s="1"/>
  <c r="A118582" i="1" s="1"/>
  <c r="A118583" i="1" s="1"/>
  <c r="A118584" i="1" s="1"/>
  <c r="A118585" i="1" s="1"/>
  <c r="A118586" i="1" s="1"/>
  <c r="A118587" i="1" s="1"/>
  <c r="A118588" i="1" s="1"/>
  <c r="A118589" i="1" s="1"/>
  <c r="A118590" i="1" s="1"/>
  <c r="A118591" i="1" s="1"/>
  <c r="A118592" i="1" s="1"/>
  <c r="A118593" i="1" s="1"/>
  <c r="A118594" i="1" s="1"/>
  <c r="A118595" i="1" s="1"/>
  <c r="A118596" i="1" s="1"/>
  <c r="A118597" i="1" s="1"/>
  <c r="A118598" i="1" s="1"/>
  <c r="A118599" i="1" s="1"/>
  <c r="A118600" i="1" s="1"/>
  <c r="A118601" i="1" s="1"/>
  <c r="A118602" i="1" s="1"/>
  <c r="A118603" i="1" s="1"/>
  <c r="A118604" i="1" s="1"/>
  <c r="A118605" i="1" s="1"/>
  <c r="A118606" i="1" s="1"/>
  <c r="A118607" i="1" s="1"/>
  <c r="A118608" i="1" s="1"/>
  <c r="A118609" i="1" s="1"/>
  <c r="A118610" i="1" s="1"/>
  <c r="A118611" i="1" s="1"/>
  <c r="A118612" i="1" s="1"/>
  <c r="A118613" i="1" s="1"/>
  <c r="A118614" i="1" s="1"/>
  <c r="A118615" i="1" s="1"/>
  <c r="A118616" i="1" s="1"/>
  <c r="A118617" i="1" s="1"/>
  <c r="A118618" i="1" s="1"/>
  <c r="A118619" i="1" s="1"/>
  <c r="A118620" i="1" s="1"/>
  <c r="A118621" i="1" s="1"/>
  <c r="A118622" i="1" s="1"/>
  <c r="A118623" i="1" s="1"/>
  <c r="A118624" i="1" s="1"/>
  <c r="A118625" i="1" s="1"/>
  <c r="A118626" i="1" s="1"/>
  <c r="A118627" i="1" s="1"/>
  <c r="A118628" i="1" s="1"/>
  <c r="A118629" i="1" s="1"/>
  <c r="A118630" i="1" s="1"/>
  <c r="A118631" i="1" s="1"/>
  <c r="A118632" i="1" s="1"/>
  <c r="A118633" i="1" s="1"/>
  <c r="A118634" i="1" s="1"/>
  <c r="A118635" i="1" s="1"/>
  <c r="A118636" i="1" s="1"/>
  <c r="A118637" i="1" s="1"/>
  <c r="A118638" i="1" s="1"/>
  <c r="A118639" i="1" s="1"/>
  <c r="A118640" i="1" s="1"/>
  <c r="A118641" i="1" s="1"/>
  <c r="A118642" i="1" s="1"/>
  <c r="A118643" i="1" s="1"/>
  <c r="A118644" i="1" s="1"/>
  <c r="A118645" i="1" s="1"/>
  <c r="A118646" i="1" s="1"/>
  <c r="A118647" i="1" s="1"/>
  <c r="A118648" i="1" s="1"/>
  <c r="A118649" i="1" s="1"/>
  <c r="A118650" i="1" s="1"/>
  <c r="A118651" i="1" s="1"/>
  <c r="A118652" i="1" s="1"/>
  <c r="A118653" i="1" s="1"/>
  <c r="A118654" i="1" s="1"/>
  <c r="A118655" i="1" s="1"/>
  <c r="A118656" i="1" s="1"/>
  <c r="A118657" i="1" s="1"/>
  <c r="A118658" i="1" s="1"/>
  <c r="A118659" i="1" s="1"/>
  <c r="A118660" i="1" s="1"/>
  <c r="A118661" i="1" s="1"/>
  <c r="A118662" i="1" s="1"/>
  <c r="A118663" i="1" s="1"/>
  <c r="A118664" i="1" s="1"/>
  <c r="A118665" i="1" s="1"/>
  <c r="A118666" i="1" s="1"/>
  <c r="A118667" i="1" s="1"/>
  <c r="A118668" i="1" s="1"/>
  <c r="A118669" i="1" s="1"/>
  <c r="A118670" i="1" s="1"/>
  <c r="A118671" i="1" s="1"/>
  <c r="A118672" i="1" s="1"/>
  <c r="A118673" i="1" s="1"/>
  <c r="A118674" i="1" s="1"/>
  <c r="A118675" i="1" s="1"/>
  <c r="A118676" i="1" s="1"/>
  <c r="A118677" i="1" s="1"/>
  <c r="A118678" i="1" s="1"/>
  <c r="A118679" i="1" s="1"/>
  <c r="A118680" i="1" s="1"/>
  <c r="A118681" i="1" s="1"/>
  <c r="A118682" i="1" s="1"/>
  <c r="A118683" i="1" s="1"/>
  <c r="A118684" i="1" s="1"/>
  <c r="A118685" i="1" s="1"/>
  <c r="A118686" i="1" s="1"/>
  <c r="A118687" i="1" s="1"/>
  <c r="A118688" i="1" s="1"/>
  <c r="A118689" i="1" s="1"/>
  <c r="A118690" i="1" s="1"/>
  <c r="A118691" i="1" s="1"/>
  <c r="A118692" i="1" s="1"/>
  <c r="A118693" i="1" s="1"/>
  <c r="A118694" i="1" s="1"/>
  <c r="A118695" i="1" s="1"/>
  <c r="A118696" i="1" s="1"/>
  <c r="A118697" i="1" s="1"/>
  <c r="A118698" i="1" s="1"/>
  <c r="A118699" i="1" s="1"/>
  <c r="A118700" i="1" s="1"/>
  <c r="A118701" i="1" s="1"/>
  <c r="A118702" i="1" s="1"/>
  <c r="A118703" i="1" s="1"/>
  <c r="A118704" i="1" s="1"/>
  <c r="A118705" i="1" s="1"/>
  <c r="A118706" i="1" s="1"/>
  <c r="A118707" i="1" s="1"/>
  <c r="A118708" i="1" s="1"/>
  <c r="A118709" i="1" s="1"/>
  <c r="A118710" i="1" s="1"/>
  <c r="A118711" i="1" s="1"/>
  <c r="A118712" i="1" s="1"/>
  <c r="A118713" i="1" s="1"/>
  <c r="A118714" i="1" s="1"/>
  <c r="A118715" i="1" s="1"/>
  <c r="A118716" i="1" s="1"/>
  <c r="A118717" i="1" s="1"/>
  <c r="A118718" i="1" s="1"/>
  <c r="A118719" i="1" s="1"/>
  <c r="A118720" i="1" s="1"/>
  <c r="A118721" i="1" s="1"/>
  <c r="A118722" i="1" s="1"/>
  <c r="A118723" i="1" s="1"/>
  <c r="A118724" i="1" s="1"/>
  <c r="A118725" i="1" s="1"/>
  <c r="A118726" i="1" s="1"/>
  <c r="A118727" i="1" s="1"/>
  <c r="A118728" i="1" s="1"/>
  <c r="A118729" i="1" s="1"/>
  <c r="A118730" i="1" s="1"/>
  <c r="A118731" i="1" s="1"/>
  <c r="A118732" i="1" s="1"/>
  <c r="A118733" i="1" s="1"/>
  <c r="A118734" i="1" s="1"/>
  <c r="A118735" i="1" s="1"/>
  <c r="A118736" i="1" s="1"/>
  <c r="A118737" i="1" s="1"/>
  <c r="A118738" i="1" s="1"/>
  <c r="A118739" i="1" s="1"/>
  <c r="A118740" i="1" s="1"/>
  <c r="A118741" i="1" s="1"/>
  <c r="A118742" i="1" s="1"/>
  <c r="A118743" i="1" s="1"/>
  <c r="A118744" i="1" s="1"/>
  <c r="A118745" i="1" s="1"/>
  <c r="A118746" i="1" s="1"/>
  <c r="A118747" i="1" s="1"/>
  <c r="A118748" i="1" s="1"/>
  <c r="A118749" i="1" s="1"/>
  <c r="A118750" i="1" s="1"/>
  <c r="A118751" i="1" s="1"/>
  <c r="A118752" i="1" s="1"/>
  <c r="A118753" i="1" s="1"/>
  <c r="A118754" i="1" s="1"/>
  <c r="A118755" i="1" s="1"/>
  <c r="A118756" i="1" s="1"/>
  <c r="A118757" i="1" s="1"/>
  <c r="A118758" i="1" s="1"/>
  <c r="A118759" i="1" s="1"/>
  <c r="A118760" i="1" s="1"/>
  <c r="A118761" i="1" s="1"/>
  <c r="A118762" i="1" s="1"/>
  <c r="A118763" i="1" s="1"/>
  <c r="A118764" i="1" s="1"/>
  <c r="A118765" i="1" s="1"/>
  <c r="A118766" i="1" s="1"/>
  <c r="A118767" i="1" s="1"/>
  <c r="A118768" i="1" s="1"/>
  <c r="A118769" i="1" s="1"/>
  <c r="A118770" i="1" s="1"/>
  <c r="A118771" i="1" s="1"/>
  <c r="A118772" i="1" s="1"/>
  <c r="A118773" i="1" s="1"/>
  <c r="A118774" i="1" s="1"/>
  <c r="A118775" i="1" s="1"/>
  <c r="A118776" i="1" s="1"/>
  <c r="A118777" i="1" s="1"/>
  <c r="A118778" i="1" s="1"/>
  <c r="A118779" i="1" s="1"/>
  <c r="A118780" i="1" s="1"/>
  <c r="A118781" i="1" s="1"/>
  <c r="A118782" i="1" s="1"/>
  <c r="A118783" i="1" s="1"/>
  <c r="A118784" i="1" s="1"/>
  <c r="A118785" i="1" s="1"/>
  <c r="A118786" i="1" s="1"/>
  <c r="A118787" i="1" s="1"/>
  <c r="A118788" i="1" s="1"/>
  <c r="A118789" i="1" s="1"/>
  <c r="A118790" i="1" s="1"/>
  <c r="A118791" i="1" s="1"/>
  <c r="A118792" i="1" s="1"/>
  <c r="A118793" i="1" s="1"/>
  <c r="A118794" i="1" s="1"/>
  <c r="A118795" i="1" s="1"/>
  <c r="A118796" i="1" s="1"/>
  <c r="A118797" i="1" s="1"/>
  <c r="A118798" i="1" s="1"/>
  <c r="A118799" i="1" s="1"/>
  <c r="A118800" i="1" s="1"/>
  <c r="A118801" i="1" s="1"/>
  <c r="A118802" i="1" s="1"/>
  <c r="A118803" i="1" s="1"/>
  <c r="A118804" i="1" s="1"/>
  <c r="A118805" i="1" s="1"/>
  <c r="A118806" i="1" s="1"/>
  <c r="A118807" i="1" s="1"/>
  <c r="A118808" i="1" s="1"/>
  <c r="A118809" i="1" s="1"/>
  <c r="A118810" i="1" s="1"/>
  <c r="A118811" i="1" s="1"/>
  <c r="A118812" i="1" s="1"/>
  <c r="A118813" i="1" s="1"/>
  <c r="A118814" i="1" s="1"/>
  <c r="A118815" i="1" s="1"/>
  <c r="A118816" i="1" s="1"/>
  <c r="A118817" i="1" s="1"/>
  <c r="A118818" i="1" s="1"/>
  <c r="A118819" i="1" s="1"/>
  <c r="A118820" i="1" s="1"/>
  <c r="A118821" i="1" s="1"/>
  <c r="A118822" i="1" s="1"/>
  <c r="A118823" i="1" s="1"/>
  <c r="A118824" i="1" s="1"/>
  <c r="A118825" i="1" s="1"/>
  <c r="A118826" i="1" s="1"/>
  <c r="A118827" i="1" s="1"/>
  <c r="A118828" i="1" s="1"/>
  <c r="A118829" i="1" s="1"/>
  <c r="A118830" i="1" s="1"/>
  <c r="A118831" i="1" s="1"/>
  <c r="A118832" i="1" s="1"/>
  <c r="A118833" i="1" s="1"/>
  <c r="A118834" i="1" s="1"/>
  <c r="A118835" i="1" s="1"/>
  <c r="A118836" i="1" s="1"/>
  <c r="A118837" i="1" s="1"/>
  <c r="A118838" i="1" s="1"/>
  <c r="A118839" i="1" s="1"/>
  <c r="A118840" i="1" s="1"/>
  <c r="A118841" i="1" s="1"/>
  <c r="A118842" i="1" s="1"/>
  <c r="A118843" i="1" s="1"/>
  <c r="A118844" i="1" s="1"/>
  <c r="A118845" i="1" s="1"/>
  <c r="A118846" i="1" s="1"/>
  <c r="A118847" i="1" s="1"/>
  <c r="A118848" i="1" s="1"/>
  <c r="A118849" i="1" s="1"/>
  <c r="A118850" i="1" s="1"/>
  <c r="A118851" i="1" s="1"/>
  <c r="A118852" i="1" s="1"/>
  <c r="A118853" i="1" s="1"/>
  <c r="A118854" i="1" s="1"/>
  <c r="A118855" i="1" s="1"/>
  <c r="A118856" i="1" s="1"/>
  <c r="A118857" i="1" s="1"/>
  <c r="A118858" i="1" s="1"/>
  <c r="A118859" i="1" s="1"/>
  <c r="A118860" i="1" s="1"/>
  <c r="A118861" i="1" s="1"/>
  <c r="A118862" i="1" s="1"/>
  <c r="A118863" i="1" s="1"/>
  <c r="A118864" i="1" s="1"/>
  <c r="A118865" i="1" s="1"/>
  <c r="A118866" i="1" s="1"/>
  <c r="A118867" i="1" s="1"/>
  <c r="A118868" i="1" s="1"/>
  <c r="A118869" i="1" s="1"/>
  <c r="A118870" i="1" s="1"/>
  <c r="A118871" i="1" s="1"/>
  <c r="A118872" i="1" s="1"/>
  <c r="A118873" i="1" s="1"/>
  <c r="A118874" i="1" s="1"/>
  <c r="A118875" i="1" s="1"/>
  <c r="A118876" i="1" s="1"/>
  <c r="A118877" i="1" s="1"/>
  <c r="A118878" i="1" s="1"/>
  <c r="A118879" i="1" s="1"/>
  <c r="A118880" i="1" s="1"/>
  <c r="A118881" i="1" s="1"/>
  <c r="A118882" i="1" s="1"/>
  <c r="A118883" i="1" s="1"/>
  <c r="A118884" i="1" s="1"/>
  <c r="A118885" i="1" s="1"/>
  <c r="A118886" i="1" s="1"/>
  <c r="A118887" i="1" s="1"/>
  <c r="A118888" i="1" s="1"/>
  <c r="A118889" i="1" s="1"/>
  <c r="A118890" i="1" s="1"/>
  <c r="A118891" i="1" s="1"/>
  <c r="A118892" i="1" s="1"/>
  <c r="A118893" i="1" s="1"/>
  <c r="A118894" i="1" s="1"/>
  <c r="A118895" i="1" s="1"/>
  <c r="A118896" i="1" s="1"/>
  <c r="A118897" i="1" s="1"/>
  <c r="A118898" i="1" s="1"/>
  <c r="A118899" i="1" s="1"/>
  <c r="A118900" i="1" s="1"/>
  <c r="A118901" i="1" s="1"/>
  <c r="A118902" i="1" s="1"/>
  <c r="A118903" i="1" s="1"/>
  <c r="A118904" i="1" s="1"/>
  <c r="A118905" i="1" s="1"/>
  <c r="A118906" i="1" s="1"/>
  <c r="A118907" i="1" s="1"/>
  <c r="A118908" i="1" s="1"/>
  <c r="A118909" i="1" s="1"/>
  <c r="A118910" i="1" s="1"/>
  <c r="A118911" i="1" s="1"/>
  <c r="A118912" i="1" s="1"/>
  <c r="A118913" i="1" s="1"/>
  <c r="A118914" i="1" s="1"/>
  <c r="A118915" i="1" s="1"/>
  <c r="A118916" i="1" s="1"/>
  <c r="A118917" i="1" s="1"/>
  <c r="A118918" i="1" s="1"/>
  <c r="A118919" i="1" s="1"/>
  <c r="A118920" i="1" s="1"/>
  <c r="A118921" i="1" s="1"/>
  <c r="A118922" i="1" s="1"/>
  <c r="A118923" i="1" s="1"/>
  <c r="A118924" i="1" s="1"/>
  <c r="A118925" i="1" s="1"/>
  <c r="A118926" i="1" s="1"/>
  <c r="A118927" i="1" s="1"/>
  <c r="A118928" i="1" s="1"/>
  <c r="A118929" i="1" s="1"/>
  <c r="A118930" i="1" s="1"/>
  <c r="A118931" i="1" s="1"/>
  <c r="A118932" i="1" s="1"/>
  <c r="A118933" i="1" s="1"/>
  <c r="A118934" i="1" s="1"/>
  <c r="A118935" i="1" s="1"/>
  <c r="A118936" i="1" s="1"/>
  <c r="A118937" i="1" s="1"/>
  <c r="A118938" i="1" s="1"/>
  <c r="A118939" i="1" s="1"/>
  <c r="A118940" i="1" s="1"/>
  <c r="A118941" i="1" s="1"/>
  <c r="A118942" i="1" s="1"/>
  <c r="A118943" i="1" s="1"/>
  <c r="A118944" i="1" s="1"/>
  <c r="A118945" i="1" s="1"/>
  <c r="A118946" i="1" s="1"/>
  <c r="A118947" i="1" s="1"/>
  <c r="A118948" i="1" s="1"/>
  <c r="A118949" i="1" s="1"/>
  <c r="A118950" i="1" s="1"/>
  <c r="A118951" i="1" s="1"/>
  <c r="A118952" i="1" s="1"/>
  <c r="A118953" i="1" s="1"/>
  <c r="A118954" i="1" s="1"/>
  <c r="A118955" i="1" s="1"/>
  <c r="A118956" i="1" s="1"/>
  <c r="A118957" i="1" s="1"/>
  <c r="A118958" i="1" s="1"/>
  <c r="A118959" i="1" s="1"/>
  <c r="A118960" i="1" s="1"/>
  <c r="A118961" i="1" s="1"/>
  <c r="A118962" i="1" s="1"/>
  <c r="A118963" i="1" s="1"/>
  <c r="A118964" i="1" s="1"/>
  <c r="A118965" i="1" s="1"/>
  <c r="A118966" i="1" s="1"/>
  <c r="A118967" i="1" s="1"/>
  <c r="A118968" i="1" s="1"/>
  <c r="A118969" i="1" s="1"/>
  <c r="A118970" i="1" s="1"/>
  <c r="A118971" i="1" s="1"/>
  <c r="A118972" i="1" s="1"/>
  <c r="A118973" i="1" s="1"/>
  <c r="A118974" i="1" s="1"/>
  <c r="A118975" i="1" s="1"/>
  <c r="A118976" i="1" s="1"/>
  <c r="A118977" i="1" s="1"/>
  <c r="A118978" i="1" s="1"/>
  <c r="A118979" i="1" s="1"/>
  <c r="A118980" i="1" s="1"/>
  <c r="A118981" i="1" s="1"/>
  <c r="A118982" i="1" s="1"/>
  <c r="A118983" i="1" s="1"/>
  <c r="A118984" i="1" s="1"/>
  <c r="A118985" i="1" s="1"/>
  <c r="A118986" i="1" s="1"/>
  <c r="A118987" i="1" s="1"/>
  <c r="A118988" i="1" s="1"/>
  <c r="A118989" i="1" s="1"/>
  <c r="A118990" i="1" s="1"/>
  <c r="A118991" i="1" s="1"/>
  <c r="A118992" i="1" s="1"/>
  <c r="A118993" i="1" s="1"/>
  <c r="A118994" i="1" s="1"/>
  <c r="A118995" i="1" s="1"/>
  <c r="A118996" i="1" s="1"/>
  <c r="A118997" i="1" s="1"/>
  <c r="A118998" i="1" s="1"/>
  <c r="A118999" i="1" s="1"/>
  <c r="A119000" i="1" s="1"/>
  <c r="A119001" i="1" s="1"/>
  <c r="A119002" i="1" s="1"/>
  <c r="A119003" i="1" s="1"/>
  <c r="A119004" i="1" s="1"/>
  <c r="A119005" i="1" s="1"/>
  <c r="A119006" i="1" s="1"/>
  <c r="A119007" i="1" s="1"/>
  <c r="A119008" i="1" s="1"/>
  <c r="A119009" i="1" s="1"/>
  <c r="A119010" i="1" s="1"/>
  <c r="A119011" i="1" s="1"/>
  <c r="A119012" i="1" s="1"/>
  <c r="A119013" i="1" s="1"/>
  <c r="A119014" i="1" s="1"/>
  <c r="A119015" i="1" s="1"/>
  <c r="A119016" i="1" s="1"/>
  <c r="A119017" i="1" s="1"/>
  <c r="A119018" i="1" s="1"/>
  <c r="A119019" i="1" s="1"/>
  <c r="A119020" i="1" s="1"/>
  <c r="A119021" i="1" s="1"/>
  <c r="A119022" i="1" s="1"/>
  <c r="A119023" i="1" s="1"/>
  <c r="A119024" i="1" s="1"/>
  <c r="A119025" i="1" s="1"/>
  <c r="A119026" i="1" s="1"/>
  <c r="A119027" i="1" s="1"/>
  <c r="A119028" i="1" s="1"/>
  <c r="A119029" i="1" s="1"/>
  <c r="A119030" i="1" s="1"/>
  <c r="A119031" i="1" s="1"/>
  <c r="A119032" i="1" s="1"/>
  <c r="A119033" i="1" s="1"/>
  <c r="A119034" i="1" s="1"/>
  <c r="A119035" i="1" s="1"/>
  <c r="A119036" i="1" s="1"/>
  <c r="A119037" i="1" s="1"/>
  <c r="A119038" i="1" s="1"/>
  <c r="A119039" i="1" s="1"/>
  <c r="A119040" i="1" s="1"/>
  <c r="A119041" i="1" s="1"/>
  <c r="A119042" i="1" s="1"/>
  <c r="A119043" i="1" s="1"/>
  <c r="A119044" i="1" s="1"/>
  <c r="A119045" i="1" s="1"/>
  <c r="A119046" i="1" s="1"/>
  <c r="A119047" i="1" s="1"/>
  <c r="A119048" i="1" s="1"/>
  <c r="A119049" i="1" s="1"/>
  <c r="A119050" i="1" s="1"/>
  <c r="A119051" i="1" s="1"/>
  <c r="A119052" i="1" s="1"/>
  <c r="A119053" i="1" s="1"/>
  <c r="A119054" i="1" s="1"/>
  <c r="A119055" i="1" s="1"/>
  <c r="A119056" i="1" s="1"/>
  <c r="A119057" i="1" s="1"/>
  <c r="A119058" i="1" s="1"/>
  <c r="A119059" i="1" s="1"/>
  <c r="A119060" i="1" s="1"/>
  <c r="A119061" i="1" s="1"/>
  <c r="A119062" i="1" s="1"/>
  <c r="A119063" i="1" s="1"/>
  <c r="A119064" i="1" s="1"/>
  <c r="A119065" i="1" s="1"/>
  <c r="A119066" i="1" s="1"/>
  <c r="A119067" i="1" s="1"/>
  <c r="A119068" i="1" s="1"/>
  <c r="A119069" i="1" s="1"/>
  <c r="A119070" i="1" s="1"/>
  <c r="A119071" i="1" s="1"/>
  <c r="A119072" i="1" s="1"/>
  <c r="A119073" i="1" s="1"/>
  <c r="A119074" i="1" s="1"/>
  <c r="A119075" i="1" s="1"/>
  <c r="A119076" i="1" s="1"/>
  <c r="A119077" i="1" s="1"/>
  <c r="A119078" i="1" s="1"/>
  <c r="A119079" i="1" s="1"/>
  <c r="A119080" i="1" s="1"/>
  <c r="A119081" i="1" s="1"/>
  <c r="A119082" i="1" s="1"/>
  <c r="A119083" i="1" s="1"/>
  <c r="A119084" i="1" s="1"/>
  <c r="A119085" i="1" s="1"/>
  <c r="A119086" i="1" s="1"/>
  <c r="A119087" i="1" s="1"/>
  <c r="A119088" i="1" s="1"/>
  <c r="A119089" i="1" s="1"/>
  <c r="A119090" i="1" s="1"/>
  <c r="A119091" i="1" s="1"/>
  <c r="A119092" i="1" s="1"/>
  <c r="A119093" i="1" s="1"/>
  <c r="A119094" i="1" s="1"/>
  <c r="A119095" i="1" s="1"/>
  <c r="A119096" i="1" s="1"/>
  <c r="A119097" i="1" s="1"/>
  <c r="A119098" i="1" s="1"/>
  <c r="A119099" i="1" s="1"/>
  <c r="A119100" i="1" s="1"/>
  <c r="A119101" i="1" s="1"/>
  <c r="A119102" i="1" s="1"/>
  <c r="A119103" i="1" s="1"/>
  <c r="A119104" i="1" s="1"/>
  <c r="A119105" i="1" s="1"/>
  <c r="A119106" i="1" s="1"/>
  <c r="A119107" i="1" s="1"/>
  <c r="A119108" i="1" s="1"/>
  <c r="A119109" i="1" s="1"/>
  <c r="A119110" i="1" s="1"/>
  <c r="A119111" i="1" s="1"/>
  <c r="A119112" i="1" s="1"/>
  <c r="A119113" i="1" s="1"/>
  <c r="A119114" i="1" s="1"/>
  <c r="A119115" i="1" s="1"/>
  <c r="A119116" i="1" s="1"/>
  <c r="A119117" i="1" s="1"/>
  <c r="A119118" i="1" s="1"/>
  <c r="A119119" i="1" s="1"/>
  <c r="A119120" i="1" s="1"/>
  <c r="A119121" i="1" s="1"/>
  <c r="A119122" i="1" s="1"/>
  <c r="A119123" i="1" s="1"/>
  <c r="A119124" i="1" s="1"/>
  <c r="A119125" i="1" s="1"/>
  <c r="A119126" i="1" s="1"/>
  <c r="A119127" i="1" s="1"/>
  <c r="A119128" i="1" s="1"/>
  <c r="A119129" i="1" s="1"/>
  <c r="A119130" i="1" s="1"/>
  <c r="A119131" i="1" s="1"/>
  <c r="A119132" i="1" s="1"/>
  <c r="A119133" i="1" s="1"/>
  <c r="A119134" i="1" s="1"/>
  <c r="A119135" i="1" s="1"/>
  <c r="A119136" i="1" s="1"/>
  <c r="A119137" i="1" s="1"/>
  <c r="A119138" i="1" s="1"/>
  <c r="A119139" i="1" s="1"/>
  <c r="A119140" i="1" s="1"/>
  <c r="A119141" i="1" s="1"/>
  <c r="A119142" i="1" s="1"/>
  <c r="A119143" i="1" s="1"/>
  <c r="A119144" i="1" s="1"/>
  <c r="A119145" i="1" s="1"/>
  <c r="A119146" i="1" s="1"/>
  <c r="A119147" i="1" s="1"/>
  <c r="A119148" i="1" s="1"/>
  <c r="A119149" i="1" s="1"/>
  <c r="A119150" i="1" s="1"/>
  <c r="A119151" i="1" s="1"/>
  <c r="A119152" i="1" s="1"/>
  <c r="A119153" i="1" s="1"/>
  <c r="A119154" i="1" s="1"/>
  <c r="A119155" i="1" s="1"/>
  <c r="A119156" i="1" s="1"/>
  <c r="A119157" i="1" s="1"/>
  <c r="A119158" i="1" s="1"/>
  <c r="A119159" i="1" s="1"/>
  <c r="A119160" i="1" s="1"/>
  <c r="A119161" i="1" s="1"/>
  <c r="A119162" i="1" s="1"/>
  <c r="A119163" i="1" s="1"/>
  <c r="A119164" i="1" s="1"/>
  <c r="A119165" i="1" s="1"/>
  <c r="A119166" i="1" s="1"/>
  <c r="A119167" i="1" s="1"/>
  <c r="A119168" i="1" s="1"/>
  <c r="A119169" i="1" s="1"/>
  <c r="A119170" i="1" s="1"/>
  <c r="A119171" i="1" s="1"/>
  <c r="A119172" i="1" s="1"/>
  <c r="A119173" i="1" s="1"/>
  <c r="A119174" i="1" s="1"/>
  <c r="A119175" i="1" s="1"/>
  <c r="A119176" i="1" s="1"/>
  <c r="A119177" i="1" s="1"/>
  <c r="A119178" i="1" s="1"/>
  <c r="A119179" i="1" s="1"/>
  <c r="A119180" i="1" s="1"/>
  <c r="A119181" i="1" s="1"/>
  <c r="A119182" i="1" s="1"/>
  <c r="A119183" i="1" s="1"/>
  <c r="A119184" i="1" s="1"/>
  <c r="A119185" i="1" s="1"/>
  <c r="A119186" i="1" s="1"/>
  <c r="A119187" i="1" s="1"/>
  <c r="A119188" i="1" s="1"/>
  <c r="A119189" i="1" s="1"/>
  <c r="A119190" i="1" s="1"/>
  <c r="A119191" i="1" s="1"/>
  <c r="A119192" i="1" s="1"/>
  <c r="A119193" i="1" s="1"/>
  <c r="A119194" i="1" s="1"/>
  <c r="A119195" i="1" s="1"/>
  <c r="A119196" i="1" s="1"/>
  <c r="A119197" i="1" s="1"/>
  <c r="A119198" i="1" s="1"/>
  <c r="A119199" i="1" s="1"/>
  <c r="A119200" i="1" s="1"/>
  <c r="A119201" i="1" s="1"/>
  <c r="A119202" i="1" s="1"/>
  <c r="A119203" i="1" s="1"/>
  <c r="A119204" i="1" s="1"/>
  <c r="A119205" i="1" s="1"/>
  <c r="A119206" i="1" s="1"/>
  <c r="A119207" i="1" s="1"/>
  <c r="A119208" i="1" s="1"/>
  <c r="A119209" i="1" s="1"/>
  <c r="A119210" i="1" s="1"/>
  <c r="A119211" i="1" s="1"/>
  <c r="A119212" i="1" s="1"/>
  <c r="A119213" i="1" s="1"/>
  <c r="A119214" i="1" s="1"/>
  <c r="A119215" i="1" s="1"/>
  <c r="A119216" i="1" s="1"/>
  <c r="A119217" i="1" s="1"/>
  <c r="A119218" i="1" s="1"/>
  <c r="A119219" i="1" s="1"/>
  <c r="A119220" i="1" s="1"/>
  <c r="A119221" i="1" s="1"/>
  <c r="A119222" i="1" s="1"/>
  <c r="A119223" i="1" s="1"/>
  <c r="A119224" i="1" s="1"/>
  <c r="A119225" i="1" s="1"/>
  <c r="A119226" i="1" s="1"/>
  <c r="A119227" i="1" s="1"/>
  <c r="A119228" i="1" s="1"/>
  <c r="A119229" i="1" s="1"/>
  <c r="A119230" i="1" s="1"/>
  <c r="A119231" i="1" s="1"/>
  <c r="A119232" i="1" s="1"/>
  <c r="A119233" i="1" s="1"/>
  <c r="A119234" i="1" s="1"/>
  <c r="A119235" i="1" s="1"/>
  <c r="A119236" i="1" s="1"/>
  <c r="A119237" i="1" s="1"/>
  <c r="A119238" i="1" s="1"/>
  <c r="A119239" i="1" s="1"/>
  <c r="A119240" i="1" s="1"/>
  <c r="A119241" i="1" s="1"/>
  <c r="A119242" i="1" s="1"/>
  <c r="A119243" i="1" s="1"/>
  <c r="A119244" i="1" s="1"/>
  <c r="A119245" i="1" s="1"/>
  <c r="A119246" i="1" s="1"/>
  <c r="A119247" i="1" s="1"/>
  <c r="A119248" i="1" s="1"/>
  <c r="A119249" i="1" s="1"/>
  <c r="A119250" i="1" s="1"/>
  <c r="A119251" i="1" s="1"/>
  <c r="A119252" i="1" s="1"/>
  <c r="A119253" i="1" s="1"/>
  <c r="A119254" i="1" s="1"/>
  <c r="A119255" i="1" s="1"/>
  <c r="A119256" i="1" s="1"/>
  <c r="A119257" i="1" s="1"/>
  <c r="A119258" i="1" s="1"/>
  <c r="A119259" i="1" s="1"/>
  <c r="A119260" i="1" s="1"/>
  <c r="A119261" i="1" s="1"/>
  <c r="A119262" i="1" s="1"/>
  <c r="A119263" i="1" s="1"/>
  <c r="A119264" i="1" s="1"/>
  <c r="A119265" i="1" s="1"/>
  <c r="A119266" i="1" s="1"/>
  <c r="A119267" i="1" s="1"/>
  <c r="A119268" i="1" s="1"/>
  <c r="A119269" i="1" s="1"/>
  <c r="A119270" i="1" s="1"/>
  <c r="A119271" i="1" s="1"/>
  <c r="A119272" i="1" s="1"/>
  <c r="A119273" i="1" s="1"/>
  <c r="A119274" i="1" s="1"/>
  <c r="A119275" i="1" s="1"/>
  <c r="A119276" i="1" s="1"/>
  <c r="A119277" i="1" s="1"/>
  <c r="A119278" i="1" s="1"/>
  <c r="A119279" i="1" s="1"/>
  <c r="A119280" i="1" s="1"/>
  <c r="A119281" i="1" s="1"/>
  <c r="A119282" i="1" s="1"/>
  <c r="A119283" i="1" s="1"/>
  <c r="A119284" i="1" s="1"/>
  <c r="A119285" i="1" s="1"/>
  <c r="A119286" i="1" s="1"/>
  <c r="A119287" i="1" s="1"/>
  <c r="A119288" i="1" s="1"/>
  <c r="A119289" i="1" s="1"/>
  <c r="A119290" i="1" s="1"/>
  <c r="A119291" i="1" s="1"/>
  <c r="A119292" i="1" s="1"/>
  <c r="A119293" i="1" s="1"/>
  <c r="A119294" i="1" s="1"/>
  <c r="A119295" i="1" s="1"/>
  <c r="A119296" i="1" s="1"/>
  <c r="A119297" i="1" s="1"/>
  <c r="A119298" i="1" s="1"/>
  <c r="A119299" i="1" s="1"/>
  <c r="A119300" i="1" s="1"/>
  <c r="A119301" i="1" s="1"/>
  <c r="A119302" i="1" s="1"/>
  <c r="A119303" i="1" s="1"/>
  <c r="A119304" i="1" s="1"/>
  <c r="A119305" i="1" s="1"/>
  <c r="A119306" i="1" s="1"/>
  <c r="A119307" i="1" s="1"/>
  <c r="A119308" i="1" s="1"/>
  <c r="A119309" i="1" s="1"/>
  <c r="A119310" i="1" s="1"/>
  <c r="A119311" i="1" s="1"/>
  <c r="A119312" i="1" s="1"/>
  <c r="A119313" i="1" s="1"/>
  <c r="A119314" i="1" s="1"/>
  <c r="A119315" i="1" s="1"/>
  <c r="A119316" i="1" s="1"/>
  <c r="A119317" i="1" s="1"/>
  <c r="A119318" i="1" s="1"/>
  <c r="A119319" i="1" s="1"/>
  <c r="A119320" i="1" s="1"/>
  <c r="A119321" i="1" s="1"/>
  <c r="A119322" i="1" s="1"/>
  <c r="A119323" i="1" s="1"/>
  <c r="A119324" i="1" s="1"/>
  <c r="A119325" i="1" s="1"/>
  <c r="A119326" i="1" s="1"/>
  <c r="A119327" i="1" s="1"/>
  <c r="A119328" i="1" s="1"/>
  <c r="A119329" i="1" s="1"/>
  <c r="A119330" i="1" s="1"/>
  <c r="A119331" i="1" s="1"/>
  <c r="A119332" i="1" s="1"/>
  <c r="A119333" i="1" s="1"/>
  <c r="A119334" i="1" s="1"/>
  <c r="A119335" i="1" s="1"/>
  <c r="A119336" i="1" s="1"/>
  <c r="A119337" i="1" s="1"/>
  <c r="A119338" i="1" s="1"/>
  <c r="A119339" i="1" s="1"/>
  <c r="A119340" i="1" s="1"/>
  <c r="A119341" i="1" s="1"/>
  <c r="A119342" i="1" s="1"/>
  <c r="A119343" i="1" s="1"/>
  <c r="A119344" i="1" s="1"/>
  <c r="A119345" i="1" s="1"/>
  <c r="A119346" i="1" s="1"/>
  <c r="A119347" i="1" s="1"/>
  <c r="A119348" i="1" s="1"/>
  <c r="A119349" i="1" s="1"/>
  <c r="A119350" i="1" s="1"/>
  <c r="A119351" i="1" s="1"/>
  <c r="A119352" i="1" s="1"/>
  <c r="A119353" i="1" s="1"/>
  <c r="A119354" i="1" s="1"/>
  <c r="A119355" i="1" s="1"/>
  <c r="A119356" i="1" s="1"/>
  <c r="A119357" i="1" s="1"/>
  <c r="A119358" i="1" s="1"/>
  <c r="A119359" i="1" s="1"/>
  <c r="A119360" i="1" s="1"/>
  <c r="A119361" i="1" s="1"/>
  <c r="A119362" i="1" s="1"/>
  <c r="A119363" i="1" s="1"/>
  <c r="A119364" i="1" s="1"/>
  <c r="A119365" i="1" s="1"/>
  <c r="A119366" i="1" s="1"/>
  <c r="A119367" i="1" s="1"/>
  <c r="A119368" i="1" s="1"/>
  <c r="A119369" i="1" s="1"/>
  <c r="A119370" i="1" s="1"/>
  <c r="A119371" i="1" s="1"/>
  <c r="A119372" i="1" s="1"/>
  <c r="A119373" i="1" s="1"/>
  <c r="A119374" i="1" s="1"/>
  <c r="A119375" i="1" s="1"/>
  <c r="A119376" i="1" s="1"/>
  <c r="A119377" i="1" s="1"/>
  <c r="A119378" i="1" s="1"/>
  <c r="A119379" i="1" s="1"/>
  <c r="A119380" i="1" s="1"/>
  <c r="A119381" i="1" s="1"/>
  <c r="A119382" i="1" s="1"/>
  <c r="A119383" i="1" s="1"/>
  <c r="A119384" i="1" s="1"/>
  <c r="A119385" i="1" s="1"/>
  <c r="A119386" i="1" s="1"/>
  <c r="A119387" i="1" s="1"/>
  <c r="A119388" i="1" s="1"/>
  <c r="A119389" i="1" s="1"/>
  <c r="A119390" i="1" s="1"/>
  <c r="A119391" i="1" s="1"/>
  <c r="A119392" i="1" s="1"/>
  <c r="A119393" i="1" s="1"/>
  <c r="A119394" i="1" s="1"/>
  <c r="A119395" i="1" s="1"/>
  <c r="A119396" i="1" s="1"/>
  <c r="A119397" i="1" s="1"/>
  <c r="A119398" i="1" s="1"/>
  <c r="A119399" i="1" s="1"/>
  <c r="A119400" i="1" s="1"/>
  <c r="A119401" i="1" s="1"/>
  <c r="A119402" i="1" s="1"/>
  <c r="A119403" i="1" s="1"/>
  <c r="A119404" i="1" s="1"/>
  <c r="A119405" i="1" s="1"/>
  <c r="A119406" i="1" s="1"/>
  <c r="A119407" i="1" s="1"/>
  <c r="A119408" i="1" s="1"/>
  <c r="A119409" i="1" s="1"/>
  <c r="A119410" i="1" s="1"/>
  <c r="A119411" i="1" s="1"/>
  <c r="A119412" i="1" s="1"/>
  <c r="A119413" i="1" s="1"/>
  <c r="A119414" i="1" s="1"/>
  <c r="A119415" i="1" s="1"/>
  <c r="A119416" i="1" s="1"/>
  <c r="A119417" i="1" s="1"/>
  <c r="A119418" i="1" s="1"/>
  <c r="A119419" i="1" s="1"/>
  <c r="A119420" i="1" s="1"/>
  <c r="A119421" i="1" s="1"/>
  <c r="A119422" i="1" s="1"/>
  <c r="A119423" i="1" s="1"/>
  <c r="A119424" i="1" s="1"/>
  <c r="A119425" i="1" s="1"/>
  <c r="A119426" i="1" s="1"/>
  <c r="A119427" i="1" s="1"/>
  <c r="A119428" i="1" s="1"/>
  <c r="A119429" i="1" s="1"/>
  <c r="A119430" i="1" s="1"/>
  <c r="A119431" i="1" s="1"/>
  <c r="A119432" i="1" s="1"/>
  <c r="A119433" i="1" s="1"/>
  <c r="A119434" i="1" s="1"/>
  <c r="A119435" i="1" s="1"/>
  <c r="A119436" i="1" s="1"/>
  <c r="A119437" i="1" s="1"/>
  <c r="A119438" i="1" s="1"/>
  <c r="A119439" i="1" s="1"/>
  <c r="A119440" i="1" s="1"/>
  <c r="A119441" i="1" s="1"/>
  <c r="A119442" i="1" s="1"/>
  <c r="A119443" i="1" s="1"/>
  <c r="A119444" i="1" s="1"/>
  <c r="A119445" i="1" s="1"/>
  <c r="A119446" i="1" s="1"/>
  <c r="A119447" i="1" s="1"/>
  <c r="A119448" i="1" s="1"/>
  <c r="A119449" i="1" s="1"/>
  <c r="A119450" i="1" s="1"/>
  <c r="A119451" i="1" s="1"/>
  <c r="A119452" i="1" s="1"/>
  <c r="A119453" i="1" s="1"/>
  <c r="A119454" i="1" s="1"/>
  <c r="A119455" i="1" s="1"/>
  <c r="A119456" i="1" s="1"/>
  <c r="A119457" i="1" s="1"/>
  <c r="A119458" i="1" s="1"/>
  <c r="A119459" i="1" s="1"/>
  <c r="A119460" i="1" s="1"/>
  <c r="A119461" i="1" s="1"/>
  <c r="A119462" i="1" s="1"/>
  <c r="A119463" i="1" s="1"/>
  <c r="A119464" i="1" s="1"/>
  <c r="A119465" i="1" s="1"/>
  <c r="A119466" i="1" s="1"/>
  <c r="A119467" i="1" s="1"/>
  <c r="A119468" i="1" s="1"/>
  <c r="A119469" i="1" s="1"/>
  <c r="A119470" i="1" s="1"/>
  <c r="A119471" i="1" s="1"/>
  <c r="A119472" i="1" s="1"/>
  <c r="A119473" i="1" s="1"/>
  <c r="A119474" i="1" s="1"/>
  <c r="A119475" i="1" s="1"/>
  <c r="A119476" i="1" s="1"/>
  <c r="A119477" i="1" s="1"/>
  <c r="A119478" i="1" s="1"/>
  <c r="A119479" i="1" s="1"/>
  <c r="A119480" i="1" s="1"/>
  <c r="A119481" i="1" s="1"/>
  <c r="A119482" i="1" s="1"/>
  <c r="A119483" i="1" s="1"/>
  <c r="A119484" i="1" s="1"/>
  <c r="A119485" i="1" s="1"/>
  <c r="A119486" i="1" s="1"/>
  <c r="A119487" i="1" s="1"/>
  <c r="A119488" i="1" s="1"/>
  <c r="A119489" i="1" s="1"/>
  <c r="A119490" i="1" s="1"/>
  <c r="A119491" i="1" s="1"/>
  <c r="A119492" i="1" s="1"/>
  <c r="A119493" i="1" s="1"/>
  <c r="A119494" i="1" s="1"/>
  <c r="A119495" i="1" s="1"/>
  <c r="A119496" i="1" s="1"/>
  <c r="A119497" i="1" s="1"/>
  <c r="A119498" i="1" s="1"/>
  <c r="A119499" i="1" s="1"/>
  <c r="A119500" i="1" s="1"/>
  <c r="A119501" i="1" s="1"/>
  <c r="A119502" i="1" s="1"/>
  <c r="A119503" i="1" s="1"/>
  <c r="A119504" i="1" s="1"/>
  <c r="A119505" i="1" s="1"/>
  <c r="A119506" i="1" s="1"/>
  <c r="A119507" i="1" s="1"/>
  <c r="A119508" i="1" s="1"/>
  <c r="A119509" i="1" s="1"/>
  <c r="A119510" i="1" s="1"/>
  <c r="A119511" i="1" s="1"/>
  <c r="A119512" i="1" s="1"/>
  <c r="A119513" i="1" s="1"/>
  <c r="A119514" i="1" s="1"/>
  <c r="A119515" i="1" s="1"/>
  <c r="A119516" i="1" s="1"/>
  <c r="A119517" i="1" s="1"/>
  <c r="A119518" i="1" s="1"/>
  <c r="A119519" i="1" s="1"/>
  <c r="A119520" i="1" s="1"/>
  <c r="A119521" i="1" s="1"/>
  <c r="A119522" i="1" s="1"/>
  <c r="A119523" i="1" s="1"/>
  <c r="A119524" i="1" s="1"/>
  <c r="A119525" i="1" s="1"/>
  <c r="A119526" i="1" s="1"/>
  <c r="A119527" i="1" s="1"/>
  <c r="A119528" i="1" s="1"/>
  <c r="A119529" i="1" s="1"/>
  <c r="A119530" i="1" s="1"/>
  <c r="A119531" i="1" s="1"/>
  <c r="A119532" i="1" s="1"/>
  <c r="A119533" i="1" s="1"/>
  <c r="A119534" i="1" s="1"/>
  <c r="A119535" i="1" s="1"/>
  <c r="A119536" i="1" s="1"/>
  <c r="A119537" i="1" s="1"/>
  <c r="A119538" i="1" s="1"/>
  <c r="A119539" i="1" s="1"/>
  <c r="A119540" i="1" s="1"/>
  <c r="A119541" i="1" s="1"/>
  <c r="A119542" i="1" s="1"/>
  <c r="A119543" i="1" s="1"/>
  <c r="A119544" i="1" s="1"/>
  <c r="A119545" i="1" s="1"/>
  <c r="A119546" i="1" s="1"/>
  <c r="A119547" i="1" s="1"/>
  <c r="A119548" i="1" s="1"/>
  <c r="A119549" i="1" s="1"/>
  <c r="A119550" i="1" s="1"/>
  <c r="A119551" i="1" s="1"/>
  <c r="A119552" i="1" s="1"/>
  <c r="A119553" i="1" s="1"/>
  <c r="A119554" i="1" s="1"/>
  <c r="A119555" i="1" s="1"/>
  <c r="A119556" i="1" s="1"/>
  <c r="A119557" i="1" s="1"/>
  <c r="A119558" i="1" s="1"/>
  <c r="A119559" i="1" s="1"/>
  <c r="A119560" i="1" s="1"/>
  <c r="A119561" i="1" s="1"/>
  <c r="A119562" i="1" s="1"/>
  <c r="A119563" i="1" s="1"/>
  <c r="A119564" i="1" s="1"/>
  <c r="A119565" i="1" s="1"/>
  <c r="A119566" i="1" s="1"/>
  <c r="A119567" i="1" s="1"/>
  <c r="A119568" i="1" s="1"/>
  <c r="A119569" i="1" s="1"/>
  <c r="A119570" i="1" s="1"/>
  <c r="A119571" i="1" s="1"/>
  <c r="A119572" i="1" s="1"/>
  <c r="A119573" i="1" s="1"/>
  <c r="A119574" i="1" s="1"/>
  <c r="A119575" i="1" s="1"/>
  <c r="A119576" i="1" s="1"/>
  <c r="A119577" i="1" s="1"/>
  <c r="A119578" i="1" s="1"/>
  <c r="A119579" i="1" s="1"/>
  <c r="A119580" i="1" s="1"/>
  <c r="A119581" i="1" s="1"/>
  <c r="A119582" i="1" s="1"/>
  <c r="A119583" i="1" s="1"/>
  <c r="A119584" i="1" s="1"/>
  <c r="A119585" i="1" s="1"/>
  <c r="A119586" i="1" s="1"/>
  <c r="A119587" i="1" s="1"/>
  <c r="A119588" i="1" s="1"/>
  <c r="A119589" i="1" s="1"/>
  <c r="A119590" i="1" s="1"/>
  <c r="A119591" i="1" s="1"/>
  <c r="A119592" i="1" s="1"/>
  <c r="A119593" i="1" s="1"/>
  <c r="A119594" i="1" s="1"/>
  <c r="A119595" i="1" s="1"/>
  <c r="A119596" i="1" s="1"/>
  <c r="A119597" i="1" s="1"/>
  <c r="A119598" i="1" s="1"/>
  <c r="A119599" i="1" s="1"/>
  <c r="A119600" i="1" s="1"/>
  <c r="A119601" i="1" s="1"/>
  <c r="A119602" i="1" s="1"/>
  <c r="A119603" i="1" s="1"/>
  <c r="A119604" i="1" s="1"/>
  <c r="A119605" i="1" s="1"/>
  <c r="A119606" i="1" s="1"/>
  <c r="A119607" i="1" s="1"/>
  <c r="A119608" i="1" s="1"/>
  <c r="A119609" i="1" s="1"/>
  <c r="A119610" i="1" s="1"/>
  <c r="A119611" i="1" s="1"/>
  <c r="A119612" i="1" s="1"/>
  <c r="A119613" i="1" s="1"/>
  <c r="A119614" i="1" s="1"/>
  <c r="A119615" i="1" s="1"/>
  <c r="A119616" i="1" s="1"/>
  <c r="A119617" i="1" s="1"/>
  <c r="A119618" i="1" s="1"/>
  <c r="A119619" i="1" s="1"/>
  <c r="A119620" i="1" s="1"/>
  <c r="A119621" i="1" s="1"/>
  <c r="A119622" i="1" s="1"/>
  <c r="A119623" i="1" s="1"/>
  <c r="A119624" i="1" s="1"/>
  <c r="A119625" i="1" s="1"/>
  <c r="A119626" i="1" s="1"/>
  <c r="A119627" i="1" s="1"/>
  <c r="A119628" i="1" s="1"/>
  <c r="A119629" i="1" s="1"/>
  <c r="A119630" i="1" s="1"/>
  <c r="A119631" i="1" s="1"/>
  <c r="A119632" i="1" s="1"/>
  <c r="A119633" i="1" s="1"/>
  <c r="A119634" i="1" s="1"/>
  <c r="A119635" i="1" s="1"/>
  <c r="A119636" i="1" s="1"/>
  <c r="A119637" i="1" s="1"/>
  <c r="A119638" i="1" s="1"/>
  <c r="A119639" i="1" s="1"/>
  <c r="A119640" i="1" s="1"/>
  <c r="A119641" i="1" s="1"/>
  <c r="A119642" i="1" s="1"/>
  <c r="A119643" i="1" s="1"/>
  <c r="A119644" i="1" s="1"/>
  <c r="A119645" i="1" s="1"/>
  <c r="A119646" i="1" s="1"/>
  <c r="A119647" i="1" s="1"/>
  <c r="A119648" i="1" s="1"/>
  <c r="A119649" i="1" s="1"/>
  <c r="A119650" i="1" s="1"/>
  <c r="A119651" i="1" s="1"/>
  <c r="A119652" i="1" s="1"/>
  <c r="A119653" i="1" s="1"/>
  <c r="A119654" i="1" s="1"/>
  <c r="A119655" i="1" s="1"/>
  <c r="A119656" i="1" s="1"/>
  <c r="A119657" i="1" s="1"/>
  <c r="A119658" i="1" s="1"/>
  <c r="A119659" i="1" s="1"/>
  <c r="A119660" i="1" s="1"/>
  <c r="A119661" i="1" s="1"/>
  <c r="A119662" i="1" s="1"/>
  <c r="A119663" i="1" s="1"/>
  <c r="A119664" i="1" s="1"/>
  <c r="A119665" i="1" s="1"/>
  <c r="A119666" i="1" s="1"/>
  <c r="A119667" i="1" s="1"/>
  <c r="A119668" i="1" s="1"/>
  <c r="A119669" i="1" s="1"/>
  <c r="A119670" i="1" s="1"/>
  <c r="A119671" i="1" s="1"/>
  <c r="A119672" i="1" s="1"/>
  <c r="A119673" i="1" s="1"/>
  <c r="A119674" i="1" s="1"/>
  <c r="A119675" i="1" s="1"/>
  <c r="A119676" i="1" s="1"/>
  <c r="A119677" i="1" s="1"/>
  <c r="A119678" i="1" s="1"/>
  <c r="A119679" i="1" s="1"/>
  <c r="A119680" i="1" s="1"/>
  <c r="A119681" i="1" s="1"/>
  <c r="A119682" i="1" s="1"/>
  <c r="A119683" i="1" s="1"/>
  <c r="A119684" i="1" s="1"/>
  <c r="A119685" i="1" s="1"/>
  <c r="A119686" i="1" s="1"/>
  <c r="A119687" i="1" s="1"/>
  <c r="A119688" i="1" s="1"/>
  <c r="A119689" i="1" s="1"/>
  <c r="A119690" i="1" s="1"/>
  <c r="A119691" i="1" s="1"/>
  <c r="A119692" i="1" s="1"/>
  <c r="A119693" i="1" s="1"/>
  <c r="A119694" i="1" s="1"/>
  <c r="A119695" i="1" s="1"/>
  <c r="A119696" i="1" s="1"/>
  <c r="A119697" i="1" s="1"/>
  <c r="A119698" i="1" s="1"/>
  <c r="A119699" i="1" s="1"/>
  <c r="A119700" i="1" s="1"/>
  <c r="A119701" i="1" s="1"/>
  <c r="A119702" i="1" s="1"/>
  <c r="A119703" i="1" s="1"/>
  <c r="A119704" i="1" s="1"/>
  <c r="A119705" i="1" s="1"/>
  <c r="A119706" i="1" s="1"/>
  <c r="A119707" i="1" s="1"/>
  <c r="A119708" i="1" s="1"/>
  <c r="A119709" i="1" s="1"/>
  <c r="A119710" i="1" s="1"/>
  <c r="A119711" i="1" s="1"/>
  <c r="A119712" i="1" s="1"/>
  <c r="A119713" i="1" s="1"/>
  <c r="A119714" i="1" s="1"/>
  <c r="A119715" i="1" s="1"/>
  <c r="A119716" i="1" s="1"/>
  <c r="A119717" i="1" s="1"/>
  <c r="A119718" i="1" s="1"/>
  <c r="A119719" i="1" s="1"/>
  <c r="A119720" i="1" s="1"/>
  <c r="A119721" i="1" s="1"/>
  <c r="A119722" i="1" s="1"/>
  <c r="A119723" i="1" s="1"/>
  <c r="A119724" i="1" s="1"/>
  <c r="A119725" i="1" s="1"/>
  <c r="A119726" i="1" s="1"/>
  <c r="A119727" i="1" s="1"/>
  <c r="A119728" i="1" s="1"/>
  <c r="A119729" i="1" s="1"/>
  <c r="A119730" i="1" s="1"/>
  <c r="A119731" i="1" s="1"/>
  <c r="A119732" i="1" s="1"/>
  <c r="A119733" i="1" s="1"/>
  <c r="A119734" i="1" s="1"/>
  <c r="A119735" i="1" s="1"/>
  <c r="A119736" i="1" s="1"/>
  <c r="A119737" i="1" s="1"/>
  <c r="A119738" i="1" s="1"/>
  <c r="A119739" i="1" s="1"/>
  <c r="A119740" i="1" s="1"/>
  <c r="A119741" i="1" s="1"/>
  <c r="A119742" i="1" s="1"/>
  <c r="A119743" i="1" s="1"/>
  <c r="A119744" i="1" s="1"/>
  <c r="A119745" i="1" s="1"/>
  <c r="A119746" i="1" s="1"/>
  <c r="A119747" i="1" s="1"/>
  <c r="A119748" i="1" s="1"/>
  <c r="A119749" i="1" s="1"/>
  <c r="A119750" i="1" s="1"/>
  <c r="A119751" i="1" s="1"/>
  <c r="A119752" i="1" s="1"/>
  <c r="A119753" i="1" s="1"/>
  <c r="A119754" i="1" s="1"/>
  <c r="A119755" i="1" s="1"/>
  <c r="A119756" i="1" s="1"/>
  <c r="A119757" i="1" s="1"/>
  <c r="A119758" i="1" s="1"/>
  <c r="A119759" i="1" s="1"/>
  <c r="A119760" i="1" s="1"/>
  <c r="A119761" i="1" s="1"/>
  <c r="A119762" i="1" s="1"/>
  <c r="A119763" i="1" s="1"/>
  <c r="A119764" i="1" s="1"/>
  <c r="A119765" i="1" s="1"/>
  <c r="A119766" i="1" s="1"/>
  <c r="A119767" i="1" s="1"/>
  <c r="A119768" i="1" s="1"/>
  <c r="A119769" i="1" s="1"/>
  <c r="A119770" i="1" s="1"/>
  <c r="A119771" i="1" s="1"/>
  <c r="A119772" i="1" s="1"/>
  <c r="A119773" i="1" s="1"/>
  <c r="A119774" i="1" s="1"/>
  <c r="A119775" i="1" s="1"/>
  <c r="A119776" i="1" s="1"/>
  <c r="A119777" i="1" s="1"/>
  <c r="A119778" i="1" s="1"/>
  <c r="A119779" i="1" s="1"/>
  <c r="A119780" i="1" s="1"/>
  <c r="A119781" i="1" s="1"/>
  <c r="A119782" i="1" s="1"/>
  <c r="A119783" i="1" s="1"/>
  <c r="A119784" i="1" s="1"/>
  <c r="A119785" i="1" s="1"/>
  <c r="A119786" i="1" s="1"/>
  <c r="A119787" i="1" s="1"/>
  <c r="A119788" i="1" s="1"/>
  <c r="A119789" i="1" s="1"/>
  <c r="A119790" i="1" s="1"/>
  <c r="A119791" i="1" s="1"/>
  <c r="A119792" i="1" s="1"/>
  <c r="A119793" i="1" s="1"/>
  <c r="A119794" i="1" s="1"/>
  <c r="A119795" i="1" s="1"/>
  <c r="A119796" i="1" s="1"/>
  <c r="A119797" i="1" s="1"/>
  <c r="A119798" i="1" s="1"/>
  <c r="A119799" i="1" s="1"/>
  <c r="A119800" i="1" s="1"/>
  <c r="A119801" i="1" s="1"/>
  <c r="A119802" i="1" s="1"/>
  <c r="A119803" i="1" s="1"/>
  <c r="A119804" i="1" s="1"/>
  <c r="A119805" i="1" s="1"/>
  <c r="A119806" i="1" s="1"/>
  <c r="A119807" i="1" s="1"/>
  <c r="A119808" i="1" s="1"/>
  <c r="A119809" i="1" s="1"/>
  <c r="A119810" i="1" s="1"/>
  <c r="A119811" i="1" s="1"/>
  <c r="A119812" i="1" s="1"/>
  <c r="A119813" i="1" s="1"/>
  <c r="A119814" i="1" s="1"/>
  <c r="A119815" i="1" s="1"/>
  <c r="A119816" i="1" s="1"/>
  <c r="A119817" i="1" s="1"/>
  <c r="A119818" i="1" s="1"/>
  <c r="A119819" i="1" s="1"/>
  <c r="A119820" i="1" s="1"/>
  <c r="A119821" i="1" s="1"/>
  <c r="A119822" i="1" s="1"/>
  <c r="A119823" i="1" s="1"/>
  <c r="A119824" i="1" s="1"/>
  <c r="A119825" i="1" s="1"/>
  <c r="A119826" i="1" s="1"/>
  <c r="A119827" i="1" s="1"/>
  <c r="A119828" i="1" s="1"/>
  <c r="A119829" i="1" s="1"/>
  <c r="A119830" i="1" s="1"/>
  <c r="A119831" i="1" s="1"/>
  <c r="A119832" i="1" s="1"/>
  <c r="A119833" i="1" s="1"/>
  <c r="A119834" i="1" s="1"/>
  <c r="A119835" i="1" s="1"/>
  <c r="A119836" i="1" s="1"/>
  <c r="A119837" i="1" s="1"/>
  <c r="A119838" i="1" s="1"/>
  <c r="A119839" i="1" s="1"/>
  <c r="A119840" i="1" s="1"/>
  <c r="A119841" i="1" s="1"/>
  <c r="A119842" i="1" s="1"/>
  <c r="A119843" i="1" s="1"/>
  <c r="A119844" i="1" s="1"/>
  <c r="A119845" i="1" s="1"/>
  <c r="A119846" i="1" s="1"/>
  <c r="A119847" i="1" s="1"/>
  <c r="A119848" i="1" s="1"/>
  <c r="A119849" i="1" s="1"/>
  <c r="A119850" i="1" s="1"/>
  <c r="A119851" i="1" s="1"/>
  <c r="A119852" i="1" s="1"/>
  <c r="A119853" i="1" s="1"/>
  <c r="A119854" i="1" s="1"/>
  <c r="A119855" i="1" s="1"/>
  <c r="A119856" i="1" s="1"/>
  <c r="A119857" i="1" s="1"/>
  <c r="A119858" i="1" s="1"/>
  <c r="A119859" i="1" s="1"/>
  <c r="A119860" i="1" s="1"/>
  <c r="A119861" i="1" s="1"/>
  <c r="A119862" i="1" s="1"/>
  <c r="A119863" i="1" s="1"/>
  <c r="A119864" i="1" s="1"/>
  <c r="A119865" i="1" s="1"/>
  <c r="A119866" i="1" s="1"/>
  <c r="A119867" i="1" s="1"/>
  <c r="A119868" i="1" s="1"/>
  <c r="A119869" i="1" s="1"/>
  <c r="A119870" i="1" s="1"/>
  <c r="A119871" i="1" s="1"/>
  <c r="A119872" i="1" s="1"/>
  <c r="A119873" i="1" s="1"/>
  <c r="A119874" i="1" s="1"/>
  <c r="A119875" i="1" s="1"/>
  <c r="A119876" i="1" s="1"/>
  <c r="A119877" i="1" s="1"/>
  <c r="A119878" i="1" s="1"/>
  <c r="A119879" i="1" s="1"/>
  <c r="A119880" i="1" s="1"/>
  <c r="A119881" i="1" s="1"/>
  <c r="A119882" i="1" s="1"/>
  <c r="A119883" i="1" s="1"/>
  <c r="A119884" i="1" s="1"/>
  <c r="A119885" i="1" s="1"/>
  <c r="A119886" i="1" s="1"/>
  <c r="A119887" i="1" s="1"/>
  <c r="A119888" i="1" s="1"/>
  <c r="A119889" i="1" s="1"/>
  <c r="A119890" i="1" s="1"/>
  <c r="A119891" i="1" s="1"/>
  <c r="A119892" i="1" s="1"/>
  <c r="A119893" i="1" s="1"/>
  <c r="A119894" i="1" s="1"/>
  <c r="A119895" i="1" s="1"/>
  <c r="A119896" i="1" s="1"/>
  <c r="A119897" i="1" s="1"/>
  <c r="A119898" i="1" s="1"/>
  <c r="A119899" i="1" s="1"/>
  <c r="A119900" i="1" s="1"/>
  <c r="A119901" i="1" s="1"/>
  <c r="A119902" i="1" s="1"/>
  <c r="A119903" i="1" s="1"/>
  <c r="A119904" i="1" s="1"/>
  <c r="A119905" i="1" s="1"/>
  <c r="A119906" i="1" s="1"/>
  <c r="A119907" i="1" s="1"/>
  <c r="A119908" i="1" s="1"/>
  <c r="A119909" i="1" s="1"/>
  <c r="A119910" i="1" s="1"/>
  <c r="A119911" i="1" s="1"/>
  <c r="A119912" i="1" s="1"/>
  <c r="A119913" i="1" s="1"/>
  <c r="A119914" i="1" s="1"/>
  <c r="A119915" i="1" s="1"/>
  <c r="A119916" i="1" s="1"/>
  <c r="A119917" i="1" s="1"/>
  <c r="A119918" i="1" s="1"/>
  <c r="A119919" i="1" s="1"/>
  <c r="A119920" i="1" s="1"/>
  <c r="A119921" i="1" s="1"/>
  <c r="A119922" i="1" s="1"/>
  <c r="A119923" i="1" s="1"/>
  <c r="A119924" i="1" s="1"/>
  <c r="A119925" i="1" s="1"/>
  <c r="A119926" i="1" s="1"/>
  <c r="A119927" i="1" s="1"/>
  <c r="A119928" i="1" s="1"/>
  <c r="A119929" i="1" s="1"/>
  <c r="A119930" i="1" s="1"/>
  <c r="A119931" i="1" s="1"/>
  <c r="A119932" i="1" s="1"/>
  <c r="A119933" i="1" s="1"/>
  <c r="A119934" i="1" s="1"/>
  <c r="A119935" i="1" s="1"/>
  <c r="A119936" i="1" s="1"/>
  <c r="A119937" i="1" s="1"/>
  <c r="A119938" i="1" s="1"/>
  <c r="A119939" i="1" s="1"/>
  <c r="A119940" i="1" s="1"/>
  <c r="A119941" i="1" s="1"/>
  <c r="A119942" i="1" s="1"/>
  <c r="A119943" i="1" s="1"/>
  <c r="A119944" i="1" s="1"/>
  <c r="A119945" i="1" s="1"/>
  <c r="A119946" i="1" s="1"/>
  <c r="A119947" i="1" s="1"/>
  <c r="A119948" i="1" s="1"/>
  <c r="A119949" i="1" s="1"/>
  <c r="A119950" i="1" s="1"/>
  <c r="A119951" i="1" s="1"/>
  <c r="A119952" i="1" s="1"/>
  <c r="A119953" i="1" s="1"/>
  <c r="A119954" i="1" s="1"/>
  <c r="A119955" i="1" s="1"/>
  <c r="A119956" i="1" s="1"/>
  <c r="A119957" i="1" s="1"/>
  <c r="A119958" i="1" s="1"/>
  <c r="A119959" i="1" s="1"/>
  <c r="A119960" i="1" s="1"/>
  <c r="A119961" i="1" s="1"/>
  <c r="A119962" i="1" s="1"/>
  <c r="A119963" i="1" s="1"/>
  <c r="A119964" i="1" s="1"/>
  <c r="A119965" i="1" s="1"/>
  <c r="A119966" i="1" s="1"/>
  <c r="A119967" i="1" s="1"/>
  <c r="A119968" i="1" s="1"/>
  <c r="A119969" i="1" s="1"/>
  <c r="A119970" i="1" s="1"/>
  <c r="A119971" i="1" s="1"/>
  <c r="A119972" i="1" s="1"/>
  <c r="A119973" i="1" s="1"/>
  <c r="A119974" i="1" s="1"/>
  <c r="A119975" i="1" s="1"/>
  <c r="A119976" i="1" s="1"/>
  <c r="A119977" i="1" s="1"/>
  <c r="A119978" i="1" s="1"/>
  <c r="A119979" i="1" s="1"/>
  <c r="A119980" i="1" s="1"/>
  <c r="A119981" i="1" s="1"/>
  <c r="A119982" i="1" s="1"/>
  <c r="A119983" i="1" s="1"/>
  <c r="A119984" i="1" s="1"/>
  <c r="A119985" i="1" s="1"/>
  <c r="A119986" i="1" s="1"/>
  <c r="A119987" i="1" s="1"/>
  <c r="A119988" i="1" s="1"/>
  <c r="A119989" i="1" s="1"/>
  <c r="A119990" i="1" s="1"/>
  <c r="A119991" i="1" s="1"/>
  <c r="A119992" i="1" s="1"/>
  <c r="A119993" i="1" s="1"/>
  <c r="A119994" i="1" s="1"/>
  <c r="A119995" i="1" s="1"/>
  <c r="A119996" i="1" s="1"/>
  <c r="A119997" i="1" s="1"/>
  <c r="A119998" i="1" s="1"/>
  <c r="A119999" i="1" s="1"/>
  <c r="A120000" i="1" s="1"/>
  <c r="A120001" i="1" s="1"/>
  <c r="A120002" i="1" s="1"/>
  <c r="A120003" i="1" s="1"/>
  <c r="A120004" i="1" s="1"/>
  <c r="A120005" i="1" s="1"/>
  <c r="A120006" i="1" s="1"/>
  <c r="A120007" i="1" s="1"/>
  <c r="A120008" i="1" s="1"/>
  <c r="A120009" i="1" s="1"/>
  <c r="A120010" i="1" s="1"/>
  <c r="A120011" i="1" s="1"/>
  <c r="A120012" i="1" s="1"/>
  <c r="A120013" i="1" s="1"/>
  <c r="A120014" i="1" s="1"/>
  <c r="A120015" i="1" s="1"/>
  <c r="A120016" i="1" s="1"/>
  <c r="A120017" i="1" s="1"/>
  <c r="A120018" i="1" s="1"/>
  <c r="A120019" i="1" s="1"/>
  <c r="A120020" i="1" s="1"/>
  <c r="A120021" i="1" s="1"/>
  <c r="A120022" i="1" s="1"/>
  <c r="A120023" i="1" s="1"/>
  <c r="A120024" i="1" s="1"/>
  <c r="A120025" i="1" s="1"/>
  <c r="A120026" i="1" s="1"/>
  <c r="A120027" i="1" s="1"/>
  <c r="A120028" i="1" s="1"/>
  <c r="A120029" i="1" s="1"/>
  <c r="A120030" i="1" s="1"/>
  <c r="A120031" i="1" s="1"/>
  <c r="A120032" i="1" s="1"/>
  <c r="A120033" i="1" s="1"/>
  <c r="A120034" i="1" s="1"/>
  <c r="A120035" i="1" s="1"/>
  <c r="A120036" i="1" s="1"/>
  <c r="A120037" i="1" s="1"/>
  <c r="A120038" i="1" s="1"/>
  <c r="A120039" i="1" s="1"/>
  <c r="A120040" i="1" s="1"/>
  <c r="A120041" i="1" s="1"/>
  <c r="A120042" i="1" s="1"/>
  <c r="A120043" i="1" s="1"/>
  <c r="A120044" i="1" s="1"/>
  <c r="A120045" i="1" s="1"/>
  <c r="A120046" i="1" s="1"/>
  <c r="A120047" i="1" s="1"/>
  <c r="A120048" i="1" s="1"/>
  <c r="A120049" i="1" s="1"/>
  <c r="A120050" i="1" s="1"/>
  <c r="A120051" i="1" s="1"/>
  <c r="A120052" i="1" s="1"/>
  <c r="A120053" i="1" s="1"/>
  <c r="A120054" i="1" s="1"/>
  <c r="A120055" i="1" s="1"/>
  <c r="A120056" i="1" s="1"/>
  <c r="A120057" i="1" s="1"/>
  <c r="A120058" i="1" s="1"/>
  <c r="A120059" i="1" s="1"/>
  <c r="A120060" i="1" s="1"/>
  <c r="A120061" i="1" s="1"/>
  <c r="A120062" i="1" s="1"/>
  <c r="A120063" i="1" s="1"/>
  <c r="A120064" i="1" s="1"/>
  <c r="A120065" i="1" s="1"/>
  <c r="A120066" i="1" s="1"/>
  <c r="A120067" i="1" s="1"/>
  <c r="A120068" i="1" s="1"/>
  <c r="A120069" i="1" s="1"/>
  <c r="A120070" i="1" s="1"/>
  <c r="A120071" i="1" s="1"/>
  <c r="A120072" i="1" s="1"/>
  <c r="A120073" i="1" s="1"/>
  <c r="A120074" i="1" s="1"/>
  <c r="A120075" i="1" s="1"/>
  <c r="A120076" i="1" s="1"/>
  <c r="A120077" i="1" s="1"/>
  <c r="A120078" i="1" s="1"/>
  <c r="A120079" i="1" s="1"/>
  <c r="A120080" i="1" s="1"/>
  <c r="A120081" i="1" s="1"/>
  <c r="A120082" i="1" s="1"/>
  <c r="A120083" i="1" s="1"/>
  <c r="A120084" i="1" s="1"/>
  <c r="A120085" i="1" s="1"/>
  <c r="A120086" i="1" s="1"/>
  <c r="A120087" i="1" s="1"/>
  <c r="A120088" i="1" s="1"/>
  <c r="A120089" i="1" s="1"/>
  <c r="A120090" i="1" s="1"/>
  <c r="A120091" i="1" s="1"/>
  <c r="A120092" i="1" s="1"/>
  <c r="A120093" i="1" s="1"/>
  <c r="A120094" i="1" s="1"/>
  <c r="A120095" i="1" s="1"/>
  <c r="A120096" i="1" s="1"/>
  <c r="A120097" i="1" s="1"/>
  <c r="A120098" i="1" s="1"/>
  <c r="A120099" i="1" s="1"/>
  <c r="A120100" i="1" s="1"/>
  <c r="A120101" i="1" s="1"/>
  <c r="A120102" i="1" s="1"/>
  <c r="A120103" i="1" s="1"/>
  <c r="A120104" i="1" s="1"/>
  <c r="A120105" i="1" s="1"/>
  <c r="A120106" i="1" s="1"/>
  <c r="A120107" i="1" s="1"/>
  <c r="A120108" i="1" s="1"/>
  <c r="A120109" i="1" s="1"/>
  <c r="A120110" i="1" s="1"/>
  <c r="A120111" i="1" s="1"/>
  <c r="A120112" i="1" s="1"/>
  <c r="A120113" i="1" s="1"/>
  <c r="A120114" i="1" s="1"/>
  <c r="A120115" i="1" s="1"/>
  <c r="A120116" i="1" s="1"/>
  <c r="A120117" i="1" s="1"/>
  <c r="A120118" i="1" s="1"/>
  <c r="A120119" i="1" s="1"/>
  <c r="A120120" i="1" s="1"/>
  <c r="A120121" i="1" s="1"/>
  <c r="A120122" i="1" s="1"/>
  <c r="A120123" i="1" s="1"/>
  <c r="A120124" i="1" s="1"/>
  <c r="A120125" i="1" s="1"/>
  <c r="A120126" i="1" s="1"/>
  <c r="A120127" i="1" s="1"/>
  <c r="A120128" i="1" s="1"/>
  <c r="A120129" i="1" s="1"/>
  <c r="A120130" i="1" s="1"/>
  <c r="A120131" i="1" s="1"/>
  <c r="A120132" i="1" s="1"/>
  <c r="A120133" i="1" s="1"/>
  <c r="A120134" i="1" s="1"/>
  <c r="A120135" i="1" s="1"/>
  <c r="A120136" i="1" s="1"/>
  <c r="A120137" i="1" s="1"/>
  <c r="A120138" i="1" s="1"/>
  <c r="A120139" i="1" s="1"/>
  <c r="A120140" i="1" s="1"/>
  <c r="A120141" i="1" s="1"/>
  <c r="A120142" i="1" s="1"/>
  <c r="A120143" i="1" s="1"/>
  <c r="A120144" i="1" s="1"/>
  <c r="A120145" i="1" s="1"/>
  <c r="A120146" i="1" s="1"/>
  <c r="A120147" i="1" s="1"/>
  <c r="A120148" i="1" s="1"/>
  <c r="A120149" i="1" s="1"/>
  <c r="A120150" i="1" s="1"/>
  <c r="A120151" i="1" s="1"/>
  <c r="A120152" i="1" s="1"/>
  <c r="A120153" i="1" s="1"/>
  <c r="A120154" i="1" s="1"/>
  <c r="A120155" i="1" s="1"/>
  <c r="A120156" i="1" s="1"/>
  <c r="A120157" i="1" s="1"/>
  <c r="A120158" i="1" s="1"/>
  <c r="A120159" i="1" s="1"/>
  <c r="A120160" i="1" s="1"/>
  <c r="A120161" i="1" s="1"/>
  <c r="A120162" i="1" s="1"/>
  <c r="A120163" i="1" s="1"/>
  <c r="A120164" i="1" s="1"/>
  <c r="A120165" i="1" s="1"/>
  <c r="A120166" i="1" s="1"/>
  <c r="A120167" i="1" s="1"/>
  <c r="A120168" i="1" s="1"/>
  <c r="A120169" i="1" s="1"/>
  <c r="A120170" i="1" s="1"/>
  <c r="A120171" i="1" s="1"/>
  <c r="A120172" i="1" s="1"/>
  <c r="A120173" i="1" s="1"/>
  <c r="A120174" i="1" s="1"/>
  <c r="A120175" i="1" s="1"/>
  <c r="A120176" i="1" s="1"/>
  <c r="A120177" i="1" s="1"/>
  <c r="A120178" i="1" s="1"/>
  <c r="A120179" i="1" s="1"/>
  <c r="A120180" i="1" s="1"/>
  <c r="A120181" i="1" s="1"/>
  <c r="A120182" i="1" s="1"/>
  <c r="A120183" i="1" s="1"/>
  <c r="A120184" i="1" s="1"/>
  <c r="A120185" i="1" s="1"/>
  <c r="A120186" i="1" s="1"/>
  <c r="A120187" i="1" s="1"/>
  <c r="A120188" i="1" s="1"/>
  <c r="A120189" i="1" s="1"/>
  <c r="A120190" i="1" s="1"/>
  <c r="A120191" i="1" s="1"/>
  <c r="A120192" i="1" s="1"/>
  <c r="A120193" i="1" s="1"/>
  <c r="A120194" i="1" s="1"/>
  <c r="A120195" i="1" s="1"/>
  <c r="A120196" i="1" s="1"/>
  <c r="A120197" i="1" s="1"/>
  <c r="A120198" i="1" s="1"/>
  <c r="A120199" i="1" s="1"/>
  <c r="A120200" i="1" s="1"/>
  <c r="A120201" i="1" s="1"/>
  <c r="A120202" i="1" s="1"/>
  <c r="A120203" i="1" s="1"/>
  <c r="A120204" i="1" s="1"/>
  <c r="A120205" i="1" s="1"/>
  <c r="A120206" i="1" s="1"/>
  <c r="A120207" i="1" s="1"/>
  <c r="A120208" i="1" s="1"/>
  <c r="A120209" i="1" s="1"/>
  <c r="A120210" i="1" s="1"/>
  <c r="A120211" i="1" s="1"/>
  <c r="A120212" i="1" s="1"/>
  <c r="A120213" i="1" s="1"/>
  <c r="A120214" i="1" s="1"/>
  <c r="A120215" i="1" s="1"/>
  <c r="A120216" i="1" s="1"/>
  <c r="A120217" i="1" s="1"/>
  <c r="A120218" i="1" s="1"/>
  <c r="A120219" i="1" s="1"/>
  <c r="A120220" i="1" s="1"/>
  <c r="A120221" i="1" s="1"/>
  <c r="A120222" i="1" s="1"/>
  <c r="A120223" i="1" s="1"/>
  <c r="A120224" i="1" s="1"/>
  <c r="A120225" i="1" s="1"/>
  <c r="A120226" i="1" s="1"/>
  <c r="A120227" i="1" s="1"/>
  <c r="A120228" i="1" s="1"/>
  <c r="A120229" i="1" s="1"/>
  <c r="A120230" i="1" s="1"/>
  <c r="A120231" i="1" s="1"/>
  <c r="A120232" i="1" s="1"/>
  <c r="A120233" i="1" s="1"/>
  <c r="A120234" i="1" s="1"/>
  <c r="A120235" i="1" s="1"/>
  <c r="A120236" i="1" s="1"/>
  <c r="A120237" i="1" s="1"/>
  <c r="A120238" i="1" s="1"/>
  <c r="A120239" i="1" s="1"/>
  <c r="A120240" i="1" s="1"/>
  <c r="A120241" i="1" s="1"/>
  <c r="A120242" i="1" s="1"/>
  <c r="A120243" i="1" s="1"/>
  <c r="A120244" i="1" s="1"/>
  <c r="A120245" i="1" s="1"/>
  <c r="A120246" i="1" s="1"/>
  <c r="A120247" i="1" s="1"/>
  <c r="A120248" i="1" s="1"/>
  <c r="A120249" i="1" s="1"/>
  <c r="A120250" i="1" s="1"/>
  <c r="A120251" i="1" s="1"/>
  <c r="A120252" i="1" s="1"/>
  <c r="A120253" i="1" s="1"/>
  <c r="A120254" i="1" s="1"/>
  <c r="A120255" i="1" s="1"/>
  <c r="A120256" i="1" s="1"/>
  <c r="A120257" i="1" s="1"/>
  <c r="A120258" i="1" s="1"/>
  <c r="A120259" i="1" s="1"/>
  <c r="A120260" i="1" s="1"/>
  <c r="A120261" i="1" s="1"/>
  <c r="A120262" i="1" s="1"/>
  <c r="A120263" i="1" s="1"/>
  <c r="A120264" i="1" s="1"/>
  <c r="A120265" i="1" s="1"/>
  <c r="A120266" i="1" s="1"/>
  <c r="A120267" i="1" s="1"/>
  <c r="A120268" i="1" s="1"/>
  <c r="A120269" i="1" s="1"/>
  <c r="A120270" i="1" s="1"/>
  <c r="A120271" i="1" s="1"/>
  <c r="A120272" i="1" s="1"/>
  <c r="A120273" i="1" s="1"/>
  <c r="A120274" i="1" s="1"/>
  <c r="A120275" i="1" s="1"/>
  <c r="A120276" i="1" s="1"/>
  <c r="A120277" i="1" s="1"/>
  <c r="A120278" i="1" s="1"/>
  <c r="A120279" i="1" s="1"/>
  <c r="A120280" i="1" s="1"/>
  <c r="A120281" i="1" s="1"/>
  <c r="A120282" i="1" s="1"/>
  <c r="A120283" i="1" s="1"/>
  <c r="A120284" i="1" s="1"/>
  <c r="A120285" i="1" s="1"/>
  <c r="A120286" i="1" s="1"/>
  <c r="A120287" i="1" s="1"/>
  <c r="A120288" i="1" s="1"/>
  <c r="A120289" i="1" s="1"/>
  <c r="A120290" i="1" s="1"/>
  <c r="A120291" i="1" s="1"/>
  <c r="A120292" i="1" s="1"/>
  <c r="A120293" i="1" s="1"/>
  <c r="A120294" i="1" s="1"/>
  <c r="A120295" i="1" s="1"/>
  <c r="A120296" i="1" s="1"/>
  <c r="A120297" i="1" s="1"/>
  <c r="A120298" i="1" s="1"/>
  <c r="A120299" i="1" s="1"/>
  <c r="A120300" i="1" s="1"/>
  <c r="A120301" i="1" s="1"/>
  <c r="A120302" i="1" s="1"/>
  <c r="A120303" i="1" s="1"/>
  <c r="A120304" i="1" s="1"/>
  <c r="A120305" i="1" s="1"/>
  <c r="A120306" i="1" s="1"/>
  <c r="A120307" i="1" s="1"/>
  <c r="A120308" i="1" s="1"/>
  <c r="A120309" i="1" s="1"/>
  <c r="A120310" i="1" s="1"/>
  <c r="A120311" i="1" s="1"/>
  <c r="A120312" i="1" s="1"/>
  <c r="A120313" i="1" s="1"/>
  <c r="A120314" i="1" s="1"/>
  <c r="A120315" i="1" s="1"/>
  <c r="A120316" i="1" s="1"/>
  <c r="A120317" i="1" s="1"/>
  <c r="A120318" i="1" s="1"/>
  <c r="A120319" i="1" s="1"/>
  <c r="A120320" i="1" s="1"/>
  <c r="A120321" i="1" s="1"/>
  <c r="A120322" i="1" s="1"/>
  <c r="A120323" i="1" s="1"/>
  <c r="A120324" i="1" s="1"/>
  <c r="A120325" i="1" s="1"/>
  <c r="A120326" i="1" s="1"/>
  <c r="A120327" i="1" s="1"/>
  <c r="A120328" i="1" s="1"/>
  <c r="A120329" i="1" s="1"/>
  <c r="A120330" i="1" s="1"/>
  <c r="A120331" i="1" s="1"/>
  <c r="A120332" i="1" s="1"/>
  <c r="A120333" i="1" s="1"/>
  <c r="A120334" i="1" s="1"/>
  <c r="A120335" i="1" s="1"/>
  <c r="A120336" i="1" s="1"/>
  <c r="A120337" i="1" s="1"/>
  <c r="A120338" i="1" s="1"/>
  <c r="A120339" i="1" s="1"/>
  <c r="A120340" i="1" s="1"/>
  <c r="A120341" i="1" s="1"/>
  <c r="A120342" i="1" s="1"/>
  <c r="A120343" i="1" s="1"/>
  <c r="A120344" i="1" s="1"/>
  <c r="A120345" i="1" s="1"/>
  <c r="A120346" i="1" s="1"/>
  <c r="A120347" i="1" s="1"/>
  <c r="A120348" i="1" s="1"/>
  <c r="A120349" i="1" s="1"/>
  <c r="A120350" i="1" s="1"/>
  <c r="A120351" i="1" s="1"/>
  <c r="A120352" i="1" s="1"/>
  <c r="A120353" i="1" s="1"/>
  <c r="A120354" i="1" s="1"/>
  <c r="A120355" i="1" s="1"/>
  <c r="A120356" i="1" s="1"/>
  <c r="A120357" i="1" s="1"/>
  <c r="A120358" i="1" s="1"/>
  <c r="A120359" i="1" s="1"/>
  <c r="A120360" i="1" s="1"/>
  <c r="A120361" i="1" s="1"/>
  <c r="A120362" i="1" s="1"/>
  <c r="A120363" i="1" s="1"/>
  <c r="A120364" i="1" s="1"/>
  <c r="A120365" i="1" s="1"/>
  <c r="A120366" i="1" s="1"/>
  <c r="A120367" i="1" s="1"/>
  <c r="A120368" i="1" s="1"/>
  <c r="A120369" i="1" s="1"/>
  <c r="A120370" i="1" s="1"/>
  <c r="A120371" i="1" s="1"/>
  <c r="A120372" i="1" s="1"/>
  <c r="A120373" i="1" s="1"/>
  <c r="A120374" i="1" s="1"/>
  <c r="A120375" i="1" s="1"/>
  <c r="A120376" i="1" s="1"/>
  <c r="A120377" i="1" s="1"/>
  <c r="A120378" i="1" s="1"/>
  <c r="A120379" i="1" s="1"/>
  <c r="A120380" i="1" s="1"/>
  <c r="A120381" i="1" s="1"/>
  <c r="A120382" i="1" s="1"/>
  <c r="A120383" i="1" s="1"/>
  <c r="A120384" i="1" s="1"/>
  <c r="A120385" i="1" s="1"/>
  <c r="A120386" i="1" s="1"/>
  <c r="A120387" i="1" s="1"/>
  <c r="A120388" i="1" s="1"/>
  <c r="A120389" i="1" s="1"/>
  <c r="A120390" i="1" s="1"/>
  <c r="A120391" i="1" s="1"/>
  <c r="A120392" i="1" s="1"/>
  <c r="A120393" i="1" s="1"/>
  <c r="A120394" i="1" s="1"/>
  <c r="A120395" i="1" s="1"/>
  <c r="A120396" i="1" s="1"/>
  <c r="A120397" i="1" s="1"/>
  <c r="A120398" i="1" s="1"/>
  <c r="A120399" i="1" s="1"/>
  <c r="A120400" i="1" s="1"/>
  <c r="A120401" i="1" s="1"/>
  <c r="A120402" i="1" s="1"/>
  <c r="A120403" i="1" s="1"/>
  <c r="A120404" i="1" s="1"/>
  <c r="A120405" i="1" s="1"/>
  <c r="A120406" i="1" s="1"/>
  <c r="A120407" i="1" s="1"/>
  <c r="A120408" i="1" s="1"/>
  <c r="A120409" i="1" s="1"/>
  <c r="A120410" i="1" s="1"/>
  <c r="A120411" i="1" s="1"/>
  <c r="A120412" i="1" s="1"/>
  <c r="A120413" i="1" s="1"/>
  <c r="A120414" i="1" s="1"/>
  <c r="A120415" i="1" s="1"/>
  <c r="A120416" i="1" s="1"/>
  <c r="A120417" i="1" s="1"/>
  <c r="A120418" i="1" s="1"/>
  <c r="A120419" i="1" s="1"/>
  <c r="A120420" i="1" s="1"/>
  <c r="A120421" i="1" s="1"/>
  <c r="A120422" i="1" s="1"/>
  <c r="A120423" i="1" s="1"/>
  <c r="A120424" i="1" s="1"/>
  <c r="A120425" i="1" s="1"/>
  <c r="A120426" i="1" s="1"/>
  <c r="A120427" i="1" s="1"/>
  <c r="A120428" i="1" s="1"/>
  <c r="A120429" i="1" s="1"/>
  <c r="A120430" i="1" s="1"/>
  <c r="A120431" i="1" s="1"/>
  <c r="A120432" i="1" s="1"/>
  <c r="A120433" i="1" s="1"/>
  <c r="A120434" i="1" s="1"/>
  <c r="A120435" i="1" s="1"/>
  <c r="A120436" i="1" s="1"/>
  <c r="A120437" i="1" s="1"/>
  <c r="A120438" i="1" s="1"/>
  <c r="A120439" i="1" s="1"/>
  <c r="A120440" i="1" s="1"/>
  <c r="A120441" i="1" s="1"/>
  <c r="A120442" i="1" s="1"/>
  <c r="A120443" i="1" s="1"/>
  <c r="A120444" i="1" s="1"/>
  <c r="A120445" i="1" s="1"/>
  <c r="A120446" i="1" s="1"/>
  <c r="A120447" i="1" s="1"/>
  <c r="A120448" i="1" s="1"/>
  <c r="A120449" i="1" s="1"/>
  <c r="A120450" i="1" s="1"/>
  <c r="A120451" i="1" s="1"/>
  <c r="A120452" i="1" s="1"/>
  <c r="A120453" i="1" s="1"/>
  <c r="A120454" i="1" s="1"/>
  <c r="A120455" i="1" s="1"/>
  <c r="A120456" i="1" s="1"/>
  <c r="A120457" i="1" s="1"/>
  <c r="A120458" i="1" s="1"/>
  <c r="A120459" i="1" s="1"/>
  <c r="A120460" i="1" s="1"/>
  <c r="A120461" i="1" s="1"/>
  <c r="A120462" i="1" s="1"/>
  <c r="A120463" i="1" s="1"/>
  <c r="A120464" i="1" s="1"/>
  <c r="A120465" i="1" s="1"/>
  <c r="A120466" i="1" s="1"/>
  <c r="A120467" i="1" s="1"/>
  <c r="A120468" i="1" s="1"/>
  <c r="A120469" i="1" s="1"/>
  <c r="A120470" i="1" s="1"/>
  <c r="A120471" i="1" s="1"/>
  <c r="A120472" i="1" s="1"/>
  <c r="A120473" i="1" s="1"/>
  <c r="A120474" i="1" s="1"/>
  <c r="A120475" i="1" s="1"/>
  <c r="A120476" i="1" s="1"/>
  <c r="A120477" i="1" s="1"/>
  <c r="A120478" i="1" s="1"/>
  <c r="A120479" i="1" s="1"/>
  <c r="A120480" i="1" s="1"/>
  <c r="A120481" i="1" s="1"/>
  <c r="A120482" i="1" s="1"/>
  <c r="A120483" i="1" s="1"/>
  <c r="A120484" i="1" s="1"/>
  <c r="A120485" i="1" s="1"/>
  <c r="A120486" i="1" s="1"/>
  <c r="A120487" i="1" s="1"/>
  <c r="A120488" i="1" s="1"/>
  <c r="A120489" i="1" s="1"/>
  <c r="A120490" i="1" s="1"/>
  <c r="A120491" i="1" s="1"/>
  <c r="A120492" i="1" s="1"/>
  <c r="A120493" i="1" s="1"/>
  <c r="A120494" i="1" s="1"/>
  <c r="A120495" i="1" s="1"/>
  <c r="A120496" i="1" s="1"/>
  <c r="A120497" i="1" s="1"/>
  <c r="A120498" i="1" s="1"/>
  <c r="A120499" i="1" s="1"/>
  <c r="A120500" i="1" s="1"/>
  <c r="A120501" i="1" s="1"/>
  <c r="A120502" i="1" s="1"/>
  <c r="A120503" i="1" s="1"/>
  <c r="A120504" i="1" s="1"/>
  <c r="A120505" i="1" s="1"/>
  <c r="A120506" i="1" s="1"/>
  <c r="A120507" i="1" s="1"/>
  <c r="A120508" i="1" s="1"/>
  <c r="A120509" i="1" s="1"/>
  <c r="A120510" i="1" s="1"/>
  <c r="A120511" i="1" s="1"/>
  <c r="A120512" i="1" s="1"/>
  <c r="A120513" i="1" s="1"/>
  <c r="A120514" i="1" s="1"/>
  <c r="A120515" i="1" s="1"/>
  <c r="A120516" i="1" s="1"/>
  <c r="A120517" i="1" s="1"/>
  <c r="A120518" i="1" s="1"/>
  <c r="A120519" i="1" s="1"/>
  <c r="A120520" i="1" s="1"/>
  <c r="A120521" i="1" s="1"/>
  <c r="A120522" i="1" s="1"/>
  <c r="A120523" i="1" s="1"/>
  <c r="A120524" i="1" s="1"/>
  <c r="A120525" i="1" s="1"/>
  <c r="A120526" i="1" s="1"/>
  <c r="A120527" i="1" s="1"/>
  <c r="A120528" i="1" s="1"/>
  <c r="A120529" i="1" s="1"/>
  <c r="A120530" i="1" s="1"/>
  <c r="A120531" i="1" s="1"/>
  <c r="A120532" i="1" s="1"/>
  <c r="A120533" i="1" s="1"/>
  <c r="A120534" i="1" s="1"/>
  <c r="A120535" i="1" s="1"/>
  <c r="A120536" i="1" s="1"/>
  <c r="A120537" i="1" s="1"/>
  <c r="A120538" i="1" s="1"/>
  <c r="A120539" i="1" s="1"/>
  <c r="A120540" i="1" s="1"/>
  <c r="A120541" i="1" s="1"/>
  <c r="A120542" i="1" s="1"/>
  <c r="A120543" i="1" s="1"/>
  <c r="A120544" i="1" s="1"/>
  <c r="A120545" i="1" s="1"/>
  <c r="A120546" i="1" s="1"/>
  <c r="A120547" i="1" s="1"/>
  <c r="A120548" i="1" s="1"/>
  <c r="A120549" i="1" s="1"/>
  <c r="A120550" i="1" s="1"/>
  <c r="A120551" i="1" s="1"/>
  <c r="A120552" i="1" s="1"/>
  <c r="A120553" i="1" s="1"/>
  <c r="A120554" i="1" s="1"/>
  <c r="A120555" i="1" s="1"/>
  <c r="A120556" i="1" s="1"/>
  <c r="A120557" i="1" s="1"/>
  <c r="A120558" i="1" s="1"/>
  <c r="A120559" i="1" s="1"/>
  <c r="A120560" i="1" s="1"/>
  <c r="A120561" i="1" s="1"/>
  <c r="A120562" i="1" s="1"/>
  <c r="A120563" i="1" s="1"/>
  <c r="A120564" i="1" s="1"/>
  <c r="A120565" i="1" s="1"/>
  <c r="A120566" i="1" s="1"/>
  <c r="A120567" i="1" s="1"/>
  <c r="A120568" i="1" s="1"/>
  <c r="A120569" i="1" s="1"/>
  <c r="A120570" i="1" s="1"/>
  <c r="A120571" i="1" s="1"/>
  <c r="A120572" i="1" s="1"/>
  <c r="A120573" i="1" s="1"/>
  <c r="A120574" i="1" s="1"/>
  <c r="A120575" i="1" s="1"/>
  <c r="A120576" i="1" s="1"/>
  <c r="A120577" i="1" s="1"/>
  <c r="A120578" i="1" s="1"/>
  <c r="A120579" i="1" s="1"/>
  <c r="A120580" i="1" s="1"/>
  <c r="A120581" i="1" s="1"/>
  <c r="A120582" i="1" s="1"/>
  <c r="A120583" i="1" s="1"/>
  <c r="A120584" i="1" s="1"/>
  <c r="A120585" i="1" s="1"/>
  <c r="A120586" i="1" s="1"/>
  <c r="A120587" i="1" s="1"/>
  <c r="A120588" i="1" s="1"/>
  <c r="A120589" i="1" s="1"/>
  <c r="A120590" i="1" s="1"/>
  <c r="A120591" i="1" s="1"/>
  <c r="A120592" i="1" s="1"/>
  <c r="A120593" i="1" s="1"/>
  <c r="A120594" i="1" s="1"/>
  <c r="A120595" i="1" s="1"/>
  <c r="A120596" i="1" s="1"/>
  <c r="A120597" i="1" s="1"/>
  <c r="A120598" i="1" s="1"/>
  <c r="A120599" i="1" s="1"/>
  <c r="A120600" i="1" s="1"/>
  <c r="A120601" i="1" s="1"/>
  <c r="A120602" i="1" s="1"/>
  <c r="A120603" i="1" s="1"/>
  <c r="A120604" i="1" s="1"/>
  <c r="A120605" i="1" s="1"/>
  <c r="A120606" i="1" s="1"/>
  <c r="A120607" i="1" s="1"/>
  <c r="A120608" i="1" s="1"/>
  <c r="A120609" i="1" s="1"/>
  <c r="A120610" i="1" s="1"/>
  <c r="A120611" i="1" s="1"/>
  <c r="A120612" i="1" s="1"/>
  <c r="A120613" i="1" s="1"/>
  <c r="A120614" i="1" s="1"/>
  <c r="A120615" i="1" s="1"/>
  <c r="A120616" i="1" s="1"/>
  <c r="A120617" i="1" s="1"/>
  <c r="A120618" i="1" s="1"/>
  <c r="A120619" i="1" s="1"/>
  <c r="A120620" i="1" s="1"/>
  <c r="A120621" i="1" s="1"/>
  <c r="A120622" i="1" s="1"/>
  <c r="A120623" i="1" s="1"/>
  <c r="A120624" i="1" s="1"/>
  <c r="A120625" i="1" s="1"/>
  <c r="A120626" i="1" s="1"/>
  <c r="A120627" i="1" s="1"/>
  <c r="A120628" i="1" s="1"/>
  <c r="A120629" i="1" s="1"/>
  <c r="A120630" i="1" s="1"/>
  <c r="A120631" i="1" s="1"/>
  <c r="A120632" i="1" s="1"/>
  <c r="A120633" i="1" s="1"/>
  <c r="A120634" i="1" s="1"/>
  <c r="A120635" i="1" s="1"/>
  <c r="A120636" i="1" s="1"/>
  <c r="A120637" i="1" s="1"/>
  <c r="A120638" i="1" s="1"/>
  <c r="A120639" i="1" s="1"/>
  <c r="A120640" i="1" s="1"/>
  <c r="A120641" i="1" s="1"/>
  <c r="A120642" i="1" s="1"/>
  <c r="A120643" i="1" s="1"/>
  <c r="A120644" i="1" s="1"/>
  <c r="A120645" i="1" s="1"/>
  <c r="A120646" i="1" s="1"/>
  <c r="A120647" i="1" s="1"/>
  <c r="A120648" i="1" s="1"/>
  <c r="A120649" i="1" s="1"/>
  <c r="A120650" i="1" s="1"/>
  <c r="A120651" i="1" s="1"/>
  <c r="A120652" i="1" s="1"/>
  <c r="A120653" i="1" s="1"/>
  <c r="A120654" i="1" s="1"/>
  <c r="A120655" i="1" s="1"/>
  <c r="A120656" i="1" s="1"/>
  <c r="A120657" i="1" s="1"/>
  <c r="A120658" i="1" s="1"/>
  <c r="A120659" i="1" s="1"/>
  <c r="A120660" i="1" s="1"/>
  <c r="A120661" i="1" s="1"/>
  <c r="A120662" i="1" s="1"/>
  <c r="A120663" i="1" s="1"/>
  <c r="A120664" i="1" s="1"/>
  <c r="A120665" i="1" s="1"/>
  <c r="A120666" i="1" s="1"/>
  <c r="A120667" i="1" s="1"/>
  <c r="A120668" i="1" s="1"/>
  <c r="A120669" i="1" s="1"/>
  <c r="A120670" i="1" s="1"/>
  <c r="A120671" i="1" s="1"/>
  <c r="A120672" i="1" s="1"/>
  <c r="A120673" i="1" s="1"/>
  <c r="A120674" i="1" s="1"/>
  <c r="A120675" i="1" s="1"/>
  <c r="A120676" i="1" s="1"/>
  <c r="A120677" i="1" s="1"/>
  <c r="A120678" i="1" s="1"/>
  <c r="A120679" i="1" s="1"/>
  <c r="A120680" i="1" s="1"/>
  <c r="A120681" i="1" s="1"/>
  <c r="A120682" i="1" s="1"/>
  <c r="A120683" i="1" s="1"/>
  <c r="A120684" i="1" s="1"/>
  <c r="A120685" i="1" s="1"/>
  <c r="A120686" i="1" s="1"/>
  <c r="A120687" i="1" s="1"/>
  <c r="A120688" i="1" s="1"/>
  <c r="A120689" i="1" s="1"/>
  <c r="A120690" i="1" s="1"/>
  <c r="A120691" i="1" s="1"/>
  <c r="A120692" i="1" s="1"/>
  <c r="A120693" i="1" s="1"/>
  <c r="A120694" i="1" s="1"/>
  <c r="A120695" i="1" s="1"/>
  <c r="A120696" i="1" s="1"/>
  <c r="A120697" i="1" s="1"/>
  <c r="A120698" i="1" s="1"/>
  <c r="A120699" i="1" s="1"/>
  <c r="A120700" i="1" s="1"/>
  <c r="A120701" i="1" s="1"/>
  <c r="A120702" i="1" s="1"/>
  <c r="A120703" i="1" s="1"/>
  <c r="A120704" i="1" s="1"/>
  <c r="A120705" i="1" s="1"/>
  <c r="A120706" i="1" s="1"/>
  <c r="A120707" i="1" s="1"/>
  <c r="A120708" i="1" s="1"/>
  <c r="A120709" i="1" s="1"/>
  <c r="A120710" i="1" s="1"/>
  <c r="A120711" i="1" s="1"/>
  <c r="A120712" i="1" s="1"/>
  <c r="A120713" i="1" s="1"/>
  <c r="A120714" i="1" s="1"/>
  <c r="A120715" i="1" s="1"/>
  <c r="A120716" i="1" s="1"/>
  <c r="A120717" i="1" s="1"/>
  <c r="A120718" i="1" s="1"/>
  <c r="A120719" i="1" s="1"/>
  <c r="A120720" i="1" s="1"/>
  <c r="A120721" i="1" s="1"/>
  <c r="A120722" i="1" s="1"/>
  <c r="A120723" i="1" s="1"/>
  <c r="A120724" i="1" s="1"/>
  <c r="A120725" i="1" s="1"/>
  <c r="A120726" i="1" s="1"/>
  <c r="A120727" i="1" s="1"/>
  <c r="A120728" i="1" s="1"/>
  <c r="A120729" i="1" s="1"/>
  <c r="A120730" i="1" s="1"/>
  <c r="A120731" i="1" s="1"/>
  <c r="A120732" i="1" s="1"/>
  <c r="A120733" i="1" s="1"/>
  <c r="A120734" i="1" s="1"/>
  <c r="A120735" i="1" s="1"/>
  <c r="A120736" i="1" s="1"/>
  <c r="A120737" i="1" s="1"/>
  <c r="A120738" i="1" s="1"/>
  <c r="A120739" i="1" s="1"/>
  <c r="A120740" i="1" s="1"/>
  <c r="A120741" i="1" s="1"/>
  <c r="A120742" i="1" s="1"/>
  <c r="A120743" i="1" s="1"/>
  <c r="A120744" i="1" s="1"/>
  <c r="A120745" i="1" s="1"/>
  <c r="A120746" i="1" s="1"/>
  <c r="A120747" i="1" s="1"/>
  <c r="A120748" i="1" s="1"/>
  <c r="A120749" i="1" s="1"/>
  <c r="A120750" i="1" s="1"/>
  <c r="A120751" i="1" s="1"/>
  <c r="A120752" i="1" s="1"/>
  <c r="A120753" i="1" s="1"/>
  <c r="A120754" i="1" s="1"/>
  <c r="A120755" i="1" s="1"/>
  <c r="A120756" i="1" s="1"/>
  <c r="A120757" i="1" s="1"/>
  <c r="A120758" i="1" s="1"/>
  <c r="A120759" i="1" s="1"/>
  <c r="A120760" i="1" s="1"/>
  <c r="A120761" i="1" s="1"/>
  <c r="A120762" i="1" s="1"/>
  <c r="A120763" i="1" s="1"/>
  <c r="A120764" i="1" s="1"/>
  <c r="A120765" i="1" s="1"/>
  <c r="A120766" i="1" s="1"/>
  <c r="A120767" i="1" s="1"/>
  <c r="A120768" i="1" s="1"/>
  <c r="A120769" i="1" s="1"/>
  <c r="A120770" i="1" s="1"/>
  <c r="A120771" i="1" s="1"/>
  <c r="A120772" i="1" s="1"/>
  <c r="A120773" i="1" s="1"/>
  <c r="A120774" i="1" s="1"/>
  <c r="A120775" i="1" s="1"/>
  <c r="A120776" i="1" s="1"/>
  <c r="A120777" i="1" s="1"/>
  <c r="A120778" i="1" s="1"/>
  <c r="A120779" i="1" s="1"/>
  <c r="A120780" i="1" s="1"/>
  <c r="A120781" i="1" s="1"/>
  <c r="A120782" i="1" s="1"/>
  <c r="A120783" i="1" s="1"/>
  <c r="A120784" i="1" s="1"/>
  <c r="A120785" i="1" s="1"/>
  <c r="A120786" i="1" s="1"/>
  <c r="A120787" i="1" s="1"/>
  <c r="A120788" i="1" s="1"/>
  <c r="A120789" i="1" s="1"/>
  <c r="A120790" i="1" s="1"/>
  <c r="A120791" i="1" s="1"/>
  <c r="A120792" i="1" s="1"/>
  <c r="A120793" i="1" s="1"/>
  <c r="A120794" i="1" s="1"/>
  <c r="A120795" i="1" s="1"/>
  <c r="A120796" i="1" s="1"/>
  <c r="A120797" i="1" s="1"/>
  <c r="A120798" i="1" s="1"/>
  <c r="A120799" i="1" s="1"/>
  <c r="A120800" i="1" s="1"/>
  <c r="A120801" i="1" s="1"/>
  <c r="A120802" i="1" s="1"/>
  <c r="A120803" i="1" s="1"/>
  <c r="A120804" i="1" s="1"/>
  <c r="A120805" i="1" s="1"/>
  <c r="A120806" i="1" s="1"/>
  <c r="A120807" i="1" s="1"/>
  <c r="A120808" i="1" s="1"/>
  <c r="A120809" i="1" s="1"/>
  <c r="A120810" i="1" s="1"/>
  <c r="A120811" i="1" s="1"/>
  <c r="A120812" i="1" s="1"/>
  <c r="A120813" i="1" s="1"/>
  <c r="A120814" i="1" s="1"/>
  <c r="A120815" i="1" s="1"/>
  <c r="A120816" i="1" s="1"/>
  <c r="A120817" i="1" s="1"/>
  <c r="A120818" i="1" s="1"/>
  <c r="A120819" i="1" s="1"/>
  <c r="A120820" i="1" s="1"/>
  <c r="A120821" i="1" s="1"/>
  <c r="A120822" i="1" s="1"/>
  <c r="A120823" i="1" s="1"/>
  <c r="A120824" i="1" s="1"/>
  <c r="A120825" i="1" s="1"/>
  <c r="A120826" i="1" s="1"/>
  <c r="A120827" i="1" s="1"/>
  <c r="A120828" i="1" s="1"/>
  <c r="A120829" i="1" s="1"/>
  <c r="A120830" i="1" s="1"/>
  <c r="A120831" i="1" s="1"/>
  <c r="A120832" i="1" s="1"/>
  <c r="A120833" i="1" s="1"/>
  <c r="A120834" i="1" s="1"/>
  <c r="A120835" i="1" s="1"/>
  <c r="A120836" i="1" s="1"/>
  <c r="A120837" i="1" s="1"/>
  <c r="A120838" i="1" s="1"/>
  <c r="A120839" i="1" s="1"/>
  <c r="A120840" i="1" s="1"/>
  <c r="A120841" i="1" s="1"/>
  <c r="A120842" i="1" s="1"/>
  <c r="A120843" i="1" s="1"/>
  <c r="A120844" i="1" s="1"/>
  <c r="A120845" i="1" s="1"/>
  <c r="A120846" i="1" s="1"/>
  <c r="A120847" i="1" s="1"/>
  <c r="A120848" i="1" s="1"/>
  <c r="A120849" i="1" s="1"/>
  <c r="A120850" i="1" s="1"/>
  <c r="A120851" i="1" s="1"/>
  <c r="A120852" i="1" s="1"/>
  <c r="A120853" i="1" s="1"/>
  <c r="A120854" i="1" s="1"/>
  <c r="A120855" i="1" s="1"/>
  <c r="A120856" i="1" s="1"/>
  <c r="A120857" i="1" s="1"/>
  <c r="A120858" i="1" s="1"/>
  <c r="A120859" i="1" s="1"/>
  <c r="A120860" i="1" s="1"/>
  <c r="A120861" i="1" s="1"/>
  <c r="A120862" i="1" s="1"/>
  <c r="A120863" i="1" s="1"/>
  <c r="A120864" i="1" s="1"/>
  <c r="A120865" i="1" s="1"/>
  <c r="A120866" i="1" s="1"/>
  <c r="A120867" i="1" s="1"/>
  <c r="A120868" i="1" s="1"/>
  <c r="A120869" i="1" s="1"/>
  <c r="A120870" i="1" s="1"/>
  <c r="A120871" i="1" s="1"/>
  <c r="A120872" i="1" s="1"/>
  <c r="A120873" i="1" s="1"/>
  <c r="A120874" i="1" s="1"/>
  <c r="A120875" i="1" s="1"/>
  <c r="A120876" i="1" s="1"/>
  <c r="A120877" i="1" s="1"/>
  <c r="A120878" i="1" s="1"/>
  <c r="A120879" i="1" s="1"/>
  <c r="A120880" i="1" s="1"/>
  <c r="A120881" i="1" s="1"/>
  <c r="A120882" i="1" s="1"/>
  <c r="A120883" i="1" s="1"/>
  <c r="A120884" i="1" s="1"/>
  <c r="A120885" i="1" s="1"/>
  <c r="A120886" i="1" s="1"/>
  <c r="A120887" i="1" s="1"/>
  <c r="A120888" i="1" s="1"/>
  <c r="A120889" i="1" s="1"/>
  <c r="A120890" i="1" s="1"/>
  <c r="A120891" i="1" s="1"/>
  <c r="A120892" i="1" s="1"/>
  <c r="A120893" i="1" s="1"/>
  <c r="A120894" i="1" s="1"/>
  <c r="A120895" i="1" s="1"/>
  <c r="A120896" i="1" s="1"/>
  <c r="A120897" i="1" s="1"/>
  <c r="A120898" i="1" s="1"/>
  <c r="A120899" i="1" s="1"/>
  <c r="A120900" i="1" s="1"/>
  <c r="A120901" i="1" s="1"/>
  <c r="A120902" i="1" s="1"/>
  <c r="A120903" i="1" s="1"/>
  <c r="A120904" i="1" s="1"/>
  <c r="A120905" i="1" s="1"/>
  <c r="A120906" i="1" s="1"/>
  <c r="A120907" i="1" s="1"/>
  <c r="A120908" i="1" s="1"/>
  <c r="A120909" i="1" s="1"/>
  <c r="A120910" i="1" s="1"/>
  <c r="A120911" i="1" s="1"/>
  <c r="A120912" i="1" s="1"/>
  <c r="A120913" i="1" s="1"/>
  <c r="A120914" i="1" s="1"/>
  <c r="A120915" i="1" s="1"/>
  <c r="A120916" i="1" s="1"/>
  <c r="A120917" i="1" s="1"/>
  <c r="A120918" i="1" s="1"/>
  <c r="A120919" i="1" s="1"/>
  <c r="A120920" i="1" s="1"/>
  <c r="A120921" i="1" s="1"/>
  <c r="A120922" i="1" s="1"/>
  <c r="A120923" i="1" s="1"/>
  <c r="A120924" i="1" s="1"/>
  <c r="A120925" i="1" s="1"/>
  <c r="A120926" i="1" s="1"/>
  <c r="A120927" i="1" s="1"/>
  <c r="A120928" i="1" s="1"/>
  <c r="A120929" i="1" s="1"/>
  <c r="A120930" i="1" s="1"/>
  <c r="A120931" i="1" s="1"/>
  <c r="A120932" i="1" s="1"/>
  <c r="A120933" i="1" s="1"/>
  <c r="A120934" i="1" s="1"/>
  <c r="A120935" i="1" s="1"/>
  <c r="A120936" i="1" s="1"/>
  <c r="A120937" i="1" s="1"/>
  <c r="A120938" i="1" s="1"/>
  <c r="A120939" i="1" s="1"/>
  <c r="A120940" i="1" s="1"/>
  <c r="A120941" i="1" s="1"/>
  <c r="A120942" i="1" s="1"/>
  <c r="A120943" i="1" s="1"/>
  <c r="A120944" i="1" s="1"/>
  <c r="A120945" i="1" s="1"/>
  <c r="A120946" i="1" s="1"/>
  <c r="A120947" i="1" s="1"/>
  <c r="A120948" i="1" s="1"/>
  <c r="A120949" i="1" s="1"/>
  <c r="A120950" i="1" s="1"/>
  <c r="A120951" i="1" s="1"/>
  <c r="A120952" i="1" s="1"/>
  <c r="A120953" i="1" s="1"/>
  <c r="A120954" i="1" s="1"/>
  <c r="A120955" i="1" s="1"/>
  <c r="A120956" i="1" s="1"/>
  <c r="A120957" i="1" s="1"/>
  <c r="A120958" i="1" s="1"/>
  <c r="A120959" i="1" s="1"/>
  <c r="A120960" i="1" s="1"/>
  <c r="A120961" i="1" s="1"/>
  <c r="A120962" i="1" s="1"/>
  <c r="A120963" i="1" s="1"/>
  <c r="A120964" i="1" s="1"/>
  <c r="A120965" i="1" s="1"/>
  <c r="A120966" i="1" s="1"/>
  <c r="A120967" i="1" s="1"/>
  <c r="A120968" i="1" s="1"/>
  <c r="A120969" i="1" s="1"/>
  <c r="A120970" i="1" s="1"/>
  <c r="A120971" i="1" s="1"/>
  <c r="A120972" i="1" s="1"/>
  <c r="A120973" i="1" s="1"/>
  <c r="A120974" i="1" s="1"/>
  <c r="A120975" i="1" s="1"/>
  <c r="A120976" i="1" s="1"/>
  <c r="A120977" i="1" s="1"/>
  <c r="A120978" i="1" s="1"/>
  <c r="A120979" i="1" s="1"/>
  <c r="A120980" i="1" s="1"/>
  <c r="A120981" i="1" s="1"/>
  <c r="A120982" i="1" s="1"/>
  <c r="A120983" i="1" s="1"/>
  <c r="A120984" i="1" s="1"/>
  <c r="A120985" i="1" s="1"/>
  <c r="A120986" i="1" s="1"/>
  <c r="A120987" i="1" s="1"/>
  <c r="A120988" i="1" s="1"/>
  <c r="A120989" i="1" s="1"/>
  <c r="A120990" i="1" s="1"/>
  <c r="A120991" i="1" s="1"/>
  <c r="A120992" i="1" s="1"/>
  <c r="A120993" i="1" s="1"/>
  <c r="A120994" i="1" s="1"/>
  <c r="A120995" i="1" s="1"/>
  <c r="A120996" i="1" s="1"/>
  <c r="A120997" i="1" s="1"/>
  <c r="A120998" i="1" s="1"/>
  <c r="A120999" i="1" s="1"/>
  <c r="A121000" i="1" s="1"/>
  <c r="A121001" i="1" s="1"/>
  <c r="A121002" i="1" s="1"/>
  <c r="A121003" i="1" s="1"/>
  <c r="A121004" i="1" s="1"/>
  <c r="A121005" i="1" s="1"/>
  <c r="A121006" i="1" s="1"/>
  <c r="A121007" i="1" s="1"/>
  <c r="A121008" i="1" s="1"/>
  <c r="A121009" i="1" s="1"/>
  <c r="A121010" i="1" s="1"/>
  <c r="A121011" i="1" s="1"/>
  <c r="A121012" i="1" s="1"/>
  <c r="A121013" i="1" s="1"/>
  <c r="A121014" i="1" s="1"/>
  <c r="A121015" i="1" s="1"/>
  <c r="A121016" i="1" s="1"/>
  <c r="A121017" i="1" s="1"/>
  <c r="A121018" i="1" s="1"/>
  <c r="A121019" i="1" s="1"/>
  <c r="A121020" i="1" s="1"/>
  <c r="A121021" i="1" s="1"/>
  <c r="A121022" i="1" s="1"/>
  <c r="A121023" i="1" s="1"/>
  <c r="A121024" i="1" s="1"/>
  <c r="A121025" i="1" s="1"/>
  <c r="A121026" i="1" s="1"/>
  <c r="A121027" i="1" s="1"/>
  <c r="A121028" i="1" s="1"/>
  <c r="A121029" i="1" s="1"/>
  <c r="A121030" i="1" s="1"/>
  <c r="A121031" i="1" s="1"/>
  <c r="A121032" i="1" s="1"/>
  <c r="A121033" i="1" s="1"/>
  <c r="A121034" i="1" s="1"/>
  <c r="A121035" i="1" s="1"/>
  <c r="A121036" i="1" s="1"/>
  <c r="A121037" i="1" s="1"/>
  <c r="A121038" i="1" s="1"/>
  <c r="A121039" i="1" s="1"/>
  <c r="A121040" i="1" s="1"/>
  <c r="A121041" i="1" s="1"/>
  <c r="A121042" i="1" s="1"/>
  <c r="A121043" i="1" s="1"/>
  <c r="A121044" i="1" s="1"/>
  <c r="A121045" i="1" s="1"/>
  <c r="A121046" i="1" s="1"/>
  <c r="A121047" i="1" s="1"/>
  <c r="A121048" i="1" s="1"/>
  <c r="A121049" i="1" s="1"/>
  <c r="A121050" i="1" s="1"/>
  <c r="A121051" i="1" s="1"/>
  <c r="A121052" i="1" s="1"/>
  <c r="A121053" i="1" s="1"/>
  <c r="A121054" i="1" s="1"/>
  <c r="A121055" i="1" s="1"/>
  <c r="A121056" i="1" s="1"/>
  <c r="A121057" i="1" s="1"/>
  <c r="A121058" i="1" s="1"/>
  <c r="A121059" i="1" s="1"/>
  <c r="A121060" i="1" s="1"/>
  <c r="A121061" i="1" s="1"/>
  <c r="A121062" i="1" s="1"/>
  <c r="A121063" i="1" s="1"/>
  <c r="A121064" i="1" s="1"/>
  <c r="A121065" i="1" s="1"/>
  <c r="A121066" i="1" s="1"/>
  <c r="A121067" i="1" s="1"/>
  <c r="A121068" i="1" s="1"/>
  <c r="A121069" i="1" s="1"/>
  <c r="A121070" i="1" s="1"/>
  <c r="A121071" i="1" s="1"/>
  <c r="A121072" i="1" s="1"/>
  <c r="A121073" i="1" s="1"/>
  <c r="A121074" i="1" s="1"/>
  <c r="A121075" i="1" s="1"/>
  <c r="A121076" i="1" s="1"/>
  <c r="A121077" i="1" s="1"/>
  <c r="A121078" i="1" s="1"/>
  <c r="A121079" i="1" s="1"/>
  <c r="A121080" i="1" s="1"/>
  <c r="A121081" i="1" s="1"/>
  <c r="A121082" i="1" s="1"/>
  <c r="A121083" i="1" s="1"/>
  <c r="A121084" i="1" s="1"/>
  <c r="A121085" i="1" s="1"/>
  <c r="A121086" i="1" s="1"/>
  <c r="A121087" i="1" s="1"/>
  <c r="A121088" i="1" s="1"/>
  <c r="A121089" i="1" s="1"/>
  <c r="A121090" i="1" s="1"/>
  <c r="A121091" i="1" s="1"/>
  <c r="A121092" i="1" s="1"/>
  <c r="A121093" i="1" s="1"/>
  <c r="A121094" i="1" s="1"/>
  <c r="A121095" i="1" s="1"/>
  <c r="A121096" i="1" s="1"/>
  <c r="A121097" i="1" s="1"/>
  <c r="A121098" i="1" s="1"/>
  <c r="A121099" i="1" s="1"/>
  <c r="A121100" i="1" s="1"/>
  <c r="A121101" i="1" s="1"/>
  <c r="A121102" i="1" s="1"/>
  <c r="A121103" i="1" s="1"/>
  <c r="A121104" i="1" s="1"/>
  <c r="A121105" i="1" s="1"/>
  <c r="A121106" i="1" s="1"/>
  <c r="A121107" i="1" s="1"/>
  <c r="A121108" i="1" s="1"/>
  <c r="A121109" i="1" s="1"/>
  <c r="A121110" i="1" s="1"/>
  <c r="A121111" i="1" s="1"/>
  <c r="A121112" i="1" s="1"/>
  <c r="A121113" i="1" s="1"/>
  <c r="A121114" i="1" s="1"/>
  <c r="A121115" i="1" s="1"/>
  <c r="A121116" i="1" s="1"/>
  <c r="A121117" i="1" s="1"/>
  <c r="A121118" i="1" s="1"/>
  <c r="A121119" i="1" s="1"/>
  <c r="A121120" i="1" s="1"/>
  <c r="A121121" i="1" s="1"/>
  <c r="A121122" i="1" s="1"/>
  <c r="A121123" i="1" s="1"/>
  <c r="A121124" i="1" s="1"/>
  <c r="A121125" i="1" s="1"/>
  <c r="A121126" i="1" s="1"/>
  <c r="A121127" i="1" s="1"/>
  <c r="A121128" i="1" s="1"/>
  <c r="A121129" i="1" s="1"/>
  <c r="A121130" i="1" s="1"/>
  <c r="A121131" i="1" s="1"/>
  <c r="A121132" i="1" s="1"/>
  <c r="A121133" i="1" s="1"/>
  <c r="A121134" i="1" s="1"/>
  <c r="A121135" i="1" s="1"/>
  <c r="A121136" i="1" s="1"/>
  <c r="A121137" i="1" s="1"/>
  <c r="A121138" i="1" s="1"/>
  <c r="A121139" i="1" s="1"/>
  <c r="A121140" i="1" s="1"/>
  <c r="A121141" i="1" s="1"/>
  <c r="A121142" i="1" s="1"/>
  <c r="A121143" i="1" s="1"/>
  <c r="A121144" i="1" s="1"/>
  <c r="A121145" i="1" s="1"/>
  <c r="A121146" i="1" s="1"/>
  <c r="A121147" i="1" s="1"/>
  <c r="A121148" i="1" s="1"/>
  <c r="A121149" i="1" s="1"/>
  <c r="A121150" i="1" s="1"/>
  <c r="A121151" i="1" s="1"/>
  <c r="A121152" i="1" s="1"/>
  <c r="A121153" i="1" s="1"/>
  <c r="A121154" i="1" s="1"/>
  <c r="A121155" i="1" s="1"/>
  <c r="A121156" i="1" s="1"/>
  <c r="A121157" i="1" s="1"/>
  <c r="A121158" i="1" s="1"/>
  <c r="A121159" i="1" s="1"/>
  <c r="A121160" i="1" s="1"/>
  <c r="A121161" i="1" s="1"/>
  <c r="A121162" i="1" s="1"/>
  <c r="A121163" i="1" s="1"/>
  <c r="A121164" i="1" s="1"/>
  <c r="A121165" i="1" s="1"/>
  <c r="A121166" i="1" s="1"/>
  <c r="A121167" i="1" s="1"/>
  <c r="A121168" i="1" s="1"/>
  <c r="A121169" i="1" s="1"/>
  <c r="A121170" i="1" s="1"/>
  <c r="A121171" i="1" s="1"/>
  <c r="A121172" i="1" s="1"/>
  <c r="A121173" i="1" s="1"/>
  <c r="A121174" i="1" s="1"/>
  <c r="A121175" i="1" s="1"/>
  <c r="A121176" i="1" s="1"/>
  <c r="A121177" i="1" s="1"/>
  <c r="A121178" i="1" s="1"/>
  <c r="A121179" i="1" s="1"/>
  <c r="A121180" i="1" s="1"/>
  <c r="A121181" i="1" s="1"/>
  <c r="A121182" i="1" s="1"/>
  <c r="A121183" i="1" s="1"/>
  <c r="A121184" i="1" s="1"/>
  <c r="A121185" i="1" s="1"/>
  <c r="A121186" i="1" s="1"/>
  <c r="A121187" i="1" s="1"/>
  <c r="A121188" i="1" s="1"/>
  <c r="A121189" i="1" s="1"/>
  <c r="A121190" i="1" s="1"/>
  <c r="A121191" i="1" s="1"/>
  <c r="A121192" i="1" s="1"/>
  <c r="A121193" i="1" s="1"/>
  <c r="A121194" i="1" s="1"/>
  <c r="A121195" i="1" s="1"/>
  <c r="A121196" i="1" s="1"/>
  <c r="A121197" i="1" s="1"/>
  <c r="A121198" i="1" s="1"/>
  <c r="A121199" i="1" s="1"/>
  <c r="A121200" i="1" s="1"/>
  <c r="A121201" i="1" s="1"/>
  <c r="A121202" i="1" s="1"/>
  <c r="A121203" i="1" s="1"/>
  <c r="A121204" i="1" s="1"/>
  <c r="A121205" i="1" s="1"/>
  <c r="A121206" i="1" s="1"/>
  <c r="A121207" i="1" s="1"/>
  <c r="A121208" i="1" s="1"/>
  <c r="A121209" i="1" s="1"/>
  <c r="A121210" i="1" s="1"/>
  <c r="A121211" i="1" s="1"/>
  <c r="A121212" i="1" s="1"/>
  <c r="A121213" i="1" s="1"/>
  <c r="A121214" i="1" s="1"/>
  <c r="A121215" i="1" s="1"/>
  <c r="A121216" i="1" s="1"/>
  <c r="A121217" i="1" s="1"/>
  <c r="A121218" i="1" s="1"/>
  <c r="A121219" i="1" s="1"/>
  <c r="A121220" i="1" s="1"/>
  <c r="A121221" i="1" s="1"/>
  <c r="A121222" i="1" s="1"/>
  <c r="A121223" i="1" s="1"/>
  <c r="A121224" i="1" s="1"/>
  <c r="A121225" i="1" s="1"/>
  <c r="A121226" i="1" s="1"/>
  <c r="A121227" i="1" s="1"/>
  <c r="A121228" i="1" s="1"/>
  <c r="A121229" i="1" s="1"/>
  <c r="A121230" i="1" s="1"/>
  <c r="A121231" i="1" s="1"/>
  <c r="A121232" i="1" s="1"/>
  <c r="A121233" i="1" s="1"/>
  <c r="A121234" i="1" s="1"/>
  <c r="A121235" i="1" s="1"/>
  <c r="A121236" i="1" s="1"/>
  <c r="A121237" i="1" s="1"/>
  <c r="A121238" i="1" s="1"/>
  <c r="A121239" i="1" s="1"/>
  <c r="A121240" i="1" s="1"/>
  <c r="A121241" i="1" s="1"/>
  <c r="A121242" i="1" s="1"/>
  <c r="A121243" i="1" s="1"/>
  <c r="A121244" i="1" s="1"/>
  <c r="A121245" i="1" s="1"/>
  <c r="A121246" i="1" s="1"/>
  <c r="A121247" i="1" s="1"/>
  <c r="A121248" i="1" s="1"/>
  <c r="A121249" i="1" s="1"/>
  <c r="A121250" i="1" s="1"/>
  <c r="A121251" i="1" s="1"/>
  <c r="A121252" i="1" s="1"/>
  <c r="A121253" i="1" s="1"/>
  <c r="A121254" i="1" s="1"/>
  <c r="A121255" i="1" s="1"/>
  <c r="A121256" i="1" s="1"/>
  <c r="A121257" i="1" s="1"/>
  <c r="A121258" i="1" s="1"/>
  <c r="A121259" i="1" s="1"/>
  <c r="A121260" i="1" s="1"/>
  <c r="A121261" i="1" s="1"/>
  <c r="A121262" i="1" s="1"/>
  <c r="A121263" i="1" s="1"/>
  <c r="A121264" i="1" s="1"/>
  <c r="A121265" i="1" s="1"/>
  <c r="A121266" i="1" s="1"/>
  <c r="A121267" i="1" s="1"/>
  <c r="A121268" i="1" s="1"/>
  <c r="A121269" i="1" s="1"/>
  <c r="A121270" i="1" s="1"/>
  <c r="A121271" i="1" s="1"/>
  <c r="A121272" i="1" s="1"/>
  <c r="A121273" i="1" s="1"/>
  <c r="A121274" i="1" s="1"/>
  <c r="A121275" i="1" s="1"/>
  <c r="A121276" i="1" s="1"/>
  <c r="A121277" i="1" s="1"/>
  <c r="A121278" i="1" s="1"/>
  <c r="A121279" i="1" s="1"/>
  <c r="A121280" i="1" s="1"/>
  <c r="A121281" i="1" s="1"/>
  <c r="A121282" i="1" s="1"/>
  <c r="A121283" i="1" s="1"/>
  <c r="A121284" i="1" s="1"/>
  <c r="A121285" i="1" s="1"/>
  <c r="A121286" i="1" s="1"/>
  <c r="A121287" i="1" s="1"/>
  <c r="A121288" i="1" s="1"/>
  <c r="A121289" i="1" s="1"/>
  <c r="A121290" i="1" s="1"/>
  <c r="A121291" i="1" s="1"/>
  <c r="A121292" i="1" s="1"/>
  <c r="A121293" i="1" s="1"/>
  <c r="A121294" i="1" s="1"/>
  <c r="A121295" i="1" s="1"/>
  <c r="A121296" i="1" s="1"/>
  <c r="A121297" i="1" s="1"/>
  <c r="A121298" i="1" s="1"/>
  <c r="A121299" i="1" s="1"/>
  <c r="A121300" i="1" s="1"/>
  <c r="A121301" i="1" s="1"/>
  <c r="A121302" i="1" s="1"/>
  <c r="A121303" i="1" s="1"/>
  <c r="A121304" i="1" s="1"/>
  <c r="A121305" i="1" s="1"/>
  <c r="A121306" i="1" s="1"/>
  <c r="A121307" i="1" s="1"/>
  <c r="A121308" i="1" s="1"/>
  <c r="A121309" i="1" s="1"/>
  <c r="A121310" i="1" s="1"/>
  <c r="A121311" i="1" s="1"/>
  <c r="A121312" i="1" s="1"/>
  <c r="A121313" i="1" s="1"/>
  <c r="A121314" i="1" s="1"/>
  <c r="A121315" i="1" s="1"/>
  <c r="A121316" i="1" s="1"/>
  <c r="A121317" i="1" s="1"/>
  <c r="A121318" i="1" s="1"/>
  <c r="A121319" i="1" s="1"/>
  <c r="A121320" i="1" s="1"/>
  <c r="A121321" i="1" s="1"/>
  <c r="A121322" i="1" s="1"/>
  <c r="A121323" i="1" s="1"/>
  <c r="A121324" i="1" s="1"/>
  <c r="A121325" i="1" s="1"/>
  <c r="A121326" i="1" s="1"/>
  <c r="A121327" i="1" s="1"/>
  <c r="A121328" i="1" s="1"/>
  <c r="A121329" i="1" s="1"/>
  <c r="A121330" i="1" s="1"/>
  <c r="A121331" i="1" s="1"/>
  <c r="A121332" i="1" s="1"/>
  <c r="A121333" i="1" s="1"/>
  <c r="A121334" i="1" s="1"/>
  <c r="A121335" i="1" s="1"/>
  <c r="A121336" i="1" s="1"/>
  <c r="A121337" i="1" s="1"/>
  <c r="A121338" i="1" s="1"/>
  <c r="A121339" i="1" s="1"/>
  <c r="A121340" i="1" s="1"/>
  <c r="A121341" i="1" s="1"/>
  <c r="A121342" i="1" s="1"/>
  <c r="A121343" i="1" s="1"/>
  <c r="A121344" i="1" s="1"/>
  <c r="A121345" i="1" s="1"/>
  <c r="A121346" i="1" s="1"/>
  <c r="A121347" i="1" s="1"/>
  <c r="A121348" i="1" s="1"/>
  <c r="A121349" i="1" s="1"/>
  <c r="A121350" i="1" s="1"/>
  <c r="A121351" i="1" s="1"/>
  <c r="A121352" i="1" s="1"/>
  <c r="A121353" i="1" s="1"/>
  <c r="A121354" i="1" s="1"/>
  <c r="A121355" i="1" s="1"/>
  <c r="A121356" i="1" s="1"/>
  <c r="A121357" i="1" s="1"/>
  <c r="A121358" i="1" s="1"/>
  <c r="A121359" i="1" s="1"/>
  <c r="A121360" i="1" s="1"/>
  <c r="A121361" i="1" s="1"/>
  <c r="A121362" i="1" s="1"/>
  <c r="A121363" i="1" s="1"/>
  <c r="A121364" i="1" s="1"/>
  <c r="A121365" i="1" s="1"/>
  <c r="A121366" i="1" s="1"/>
  <c r="A121367" i="1" s="1"/>
  <c r="A121368" i="1" s="1"/>
  <c r="A121369" i="1" s="1"/>
  <c r="A121370" i="1" s="1"/>
  <c r="A121371" i="1" s="1"/>
  <c r="A121372" i="1" s="1"/>
  <c r="A121373" i="1" s="1"/>
  <c r="A121374" i="1" s="1"/>
  <c r="A121375" i="1" s="1"/>
  <c r="A121376" i="1" s="1"/>
  <c r="A121377" i="1" s="1"/>
  <c r="A121378" i="1" s="1"/>
  <c r="A121379" i="1" s="1"/>
  <c r="A121380" i="1" s="1"/>
  <c r="A121381" i="1" s="1"/>
  <c r="A121382" i="1" s="1"/>
  <c r="A121383" i="1" s="1"/>
  <c r="A121384" i="1" s="1"/>
  <c r="A121385" i="1" s="1"/>
  <c r="A121386" i="1" s="1"/>
  <c r="A121387" i="1" s="1"/>
  <c r="A121388" i="1" s="1"/>
  <c r="A121389" i="1" s="1"/>
  <c r="A121390" i="1" s="1"/>
  <c r="A121391" i="1" s="1"/>
  <c r="A121392" i="1" s="1"/>
  <c r="A121393" i="1" s="1"/>
  <c r="A121394" i="1" s="1"/>
  <c r="A121395" i="1" s="1"/>
  <c r="A121396" i="1" s="1"/>
  <c r="A121397" i="1" s="1"/>
  <c r="A121398" i="1" s="1"/>
  <c r="A121399" i="1" s="1"/>
  <c r="A121400" i="1" s="1"/>
  <c r="A121401" i="1" s="1"/>
  <c r="A121402" i="1" s="1"/>
  <c r="A121403" i="1" s="1"/>
  <c r="A121404" i="1" s="1"/>
  <c r="A121405" i="1" s="1"/>
  <c r="A121406" i="1" s="1"/>
  <c r="A121407" i="1" s="1"/>
  <c r="A121408" i="1" s="1"/>
  <c r="A121409" i="1" s="1"/>
  <c r="A121410" i="1" s="1"/>
  <c r="A121411" i="1" s="1"/>
  <c r="A121412" i="1" s="1"/>
  <c r="A121413" i="1" s="1"/>
  <c r="A121414" i="1" s="1"/>
  <c r="A121415" i="1" s="1"/>
  <c r="A121416" i="1" s="1"/>
  <c r="A121417" i="1" s="1"/>
  <c r="A121418" i="1" s="1"/>
  <c r="A121419" i="1" s="1"/>
  <c r="A121420" i="1" s="1"/>
  <c r="A121421" i="1" s="1"/>
  <c r="A121422" i="1" s="1"/>
  <c r="A121423" i="1" s="1"/>
  <c r="A121424" i="1" s="1"/>
  <c r="A121425" i="1" s="1"/>
  <c r="A121426" i="1" s="1"/>
  <c r="A121427" i="1" s="1"/>
  <c r="A121428" i="1" s="1"/>
  <c r="A121429" i="1" s="1"/>
  <c r="A121430" i="1" s="1"/>
  <c r="A121431" i="1" s="1"/>
  <c r="A121432" i="1" s="1"/>
  <c r="A121433" i="1" s="1"/>
  <c r="A121434" i="1" s="1"/>
  <c r="A121435" i="1" s="1"/>
  <c r="A121436" i="1" s="1"/>
  <c r="A121437" i="1" s="1"/>
  <c r="A121438" i="1" s="1"/>
  <c r="A121439" i="1" s="1"/>
  <c r="A121440" i="1" s="1"/>
  <c r="A121441" i="1" s="1"/>
  <c r="A121442" i="1" s="1"/>
  <c r="A121443" i="1" s="1"/>
  <c r="A121444" i="1" s="1"/>
  <c r="A121445" i="1" s="1"/>
  <c r="A121446" i="1" s="1"/>
  <c r="A121447" i="1" s="1"/>
  <c r="A121448" i="1" s="1"/>
  <c r="A121449" i="1" s="1"/>
  <c r="A121450" i="1" s="1"/>
  <c r="A121451" i="1" s="1"/>
  <c r="A121452" i="1" s="1"/>
  <c r="A121453" i="1" s="1"/>
  <c r="A121454" i="1" s="1"/>
  <c r="A121455" i="1" s="1"/>
  <c r="A121456" i="1" s="1"/>
  <c r="A121457" i="1" s="1"/>
  <c r="A121458" i="1" s="1"/>
  <c r="A121459" i="1" s="1"/>
  <c r="A121460" i="1" s="1"/>
  <c r="A121461" i="1" s="1"/>
  <c r="A121462" i="1" s="1"/>
  <c r="A121463" i="1" s="1"/>
  <c r="A121464" i="1" s="1"/>
  <c r="A121465" i="1" s="1"/>
  <c r="A121466" i="1" s="1"/>
  <c r="A121467" i="1" s="1"/>
  <c r="A121468" i="1" s="1"/>
  <c r="A121469" i="1" s="1"/>
  <c r="A121470" i="1" s="1"/>
  <c r="A121471" i="1" s="1"/>
  <c r="A121472" i="1" s="1"/>
  <c r="A121473" i="1" s="1"/>
  <c r="A121474" i="1" s="1"/>
  <c r="A121475" i="1" s="1"/>
  <c r="A121476" i="1" s="1"/>
  <c r="A121477" i="1" s="1"/>
  <c r="A121478" i="1" s="1"/>
  <c r="A121479" i="1" s="1"/>
  <c r="A121480" i="1" s="1"/>
  <c r="A121481" i="1" s="1"/>
  <c r="A121482" i="1" s="1"/>
  <c r="A121483" i="1" s="1"/>
  <c r="A121484" i="1" s="1"/>
  <c r="A121485" i="1" s="1"/>
  <c r="A121486" i="1" s="1"/>
  <c r="A121487" i="1" s="1"/>
  <c r="A121488" i="1" s="1"/>
  <c r="A121489" i="1" s="1"/>
  <c r="A121490" i="1" s="1"/>
  <c r="A121491" i="1" s="1"/>
  <c r="A121492" i="1" s="1"/>
  <c r="A121493" i="1" s="1"/>
  <c r="A121494" i="1" s="1"/>
  <c r="A121495" i="1" s="1"/>
  <c r="A121496" i="1" s="1"/>
  <c r="A121497" i="1" s="1"/>
  <c r="A121498" i="1" s="1"/>
  <c r="A121499" i="1" s="1"/>
  <c r="A121500" i="1" s="1"/>
  <c r="A121501" i="1" s="1"/>
  <c r="A121502" i="1" s="1"/>
  <c r="A121503" i="1" s="1"/>
  <c r="A121504" i="1" s="1"/>
  <c r="A121505" i="1" s="1"/>
  <c r="A121506" i="1" s="1"/>
  <c r="A121507" i="1" s="1"/>
  <c r="A121508" i="1" s="1"/>
  <c r="A121509" i="1" s="1"/>
  <c r="A121510" i="1" s="1"/>
  <c r="A121511" i="1" s="1"/>
  <c r="A121512" i="1" s="1"/>
  <c r="A121513" i="1" s="1"/>
  <c r="A121514" i="1" s="1"/>
  <c r="A121515" i="1" s="1"/>
  <c r="A121516" i="1" s="1"/>
  <c r="A121517" i="1" s="1"/>
  <c r="A121518" i="1" s="1"/>
  <c r="A121519" i="1" s="1"/>
  <c r="A121520" i="1" s="1"/>
  <c r="A121521" i="1" s="1"/>
  <c r="A121522" i="1" s="1"/>
  <c r="A121523" i="1" s="1"/>
  <c r="A121524" i="1" s="1"/>
  <c r="A121525" i="1" s="1"/>
  <c r="A121526" i="1" s="1"/>
  <c r="A121527" i="1" s="1"/>
  <c r="A121528" i="1" s="1"/>
  <c r="A121529" i="1" s="1"/>
  <c r="A121530" i="1" s="1"/>
  <c r="A121531" i="1" s="1"/>
  <c r="A121532" i="1" s="1"/>
  <c r="A121533" i="1" s="1"/>
  <c r="A121534" i="1" s="1"/>
  <c r="A121535" i="1" s="1"/>
  <c r="A121536" i="1" s="1"/>
  <c r="A121537" i="1" s="1"/>
  <c r="A121538" i="1" s="1"/>
  <c r="A121539" i="1" s="1"/>
  <c r="A121540" i="1" s="1"/>
  <c r="A121541" i="1" s="1"/>
  <c r="A121542" i="1" s="1"/>
  <c r="A121543" i="1" s="1"/>
  <c r="A121544" i="1" s="1"/>
  <c r="A121545" i="1" s="1"/>
  <c r="A121546" i="1" s="1"/>
  <c r="A121547" i="1" s="1"/>
  <c r="A121548" i="1" s="1"/>
  <c r="A121549" i="1" s="1"/>
  <c r="A121550" i="1" s="1"/>
  <c r="A121551" i="1" s="1"/>
  <c r="A121552" i="1" s="1"/>
  <c r="A121553" i="1" s="1"/>
  <c r="A121554" i="1" s="1"/>
  <c r="A121555" i="1" s="1"/>
  <c r="A121556" i="1" s="1"/>
  <c r="A121557" i="1" s="1"/>
  <c r="A121558" i="1" s="1"/>
  <c r="A121559" i="1" s="1"/>
  <c r="A121560" i="1" s="1"/>
  <c r="A121561" i="1" s="1"/>
  <c r="A121562" i="1" s="1"/>
  <c r="A121563" i="1" s="1"/>
  <c r="A121564" i="1" s="1"/>
  <c r="A121565" i="1" s="1"/>
  <c r="A121566" i="1" s="1"/>
  <c r="A121567" i="1" s="1"/>
  <c r="A121568" i="1" s="1"/>
  <c r="A121569" i="1" s="1"/>
  <c r="A121570" i="1" s="1"/>
  <c r="A121571" i="1" s="1"/>
  <c r="A121572" i="1" s="1"/>
  <c r="A121573" i="1" s="1"/>
  <c r="A121574" i="1" s="1"/>
  <c r="A121575" i="1" s="1"/>
  <c r="A121576" i="1" s="1"/>
  <c r="A121577" i="1" s="1"/>
  <c r="A121578" i="1" s="1"/>
  <c r="A121579" i="1" s="1"/>
  <c r="A121580" i="1" s="1"/>
  <c r="A121581" i="1" s="1"/>
  <c r="A121582" i="1" s="1"/>
  <c r="A121583" i="1" s="1"/>
  <c r="A121584" i="1" s="1"/>
  <c r="A121585" i="1" s="1"/>
  <c r="A121586" i="1" s="1"/>
  <c r="A121587" i="1" s="1"/>
  <c r="A121588" i="1" s="1"/>
  <c r="A121589" i="1" s="1"/>
  <c r="A121590" i="1" s="1"/>
  <c r="A121591" i="1" s="1"/>
  <c r="A121592" i="1" s="1"/>
  <c r="A121593" i="1" s="1"/>
  <c r="A121594" i="1" s="1"/>
  <c r="A121595" i="1" s="1"/>
  <c r="A121596" i="1" s="1"/>
  <c r="A121597" i="1" s="1"/>
  <c r="A121598" i="1" s="1"/>
  <c r="A121599" i="1" s="1"/>
  <c r="A121600" i="1" s="1"/>
  <c r="A121601" i="1" s="1"/>
  <c r="A121602" i="1" s="1"/>
  <c r="A121603" i="1" s="1"/>
  <c r="A121604" i="1" s="1"/>
  <c r="A121605" i="1" s="1"/>
  <c r="A121606" i="1" s="1"/>
  <c r="A121607" i="1" s="1"/>
  <c r="A121608" i="1" s="1"/>
  <c r="A121609" i="1" s="1"/>
  <c r="A121610" i="1" s="1"/>
  <c r="A121611" i="1" s="1"/>
  <c r="A121612" i="1" s="1"/>
  <c r="A121613" i="1" s="1"/>
  <c r="A121614" i="1" s="1"/>
  <c r="A121615" i="1" s="1"/>
  <c r="A121616" i="1" s="1"/>
  <c r="A121617" i="1" s="1"/>
  <c r="A121618" i="1" s="1"/>
  <c r="A121619" i="1" s="1"/>
  <c r="A121620" i="1" s="1"/>
  <c r="A121621" i="1" s="1"/>
  <c r="A121622" i="1" s="1"/>
  <c r="A121623" i="1" s="1"/>
  <c r="A121624" i="1" s="1"/>
  <c r="A121625" i="1" s="1"/>
  <c r="A121626" i="1" s="1"/>
  <c r="A121627" i="1" s="1"/>
  <c r="A121628" i="1" s="1"/>
  <c r="A121629" i="1" s="1"/>
  <c r="A121630" i="1" s="1"/>
  <c r="A121631" i="1" s="1"/>
  <c r="A121632" i="1" s="1"/>
  <c r="A121633" i="1" s="1"/>
  <c r="A121634" i="1" s="1"/>
  <c r="A121635" i="1" s="1"/>
  <c r="A121636" i="1" s="1"/>
  <c r="A121637" i="1" s="1"/>
  <c r="A121638" i="1" s="1"/>
  <c r="A121639" i="1" s="1"/>
  <c r="A121640" i="1" s="1"/>
  <c r="A121641" i="1" s="1"/>
  <c r="A121642" i="1" s="1"/>
  <c r="A121643" i="1" s="1"/>
  <c r="A121644" i="1" s="1"/>
  <c r="A121645" i="1" s="1"/>
  <c r="A121646" i="1" s="1"/>
  <c r="A121647" i="1" s="1"/>
  <c r="A121648" i="1" s="1"/>
  <c r="A121649" i="1" s="1"/>
  <c r="A121650" i="1" s="1"/>
  <c r="A121651" i="1" s="1"/>
  <c r="A121652" i="1" s="1"/>
  <c r="A121653" i="1" s="1"/>
  <c r="A121654" i="1" s="1"/>
  <c r="A121655" i="1" s="1"/>
  <c r="A121656" i="1" s="1"/>
  <c r="A121657" i="1" s="1"/>
  <c r="A121658" i="1" s="1"/>
  <c r="A121659" i="1" s="1"/>
  <c r="A121660" i="1" s="1"/>
  <c r="A121661" i="1" s="1"/>
  <c r="A121662" i="1" s="1"/>
  <c r="A121663" i="1" s="1"/>
  <c r="A121664" i="1" s="1"/>
  <c r="A121665" i="1" s="1"/>
  <c r="A121666" i="1" s="1"/>
  <c r="A121667" i="1" s="1"/>
  <c r="A121668" i="1" s="1"/>
  <c r="A121669" i="1" s="1"/>
  <c r="A121670" i="1" s="1"/>
  <c r="A121671" i="1" s="1"/>
  <c r="A121672" i="1" s="1"/>
  <c r="A121673" i="1" s="1"/>
  <c r="A121674" i="1" s="1"/>
  <c r="A121675" i="1" s="1"/>
  <c r="A121676" i="1" s="1"/>
  <c r="A121677" i="1" s="1"/>
  <c r="A121678" i="1" s="1"/>
  <c r="A121679" i="1" s="1"/>
  <c r="A121680" i="1" s="1"/>
  <c r="A121681" i="1" s="1"/>
  <c r="A121682" i="1" s="1"/>
  <c r="A121683" i="1" s="1"/>
  <c r="A121684" i="1" s="1"/>
  <c r="A121685" i="1" s="1"/>
  <c r="A121686" i="1" s="1"/>
  <c r="A121687" i="1" s="1"/>
  <c r="A121688" i="1" s="1"/>
  <c r="A121689" i="1" s="1"/>
  <c r="A121690" i="1" s="1"/>
  <c r="A121691" i="1" s="1"/>
  <c r="A121692" i="1" s="1"/>
  <c r="A121693" i="1" s="1"/>
  <c r="A121694" i="1" s="1"/>
  <c r="A121695" i="1" s="1"/>
  <c r="A121696" i="1" s="1"/>
  <c r="A121697" i="1" s="1"/>
  <c r="A121698" i="1" s="1"/>
  <c r="A121699" i="1" s="1"/>
  <c r="A121700" i="1" s="1"/>
  <c r="A121701" i="1" s="1"/>
  <c r="A121702" i="1" s="1"/>
  <c r="A121703" i="1" s="1"/>
  <c r="A121704" i="1" s="1"/>
  <c r="A121705" i="1" s="1"/>
  <c r="A121706" i="1" s="1"/>
  <c r="A121707" i="1" s="1"/>
  <c r="A121708" i="1" s="1"/>
  <c r="A121709" i="1" s="1"/>
  <c r="A121710" i="1" s="1"/>
  <c r="A121711" i="1" s="1"/>
  <c r="A121712" i="1" s="1"/>
  <c r="A121713" i="1" s="1"/>
  <c r="A121714" i="1" s="1"/>
  <c r="A121715" i="1" s="1"/>
  <c r="A121716" i="1" s="1"/>
  <c r="A121717" i="1" s="1"/>
  <c r="A121718" i="1" s="1"/>
  <c r="A121719" i="1" s="1"/>
  <c r="A121720" i="1" s="1"/>
  <c r="A121721" i="1" s="1"/>
  <c r="A121722" i="1" s="1"/>
  <c r="A121723" i="1" s="1"/>
  <c r="A121724" i="1" s="1"/>
  <c r="A121725" i="1" s="1"/>
  <c r="A121726" i="1" s="1"/>
  <c r="A121727" i="1" s="1"/>
  <c r="A121728" i="1" s="1"/>
  <c r="A121729" i="1" s="1"/>
  <c r="A121730" i="1" s="1"/>
  <c r="A121731" i="1" s="1"/>
  <c r="A121732" i="1" s="1"/>
  <c r="A121733" i="1" s="1"/>
  <c r="A121734" i="1" s="1"/>
  <c r="A121735" i="1" s="1"/>
  <c r="A121736" i="1" s="1"/>
  <c r="A121737" i="1" s="1"/>
  <c r="A121738" i="1" s="1"/>
  <c r="A121739" i="1" s="1"/>
  <c r="A121740" i="1" s="1"/>
  <c r="A121741" i="1" s="1"/>
  <c r="A121742" i="1" s="1"/>
  <c r="A121743" i="1" s="1"/>
  <c r="A121744" i="1" s="1"/>
  <c r="A121745" i="1" s="1"/>
  <c r="A121746" i="1" s="1"/>
  <c r="A121747" i="1" s="1"/>
  <c r="A121748" i="1" s="1"/>
  <c r="A121749" i="1" s="1"/>
  <c r="A121750" i="1" s="1"/>
  <c r="A121751" i="1" s="1"/>
  <c r="A121752" i="1" s="1"/>
  <c r="A121753" i="1" s="1"/>
  <c r="A121754" i="1" s="1"/>
  <c r="A121755" i="1" s="1"/>
  <c r="A121756" i="1" s="1"/>
  <c r="A121757" i="1" s="1"/>
  <c r="A121758" i="1" s="1"/>
  <c r="A121759" i="1" s="1"/>
  <c r="A121760" i="1" s="1"/>
  <c r="A121761" i="1" s="1"/>
  <c r="A121762" i="1" s="1"/>
  <c r="A121763" i="1" s="1"/>
  <c r="A121764" i="1" s="1"/>
  <c r="A121765" i="1" s="1"/>
  <c r="A121766" i="1" s="1"/>
  <c r="A121767" i="1" s="1"/>
  <c r="A121768" i="1" s="1"/>
  <c r="A121769" i="1" s="1"/>
  <c r="A121770" i="1" s="1"/>
  <c r="A121771" i="1" s="1"/>
  <c r="A121772" i="1" s="1"/>
  <c r="A121773" i="1" s="1"/>
  <c r="A121774" i="1" s="1"/>
  <c r="A121775" i="1" s="1"/>
  <c r="A121776" i="1" s="1"/>
  <c r="A121777" i="1" s="1"/>
  <c r="A121778" i="1" s="1"/>
  <c r="A121779" i="1" s="1"/>
  <c r="A121780" i="1" s="1"/>
  <c r="A121781" i="1" s="1"/>
  <c r="A121782" i="1" s="1"/>
  <c r="A121783" i="1" s="1"/>
  <c r="A121784" i="1" s="1"/>
  <c r="A121785" i="1" s="1"/>
  <c r="A121786" i="1" s="1"/>
  <c r="A121787" i="1" s="1"/>
  <c r="A121788" i="1" s="1"/>
  <c r="A121789" i="1" s="1"/>
  <c r="A121790" i="1" s="1"/>
  <c r="A121791" i="1" s="1"/>
  <c r="A121792" i="1" s="1"/>
  <c r="A121793" i="1" s="1"/>
  <c r="A121794" i="1" s="1"/>
  <c r="A121795" i="1" s="1"/>
  <c r="A121796" i="1" s="1"/>
  <c r="A121797" i="1" s="1"/>
  <c r="A121798" i="1" s="1"/>
  <c r="A121799" i="1" s="1"/>
  <c r="A121800" i="1" s="1"/>
  <c r="A121801" i="1" s="1"/>
  <c r="A121802" i="1" s="1"/>
  <c r="A121803" i="1" s="1"/>
  <c r="A121804" i="1" s="1"/>
  <c r="A121805" i="1" s="1"/>
  <c r="A121806" i="1" s="1"/>
  <c r="A121807" i="1" s="1"/>
  <c r="A121808" i="1" s="1"/>
  <c r="A121809" i="1" s="1"/>
  <c r="A121810" i="1" s="1"/>
  <c r="A121811" i="1" s="1"/>
  <c r="A121812" i="1" s="1"/>
  <c r="A121813" i="1" s="1"/>
  <c r="A121814" i="1" s="1"/>
  <c r="A121815" i="1" s="1"/>
  <c r="A121816" i="1" s="1"/>
  <c r="A121817" i="1" s="1"/>
  <c r="A121818" i="1" s="1"/>
  <c r="A121819" i="1" s="1"/>
  <c r="A121820" i="1" s="1"/>
  <c r="A121821" i="1" s="1"/>
  <c r="A121822" i="1" s="1"/>
  <c r="A121823" i="1" s="1"/>
  <c r="A121824" i="1" s="1"/>
  <c r="A121825" i="1" s="1"/>
  <c r="A121826" i="1" s="1"/>
  <c r="A121827" i="1" s="1"/>
  <c r="A121828" i="1" s="1"/>
  <c r="A121829" i="1" s="1"/>
  <c r="A121830" i="1" s="1"/>
  <c r="A121831" i="1" s="1"/>
  <c r="A121832" i="1" s="1"/>
  <c r="A121833" i="1" s="1"/>
  <c r="A121834" i="1" s="1"/>
  <c r="A121835" i="1" s="1"/>
  <c r="A121836" i="1" s="1"/>
  <c r="A121837" i="1" s="1"/>
  <c r="A121838" i="1" s="1"/>
  <c r="A121839" i="1" s="1"/>
  <c r="A121840" i="1" s="1"/>
  <c r="A121841" i="1" s="1"/>
  <c r="A121842" i="1" s="1"/>
  <c r="A121843" i="1" s="1"/>
  <c r="A121844" i="1" s="1"/>
  <c r="A121845" i="1" s="1"/>
  <c r="A121846" i="1" s="1"/>
  <c r="A121847" i="1" s="1"/>
  <c r="A121848" i="1" s="1"/>
  <c r="A121849" i="1" s="1"/>
  <c r="A121850" i="1" s="1"/>
  <c r="A121851" i="1" s="1"/>
  <c r="A121852" i="1" s="1"/>
  <c r="A121853" i="1" s="1"/>
  <c r="A121854" i="1" s="1"/>
  <c r="A121855" i="1" s="1"/>
  <c r="A121856" i="1" s="1"/>
  <c r="A121857" i="1" s="1"/>
  <c r="A121858" i="1" s="1"/>
  <c r="A121859" i="1" s="1"/>
  <c r="A121860" i="1" s="1"/>
  <c r="A121861" i="1" s="1"/>
  <c r="A121862" i="1" s="1"/>
  <c r="A121863" i="1" s="1"/>
  <c r="A121864" i="1" s="1"/>
  <c r="A121865" i="1" s="1"/>
  <c r="A121866" i="1" s="1"/>
  <c r="A121867" i="1" s="1"/>
  <c r="A121868" i="1" s="1"/>
  <c r="A121869" i="1" s="1"/>
  <c r="A121870" i="1" s="1"/>
  <c r="A121871" i="1" s="1"/>
  <c r="A121872" i="1" s="1"/>
  <c r="A121873" i="1" s="1"/>
  <c r="A121874" i="1" s="1"/>
  <c r="A121875" i="1" s="1"/>
  <c r="A121876" i="1" s="1"/>
  <c r="A121877" i="1" s="1"/>
  <c r="A121878" i="1" s="1"/>
  <c r="A121879" i="1" s="1"/>
  <c r="A121880" i="1" s="1"/>
  <c r="A121881" i="1" s="1"/>
  <c r="A121882" i="1" s="1"/>
  <c r="A121883" i="1" s="1"/>
  <c r="A121884" i="1" s="1"/>
  <c r="A121885" i="1" s="1"/>
  <c r="A121886" i="1" s="1"/>
  <c r="A121887" i="1" s="1"/>
  <c r="A121888" i="1" s="1"/>
  <c r="A121889" i="1" s="1"/>
  <c r="A121890" i="1" s="1"/>
  <c r="A121891" i="1" s="1"/>
  <c r="A121892" i="1" s="1"/>
  <c r="A121893" i="1" s="1"/>
  <c r="A121894" i="1" s="1"/>
  <c r="A121895" i="1" s="1"/>
  <c r="A121896" i="1" s="1"/>
  <c r="A121897" i="1" s="1"/>
  <c r="A121898" i="1" s="1"/>
  <c r="A121899" i="1" s="1"/>
  <c r="A121900" i="1" s="1"/>
  <c r="A121901" i="1" s="1"/>
  <c r="A121902" i="1" s="1"/>
  <c r="A121903" i="1" s="1"/>
  <c r="A121904" i="1" s="1"/>
  <c r="A121905" i="1" s="1"/>
  <c r="A121906" i="1" s="1"/>
  <c r="A121907" i="1" s="1"/>
  <c r="A121908" i="1" s="1"/>
  <c r="A121909" i="1" s="1"/>
  <c r="A121910" i="1" s="1"/>
  <c r="A121911" i="1" s="1"/>
  <c r="A121912" i="1" s="1"/>
  <c r="A121913" i="1" s="1"/>
  <c r="A121914" i="1" s="1"/>
  <c r="A121915" i="1" s="1"/>
  <c r="A121916" i="1" s="1"/>
  <c r="A121917" i="1" s="1"/>
  <c r="A121918" i="1" s="1"/>
  <c r="A121919" i="1" s="1"/>
  <c r="A121920" i="1" s="1"/>
  <c r="A121921" i="1" s="1"/>
  <c r="A121922" i="1" s="1"/>
  <c r="A121923" i="1" s="1"/>
  <c r="A121924" i="1" s="1"/>
  <c r="A121925" i="1" s="1"/>
  <c r="A121926" i="1" s="1"/>
  <c r="A121927" i="1" s="1"/>
  <c r="A121928" i="1" s="1"/>
  <c r="A121929" i="1" s="1"/>
  <c r="A121930" i="1" s="1"/>
  <c r="A121931" i="1" s="1"/>
  <c r="A121932" i="1" s="1"/>
  <c r="A121933" i="1" s="1"/>
  <c r="A121934" i="1" s="1"/>
  <c r="A121935" i="1" s="1"/>
  <c r="A121936" i="1" s="1"/>
  <c r="A121937" i="1" s="1"/>
  <c r="A121938" i="1" s="1"/>
  <c r="A121939" i="1" s="1"/>
  <c r="A121940" i="1" s="1"/>
  <c r="A121941" i="1" s="1"/>
  <c r="A121942" i="1" s="1"/>
  <c r="A121943" i="1" s="1"/>
  <c r="A121944" i="1" s="1"/>
  <c r="A121945" i="1" s="1"/>
  <c r="A121946" i="1" s="1"/>
  <c r="A121947" i="1" s="1"/>
  <c r="A121948" i="1" s="1"/>
  <c r="A121949" i="1" s="1"/>
  <c r="A121950" i="1" s="1"/>
  <c r="A121951" i="1" s="1"/>
  <c r="A121952" i="1" s="1"/>
  <c r="A121953" i="1" s="1"/>
  <c r="A121954" i="1" s="1"/>
  <c r="A121955" i="1" s="1"/>
  <c r="A121956" i="1" s="1"/>
  <c r="A121957" i="1" s="1"/>
  <c r="A121958" i="1" s="1"/>
  <c r="A121959" i="1" s="1"/>
  <c r="A121960" i="1" s="1"/>
  <c r="A121961" i="1" s="1"/>
  <c r="A121962" i="1" s="1"/>
  <c r="A121963" i="1" s="1"/>
  <c r="A121964" i="1" s="1"/>
  <c r="A121965" i="1" s="1"/>
  <c r="A121966" i="1" s="1"/>
  <c r="A121967" i="1" s="1"/>
  <c r="A121968" i="1" s="1"/>
  <c r="A121969" i="1" s="1"/>
  <c r="A121970" i="1" s="1"/>
  <c r="A121971" i="1" s="1"/>
  <c r="A121972" i="1" s="1"/>
  <c r="A121973" i="1" s="1"/>
  <c r="A121974" i="1" s="1"/>
  <c r="A121975" i="1" s="1"/>
  <c r="A121976" i="1" s="1"/>
  <c r="A121977" i="1" s="1"/>
  <c r="A121978" i="1" s="1"/>
  <c r="A121979" i="1" s="1"/>
  <c r="A121980" i="1" s="1"/>
  <c r="A121981" i="1" s="1"/>
  <c r="A121982" i="1" s="1"/>
  <c r="A121983" i="1" s="1"/>
  <c r="A121984" i="1" s="1"/>
  <c r="A121985" i="1" s="1"/>
  <c r="A121986" i="1" s="1"/>
  <c r="A121987" i="1" s="1"/>
  <c r="A121988" i="1" s="1"/>
  <c r="A121989" i="1" s="1"/>
  <c r="A121990" i="1" s="1"/>
  <c r="A121991" i="1" s="1"/>
  <c r="A121992" i="1" s="1"/>
  <c r="A121993" i="1" s="1"/>
  <c r="A121994" i="1" s="1"/>
  <c r="A121995" i="1" s="1"/>
  <c r="A121996" i="1" s="1"/>
  <c r="A121997" i="1" s="1"/>
  <c r="A121998" i="1" s="1"/>
  <c r="A121999" i="1" s="1"/>
  <c r="A122000" i="1" s="1"/>
  <c r="A122001" i="1" s="1"/>
  <c r="A122002" i="1" s="1"/>
  <c r="A122003" i="1" s="1"/>
  <c r="A122004" i="1" s="1"/>
  <c r="A122005" i="1" s="1"/>
  <c r="A122006" i="1" s="1"/>
  <c r="A122007" i="1" s="1"/>
  <c r="A122008" i="1" s="1"/>
  <c r="A122009" i="1" s="1"/>
  <c r="A122010" i="1" s="1"/>
  <c r="A122011" i="1" s="1"/>
  <c r="A122012" i="1" s="1"/>
  <c r="A122013" i="1" s="1"/>
  <c r="A122014" i="1" s="1"/>
  <c r="A122015" i="1" s="1"/>
  <c r="A122016" i="1" s="1"/>
  <c r="A122017" i="1" s="1"/>
  <c r="A122018" i="1" s="1"/>
  <c r="A122019" i="1" s="1"/>
  <c r="A122020" i="1" s="1"/>
  <c r="A122021" i="1" s="1"/>
  <c r="A122022" i="1" s="1"/>
  <c r="A122023" i="1" s="1"/>
  <c r="A122024" i="1" s="1"/>
  <c r="A122025" i="1" s="1"/>
  <c r="A122026" i="1" s="1"/>
  <c r="A122027" i="1" s="1"/>
  <c r="A122028" i="1" s="1"/>
  <c r="A122029" i="1" s="1"/>
  <c r="A122030" i="1" s="1"/>
  <c r="A122031" i="1" s="1"/>
  <c r="A122032" i="1" s="1"/>
  <c r="A122033" i="1" s="1"/>
  <c r="A122034" i="1" s="1"/>
  <c r="A122035" i="1" s="1"/>
  <c r="A122036" i="1" s="1"/>
  <c r="A122037" i="1" s="1"/>
  <c r="A122038" i="1" s="1"/>
  <c r="A122039" i="1" s="1"/>
  <c r="A122040" i="1" s="1"/>
  <c r="A122041" i="1" s="1"/>
  <c r="A122042" i="1" s="1"/>
  <c r="A122043" i="1" s="1"/>
  <c r="A122044" i="1" s="1"/>
  <c r="A122045" i="1" s="1"/>
  <c r="A122046" i="1" s="1"/>
  <c r="A122047" i="1" s="1"/>
  <c r="A122048" i="1" s="1"/>
  <c r="A122049" i="1" s="1"/>
  <c r="A122050" i="1" s="1"/>
  <c r="A122051" i="1" s="1"/>
  <c r="A122052" i="1" s="1"/>
  <c r="A122053" i="1" s="1"/>
  <c r="A122054" i="1" s="1"/>
  <c r="A122055" i="1" s="1"/>
  <c r="A122056" i="1" s="1"/>
  <c r="A122057" i="1" s="1"/>
  <c r="A122058" i="1" s="1"/>
  <c r="A122059" i="1" s="1"/>
  <c r="A122060" i="1" s="1"/>
  <c r="A122061" i="1" s="1"/>
  <c r="A122062" i="1" s="1"/>
  <c r="A122063" i="1" s="1"/>
  <c r="A122064" i="1" s="1"/>
  <c r="A122065" i="1" s="1"/>
  <c r="A122066" i="1" s="1"/>
  <c r="A122067" i="1" s="1"/>
  <c r="A122068" i="1" s="1"/>
  <c r="A122069" i="1" s="1"/>
  <c r="A122070" i="1" s="1"/>
  <c r="A122071" i="1" s="1"/>
  <c r="A122072" i="1" s="1"/>
  <c r="A122073" i="1" s="1"/>
  <c r="A122074" i="1" s="1"/>
  <c r="A122075" i="1" s="1"/>
  <c r="A122076" i="1" s="1"/>
  <c r="A122077" i="1" s="1"/>
  <c r="A122078" i="1" s="1"/>
  <c r="A122079" i="1" s="1"/>
  <c r="A122080" i="1" s="1"/>
  <c r="A122081" i="1" s="1"/>
  <c r="A122082" i="1" s="1"/>
  <c r="A122083" i="1" s="1"/>
  <c r="A122084" i="1" s="1"/>
  <c r="A122085" i="1" s="1"/>
  <c r="A122086" i="1" s="1"/>
  <c r="A122087" i="1" s="1"/>
  <c r="A122088" i="1" s="1"/>
  <c r="A122089" i="1" s="1"/>
  <c r="A122090" i="1" s="1"/>
  <c r="A122091" i="1" s="1"/>
  <c r="A122092" i="1" s="1"/>
  <c r="A122093" i="1" s="1"/>
  <c r="A122094" i="1" s="1"/>
  <c r="A122095" i="1" s="1"/>
  <c r="A122096" i="1" s="1"/>
  <c r="A122097" i="1" s="1"/>
  <c r="A122098" i="1" s="1"/>
  <c r="A122099" i="1" s="1"/>
  <c r="A122100" i="1" s="1"/>
  <c r="A122101" i="1" s="1"/>
  <c r="A122102" i="1" s="1"/>
  <c r="A122103" i="1" s="1"/>
  <c r="A122104" i="1" s="1"/>
  <c r="A122105" i="1" s="1"/>
  <c r="A122106" i="1" s="1"/>
  <c r="A122107" i="1" s="1"/>
  <c r="A122108" i="1" s="1"/>
  <c r="A122109" i="1" s="1"/>
  <c r="A122110" i="1" s="1"/>
  <c r="A122111" i="1" s="1"/>
  <c r="A122112" i="1" s="1"/>
  <c r="A122113" i="1" s="1"/>
  <c r="A122114" i="1" s="1"/>
  <c r="A122115" i="1" s="1"/>
  <c r="A122116" i="1" s="1"/>
  <c r="A122117" i="1" s="1"/>
  <c r="A122118" i="1" s="1"/>
  <c r="A122119" i="1" s="1"/>
  <c r="A122120" i="1" s="1"/>
  <c r="A122121" i="1" s="1"/>
  <c r="A122122" i="1" s="1"/>
  <c r="A122123" i="1" s="1"/>
  <c r="A122124" i="1" s="1"/>
  <c r="A122125" i="1" s="1"/>
  <c r="A122126" i="1" s="1"/>
  <c r="A122127" i="1" s="1"/>
  <c r="A122128" i="1" s="1"/>
  <c r="A122129" i="1" s="1"/>
  <c r="A122130" i="1" s="1"/>
  <c r="A122131" i="1" s="1"/>
  <c r="A122132" i="1" s="1"/>
  <c r="A122133" i="1" s="1"/>
  <c r="A122134" i="1" s="1"/>
  <c r="A122135" i="1" s="1"/>
  <c r="A122136" i="1" s="1"/>
  <c r="A122137" i="1" s="1"/>
  <c r="A122138" i="1" s="1"/>
  <c r="A122139" i="1" s="1"/>
  <c r="A122140" i="1" s="1"/>
  <c r="A122141" i="1" s="1"/>
  <c r="A122142" i="1" s="1"/>
  <c r="A122143" i="1" s="1"/>
  <c r="A122144" i="1" s="1"/>
  <c r="A122145" i="1" s="1"/>
  <c r="A122146" i="1" s="1"/>
  <c r="A122147" i="1" s="1"/>
  <c r="A122148" i="1" s="1"/>
  <c r="A122149" i="1" s="1"/>
  <c r="A122150" i="1" s="1"/>
  <c r="A122151" i="1" s="1"/>
  <c r="A122152" i="1" s="1"/>
  <c r="A122153" i="1" s="1"/>
  <c r="A122154" i="1" s="1"/>
  <c r="A122155" i="1" s="1"/>
  <c r="A122156" i="1" s="1"/>
  <c r="A122157" i="1" s="1"/>
  <c r="A122158" i="1" s="1"/>
  <c r="A122159" i="1" s="1"/>
  <c r="A122160" i="1" s="1"/>
  <c r="A122161" i="1" s="1"/>
  <c r="A122162" i="1" s="1"/>
  <c r="A122163" i="1" s="1"/>
  <c r="A122164" i="1" s="1"/>
  <c r="A122165" i="1" s="1"/>
  <c r="A122166" i="1" s="1"/>
  <c r="A122167" i="1" s="1"/>
  <c r="A122168" i="1" s="1"/>
  <c r="A122169" i="1" s="1"/>
  <c r="A122170" i="1" s="1"/>
  <c r="A122171" i="1" s="1"/>
  <c r="A122172" i="1" s="1"/>
  <c r="A122173" i="1" s="1"/>
  <c r="A122174" i="1" s="1"/>
  <c r="A122175" i="1" s="1"/>
  <c r="A122176" i="1" s="1"/>
  <c r="A122177" i="1" s="1"/>
  <c r="A122178" i="1" s="1"/>
  <c r="A122179" i="1" s="1"/>
  <c r="A122180" i="1" s="1"/>
  <c r="A122181" i="1" s="1"/>
  <c r="A122182" i="1" s="1"/>
  <c r="A122183" i="1" s="1"/>
  <c r="A122184" i="1" s="1"/>
  <c r="A122185" i="1" s="1"/>
  <c r="A122186" i="1" s="1"/>
  <c r="A122187" i="1" s="1"/>
  <c r="A122188" i="1" s="1"/>
  <c r="A122189" i="1" s="1"/>
  <c r="A122190" i="1" s="1"/>
  <c r="A122191" i="1" s="1"/>
  <c r="A122192" i="1" s="1"/>
  <c r="A122193" i="1" s="1"/>
  <c r="A122194" i="1" s="1"/>
  <c r="A122195" i="1" s="1"/>
  <c r="A122196" i="1" s="1"/>
  <c r="A122197" i="1" s="1"/>
  <c r="A122198" i="1" s="1"/>
  <c r="A122199" i="1" s="1"/>
  <c r="A122200" i="1" s="1"/>
  <c r="A122201" i="1" s="1"/>
  <c r="A122202" i="1" s="1"/>
  <c r="A122203" i="1" s="1"/>
  <c r="A122204" i="1" s="1"/>
  <c r="A122205" i="1" s="1"/>
  <c r="A122206" i="1" s="1"/>
  <c r="A122207" i="1" s="1"/>
  <c r="A122208" i="1" s="1"/>
  <c r="A122209" i="1" s="1"/>
  <c r="A122210" i="1" s="1"/>
  <c r="A122211" i="1" s="1"/>
  <c r="A122212" i="1" s="1"/>
  <c r="A122213" i="1" s="1"/>
  <c r="A122214" i="1" s="1"/>
  <c r="A122215" i="1" s="1"/>
  <c r="A122216" i="1" s="1"/>
  <c r="A122217" i="1" s="1"/>
  <c r="A122218" i="1" s="1"/>
  <c r="A122219" i="1" s="1"/>
  <c r="A122220" i="1" s="1"/>
  <c r="A122221" i="1" s="1"/>
  <c r="A122222" i="1" s="1"/>
  <c r="A122223" i="1" s="1"/>
  <c r="A122224" i="1" s="1"/>
  <c r="A122225" i="1" s="1"/>
  <c r="A122226" i="1" s="1"/>
  <c r="A122227" i="1" s="1"/>
  <c r="A122228" i="1" s="1"/>
  <c r="A122229" i="1" s="1"/>
  <c r="A122230" i="1" s="1"/>
  <c r="A122231" i="1" s="1"/>
  <c r="A122232" i="1" s="1"/>
  <c r="A122233" i="1" s="1"/>
  <c r="A122234" i="1" s="1"/>
  <c r="A122235" i="1" s="1"/>
  <c r="A122236" i="1" s="1"/>
  <c r="A122237" i="1" s="1"/>
  <c r="A122238" i="1" s="1"/>
  <c r="A122239" i="1" s="1"/>
  <c r="A122240" i="1" s="1"/>
  <c r="A122241" i="1" s="1"/>
  <c r="A122242" i="1" s="1"/>
  <c r="A122243" i="1" s="1"/>
  <c r="A122244" i="1" s="1"/>
  <c r="A122245" i="1" s="1"/>
  <c r="A122246" i="1" s="1"/>
  <c r="A122247" i="1" s="1"/>
  <c r="A122248" i="1" s="1"/>
  <c r="A122249" i="1" s="1"/>
  <c r="A122250" i="1" s="1"/>
  <c r="A122251" i="1" s="1"/>
  <c r="A122252" i="1" s="1"/>
  <c r="A122253" i="1" s="1"/>
  <c r="A122254" i="1" s="1"/>
  <c r="A122255" i="1" s="1"/>
  <c r="A122256" i="1" s="1"/>
  <c r="A122257" i="1" s="1"/>
  <c r="A122258" i="1" s="1"/>
  <c r="A122259" i="1" s="1"/>
  <c r="A122260" i="1" s="1"/>
  <c r="A122261" i="1" s="1"/>
  <c r="A122262" i="1" s="1"/>
  <c r="A122263" i="1" s="1"/>
  <c r="A122264" i="1" s="1"/>
  <c r="A122265" i="1" s="1"/>
  <c r="A122266" i="1" s="1"/>
  <c r="A122267" i="1" s="1"/>
  <c r="A122268" i="1" s="1"/>
  <c r="A122269" i="1" s="1"/>
  <c r="A122270" i="1" s="1"/>
  <c r="A122271" i="1" s="1"/>
  <c r="A122272" i="1" s="1"/>
  <c r="A122273" i="1" s="1"/>
  <c r="A122274" i="1" s="1"/>
  <c r="A122275" i="1" s="1"/>
  <c r="A122276" i="1" s="1"/>
  <c r="A122277" i="1" s="1"/>
  <c r="A122278" i="1" s="1"/>
  <c r="A122279" i="1" s="1"/>
  <c r="A122280" i="1" s="1"/>
  <c r="A122281" i="1" s="1"/>
  <c r="A122282" i="1" s="1"/>
  <c r="A122283" i="1" s="1"/>
  <c r="A122284" i="1" s="1"/>
  <c r="A122285" i="1" s="1"/>
  <c r="A122286" i="1" s="1"/>
  <c r="A122287" i="1" s="1"/>
  <c r="A122288" i="1" s="1"/>
  <c r="A122289" i="1" s="1"/>
  <c r="A122290" i="1" s="1"/>
  <c r="A122291" i="1" s="1"/>
  <c r="A122292" i="1" s="1"/>
  <c r="A122293" i="1" s="1"/>
  <c r="A122294" i="1" s="1"/>
  <c r="A122295" i="1" s="1"/>
  <c r="A122296" i="1" s="1"/>
  <c r="A122297" i="1" s="1"/>
  <c r="A122298" i="1" s="1"/>
  <c r="A122299" i="1" s="1"/>
  <c r="A122300" i="1" s="1"/>
  <c r="A122301" i="1" s="1"/>
  <c r="A122302" i="1" s="1"/>
  <c r="A122303" i="1" s="1"/>
  <c r="A122304" i="1" s="1"/>
  <c r="A122305" i="1" s="1"/>
  <c r="A122306" i="1" s="1"/>
  <c r="A122307" i="1" s="1"/>
  <c r="A122308" i="1" s="1"/>
  <c r="A122309" i="1" s="1"/>
  <c r="A122310" i="1" s="1"/>
  <c r="A122311" i="1" s="1"/>
  <c r="A122312" i="1" s="1"/>
  <c r="A122313" i="1" s="1"/>
  <c r="A122314" i="1" s="1"/>
  <c r="A122315" i="1" s="1"/>
  <c r="A122316" i="1" s="1"/>
  <c r="A122317" i="1" s="1"/>
  <c r="A122318" i="1" s="1"/>
  <c r="A122319" i="1" s="1"/>
  <c r="A122320" i="1" s="1"/>
  <c r="A122321" i="1" s="1"/>
  <c r="A122322" i="1" s="1"/>
  <c r="A122323" i="1" s="1"/>
  <c r="A122324" i="1" s="1"/>
  <c r="A122325" i="1" s="1"/>
  <c r="A122326" i="1" s="1"/>
  <c r="A122327" i="1" s="1"/>
  <c r="A122328" i="1" s="1"/>
  <c r="A122329" i="1" s="1"/>
  <c r="A122330" i="1" s="1"/>
  <c r="A122331" i="1" s="1"/>
  <c r="A122332" i="1" s="1"/>
  <c r="A122333" i="1" s="1"/>
  <c r="A122334" i="1" s="1"/>
  <c r="A122335" i="1" s="1"/>
  <c r="A122336" i="1" s="1"/>
  <c r="A122337" i="1" s="1"/>
  <c r="A122338" i="1" s="1"/>
  <c r="A122339" i="1" s="1"/>
  <c r="A122340" i="1" s="1"/>
  <c r="A122341" i="1" s="1"/>
  <c r="A122342" i="1" s="1"/>
  <c r="A122343" i="1" s="1"/>
  <c r="A122344" i="1" s="1"/>
  <c r="A122345" i="1" s="1"/>
  <c r="A122346" i="1" s="1"/>
  <c r="A122347" i="1" s="1"/>
  <c r="A122348" i="1" s="1"/>
  <c r="A122349" i="1" s="1"/>
  <c r="A122350" i="1" s="1"/>
  <c r="A122351" i="1" s="1"/>
  <c r="A122352" i="1" s="1"/>
  <c r="A122353" i="1" s="1"/>
  <c r="A122354" i="1" s="1"/>
  <c r="A122355" i="1" s="1"/>
  <c r="A122356" i="1" s="1"/>
  <c r="A122357" i="1" s="1"/>
  <c r="A122358" i="1" s="1"/>
  <c r="A122359" i="1" s="1"/>
  <c r="A122360" i="1" s="1"/>
  <c r="A122361" i="1" s="1"/>
  <c r="A122362" i="1" s="1"/>
  <c r="A122363" i="1" s="1"/>
  <c r="A122364" i="1" s="1"/>
  <c r="A122365" i="1" s="1"/>
  <c r="A122366" i="1" s="1"/>
  <c r="A122367" i="1" s="1"/>
  <c r="A122368" i="1" s="1"/>
  <c r="A122369" i="1" s="1"/>
  <c r="A122370" i="1" s="1"/>
  <c r="A122371" i="1" s="1"/>
  <c r="A122372" i="1" s="1"/>
  <c r="A122373" i="1" s="1"/>
  <c r="A122374" i="1" s="1"/>
  <c r="A122375" i="1" s="1"/>
  <c r="A122376" i="1" s="1"/>
  <c r="A122377" i="1" s="1"/>
  <c r="A122378" i="1" s="1"/>
  <c r="A122379" i="1" s="1"/>
  <c r="A122380" i="1" s="1"/>
  <c r="A122381" i="1" s="1"/>
  <c r="A122382" i="1" s="1"/>
  <c r="A122383" i="1" s="1"/>
  <c r="A122384" i="1" s="1"/>
  <c r="A122385" i="1" s="1"/>
  <c r="A122386" i="1" s="1"/>
  <c r="A122387" i="1" s="1"/>
  <c r="A122388" i="1" s="1"/>
  <c r="A122389" i="1" s="1"/>
  <c r="A122390" i="1" s="1"/>
  <c r="A122391" i="1" s="1"/>
  <c r="A122392" i="1" s="1"/>
  <c r="A122393" i="1" s="1"/>
  <c r="A122394" i="1" s="1"/>
  <c r="A122395" i="1" s="1"/>
  <c r="A122396" i="1" s="1"/>
  <c r="A122397" i="1" s="1"/>
  <c r="A122398" i="1" s="1"/>
  <c r="A122399" i="1" s="1"/>
  <c r="A122400" i="1" s="1"/>
  <c r="A122401" i="1" s="1"/>
  <c r="A122402" i="1" s="1"/>
  <c r="A122403" i="1" s="1"/>
  <c r="A122404" i="1" s="1"/>
  <c r="A122405" i="1" s="1"/>
  <c r="A122406" i="1" s="1"/>
  <c r="A122407" i="1" s="1"/>
  <c r="A122408" i="1" s="1"/>
  <c r="A122409" i="1" s="1"/>
  <c r="A122410" i="1" s="1"/>
  <c r="A122411" i="1" s="1"/>
  <c r="A122412" i="1" s="1"/>
  <c r="A122413" i="1" s="1"/>
  <c r="A122414" i="1" s="1"/>
  <c r="A122415" i="1" s="1"/>
  <c r="A122416" i="1" s="1"/>
  <c r="A122417" i="1" s="1"/>
  <c r="A122418" i="1" s="1"/>
  <c r="A122419" i="1" s="1"/>
  <c r="A122420" i="1" s="1"/>
  <c r="A122421" i="1" s="1"/>
  <c r="A122422" i="1" s="1"/>
  <c r="A122423" i="1" s="1"/>
  <c r="A122424" i="1" s="1"/>
  <c r="A122425" i="1" s="1"/>
  <c r="A122426" i="1" s="1"/>
  <c r="A122427" i="1" s="1"/>
  <c r="A122428" i="1" s="1"/>
  <c r="A122429" i="1" s="1"/>
  <c r="A122430" i="1" s="1"/>
  <c r="A122431" i="1" s="1"/>
  <c r="A122432" i="1" s="1"/>
  <c r="A122433" i="1" s="1"/>
  <c r="A122434" i="1" s="1"/>
  <c r="A122435" i="1" s="1"/>
  <c r="A122436" i="1" s="1"/>
  <c r="A122437" i="1" s="1"/>
  <c r="A122438" i="1" s="1"/>
  <c r="A122439" i="1" s="1"/>
  <c r="A122440" i="1" s="1"/>
  <c r="A122441" i="1" s="1"/>
  <c r="A122442" i="1" s="1"/>
  <c r="A122443" i="1" s="1"/>
  <c r="A122444" i="1" s="1"/>
  <c r="A122445" i="1" s="1"/>
  <c r="A122446" i="1" s="1"/>
  <c r="A122447" i="1" s="1"/>
  <c r="A122448" i="1" s="1"/>
  <c r="A122449" i="1" s="1"/>
  <c r="A122450" i="1" s="1"/>
  <c r="A122451" i="1" s="1"/>
  <c r="A122452" i="1" s="1"/>
  <c r="A122453" i="1" s="1"/>
  <c r="A122454" i="1" s="1"/>
  <c r="A122455" i="1" s="1"/>
  <c r="A122456" i="1" s="1"/>
  <c r="A122457" i="1" s="1"/>
  <c r="A122458" i="1" s="1"/>
  <c r="A122459" i="1" s="1"/>
  <c r="A122460" i="1" s="1"/>
  <c r="A122461" i="1" s="1"/>
  <c r="A122462" i="1" s="1"/>
  <c r="A122463" i="1" s="1"/>
  <c r="A122464" i="1" s="1"/>
  <c r="A122465" i="1" s="1"/>
  <c r="A122466" i="1" s="1"/>
  <c r="A122467" i="1" s="1"/>
  <c r="A122468" i="1" s="1"/>
  <c r="A122469" i="1" s="1"/>
  <c r="A122470" i="1" s="1"/>
  <c r="A122471" i="1" s="1"/>
  <c r="A122472" i="1" s="1"/>
  <c r="A122473" i="1" s="1"/>
  <c r="A122474" i="1" s="1"/>
  <c r="A122475" i="1" s="1"/>
  <c r="A122476" i="1" s="1"/>
  <c r="A122477" i="1" s="1"/>
  <c r="A122478" i="1" s="1"/>
  <c r="A122479" i="1" s="1"/>
  <c r="A122480" i="1" s="1"/>
  <c r="A122481" i="1" s="1"/>
  <c r="A122482" i="1" s="1"/>
  <c r="A122483" i="1" s="1"/>
  <c r="A122484" i="1" s="1"/>
  <c r="A122485" i="1" s="1"/>
  <c r="A122486" i="1" s="1"/>
  <c r="A122487" i="1" s="1"/>
  <c r="A122488" i="1" s="1"/>
  <c r="A122489" i="1" s="1"/>
  <c r="A122490" i="1" s="1"/>
  <c r="A122491" i="1" s="1"/>
  <c r="A122492" i="1" s="1"/>
  <c r="A122493" i="1" s="1"/>
  <c r="A122494" i="1" s="1"/>
  <c r="A122495" i="1" s="1"/>
  <c r="A122496" i="1" s="1"/>
  <c r="A122497" i="1" s="1"/>
  <c r="A122498" i="1" s="1"/>
  <c r="A122499" i="1" s="1"/>
  <c r="A122500" i="1" s="1"/>
  <c r="A122501" i="1" s="1"/>
  <c r="A122502" i="1" s="1"/>
  <c r="A122503" i="1" s="1"/>
  <c r="A122504" i="1" s="1"/>
  <c r="A122505" i="1" s="1"/>
  <c r="A122506" i="1" s="1"/>
  <c r="A122507" i="1" s="1"/>
  <c r="A122508" i="1" s="1"/>
  <c r="A122509" i="1" s="1"/>
  <c r="A122510" i="1" s="1"/>
  <c r="A122511" i="1" s="1"/>
  <c r="A122512" i="1" s="1"/>
  <c r="A122513" i="1" s="1"/>
  <c r="A122514" i="1" s="1"/>
  <c r="A122515" i="1" s="1"/>
  <c r="A122516" i="1" s="1"/>
  <c r="A122517" i="1" s="1"/>
  <c r="A122518" i="1" s="1"/>
  <c r="A122519" i="1" s="1"/>
  <c r="A122520" i="1" s="1"/>
  <c r="A122521" i="1" s="1"/>
  <c r="A122522" i="1" s="1"/>
  <c r="A122523" i="1" s="1"/>
  <c r="A122524" i="1" s="1"/>
  <c r="A122525" i="1" s="1"/>
  <c r="A122526" i="1" s="1"/>
  <c r="A122527" i="1" s="1"/>
  <c r="A122528" i="1" s="1"/>
  <c r="A122529" i="1" s="1"/>
  <c r="A122530" i="1" s="1"/>
  <c r="A122531" i="1" s="1"/>
  <c r="A122532" i="1" s="1"/>
  <c r="A122533" i="1" s="1"/>
  <c r="A122534" i="1" s="1"/>
  <c r="A122535" i="1" s="1"/>
  <c r="A122536" i="1" s="1"/>
  <c r="A122537" i="1" s="1"/>
  <c r="A122538" i="1" s="1"/>
  <c r="A122539" i="1" s="1"/>
  <c r="A122540" i="1" s="1"/>
  <c r="A122541" i="1" s="1"/>
  <c r="A122542" i="1" s="1"/>
  <c r="A122543" i="1" s="1"/>
  <c r="A122544" i="1" s="1"/>
  <c r="A122545" i="1" s="1"/>
  <c r="A122546" i="1" s="1"/>
  <c r="A122547" i="1" s="1"/>
  <c r="A122548" i="1" s="1"/>
  <c r="A122549" i="1" s="1"/>
  <c r="A122550" i="1" s="1"/>
  <c r="A122551" i="1" s="1"/>
  <c r="A122552" i="1" s="1"/>
  <c r="A122553" i="1" s="1"/>
  <c r="A122554" i="1" s="1"/>
  <c r="A122555" i="1" s="1"/>
  <c r="A122556" i="1" s="1"/>
  <c r="A122557" i="1" s="1"/>
  <c r="A122558" i="1" s="1"/>
  <c r="A122559" i="1" s="1"/>
  <c r="A122560" i="1" s="1"/>
  <c r="A122561" i="1" s="1"/>
  <c r="A122562" i="1" s="1"/>
  <c r="A122563" i="1" s="1"/>
  <c r="A122564" i="1" s="1"/>
  <c r="A122565" i="1" s="1"/>
  <c r="A122566" i="1" s="1"/>
  <c r="A122567" i="1" s="1"/>
  <c r="A122568" i="1" s="1"/>
  <c r="A122569" i="1" s="1"/>
  <c r="A122570" i="1" s="1"/>
  <c r="A122571" i="1" s="1"/>
  <c r="A122572" i="1" s="1"/>
  <c r="A122573" i="1" s="1"/>
  <c r="A122574" i="1" s="1"/>
  <c r="A122575" i="1" s="1"/>
  <c r="A122576" i="1" s="1"/>
  <c r="A122577" i="1" s="1"/>
  <c r="A122578" i="1" s="1"/>
  <c r="A122579" i="1" s="1"/>
  <c r="A122580" i="1" s="1"/>
  <c r="A122581" i="1" s="1"/>
  <c r="A122582" i="1" s="1"/>
  <c r="A122583" i="1" s="1"/>
  <c r="A122584" i="1" s="1"/>
  <c r="A122585" i="1" s="1"/>
  <c r="A122586" i="1" s="1"/>
  <c r="A122587" i="1" s="1"/>
  <c r="A122588" i="1" s="1"/>
  <c r="A122589" i="1" s="1"/>
  <c r="A122590" i="1" s="1"/>
  <c r="A122591" i="1" s="1"/>
  <c r="A122592" i="1" s="1"/>
  <c r="A122593" i="1" s="1"/>
  <c r="A122594" i="1" s="1"/>
  <c r="A122595" i="1" s="1"/>
  <c r="A122596" i="1" s="1"/>
  <c r="A122597" i="1" s="1"/>
  <c r="A122598" i="1" s="1"/>
  <c r="A122599" i="1" s="1"/>
  <c r="A122600" i="1" s="1"/>
  <c r="A122601" i="1" s="1"/>
  <c r="A122602" i="1" s="1"/>
  <c r="A122603" i="1" s="1"/>
  <c r="A122604" i="1" s="1"/>
  <c r="A122605" i="1" s="1"/>
  <c r="A122606" i="1" s="1"/>
  <c r="A122607" i="1" s="1"/>
  <c r="A122608" i="1" s="1"/>
  <c r="A122609" i="1" s="1"/>
  <c r="A122610" i="1" s="1"/>
  <c r="A122611" i="1" s="1"/>
  <c r="A122612" i="1" s="1"/>
  <c r="A122613" i="1" s="1"/>
  <c r="A122614" i="1" s="1"/>
  <c r="A122615" i="1" s="1"/>
  <c r="A122616" i="1" s="1"/>
  <c r="A122617" i="1" s="1"/>
  <c r="A122618" i="1" s="1"/>
  <c r="A122619" i="1" s="1"/>
  <c r="A122620" i="1" s="1"/>
  <c r="A122621" i="1" s="1"/>
  <c r="A122622" i="1" s="1"/>
  <c r="A122623" i="1" s="1"/>
  <c r="A122624" i="1" s="1"/>
  <c r="A122625" i="1" s="1"/>
  <c r="A122626" i="1" s="1"/>
  <c r="A122627" i="1" s="1"/>
  <c r="A122628" i="1" s="1"/>
  <c r="A122629" i="1" s="1"/>
  <c r="A122630" i="1" s="1"/>
  <c r="A122631" i="1" s="1"/>
  <c r="A122632" i="1" s="1"/>
  <c r="A122633" i="1" s="1"/>
  <c r="A122634" i="1" s="1"/>
  <c r="A122635" i="1" s="1"/>
  <c r="A122636" i="1" s="1"/>
  <c r="A122637" i="1" s="1"/>
  <c r="A122638" i="1" s="1"/>
  <c r="A122639" i="1" s="1"/>
  <c r="A122640" i="1" s="1"/>
  <c r="A122641" i="1" s="1"/>
  <c r="A122642" i="1" s="1"/>
  <c r="A122643" i="1" s="1"/>
  <c r="A122644" i="1" s="1"/>
  <c r="A122645" i="1" s="1"/>
  <c r="A122646" i="1" s="1"/>
  <c r="A122647" i="1" s="1"/>
  <c r="A122648" i="1" s="1"/>
  <c r="A122649" i="1" s="1"/>
  <c r="A122650" i="1" s="1"/>
  <c r="A122651" i="1" s="1"/>
  <c r="A122652" i="1" s="1"/>
  <c r="A122653" i="1" s="1"/>
  <c r="A122654" i="1" s="1"/>
  <c r="A122655" i="1" s="1"/>
  <c r="A122656" i="1" s="1"/>
  <c r="A122657" i="1" s="1"/>
  <c r="A122658" i="1" s="1"/>
  <c r="A122659" i="1" s="1"/>
  <c r="A122660" i="1" s="1"/>
  <c r="A122661" i="1" s="1"/>
  <c r="A122662" i="1" s="1"/>
  <c r="A122663" i="1" s="1"/>
  <c r="A122664" i="1" s="1"/>
  <c r="A122665" i="1" s="1"/>
  <c r="A122666" i="1" s="1"/>
  <c r="A122667" i="1" s="1"/>
  <c r="A122668" i="1" s="1"/>
  <c r="A122669" i="1" s="1"/>
  <c r="A122670" i="1" s="1"/>
  <c r="A122671" i="1" s="1"/>
  <c r="A122672" i="1" s="1"/>
  <c r="A122673" i="1" s="1"/>
  <c r="A122674" i="1" s="1"/>
  <c r="A122675" i="1" s="1"/>
  <c r="A122676" i="1" s="1"/>
  <c r="A122677" i="1" s="1"/>
  <c r="A122678" i="1" s="1"/>
  <c r="A122679" i="1" s="1"/>
  <c r="A122680" i="1" s="1"/>
  <c r="A122681" i="1" s="1"/>
  <c r="A122682" i="1" s="1"/>
  <c r="A122683" i="1" s="1"/>
  <c r="A122684" i="1" s="1"/>
  <c r="A122685" i="1" s="1"/>
  <c r="A122686" i="1" s="1"/>
  <c r="A122687" i="1" s="1"/>
  <c r="A122688" i="1" s="1"/>
  <c r="A122689" i="1" s="1"/>
  <c r="A122690" i="1" s="1"/>
  <c r="A122691" i="1" s="1"/>
  <c r="A122692" i="1" s="1"/>
  <c r="A122693" i="1" s="1"/>
  <c r="A122694" i="1" s="1"/>
  <c r="A122695" i="1" s="1"/>
  <c r="A122696" i="1" s="1"/>
  <c r="A122697" i="1" s="1"/>
  <c r="A122698" i="1" s="1"/>
  <c r="A122699" i="1" s="1"/>
  <c r="A122700" i="1" s="1"/>
  <c r="A122701" i="1" s="1"/>
  <c r="A122702" i="1" s="1"/>
  <c r="A122703" i="1" s="1"/>
  <c r="A122704" i="1" s="1"/>
  <c r="A122705" i="1" s="1"/>
  <c r="A122706" i="1" s="1"/>
  <c r="A122707" i="1" s="1"/>
  <c r="A122708" i="1" s="1"/>
  <c r="A122709" i="1" s="1"/>
  <c r="A122710" i="1" s="1"/>
  <c r="A122711" i="1" s="1"/>
  <c r="A122712" i="1" s="1"/>
  <c r="A122713" i="1" s="1"/>
  <c r="A122714" i="1" s="1"/>
  <c r="A122715" i="1" s="1"/>
  <c r="A122716" i="1" s="1"/>
  <c r="A122717" i="1" s="1"/>
  <c r="A122718" i="1" s="1"/>
  <c r="A122719" i="1" s="1"/>
  <c r="A122720" i="1" s="1"/>
  <c r="A122721" i="1" s="1"/>
  <c r="A122722" i="1" s="1"/>
  <c r="A122723" i="1" s="1"/>
  <c r="A122724" i="1" s="1"/>
  <c r="A122725" i="1" s="1"/>
  <c r="A122726" i="1" s="1"/>
  <c r="A122727" i="1" s="1"/>
  <c r="A122728" i="1" s="1"/>
  <c r="A122729" i="1" s="1"/>
  <c r="A122730" i="1" s="1"/>
  <c r="A122731" i="1" s="1"/>
  <c r="A122732" i="1" s="1"/>
  <c r="A122733" i="1" s="1"/>
  <c r="A122734" i="1" s="1"/>
  <c r="A122735" i="1" s="1"/>
  <c r="A122736" i="1" s="1"/>
  <c r="A122737" i="1" s="1"/>
  <c r="A122738" i="1" s="1"/>
  <c r="A122739" i="1" s="1"/>
  <c r="A122740" i="1" s="1"/>
  <c r="A122741" i="1" s="1"/>
  <c r="A122742" i="1" s="1"/>
  <c r="A122743" i="1" s="1"/>
  <c r="A122744" i="1" s="1"/>
  <c r="A122745" i="1" s="1"/>
  <c r="A122746" i="1" s="1"/>
  <c r="A122747" i="1" s="1"/>
  <c r="A122748" i="1" s="1"/>
  <c r="A122749" i="1" s="1"/>
  <c r="A122750" i="1" s="1"/>
  <c r="A122751" i="1" s="1"/>
  <c r="A122752" i="1" s="1"/>
  <c r="A122753" i="1" s="1"/>
  <c r="A122754" i="1" s="1"/>
  <c r="A122755" i="1" s="1"/>
  <c r="A122756" i="1" s="1"/>
  <c r="A122757" i="1" s="1"/>
  <c r="A122758" i="1" s="1"/>
  <c r="A122759" i="1" s="1"/>
  <c r="A122760" i="1" s="1"/>
  <c r="A122761" i="1" s="1"/>
  <c r="A122762" i="1" s="1"/>
  <c r="A122763" i="1" s="1"/>
  <c r="A122764" i="1" s="1"/>
  <c r="A122765" i="1" s="1"/>
  <c r="A122766" i="1" s="1"/>
  <c r="A122767" i="1" s="1"/>
  <c r="A122768" i="1" s="1"/>
  <c r="A122769" i="1" s="1"/>
  <c r="A122770" i="1" s="1"/>
  <c r="A122771" i="1" s="1"/>
  <c r="A122772" i="1" s="1"/>
  <c r="A122773" i="1" s="1"/>
  <c r="A122774" i="1" s="1"/>
  <c r="A122775" i="1" s="1"/>
  <c r="A122776" i="1" s="1"/>
  <c r="A122777" i="1" s="1"/>
  <c r="A122778" i="1" s="1"/>
  <c r="A122779" i="1" s="1"/>
  <c r="A122780" i="1" s="1"/>
  <c r="A122781" i="1" s="1"/>
  <c r="A122782" i="1" s="1"/>
  <c r="A122783" i="1" s="1"/>
  <c r="A122784" i="1" s="1"/>
  <c r="A122785" i="1" s="1"/>
  <c r="A122786" i="1" s="1"/>
  <c r="A122787" i="1" s="1"/>
  <c r="A122788" i="1" s="1"/>
  <c r="A122789" i="1" s="1"/>
  <c r="A122790" i="1" s="1"/>
  <c r="A122791" i="1" s="1"/>
  <c r="A122792" i="1" s="1"/>
  <c r="A122793" i="1" s="1"/>
  <c r="A122794" i="1" s="1"/>
  <c r="A122795" i="1" s="1"/>
  <c r="A122796" i="1" s="1"/>
  <c r="A122797" i="1" s="1"/>
  <c r="A122798" i="1" s="1"/>
  <c r="A122799" i="1" s="1"/>
  <c r="A122800" i="1" s="1"/>
  <c r="A122801" i="1" s="1"/>
  <c r="A122802" i="1" s="1"/>
  <c r="A122803" i="1" s="1"/>
  <c r="A122804" i="1" s="1"/>
  <c r="A122805" i="1" s="1"/>
  <c r="A122806" i="1" s="1"/>
  <c r="A122807" i="1" s="1"/>
  <c r="A122808" i="1" s="1"/>
  <c r="A122809" i="1" s="1"/>
  <c r="A122810" i="1" s="1"/>
  <c r="A122811" i="1" s="1"/>
  <c r="A122812" i="1" s="1"/>
  <c r="A122813" i="1" s="1"/>
  <c r="A122814" i="1" s="1"/>
  <c r="A122815" i="1" s="1"/>
  <c r="A122816" i="1" s="1"/>
  <c r="A122817" i="1" s="1"/>
  <c r="A122818" i="1" s="1"/>
  <c r="A122819" i="1" s="1"/>
  <c r="A122820" i="1" s="1"/>
  <c r="A122821" i="1" s="1"/>
  <c r="A122822" i="1" s="1"/>
  <c r="A122823" i="1" s="1"/>
  <c r="A122824" i="1" s="1"/>
  <c r="A122825" i="1" s="1"/>
  <c r="A122826" i="1" s="1"/>
  <c r="A122827" i="1" s="1"/>
  <c r="A122828" i="1" s="1"/>
  <c r="A122829" i="1" s="1"/>
  <c r="A122830" i="1" s="1"/>
  <c r="A122831" i="1" s="1"/>
  <c r="A122832" i="1" s="1"/>
  <c r="A122833" i="1" s="1"/>
  <c r="A122834" i="1" s="1"/>
  <c r="A122835" i="1" s="1"/>
  <c r="A122836" i="1" s="1"/>
  <c r="A122837" i="1" s="1"/>
  <c r="A122838" i="1" s="1"/>
  <c r="A122839" i="1" s="1"/>
  <c r="A122840" i="1" s="1"/>
  <c r="A122841" i="1" s="1"/>
  <c r="A122842" i="1" s="1"/>
  <c r="A122843" i="1" s="1"/>
  <c r="A122844" i="1" s="1"/>
  <c r="A122845" i="1" s="1"/>
  <c r="A122846" i="1" s="1"/>
  <c r="A122847" i="1" s="1"/>
  <c r="A122848" i="1" s="1"/>
  <c r="A122849" i="1" s="1"/>
  <c r="A122850" i="1" s="1"/>
  <c r="A122851" i="1" s="1"/>
  <c r="A122852" i="1" s="1"/>
  <c r="A122853" i="1" s="1"/>
  <c r="A122854" i="1" s="1"/>
  <c r="A122855" i="1" s="1"/>
  <c r="A122856" i="1" s="1"/>
  <c r="A122857" i="1" s="1"/>
  <c r="A122858" i="1" s="1"/>
  <c r="A122859" i="1" s="1"/>
  <c r="A122860" i="1" s="1"/>
  <c r="A122861" i="1" s="1"/>
  <c r="A122862" i="1" s="1"/>
  <c r="A122863" i="1" s="1"/>
  <c r="A122864" i="1" s="1"/>
  <c r="A122865" i="1" s="1"/>
  <c r="A122866" i="1" s="1"/>
  <c r="A122867" i="1" s="1"/>
  <c r="A122868" i="1" s="1"/>
  <c r="A122869" i="1" s="1"/>
  <c r="A122870" i="1" s="1"/>
  <c r="A122871" i="1" s="1"/>
  <c r="A122872" i="1" s="1"/>
  <c r="A122873" i="1" s="1"/>
  <c r="A122874" i="1" s="1"/>
  <c r="A122875" i="1" s="1"/>
  <c r="A122876" i="1" s="1"/>
  <c r="A122877" i="1" s="1"/>
  <c r="A122878" i="1" s="1"/>
  <c r="A122879" i="1" s="1"/>
  <c r="A122880" i="1" s="1"/>
  <c r="A122881" i="1" s="1"/>
  <c r="A122882" i="1" s="1"/>
  <c r="A122883" i="1" s="1"/>
  <c r="A122884" i="1" s="1"/>
  <c r="A122885" i="1" s="1"/>
  <c r="A122886" i="1" s="1"/>
  <c r="A122887" i="1" s="1"/>
  <c r="A122888" i="1" s="1"/>
  <c r="A122889" i="1" s="1"/>
  <c r="A122890" i="1" s="1"/>
  <c r="A122891" i="1" s="1"/>
  <c r="A122892" i="1" s="1"/>
  <c r="A122893" i="1" s="1"/>
  <c r="A122894" i="1" s="1"/>
  <c r="A122895" i="1" s="1"/>
  <c r="A122896" i="1" s="1"/>
  <c r="A122897" i="1" s="1"/>
  <c r="A122898" i="1" s="1"/>
  <c r="A122899" i="1" s="1"/>
  <c r="A122900" i="1" s="1"/>
  <c r="A122901" i="1" s="1"/>
  <c r="A122902" i="1" s="1"/>
  <c r="A122903" i="1" s="1"/>
  <c r="A122904" i="1" s="1"/>
  <c r="A122905" i="1" s="1"/>
  <c r="A122906" i="1" s="1"/>
  <c r="A122907" i="1" s="1"/>
  <c r="A122908" i="1" s="1"/>
  <c r="A122909" i="1" s="1"/>
  <c r="A122910" i="1" s="1"/>
  <c r="A122911" i="1" s="1"/>
  <c r="A122912" i="1" s="1"/>
  <c r="A122913" i="1" s="1"/>
  <c r="A122914" i="1" s="1"/>
  <c r="A122915" i="1" s="1"/>
  <c r="A122916" i="1" s="1"/>
  <c r="A122917" i="1" s="1"/>
  <c r="A122918" i="1" s="1"/>
  <c r="A122919" i="1" s="1"/>
  <c r="A122920" i="1" s="1"/>
  <c r="A122921" i="1" s="1"/>
  <c r="A122922" i="1" s="1"/>
  <c r="A122923" i="1" s="1"/>
  <c r="A122924" i="1" s="1"/>
  <c r="A122925" i="1" s="1"/>
  <c r="A122926" i="1" s="1"/>
  <c r="A122927" i="1" s="1"/>
  <c r="A122928" i="1" s="1"/>
  <c r="A122929" i="1" s="1"/>
  <c r="A122930" i="1" s="1"/>
  <c r="A122931" i="1" s="1"/>
  <c r="A122932" i="1" s="1"/>
  <c r="A122933" i="1" s="1"/>
  <c r="A122934" i="1" s="1"/>
  <c r="A122935" i="1" s="1"/>
  <c r="A122936" i="1" s="1"/>
  <c r="A122937" i="1" s="1"/>
  <c r="A122938" i="1" s="1"/>
  <c r="A122939" i="1" s="1"/>
  <c r="A122940" i="1" s="1"/>
  <c r="A122941" i="1" s="1"/>
  <c r="A122942" i="1" s="1"/>
  <c r="A122943" i="1" s="1"/>
  <c r="A122944" i="1" s="1"/>
  <c r="A122945" i="1" s="1"/>
  <c r="A122946" i="1" s="1"/>
  <c r="A122947" i="1" s="1"/>
  <c r="A122948" i="1" s="1"/>
  <c r="A122949" i="1" s="1"/>
  <c r="A122950" i="1" s="1"/>
  <c r="A122951" i="1" s="1"/>
  <c r="A122952" i="1" s="1"/>
  <c r="A122953" i="1" s="1"/>
  <c r="A122954" i="1" s="1"/>
  <c r="A122955" i="1" s="1"/>
  <c r="A122956" i="1" s="1"/>
  <c r="A122957" i="1" s="1"/>
  <c r="A122958" i="1" s="1"/>
  <c r="A122959" i="1" s="1"/>
  <c r="A122960" i="1" s="1"/>
  <c r="A122961" i="1" s="1"/>
  <c r="A122962" i="1" s="1"/>
  <c r="A122963" i="1" s="1"/>
  <c r="A122964" i="1" s="1"/>
  <c r="A122965" i="1" s="1"/>
  <c r="A122966" i="1" s="1"/>
  <c r="A122967" i="1" s="1"/>
  <c r="A122968" i="1" s="1"/>
  <c r="A122969" i="1" s="1"/>
  <c r="A122970" i="1" s="1"/>
  <c r="A122971" i="1" s="1"/>
  <c r="A122972" i="1" s="1"/>
  <c r="A122973" i="1" s="1"/>
  <c r="A122974" i="1" s="1"/>
  <c r="A122975" i="1" s="1"/>
  <c r="A122976" i="1" s="1"/>
  <c r="A122977" i="1" s="1"/>
  <c r="A122978" i="1" s="1"/>
  <c r="A122979" i="1" s="1"/>
  <c r="A122980" i="1" s="1"/>
  <c r="A122981" i="1" s="1"/>
  <c r="A122982" i="1" s="1"/>
  <c r="A122983" i="1" s="1"/>
  <c r="A122984" i="1" s="1"/>
  <c r="A122985" i="1" s="1"/>
  <c r="A122986" i="1" s="1"/>
  <c r="A122987" i="1" s="1"/>
  <c r="A122988" i="1" s="1"/>
  <c r="A122989" i="1" s="1"/>
  <c r="A122990" i="1" s="1"/>
  <c r="A122991" i="1" s="1"/>
  <c r="A122992" i="1" s="1"/>
  <c r="A122993" i="1" s="1"/>
  <c r="A122994" i="1" s="1"/>
  <c r="A122995" i="1" s="1"/>
  <c r="A122996" i="1" s="1"/>
  <c r="A122997" i="1" s="1"/>
  <c r="A122998" i="1" s="1"/>
  <c r="A122999" i="1" s="1"/>
  <c r="A123000" i="1" s="1"/>
  <c r="A123001" i="1" s="1"/>
  <c r="A123002" i="1" s="1"/>
  <c r="A123003" i="1" s="1"/>
  <c r="A123004" i="1" s="1"/>
  <c r="A123005" i="1" s="1"/>
  <c r="A123006" i="1" s="1"/>
  <c r="A123007" i="1" s="1"/>
  <c r="A123008" i="1" s="1"/>
  <c r="A123009" i="1" s="1"/>
  <c r="A123010" i="1" s="1"/>
  <c r="A123011" i="1" s="1"/>
  <c r="A123012" i="1" s="1"/>
  <c r="A123013" i="1" s="1"/>
  <c r="A123014" i="1" s="1"/>
  <c r="A123015" i="1" s="1"/>
  <c r="A123016" i="1" s="1"/>
  <c r="A123017" i="1" s="1"/>
  <c r="A123018" i="1" s="1"/>
  <c r="A123019" i="1" s="1"/>
  <c r="A123020" i="1" s="1"/>
  <c r="A123021" i="1" s="1"/>
  <c r="A123022" i="1" s="1"/>
  <c r="A123023" i="1" s="1"/>
  <c r="A123024" i="1" s="1"/>
  <c r="A123025" i="1" s="1"/>
  <c r="A123026" i="1" s="1"/>
  <c r="A123027" i="1" s="1"/>
  <c r="A123028" i="1" s="1"/>
  <c r="A123029" i="1" s="1"/>
  <c r="A123030" i="1" s="1"/>
  <c r="A123031" i="1" s="1"/>
  <c r="A123032" i="1" s="1"/>
  <c r="A123033" i="1" s="1"/>
  <c r="A123034" i="1" s="1"/>
  <c r="A123035" i="1" s="1"/>
  <c r="A123036" i="1" s="1"/>
  <c r="A123037" i="1" s="1"/>
  <c r="A123038" i="1" s="1"/>
  <c r="A123039" i="1" s="1"/>
  <c r="A123040" i="1" s="1"/>
  <c r="A123041" i="1" s="1"/>
  <c r="A123042" i="1" s="1"/>
  <c r="A123043" i="1" s="1"/>
  <c r="A123044" i="1" s="1"/>
  <c r="A123045" i="1" s="1"/>
  <c r="A123046" i="1" s="1"/>
  <c r="A123047" i="1" s="1"/>
  <c r="A123048" i="1" s="1"/>
  <c r="A123049" i="1" s="1"/>
  <c r="A123050" i="1" s="1"/>
  <c r="A123051" i="1" s="1"/>
  <c r="A123052" i="1" s="1"/>
  <c r="A123053" i="1" s="1"/>
  <c r="A123054" i="1" s="1"/>
  <c r="A123055" i="1" s="1"/>
  <c r="A123056" i="1" s="1"/>
  <c r="A123057" i="1" s="1"/>
  <c r="A123058" i="1" s="1"/>
  <c r="A123059" i="1" s="1"/>
  <c r="A123060" i="1" s="1"/>
  <c r="A123061" i="1" s="1"/>
  <c r="A123062" i="1" s="1"/>
  <c r="A123063" i="1" s="1"/>
  <c r="A123064" i="1" s="1"/>
  <c r="A123065" i="1" s="1"/>
  <c r="A123066" i="1" s="1"/>
  <c r="A123067" i="1" s="1"/>
  <c r="A123068" i="1" s="1"/>
  <c r="A123069" i="1" s="1"/>
  <c r="A123070" i="1" s="1"/>
  <c r="A123071" i="1" s="1"/>
  <c r="A123072" i="1" s="1"/>
  <c r="A123073" i="1" s="1"/>
  <c r="A123074" i="1" s="1"/>
  <c r="A123075" i="1" s="1"/>
  <c r="A123076" i="1" s="1"/>
  <c r="A123077" i="1" s="1"/>
  <c r="A123078" i="1" s="1"/>
  <c r="A123079" i="1" s="1"/>
  <c r="A123080" i="1" s="1"/>
  <c r="A123081" i="1" s="1"/>
  <c r="A123082" i="1" s="1"/>
  <c r="A123083" i="1" s="1"/>
  <c r="A123084" i="1" s="1"/>
  <c r="A123085" i="1" s="1"/>
  <c r="A123086" i="1" s="1"/>
  <c r="A123087" i="1" s="1"/>
  <c r="A123088" i="1" s="1"/>
  <c r="A123089" i="1" s="1"/>
  <c r="A123090" i="1" s="1"/>
  <c r="A123091" i="1" s="1"/>
  <c r="A123092" i="1" s="1"/>
  <c r="A123093" i="1" s="1"/>
  <c r="A123094" i="1" s="1"/>
  <c r="A123095" i="1" s="1"/>
  <c r="A123096" i="1" s="1"/>
  <c r="A123097" i="1" s="1"/>
  <c r="A123098" i="1" s="1"/>
  <c r="A123099" i="1" s="1"/>
  <c r="A123100" i="1" s="1"/>
  <c r="A123101" i="1" s="1"/>
  <c r="A123102" i="1" s="1"/>
  <c r="A123103" i="1" s="1"/>
  <c r="A123104" i="1" s="1"/>
  <c r="A123105" i="1" s="1"/>
  <c r="A123106" i="1" s="1"/>
  <c r="A123107" i="1" s="1"/>
  <c r="A123108" i="1" s="1"/>
  <c r="A123109" i="1" s="1"/>
  <c r="A123110" i="1" s="1"/>
  <c r="A123111" i="1" s="1"/>
  <c r="A123112" i="1" s="1"/>
  <c r="A123113" i="1" s="1"/>
  <c r="A123114" i="1" s="1"/>
  <c r="A123115" i="1" s="1"/>
  <c r="A123116" i="1" s="1"/>
  <c r="A123117" i="1" s="1"/>
  <c r="A123118" i="1" s="1"/>
  <c r="A123119" i="1" s="1"/>
  <c r="A123120" i="1" s="1"/>
  <c r="A123121" i="1" s="1"/>
  <c r="A123122" i="1" s="1"/>
  <c r="A123123" i="1" s="1"/>
  <c r="A123124" i="1" s="1"/>
  <c r="A123125" i="1" s="1"/>
  <c r="A123126" i="1" s="1"/>
  <c r="A123127" i="1" s="1"/>
  <c r="A123128" i="1" s="1"/>
  <c r="A123129" i="1" s="1"/>
  <c r="A123130" i="1" s="1"/>
  <c r="A123131" i="1" s="1"/>
  <c r="A123132" i="1" s="1"/>
  <c r="A123133" i="1" s="1"/>
  <c r="A123134" i="1" s="1"/>
  <c r="A123135" i="1" s="1"/>
  <c r="A123136" i="1" s="1"/>
  <c r="A123137" i="1" s="1"/>
  <c r="A123138" i="1" s="1"/>
  <c r="A123139" i="1" s="1"/>
  <c r="A123140" i="1" s="1"/>
  <c r="A123141" i="1" s="1"/>
  <c r="A123142" i="1" s="1"/>
  <c r="A123143" i="1" s="1"/>
  <c r="A123144" i="1" s="1"/>
  <c r="A123145" i="1" s="1"/>
  <c r="A123146" i="1" s="1"/>
  <c r="A123147" i="1" s="1"/>
  <c r="A123148" i="1" s="1"/>
  <c r="A123149" i="1" s="1"/>
  <c r="A123150" i="1" s="1"/>
  <c r="A123151" i="1" s="1"/>
  <c r="A123152" i="1" s="1"/>
  <c r="A123153" i="1" s="1"/>
  <c r="A123154" i="1" s="1"/>
  <c r="A123155" i="1" s="1"/>
  <c r="A123156" i="1" s="1"/>
  <c r="A123157" i="1" s="1"/>
  <c r="A123158" i="1" s="1"/>
  <c r="A123159" i="1" s="1"/>
  <c r="A123160" i="1" s="1"/>
  <c r="A123161" i="1" s="1"/>
  <c r="A123162" i="1" s="1"/>
  <c r="A123163" i="1" s="1"/>
  <c r="A123164" i="1" s="1"/>
  <c r="A123165" i="1" s="1"/>
  <c r="A123166" i="1" s="1"/>
  <c r="A123167" i="1" s="1"/>
  <c r="A123168" i="1" s="1"/>
  <c r="A123169" i="1" s="1"/>
  <c r="A123170" i="1" s="1"/>
  <c r="A123171" i="1" s="1"/>
  <c r="A123172" i="1" s="1"/>
  <c r="A123173" i="1" s="1"/>
  <c r="A123174" i="1" s="1"/>
  <c r="A123175" i="1" s="1"/>
  <c r="A123176" i="1" s="1"/>
  <c r="A123177" i="1" s="1"/>
  <c r="A123178" i="1" s="1"/>
  <c r="A123179" i="1" s="1"/>
  <c r="A123180" i="1" s="1"/>
  <c r="A123181" i="1" s="1"/>
  <c r="A123182" i="1" s="1"/>
  <c r="A123183" i="1" s="1"/>
  <c r="A123184" i="1" s="1"/>
  <c r="A123185" i="1" s="1"/>
  <c r="A123186" i="1" s="1"/>
  <c r="A123187" i="1" s="1"/>
  <c r="A123188" i="1" s="1"/>
  <c r="A123189" i="1" s="1"/>
  <c r="A123190" i="1" s="1"/>
  <c r="A123191" i="1" s="1"/>
  <c r="A123192" i="1" s="1"/>
  <c r="A123193" i="1" s="1"/>
  <c r="A123194" i="1" s="1"/>
  <c r="A123195" i="1" s="1"/>
  <c r="A123196" i="1" s="1"/>
  <c r="A123197" i="1" s="1"/>
  <c r="A123198" i="1" s="1"/>
  <c r="A123199" i="1" s="1"/>
  <c r="A123200" i="1" s="1"/>
  <c r="A123201" i="1" s="1"/>
  <c r="A123202" i="1" s="1"/>
  <c r="A123203" i="1" s="1"/>
  <c r="A123204" i="1" s="1"/>
  <c r="A123205" i="1" s="1"/>
  <c r="A123206" i="1" s="1"/>
  <c r="A123207" i="1" s="1"/>
  <c r="A123208" i="1" s="1"/>
  <c r="A123209" i="1" s="1"/>
  <c r="A123210" i="1" s="1"/>
  <c r="A123211" i="1" s="1"/>
  <c r="A123212" i="1" s="1"/>
  <c r="A123213" i="1" s="1"/>
  <c r="A123214" i="1" s="1"/>
  <c r="A123215" i="1" s="1"/>
  <c r="A123216" i="1" s="1"/>
  <c r="A123217" i="1" s="1"/>
  <c r="A123218" i="1" s="1"/>
  <c r="A123219" i="1" s="1"/>
  <c r="A123220" i="1" s="1"/>
  <c r="A123221" i="1" s="1"/>
  <c r="A123222" i="1" s="1"/>
  <c r="A123223" i="1" s="1"/>
  <c r="A123224" i="1" s="1"/>
  <c r="A123225" i="1" s="1"/>
  <c r="A123226" i="1" s="1"/>
  <c r="A123227" i="1" s="1"/>
  <c r="A123228" i="1" s="1"/>
  <c r="A123229" i="1" s="1"/>
  <c r="A123230" i="1" s="1"/>
  <c r="A123231" i="1" s="1"/>
  <c r="A123232" i="1" s="1"/>
  <c r="A123233" i="1" s="1"/>
  <c r="A123234" i="1" s="1"/>
  <c r="A123235" i="1" s="1"/>
  <c r="A123236" i="1" s="1"/>
  <c r="A123237" i="1" s="1"/>
  <c r="A123238" i="1" s="1"/>
  <c r="A123239" i="1" s="1"/>
  <c r="A123240" i="1" s="1"/>
  <c r="A123241" i="1" s="1"/>
  <c r="A123242" i="1" s="1"/>
  <c r="A123243" i="1" s="1"/>
  <c r="A123244" i="1" s="1"/>
  <c r="A123245" i="1" s="1"/>
  <c r="A123246" i="1" s="1"/>
  <c r="A123247" i="1" s="1"/>
  <c r="A123248" i="1" s="1"/>
  <c r="A123249" i="1" s="1"/>
  <c r="A123250" i="1" s="1"/>
  <c r="A123251" i="1" s="1"/>
  <c r="A123252" i="1" s="1"/>
  <c r="A123253" i="1" s="1"/>
  <c r="A123254" i="1" s="1"/>
  <c r="A123255" i="1" s="1"/>
  <c r="A123256" i="1" s="1"/>
  <c r="A123257" i="1" s="1"/>
  <c r="A123258" i="1" s="1"/>
  <c r="A123259" i="1" s="1"/>
  <c r="A123260" i="1" s="1"/>
  <c r="A123261" i="1" s="1"/>
  <c r="A123262" i="1" s="1"/>
  <c r="A123263" i="1" s="1"/>
  <c r="A123264" i="1" s="1"/>
  <c r="A123265" i="1" s="1"/>
  <c r="A123266" i="1" s="1"/>
  <c r="A123267" i="1" s="1"/>
  <c r="A123268" i="1" s="1"/>
  <c r="A123269" i="1" s="1"/>
  <c r="A123270" i="1" s="1"/>
  <c r="A123271" i="1" s="1"/>
  <c r="A123272" i="1" s="1"/>
  <c r="A123273" i="1" s="1"/>
  <c r="A123274" i="1" s="1"/>
  <c r="A123275" i="1" s="1"/>
  <c r="A123276" i="1" s="1"/>
  <c r="A123277" i="1" s="1"/>
  <c r="A123278" i="1" s="1"/>
  <c r="A123279" i="1" s="1"/>
  <c r="A123280" i="1" s="1"/>
  <c r="A123281" i="1" s="1"/>
  <c r="A123282" i="1" s="1"/>
  <c r="A123283" i="1" s="1"/>
  <c r="A123284" i="1" s="1"/>
  <c r="A123285" i="1" s="1"/>
  <c r="A123286" i="1" s="1"/>
  <c r="A123287" i="1" s="1"/>
  <c r="A123288" i="1" s="1"/>
  <c r="A123289" i="1" s="1"/>
  <c r="A123290" i="1" s="1"/>
  <c r="A123291" i="1" s="1"/>
  <c r="A123292" i="1" s="1"/>
  <c r="A123293" i="1" s="1"/>
  <c r="A123294" i="1" s="1"/>
  <c r="A123295" i="1" s="1"/>
  <c r="A123296" i="1" s="1"/>
  <c r="A123297" i="1" s="1"/>
  <c r="A123298" i="1" s="1"/>
  <c r="A123299" i="1" s="1"/>
  <c r="A123300" i="1" s="1"/>
  <c r="A123301" i="1" s="1"/>
  <c r="A123302" i="1" s="1"/>
  <c r="A123303" i="1" s="1"/>
  <c r="A123304" i="1" s="1"/>
  <c r="A123305" i="1" s="1"/>
  <c r="A123306" i="1" s="1"/>
  <c r="A123307" i="1" s="1"/>
  <c r="A123308" i="1" s="1"/>
  <c r="A123309" i="1" s="1"/>
  <c r="A123310" i="1" s="1"/>
  <c r="A123311" i="1" s="1"/>
  <c r="A123312" i="1" s="1"/>
  <c r="A123313" i="1" s="1"/>
  <c r="A123314" i="1" s="1"/>
  <c r="A123315" i="1" s="1"/>
  <c r="A123316" i="1" s="1"/>
  <c r="A123317" i="1" s="1"/>
  <c r="A123318" i="1" s="1"/>
  <c r="A123319" i="1" s="1"/>
  <c r="A123320" i="1" s="1"/>
  <c r="A123321" i="1" s="1"/>
  <c r="A123322" i="1" s="1"/>
  <c r="A123323" i="1" s="1"/>
  <c r="A123324" i="1" s="1"/>
  <c r="A123325" i="1" s="1"/>
  <c r="A123326" i="1" s="1"/>
  <c r="A123327" i="1" s="1"/>
  <c r="A123328" i="1" s="1"/>
  <c r="A123329" i="1" s="1"/>
  <c r="A123330" i="1" s="1"/>
  <c r="A123331" i="1" s="1"/>
  <c r="A123332" i="1" s="1"/>
  <c r="A123333" i="1" s="1"/>
  <c r="A123334" i="1" s="1"/>
  <c r="A123335" i="1" s="1"/>
  <c r="A123336" i="1" s="1"/>
  <c r="A123337" i="1" s="1"/>
  <c r="A123338" i="1" s="1"/>
  <c r="A123339" i="1" s="1"/>
  <c r="A123340" i="1" s="1"/>
  <c r="A123341" i="1" s="1"/>
  <c r="A123342" i="1" s="1"/>
  <c r="A123343" i="1" s="1"/>
  <c r="A123344" i="1" s="1"/>
  <c r="A123345" i="1" s="1"/>
  <c r="A123346" i="1" s="1"/>
  <c r="A123347" i="1" s="1"/>
  <c r="A123348" i="1" s="1"/>
  <c r="A123349" i="1" s="1"/>
  <c r="A123350" i="1" s="1"/>
  <c r="A123351" i="1" s="1"/>
  <c r="A123352" i="1" s="1"/>
  <c r="A123353" i="1" s="1"/>
  <c r="A123354" i="1" s="1"/>
  <c r="A123355" i="1" s="1"/>
  <c r="A123356" i="1" s="1"/>
  <c r="A123357" i="1" s="1"/>
  <c r="A123358" i="1" s="1"/>
  <c r="A123359" i="1" s="1"/>
  <c r="A123360" i="1" s="1"/>
  <c r="A123361" i="1" s="1"/>
  <c r="A123362" i="1" s="1"/>
  <c r="A123363" i="1" s="1"/>
  <c r="A123364" i="1" s="1"/>
  <c r="A123365" i="1" s="1"/>
  <c r="A123366" i="1" s="1"/>
  <c r="A123367" i="1" s="1"/>
  <c r="A123368" i="1" s="1"/>
  <c r="A123369" i="1" s="1"/>
  <c r="A123370" i="1" s="1"/>
  <c r="A123371" i="1" s="1"/>
  <c r="A123372" i="1" s="1"/>
  <c r="A123373" i="1" s="1"/>
  <c r="A123374" i="1" s="1"/>
  <c r="A123375" i="1" s="1"/>
  <c r="A123376" i="1" s="1"/>
  <c r="A123377" i="1" s="1"/>
  <c r="A123378" i="1" s="1"/>
  <c r="A123379" i="1" s="1"/>
  <c r="A123380" i="1" s="1"/>
  <c r="A123381" i="1" s="1"/>
  <c r="A123382" i="1" s="1"/>
  <c r="A123383" i="1" s="1"/>
  <c r="A123384" i="1" s="1"/>
  <c r="A123385" i="1" s="1"/>
  <c r="A123386" i="1" s="1"/>
  <c r="A123387" i="1" s="1"/>
  <c r="A123388" i="1" s="1"/>
  <c r="A123389" i="1" s="1"/>
  <c r="A123390" i="1" s="1"/>
  <c r="A123391" i="1" s="1"/>
  <c r="A123392" i="1" s="1"/>
  <c r="A123393" i="1" s="1"/>
  <c r="A123394" i="1" s="1"/>
  <c r="A123395" i="1" s="1"/>
  <c r="A123396" i="1" s="1"/>
  <c r="A123397" i="1" s="1"/>
  <c r="A123398" i="1" s="1"/>
  <c r="A123399" i="1" s="1"/>
  <c r="A123400" i="1" s="1"/>
  <c r="A123401" i="1" s="1"/>
  <c r="A123402" i="1" s="1"/>
  <c r="A123403" i="1" s="1"/>
  <c r="A123404" i="1" s="1"/>
  <c r="A123405" i="1" s="1"/>
  <c r="A123406" i="1" s="1"/>
  <c r="A123407" i="1" s="1"/>
  <c r="A123408" i="1" s="1"/>
  <c r="A123409" i="1" s="1"/>
  <c r="A123410" i="1" s="1"/>
  <c r="A123411" i="1" s="1"/>
  <c r="A123412" i="1" s="1"/>
  <c r="A123413" i="1" s="1"/>
  <c r="A123414" i="1" s="1"/>
  <c r="A123415" i="1" s="1"/>
  <c r="A123416" i="1" s="1"/>
  <c r="A123417" i="1" s="1"/>
  <c r="A123418" i="1" s="1"/>
  <c r="A123419" i="1" s="1"/>
  <c r="A123420" i="1" s="1"/>
  <c r="A123421" i="1" s="1"/>
  <c r="A123422" i="1" s="1"/>
  <c r="A123423" i="1" s="1"/>
  <c r="A123424" i="1" s="1"/>
  <c r="A123425" i="1" s="1"/>
  <c r="A123426" i="1" s="1"/>
  <c r="A123427" i="1" s="1"/>
  <c r="A123428" i="1" s="1"/>
  <c r="A123429" i="1" s="1"/>
  <c r="A123430" i="1" s="1"/>
  <c r="A123431" i="1" s="1"/>
  <c r="A123432" i="1" s="1"/>
  <c r="A123433" i="1" s="1"/>
  <c r="A123434" i="1" s="1"/>
  <c r="A123435" i="1" s="1"/>
  <c r="A123436" i="1" s="1"/>
  <c r="A123437" i="1" s="1"/>
  <c r="A123438" i="1" s="1"/>
  <c r="A123439" i="1" s="1"/>
  <c r="A123440" i="1" s="1"/>
  <c r="A123441" i="1" s="1"/>
  <c r="A123442" i="1" s="1"/>
  <c r="A123443" i="1" s="1"/>
  <c r="A123444" i="1" s="1"/>
  <c r="A123445" i="1" s="1"/>
  <c r="A123446" i="1" s="1"/>
  <c r="A123447" i="1" s="1"/>
  <c r="A123448" i="1" s="1"/>
  <c r="A123449" i="1" s="1"/>
  <c r="A123450" i="1" s="1"/>
  <c r="A123451" i="1" s="1"/>
  <c r="A123452" i="1" s="1"/>
  <c r="A123453" i="1" s="1"/>
  <c r="A123454" i="1" s="1"/>
  <c r="A123455" i="1" s="1"/>
  <c r="A123456" i="1" s="1"/>
  <c r="A123457" i="1" s="1"/>
  <c r="A123458" i="1" s="1"/>
  <c r="A123459" i="1" s="1"/>
  <c r="A123460" i="1" s="1"/>
  <c r="A123461" i="1" s="1"/>
  <c r="A123462" i="1" s="1"/>
  <c r="A123463" i="1" s="1"/>
  <c r="A123464" i="1" s="1"/>
  <c r="A123465" i="1" s="1"/>
  <c r="A123466" i="1" s="1"/>
  <c r="A123467" i="1" s="1"/>
  <c r="A123468" i="1" s="1"/>
  <c r="A123469" i="1" s="1"/>
  <c r="A123470" i="1" s="1"/>
  <c r="A123471" i="1" s="1"/>
  <c r="A123472" i="1" s="1"/>
  <c r="A123473" i="1" s="1"/>
  <c r="A123474" i="1" s="1"/>
  <c r="A123475" i="1" s="1"/>
  <c r="A123476" i="1" s="1"/>
  <c r="A123477" i="1" s="1"/>
  <c r="A123478" i="1" s="1"/>
  <c r="A123479" i="1" s="1"/>
  <c r="A123480" i="1" s="1"/>
  <c r="A123481" i="1" s="1"/>
  <c r="A123482" i="1" s="1"/>
  <c r="A123483" i="1" s="1"/>
  <c r="A123484" i="1" s="1"/>
  <c r="A123485" i="1" s="1"/>
  <c r="A123486" i="1" s="1"/>
  <c r="A123487" i="1" s="1"/>
  <c r="A123488" i="1" s="1"/>
  <c r="A123489" i="1" s="1"/>
  <c r="A123490" i="1" s="1"/>
  <c r="A123491" i="1" s="1"/>
  <c r="A123492" i="1" s="1"/>
  <c r="A123493" i="1" s="1"/>
  <c r="A123494" i="1" s="1"/>
  <c r="A123495" i="1" s="1"/>
  <c r="A123496" i="1" s="1"/>
  <c r="A123497" i="1" s="1"/>
  <c r="A123498" i="1" s="1"/>
  <c r="A123499" i="1" s="1"/>
  <c r="A123500" i="1" s="1"/>
  <c r="A123501" i="1" s="1"/>
  <c r="A123502" i="1" s="1"/>
  <c r="A123503" i="1" s="1"/>
  <c r="A123504" i="1" s="1"/>
  <c r="A123505" i="1" s="1"/>
  <c r="A123506" i="1" s="1"/>
  <c r="A123507" i="1" s="1"/>
  <c r="A123508" i="1" s="1"/>
  <c r="A123509" i="1" s="1"/>
  <c r="A123510" i="1" s="1"/>
  <c r="A123511" i="1" s="1"/>
  <c r="A123512" i="1" s="1"/>
  <c r="A123513" i="1" s="1"/>
  <c r="A123514" i="1" s="1"/>
  <c r="A123515" i="1" s="1"/>
  <c r="A123516" i="1" s="1"/>
  <c r="A123517" i="1" s="1"/>
  <c r="A123518" i="1" s="1"/>
  <c r="A123519" i="1" s="1"/>
  <c r="A123520" i="1" s="1"/>
  <c r="A123521" i="1" s="1"/>
  <c r="A123522" i="1" s="1"/>
  <c r="A123523" i="1" s="1"/>
  <c r="A123524" i="1" s="1"/>
  <c r="A123525" i="1" s="1"/>
  <c r="A123526" i="1" s="1"/>
  <c r="A123527" i="1" s="1"/>
  <c r="A123528" i="1" s="1"/>
  <c r="A123529" i="1" s="1"/>
  <c r="A123530" i="1" s="1"/>
  <c r="A123531" i="1" s="1"/>
  <c r="A123532" i="1" s="1"/>
  <c r="A123533" i="1" s="1"/>
  <c r="A123534" i="1" s="1"/>
  <c r="A123535" i="1" s="1"/>
  <c r="A123536" i="1" s="1"/>
  <c r="A123537" i="1" s="1"/>
  <c r="A123538" i="1" s="1"/>
  <c r="A123539" i="1" s="1"/>
  <c r="A123540" i="1" s="1"/>
  <c r="A123541" i="1" s="1"/>
  <c r="A123542" i="1" s="1"/>
  <c r="A123543" i="1" s="1"/>
  <c r="A123544" i="1" s="1"/>
  <c r="A123545" i="1" s="1"/>
  <c r="A123546" i="1" s="1"/>
  <c r="A123547" i="1" s="1"/>
  <c r="A123548" i="1" s="1"/>
  <c r="A123549" i="1" s="1"/>
  <c r="A123550" i="1" s="1"/>
  <c r="A123551" i="1" s="1"/>
  <c r="A123552" i="1" s="1"/>
  <c r="A123553" i="1" s="1"/>
  <c r="A123554" i="1" s="1"/>
  <c r="A123555" i="1" s="1"/>
  <c r="A123556" i="1" s="1"/>
  <c r="A123557" i="1" s="1"/>
  <c r="A123558" i="1" s="1"/>
  <c r="A123559" i="1" s="1"/>
  <c r="A123560" i="1" s="1"/>
  <c r="A123561" i="1" s="1"/>
  <c r="A123562" i="1" s="1"/>
  <c r="A123563" i="1" s="1"/>
  <c r="A123564" i="1" s="1"/>
  <c r="A123565" i="1" s="1"/>
  <c r="A123566" i="1" s="1"/>
  <c r="A123567" i="1" s="1"/>
  <c r="A123568" i="1" s="1"/>
  <c r="A123569" i="1" s="1"/>
  <c r="A123570" i="1" s="1"/>
  <c r="A123571" i="1" s="1"/>
  <c r="A123572" i="1" s="1"/>
  <c r="A123573" i="1" s="1"/>
  <c r="A123574" i="1" s="1"/>
  <c r="A123575" i="1" s="1"/>
  <c r="A123576" i="1" s="1"/>
  <c r="A123577" i="1" s="1"/>
  <c r="A123578" i="1" s="1"/>
  <c r="A123579" i="1" s="1"/>
  <c r="A123580" i="1" s="1"/>
  <c r="A123581" i="1" s="1"/>
  <c r="A123582" i="1" s="1"/>
  <c r="A123583" i="1" s="1"/>
  <c r="A123584" i="1" s="1"/>
  <c r="A123585" i="1" s="1"/>
  <c r="A123586" i="1" s="1"/>
  <c r="A123587" i="1" s="1"/>
  <c r="A123588" i="1" s="1"/>
  <c r="A123589" i="1" s="1"/>
  <c r="A123590" i="1" s="1"/>
  <c r="A123591" i="1" s="1"/>
  <c r="A123592" i="1" s="1"/>
  <c r="A123593" i="1" s="1"/>
  <c r="A123594" i="1" s="1"/>
  <c r="A123595" i="1" s="1"/>
  <c r="A123596" i="1" s="1"/>
  <c r="A123597" i="1" s="1"/>
  <c r="A123598" i="1" s="1"/>
  <c r="A123599" i="1" s="1"/>
  <c r="A123600" i="1" s="1"/>
  <c r="A123601" i="1" s="1"/>
  <c r="A123602" i="1" s="1"/>
  <c r="A123603" i="1" s="1"/>
  <c r="A123604" i="1" s="1"/>
  <c r="A123605" i="1" s="1"/>
  <c r="A123606" i="1" s="1"/>
  <c r="A123607" i="1" s="1"/>
  <c r="A123608" i="1" s="1"/>
  <c r="A123609" i="1" s="1"/>
  <c r="A123610" i="1" s="1"/>
  <c r="A123611" i="1" s="1"/>
  <c r="A123612" i="1" s="1"/>
  <c r="A123613" i="1" s="1"/>
  <c r="A123614" i="1" s="1"/>
  <c r="A123615" i="1" s="1"/>
  <c r="A123616" i="1" s="1"/>
  <c r="A123617" i="1" s="1"/>
  <c r="A123618" i="1" s="1"/>
  <c r="A123619" i="1" s="1"/>
  <c r="A123620" i="1" s="1"/>
  <c r="A123621" i="1" s="1"/>
  <c r="A123622" i="1" s="1"/>
  <c r="A123623" i="1" s="1"/>
  <c r="A123624" i="1" s="1"/>
  <c r="A123625" i="1" s="1"/>
  <c r="A123626" i="1" s="1"/>
  <c r="A123627" i="1" s="1"/>
  <c r="A123628" i="1" s="1"/>
  <c r="A123629" i="1" s="1"/>
  <c r="A123630" i="1" s="1"/>
  <c r="A123631" i="1" s="1"/>
  <c r="A123632" i="1" s="1"/>
  <c r="A123633" i="1" s="1"/>
  <c r="A123634" i="1" s="1"/>
  <c r="A123635" i="1" s="1"/>
  <c r="A123636" i="1" s="1"/>
  <c r="A123637" i="1" s="1"/>
  <c r="A123638" i="1" s="1"/>
  <c r="A123639" i="1" s="1"/>
  <c r="A123640" i="1" s="1"/>
  <c r="A123641" i="1" s="1"/>
  <c r="A123642" i="1" s="1"/>
  <c r="A123643" i="1" s="1"/>
  <c r="A123644" i="1" s="1"/>
  <c r="A123645" i="1" s="1"/>
  <c r="A123646" i="1" s="1"/>
  <c r="A123647" i="1" s="1"/>
  <c r="A123648" i="1" s="1"/>
  <c r="A123649" i="1" s="1"/>
  <c r="A123650" i="1" s="1"/>
  <c r="A123651" i="1" s="1"/>
  <c r="A123652" i="1" s="1"/>
  <c r="A123653" i="1" s="1"/>
  <c r="A123654" i="1" s="1"/>
  <c r="A123655" i="1" s="1"/>
  <c r="A123656" i="1" s="1"/>
  <c r="A123657" i="1" s="1"/>
  <c r="A123658" i="1" s="1"/>
  <c r="A123659" i="1" s="1"/>
  <c r="A123660" i="1" s="1"/>
  <c r="A123661" i="1" s="1"/>
  <c r="A123662" i="1" s="1"/>
  <c r="A123663" i="1" s="1"/>
  <c r="A123664" i="1" s="1"/>
  <c r="A123665" i="1" s="1"/>
  <c r="A123666" i="1" s="1"/>
  <c r="A123667" i="1" s="1"/>
  <c r="A123668" i="1" s="1"/>
  <c r="A123669" i="1" s="1"/>
  <c r="A123670" i="1" s="1"/>
  <c r="A123671" i="1" s="1"/>
  <c r="A123672" i="1" s="1"/>
  <c r="A123673" i="1" s="1"/>
  <c r="A123674" i="1" s="1"/>
  <c r="A123675" i="1" s="1"/>
  <c r="A123676" i="1" s="1"/>
  <c r="A123677" i="1" s="1"/>
  <c r="A123678" i="1" s="1"/>
  <c r="A123679" i="1" s="1"/>
  <c r="A123680" i="1" s="1"/>
  <c r="A123681" i="1" s="1"/>
  <c r="A123682" i="1" s="1"/>
  <c r="A123683" i="1" s="1"/>
  <c r="A123684" i="1" s="1"/>
  <c r="A123685" i="1" s="1"/>
  <c r="A123686" i="1" s="1"/>
  <c r="A123687" i="1" s="1"/>
  <c r="A123688" i="1" s="1"/>
  <c r="A123689" i="1" s="1"/>
  <c r="A123690" i="1" s="1"/>
  <c r="A123691" i="1" s="1"/>
  <c r="A123692" i="1" s="1"/>
  <c r="A123693" i="1" s="1"/>
  <c r="A123694" i="1" s="1"/>
  <c r="A123695" i="1" s="1"/>
  <c r="A123696" i="1" s="1"/>
  <c r="A123697" i="1" s="1"/>
  <c r="A123698" i="1" s="1"/>
  <c r="A123699" i="1" s="1"/>
  <c r="A123700" i="1" s="1"/>
  <c r="A123701" i="1" s="1"/>
  <c r="A123702" i="1" s="1"/>
  <c r="A123703" i="1" s="1"/>
  <c r="A123704" i="1" s="1"/>
  <c r="A123705" i="1" s="1"/>
  <c r="A123706" i="1" s="1"/>
  <c r="A123707" i="1" s="1"/>
  <c r="A123708" i="1" s="1"/>
  <c r="A123709" i="1" s="1"/>
  <c r="A123710" i="1" s="1"/>
  <c r="A123711" i="1" s="1"/>
  <c r="A123712" i="1" s="1"/>
  <c r="A123713" i="1" s="1"/>
  <c r="A123714" i="1" s="1"/>
  <c r="A123715" i="1" s="1"/>
  <c r="A123716" i="1" s="1"/>
  <c r="A123717" i="1" s="1"/>
  <c r="A123718" i="1" s="1"/>
  <c r="A123719" i="1" s="1"/>
  <c r="A123720" i="1" s="1"/>
  <c r="A123721" i="1" s="1"/>
  <c r="A123722" i="1" s="1"/>
  <c r="A123723" i="1" s="1"/>
  <c r="A123724" i="1" s="1"/>
  <c r="A123725" i="1" s="1"/>
  <c r="A123726" i="1" s="1"/>
  <c r="A123727" i="1" s="1"/>
  <c r="A123728" i="1" s="1"/>
  <c r="A123729" i="1" s="1"/>
  <c r="A123730" i="1" s="1"/>
  <c r="A123731" i="1" s="1"/>
  <c r="A123732" i="1" s="1"/>
  <c r="A123733" i="1" s="1"/>
  <c r="A123734" i="1" s="1"/>
  <c r="A123735" i="1" s="1"/>
  <c r="A123736" i="1" s="1"/>
  <c r="A123737" i="1" s="1"/>
  <c r="A123738" i="1" s="1"/>
  <c r="A123739" i="1" s="1"/>
  <c r="A123740" i="1" s="1"/>
  <c r="A123741" i="1" s="1"/>
  <c r="A123742" i="1" s="1"/>
  <c r="A123743" i="1" s="1"/>
  <c r="A123744" i="1" s="1"/>
  <c r="A123745" i="1" s="1"/>
  <c r="A123746" i="1" s="1"/>
  <c r="A123747" i="1" s="1"/>
  <c r="A123748" i="1" s="1"/>
  <c r="A123749" i="1" s="1"/>
  <c r="A123750" i="1" s="1"/>
  <c r="A123751" i="1" s="1"/>
  <c r="A123752" i="1" s="1"/>
  <c r="A123753" i="1" s="1"/>
  <c r="A123754" i="1" s="1"/>
  <c r="A123755" i="1" s="1"/>
  <c r="A123756" i="1" s="1"/>
  <c r="A123757" i="1" s="1"/>
  <c r="A123758" i="1" s="1"/>
  <c r="A123759" i="1" s="1"/>
  <c r="A123760" i="1" s="1"/>
  <c r="A123761" i="1" s="1"/>
  <c r="A123762" i="1" s="1"/>
  <c r="A123763" i="1" s="1"/>
  <c r="A123764" i="1" s="1"/>
  <c r="A123765" i="1" s="1"/>
  <c r="A123766" i="1" s="1"/>
  <c r="A123767" i="1" s="1"/>
  <c r="A123768" i="1" s="1"/>
  <c r="A123769" i="1" s="1"/>
  <c r="A123770" i="1" s="1"/>
  <c r="A123771" i="1" s="1"/>
  <c r="A123772" i="1" s="1"/>
  <c r="A123773" i="1" s="1"/>
  <c r="A123774" i="1" s="1"/>
  <c r="A123775" i="1" s="1"/>
  <c r="A123776" i="1" s="1"/>
  <c r="A123777" i="1" s="1"/>
  <c r="A123778" i="1" s="1"/>
  <c r="A123779" i="1" s="1"/>
  <c r="A123780" i="1" s="1"/>
  <c r="A123781" i="1" s="1"/>
  <c r="A123782" i="1" s="1"/>
  <c r="A123783" i="1" s="1"/>
  <c r="A123784" i="1" s="1"/>
  <c r="A123785" i="1" s="1"/>
  <c r="A123786" i="1" s="1"/>
  <c r="A123787" i="1" s="1"/>
  <c r="A123788" i="1" s="1"/>
  <c r="A123789" i="1" s="1"/>
  <c r="A123790" i="1" s="1"/>
  <c r="A123791" i="1" s="1"/>
  <c r="A123792" i="1" s="1"/>
  <c r="A123793" i="1" s="1"/>
  <c r="A123794" i="1" s="1"/>
  <c r="A123795" i="1" s="1"/>
  <c r="A123796" i="1" s="1"/>
  <c r="A123797" i="1" s="1"/>
  <c r="A123798" i="1" s="1"/>
  <c r="A123799" i="1" s="1"/>
  <c r="A123800" i="1" s="1"/>
  <c r="A123801" i="1" s="1"/>
  <c r="A123802" i="1" s="1"/>
  <c r="A123803" i="1" s="1"/>
  <c r="A123804" i="1" s="1"/>
  <c r="A123805" i="1" s="1"/>
  <c r="A123806" i="1" s="1"/>
  <c r="A123807" i="1" s="1"/>
  <c r="A123808" i="1" s="1"/>
  <c r="A123809" i="1" s="1"/>
  <c r="A123810" i="1" s="1"/>
  <c r="A123811" i="1" s="1"/>
  <c r="A123812" i="1" s="1"/>
  <c r="A123813" i="1" s="1"/>
  <c r="A123814" i="1" s="1"/>
  <c r="A123815" i="1" s="1"/>
  <c r="A123816" i="1" s="1"/>
  <c r="A123817" i="1" s="1"/>
  <c r="A123818" i="1" s="1"/>
  <c r="A123819" i="1" s="1"/>
  <c r="A123820" i="1" s="1"/>
  <c r="A123821" i="1" s="1"/>
  <c r="A123822" i="1" s="1"/>
  <c r="A123823" i="1" s="1"/>
  <c r="A123824" i="1" s="1"/>
  <c r="A123825" i="1" s="1"/>
  <c r="A123826" i="1" s="1"/>
  <c r="A123827" i="1" s="1"/>
  <c r="A123828" i="1" s="1"/>
  <c r="A123829" i="1" s="1"/>
  <c r="A123830" i="1" s="1"/>
  <c r="A123831" i="1" s="1"/>
  <c r="A123832" i="1" s="1"/>
  <c r="A123833" i="1" s="1"/>
  <c r="A123834" i="1" s="1"/>
  <c r="A123835" i="1" s="1"/>
  <c r="A123836" i="1" s="1"/>
  <c r="A123837" i="1" s="1"/>
  <c r="A123838" i="1" s="1"/>
  <c r="A123839" i="1" s="1"/>
  <c r="A123840" i="1" s="1"/>
  <c r="A123841" i="1" s="1"/>
  <c r="A123842" i="1" s="1"/>
  <c r="A123843" i="1" s="1"/>
  <c r="A123844" i="1" s="1"/>
  <c r="A123845" i="1" s="1"/>
  <c r="A123846" i="1" s="1"/>
  <c r="A123847" i="1" s="1"/>
  <c r="A123848" i="1" s="1"/>
  <c r="A123849" i="1" s="1"/>
  <c r="A123850" i="1" s="1"/>
  <c r="A123851" i="1" s="1"/>
  <c r="A123852" i="1" s="1"/>
  <c r="A123853" i="1" s="1"/>
  <c r="A123854" i="1" s="1"/>
  <c r="A123855" i="1" s="1"/>
  <c r="A123856" i="1" s="1"/>
  <c r="A123857" i="1" s="1"/>
  <c r="A123858" i="1" s="1"/>
  <c r="A123859" i="1" s="1"/>
  <c r="A123860" i="1" s="1"/>
  <c r="A123861" i="1" s="1"/>
  <c r="A123862" i="1" s="1"/>
  <c r="A123863" i="1" s="1"/>
  <c r="A123864" i="1" s="1"/>
  <c r="A123865" i="1" s="1"/>
  <c r="A123866" i="1" s="1"/>
  <c r="A123867" i="1" s="1"/>
  <c r="A123868" i="1" s="1"/>
  <c r="A123869" i="1" s="1"/>
  <c r="A123870" i="1" s="1"/>
  <c r="A123871" i="1" s="1"/>
  <c r="A123872" i="1" s="1"/>
  <c r="A123873" i="1" s="1"/>
  <c r="A123874" i="1" s="1"/>
  <c r="A123875" i="1" s="1"/>
  <c r="A123876" i="1" s="1"/>
  <c r="A123877" i="1" s="1"/>
  <c r="A123878" i="1" s="1"/>
  <c r="A123879" i="1" s="1"/>
  <c r="A123880" i="1" s="1"/>
  <c r="A123881" i="1" s="1"/>
  <c r="A123882" i="1" s="1"/>
  <c r="A123883" i="1" s="1"/>
  <c r="A123884" i="1" s="1"/>
  <c r="A123885" i="1" s="1"/>
  <c r="A123886" i="1" s="1"/>
  <c r="A123887" i="1" s="1"/>
  <c r="A123888" i="1" s="1"/>
  <c r="A123889" i="1" s="1"/>
  <c r="A123890" i="1" s="1"/>
  <c r="A123891" i="1" s="1"/>
  <c r="A123892" i="1" s="1"/>
  <c r="A123893" i="1" s="1"/>
  <c r="A123894" i="1" s="1"/>
  <c r="A123895" i="1" s="1"/>
  <c r="A123896" i="1" s="1"/>
  <c r="A123897" i="1" s="1"/>
  <c r="A123898" i="1" s="1"/>
  <c r="A123899" i="1" s="1"/>
  <c r="A123900" i="1" s="1"/>
  <c r="A123901" i="1" s="1"/>
  <c r="A123902" i="1" s="1"/>
  <c r="A123903" i="1" s="1"/>
  <c r="A123904" i="1" s="1"/>
  <c r="A123905" i="1" s="1"/>
  <c r="A123906" i="1" s="1"/>
  <c r="A123907" i="1" s="1"/>
  <c r="A123908" i="1" s="1"/>
  <c r="A123909" i="1" s="1"/>
  <c r="A123910" i="1" s="1"/>
  <c r="A123911" i="1" s="1"/>
  <c r="A123912" i="1" s="1"/>
  <c r="A123913" i="1" s="1"/>
  <c r="A123914" i="1" s="1"/>
  <c r="A123915" i="1" s="1"/>
  <c r="A123916" i="1" s="1"/>
  <c r="A123917" i="1" s="1"/>
  <c r="A123918" i="1" s="1"/>
  <c r="A123919" i="1" s="1"/>
  <c r="A123920" i="1" s="1"/>
  <c r="A123921" i="1" s="1"/>
  <c r="A123922" i="1" s="1"/>
  <c r="A123923" i="1" s="1"/>
  <c r="A123924" i="1" s="1"/>
  <c r="A123925" i="1" s="1"/>
  <c r="A123926" i="1" s="1"/>
  <c r="A123927" i="1" s="1"/>
  <c r="A123928" i="1" s="1"/>
  <c r="A123929" i="1" s="1"/>
  <c r="A123930" i="1" s="1"/>
  <c r="A123931" i="1" s="1"/>
  <c r="A123932" i="1" s="1"/>
  <c r="A123933" i="1" s="1"/>
  <c r="A123934" i="1" s="1"/>
  <c r="A123935" i="1" s="1"/>
  <c r="A123936" i="1" s="1"/>
  <c r="A123937" i="1" s="1"/>
  <c r="A123938" i="1" s="1"/>
  <c r="A123939" i="1" s="1"/>
  <c r="A123940" i="1" s="1"/>
  <c r="A123941" i="1" s="1"/>
  <c r="A123942" i="1" s="1"/>
  <c r="A123943" i="1" s="1"/>
  <c r="A123944" i="1" s="1"/>
  <c r="A123945" i="1" s="1"/>
  <c r="A123946" i="1" s="1"/>
  <c r="A123947" i="1" s="1"/>
  <c r="A123948" i="1" s="1"/>
  <c r="A123949" i="1" s="1"/>
  <c r="A123950" i="1" s="1"/>
  <c r="A123951" i="1" s="1"/>
  <c r="A123952" i="1" s="1"/>
  <c r="A123953" i="1" s="1"/>
  <c r="A123954" i="1" s="1"/>
  <c r="A123955" i="1" s="1"/>
  <c r="A123956" i="1" s="1"/>
  <c r="A123957" i="1" s="1"/>
  <c r="A123958" i="1" s="1"/>
  <c r="A123959" i="1" s="1"/>
  <c r="A123960" i="1" s="1"/>
  <c r="A123961" i="1" s="1"/>
  <c r="A123962" i="1" s="1"/>
  <c r="A123963" i="1" s="1"/>
  <c r="A123964" i="1" s="1"/>
  <c r="A123965" i="1" s="1"/>
  <c r="A123966" i="1" s="1"/>
  <c r="A123967" i="1" s="1"/>
  <c r="A123968" i="1" s="1"/>
  <c r="A123969" i="1" s="1"/>
  <c r="A123970" i="1" s="1"/>
  <c r="A123971" i="1" s="1"/>
  <c r="A123972" i="1" s="1"/>
  <c r="A123973" i="1" s="1"/>
  <c r="A123974" i="1" s="1"/>
  <c r="A123975" i="1" s="1"/>
  <c r="A123976" i="1" s="1"/>
  <c r="A123977" i="1" s="1"/>
  <c r="A123978" i="1" s="1"/>
  <c r="A123979" i="1" s="1"/>
  <c r="A123980" i="1" s="1"/>
  <c r="A123981" i="1" s="1"/>
  <c r="A123982" i="1" s="1"/>
  <c r="A123983" i="1" s="1"/>
  <c r="A123984" i="1" s="1"/>
  <c r="A123985" i="1" s="1"/>
  <c r="A123986" i="1" s="1"/>
  <c r="A123987" i="1" s="1"/>
  <c r="A123988" i="1" s="1"/>
  <c r="A123989" i="1" s="1"/>
  <c r="A123990" i="1" s="1"/>
  <c r="A123991" i="1" s="1"/>
  <c r="A123992" i="1" s="1"/>
  <c r="A123993" i="1" s="1"/>
  <c r="A123994" i="1" s="1"/>
  <c r="A123995" i="1" s="1"/>
  <c r="A123996" i="1" s="1"/>
  <c r="A123997" i="1" s="1"/>
  <c r="A123998" i="1" s="1"/>
  <c r="A123999" i="1" s="1"/>
  <c r="A124000" i="1" s="1"/>
  <c r="A124001" i="1" s="1"/>
  <c r="A124002" i="1" s="1"/>
  <c r="A124003" i="1" s="1"/>
  <c r="A124004" i="1" s="1"/>
  <c r="A124005" i="1" s="1"/>
  <c r="A124006" i="1" s="1"/>
  <c r="A124007" i="1" s="1"/>
  <c r="A124008" i="1" s="1"/>
  <c r="A124009" i="1" s="1"/>
  <c r="A124010" i="1" s="1"/>
  <c r="A124011" i="1" s="1"/>
  <c r="A124012" i="1" s="1"/>
  <c r="A124013" i="1" s="1"/>
  <c r="A124014" i="1" s="1"/>
  <c r="A124015" i="1" s="1"/>
  <c r="A124016" i="1" s="1"/>
  <c r="A124017" i="1" s="1"/>
  <c r="A124018" i="1" s="1"/>
  <c r="A124019" i="1" s="1"/>
  <c r="A124020" i="1" s="1"/>
  <c r="A124021" i="1" s="1"/>
  <c r="A124022" i="1" s="1"/>
  <c r="A124023" i="1" s="1"/>
  <c r="A124024" i="1" s="1"/>
  <c r="A124025" i="1" s="1"/>
  <c r="A124026" i="1" s="1"/>
  <c r="A124027" i="1" s="1"/>
  <c r="A124028" i="1" s="1"/>
  <c r="A124029" i="1" s="1"/>
  <c r="A124030" i="1" s="1"/>
  <c r="A124031" i="1" s="1"/>
  <c r="A124032" i="1" s="1"/>
  <c r="A124033" i="1" s="1"/>
  <c r="A124034" i="1" s="1"/>
  <c r="A124035" i="1" s="1"/>
  <c r="A124036" i="1" s="1"/>
  <c r="A124037" i="1" s="1"/>
  <c r="A124038" i="1" s="1"/>
  <c r="A124039" i="1" s="1"/>
  <c r="A124040" i="1" s="1"/>
  <c r="A124041" i="1" s="1"/>
  <c r="A124042" i="1" s="1"/>
  <c r="A124043" i="1" s="1"/>
  <c r="A124044" i="1" s="1"/>
  <c r="A124045" i="1" s="1"/>
  <c r="A124046" i="1" s="1"/>
  <c r="A124047" i="1" s="1"/>
  <c r="A124048" i="1" s="1"/>
  <c r="A124049" i="1" s="1"/>
  <c r="A124050" i="1" s="1"/>
  <c r="A124051" i="1" s="1"/>
  <c r="A124052" i="1" s="1"/>
  <c r="A124053" i="1" s="1"/>
  <c r="A124054" i="1" s="1"/>
  <c r="A124055" i="1" s="1"/>
  <c r="A124056" i="1" s="1"/>
  <c r="A124057" i="1" s="1"/>
  <c r="A124058" i="1" s="1"/>
  <c r="A124059" i="1" s="1"/>
  <c r="A124060" i="1" s="1"/>
  <c r="A124061" i="1" s="1"/>
  <c r="A124062" i="1" s="1"/>
  <c r="A124063" i="1" s="1"/>
  <c r="A124064" i="1" s="1"/>
  <c r="A124065" i="1" s="1"/>
  <c r="A124066" i="1" s="1"/>
  <c r="A124067" i="1" s="1"/>
  <c r="A124068" i="1" s="1"/>
  <c r="A124069" i="1" s="1"/>
  <c r="A124070" i="1" s="1"/>
  <c r="A124071" i="1" s="1"/>
  <c r="A124072" i="1" s="1"/>
  <c r="A124073" i="1" s="1"/>
  <c r="A124074" i="1" s="1"/>
  <c r="A124075" i="1" s="1"/>
  <c r="A124076" i="1" s="1"/>
  <c r="A124077" i="1" s="1"/>
  <c r="A124078" i="1" s="1"/>
  <c r="A124079" i="1" s="1"/>
  <c r="A124080" i="1" s="1"/>
  <c r="A124081" i="1" s="1"/>
  <c r="A124082" i="1" s="1"/>
  <c r="A124083" i="1" s="1"/>
  <c r="A124084" i="1" s="1"/>
  <c r="A124085" i="1" s="1"/>
  <c r="A124086" i="1" s="1"/>
  <c r="A124087" i="1" s="1"/>
  <c r="A124088" i="1" s="1"/>
  <c r="A124089" i="1" s="1"/>
  <c r="A124090" i="1" s="1"/>
  <c r="A124091" i="1" s="1"/>
  <c r="A124092" i="1" s="1"/>
  <c r="A124093" i="1" s="1"/>
  <c r="A124094" i="1" s="1"/>
  <c r="A124095" i="1" s="1"/>
  <c r="A124096" i="1" s="1"/>
  <c r="A124097" i="1" s="1"/>
  <c r="A124098" i="1" s="1"/>
  <c r="A124099" i="1" s="1"/>
  <c r="A124100" i="1" s="1"/>
  <c r="A124101" i="1" s="1"/>
  <c r="A124102" i="1" s="1"/>
  <c r="A124103" i="1" s="1"/>
  <c r="A124104" i="1" s="1"/>
  <c r="A124105" i="1" s="1"/>
  <c r="A124106" i="1" s="1"/>
  <c r="A124107" i="1" s="1"/>
  <c r="A124108" i="1" s="1"/>
  <c r="A124109" i="1" s="1"/>
  <c r="A124110" i="1" s="1"/>
  <c r="A124111" i="1" s="1"/>
  <c r="A124112" i="1" s="1"/>
  <c r="A124113" i="1" s="1"/>
  <c r="A124114" i="1" s="1"/>
  <c r="A124115" i="1" s="1"/>
  <c r="A124116" i="1" s="1"/>
  <c r="A124117" i="1" s="1"/>
  <c r="A124118" i="1" s="1"/>
  <c r="A124119" i="1" s="1"/>
  <c r="A124120" i="1" s="1"/>
  <c r="A124121" i="1" s="1"/>
  <c r="A124122" i="1" s="1"/>
  <c r="A124123" i="1" s="1"/>
  <c r="A124124" i="1" s="1"/>
  <c r="A124125" i="1" s="1"/>
  <c r="A124126" i="1" s="1"/>
  <c r="A124127" i="1" s="1"/>
  <c r="A124128" i="1" s="1"/>
  <c r="A124129" i="1" s="1"/>
  <c r="A124130" i="1" s="1"/>
  <c r="A124131" i="1" s="1"/>
  <c r="A124132" i="1" s="1"/>
  <c r="A124133" i="1" s="1"/>
  <c r="A124134" i="1" s="1"/>
  <c r="A124135" i="1" s="1"/>
  <c r="A124136" i="1" s="1"/>
  <c r="A124137" i="1" s="1"/>
  <c r="A124138" i="1" s="1"/>
  <c r="A124139" i="1" s="1"/>
  <c r="A124140" i="1" s="1"/>
  <c r="A124141" i="1" s="1"/>
  <c r="A124142" i="1" s="1"/>
  <c r="A124143" i="1" s="1"/>
  <c r="A124144" i="1" s="1"/>
  <c r="A124145" i="1" s="1"/>
  <c r="A124146" i="1" s="1"/>
  <c r="A124147" i="1" s="1"/>
  <c r="A124148" i="1" s="1"/>
  <c r="A124149" i="1" s="1"/>
  <c r="A124150" i="1" s="1"/>
  <c r="A124151" i="1" s="1"/>
  <c r="A124152" i="1" s="1"/>
  <c r="A124153" i="1" s="1"/>
  <c r="A124154" i="1" s="1"/>
  <c r="A124155" i="1" s="1"/>
  <c r="A124156" i="1" s="1"/>
  <c r="A124157" i="1" s="1"/>
  <c r="A124158" i="1" s="1"/>
  <c r="A124159" i="1" s="1"/>
  <c r="A124160" i="1" s="1"/>
  <c r="A124161" i="1" s="1"/>
  <c r="A124162" i="1" s="1"/>
  <c r="A124163" i="1" s="1"/>
  <c r="A124164" i="1" s="1"/>
  <c r="A124165" i="1" s="1"/>
  <c r="A124166" i="1" s="1"/>
  <c r="A124167" i="1" s="1"/>
  <c r="A124168" i="1" s="1"/>
  <c r="A124169" i="1" s="1"/>
  <c r="A124170" i="1" s="1"/>
  <c r="A124171" i="1" s="1"/>
  <c r="A124172" i="1" s="1"/>
  <c r="A124173" i="1" s="1"/>
  <c r="A124174" i="1" s="1"/>
  <c r="A124175" i="1" s="1"/>
  <c r="A124176" i="1" s="1"/>
  <c r="A124177" i="1" s="1"/>
  <c r="A124178" i="1" s="1"/>
  <c r="A124179" i="1" s="1"/>
  <c r="A124180" i="1" s="1"/>
  <c r="A124181" i="1" s="1"/>
  <c r="A124182" i="1" s="1"/>
  <c r="A124183" i="1" s="1"/>
  <c r="A124184" i="1" s="1"/>
  <c r="A124185" i="1" s="1"/>
  <c r="A124186" i="1" s="1"/>
  <c r="A124187" i="1" s="1"/>
  <c r="A124188" i="1" s="1"/>
  <c r="A124189" i="1" s="1"/>
  <c r="A124190" i="1" s="1"/>
  <c r="A124191" i="1" s="1"/>
  <c r="A124192" i="1" s="1"/>
  <c r="A124193" i="1" s="1"/>
  <c r="A124194" i="1" s="1"/>
  <c r="A124195" i="1" s="1"/>
  <c r="A124196" i="1" s="1"/>
  <c r="A124197" i="1" s="1"/>
  <c r="A124198" i="1" s="1"/>
  <c r="A124199" i="1" s="1"/>
  <c r="A124200" i="1" s="1"/>
  <c r="A124201" i="1" s="1"/>
  <c r="A124202" i="1" s="1"/>
  <c r="A124203" i="1" s="1"/>
  <c r="A124204" i="1" s="1"/>
  <c r="A124205" i="1" s="1"/>
  <c r="A124206" i="1" s="1"/>
  <c r="A124207" i="1" s="1"/>
  <c r="A124208" i="1" s="1"/>
  <c r="A124209" i="1" s="1"/>
  <c r="A124210" i="1" s="1"/>
  <c r="A124211" i="1" s="1"/>
  <c r="A124212" i="1" s="1"/>
  <c r="A124213" i="1" s="1"/>
  <c r="A124214" i="1" s="1"/>
  <c r="A124215" i="1" s="1"/>
  <c r="A124216" i="1" s="1"/>
  <c r="A124217" i="1" s="1"/>
  <c r="A124218" i="1" s="1"/>
  <c r="A124219" i="1" s="1"/>
  <c r="A124220" i="1" s="1"/>
  <c r="A124221" i="1" s="1"/>
  <c r="A124222" i="1" s="1"/>
  <c r="A124223" i="1" s="1"/>
  <c r="A124224" i="1" s="1"/>
  <c r="A124225" i="1" s="1"/>
  <c r="A124226" i="1" s="1"/>
  <c r="A124227" i="1" s="1"/>
  <c r="A124228" i="1" s="1"/>
  <c r="A124229" i="1" s="1"/>
  <c r="A124230" i="1" s="1"/>
  <c r="A124231" i="1" s="1"/>
  <c r="A124232" i="1" s="1"/>
  <c r="A124233" i="1" s="1"/>
  <c r="A124234" i="1" s="1"/>
  <c r="A124235" i="1" s="1"/>
  <c r="A124236" i="1" s="1"/>
  <c r="A124237" i="1" s="1"/>
  <c r="A124238" i="1" s="1"/>
  <c r="A124239" i="1" s="1"/>
  <c r="A124240" i="1" s="1"/>
  <c r="A124241" i="1" s="1"/>
  <c r="A124242" i="1" s="1"/>
  <c r="A124243" i="1" s="1"/>
  <c r="A124244" i="1" s="1"/>
  <c r="A124245" i="1" s="1"/>
  <c r="A124246" i="1" s="1"/>
  <c r="A124247" i="1" s="1"/>
  <c r="A124248" i="1" s="1"/>
  <c r="A124249" i="1" s="1"/>
  <c r="A124250" i="1" s="1"/>
  <c r="A124251" i="1" s="1"/>
  <c r="A124252" i="1" s="1"/>
  <c r="A124253" i="1" s="1"/>
  <c r="A124254" i="1" s="1"/>
  <c r="A124255" i="1" s="1"/>
  <c r="A124256" i="1" s="1"/>
  <c r="A124257" i="1" s="1"/>
  <c r="A124258" i="1" s="1"/>
  <c r="A124259" i="1" s="1"/>
  <c r="A124260" i="1" s="1"/>
  <c r="A124261" i="1" s="1"/>
  <c r="A124262" i="1" s="1"/>
  <c r="A124263" i="1" s="1"/>
  <c r="A124264" i="1" s="1"/>
  <c r="A124265" i="1" s="1"/>
  <c r="A124266" i="1" s="1"/>
  <c r="A124267" i="1" s="1"/>
  <c r="A124268" i="1" s="1"/>
  <c r="A124269" i="1" s="1"/>
  <c r="A124270" i="1" s="1"/>
  <c r="A124271" i="1" s="1"/>
  <c r="A124272" i="1" s="1"/>
  <c r="A124273" i="1" s="1"/>
  <c r="A124274" i="1" s="1"/>
  <c r="A124275" i="1" s="1"/>
  <c r="A124276" i="1" s="1"/>
  <c r="A124277" i="1" s="1"/>
  <c r="A124278" i="1" s="1"/>
  <c r="A124279" i="1" s="1"/>
  <c r="A124280" i="1" s="1"/>
  <c r="A124281" i="1" s="1"/>
  <c r="A124282" i="1" s="1"/>
  <c r="A124283" i="1" s="1"/>
  <c r="A124284" i="1" s="1"/>
  <c r="A124285" i="1" s="1"/>
  <c r="A124286" i="1" s="1"/>
  <c r="A124287" i="1" s="1"/>
  <c r="A124288" i="1" s="1"/>
  <c r="A124289" i="1" s="1"/>
  <c r="A124290" i="1" s="1"/>
  <c r="A124291" i="1" s="1"/>
  <c r="A124292" i="1" s="1"/>
  <c r="A124293" i="1" s="1"/>
  <c r="A124294" i="1" s="1"/>
  <c r="A124295" i="1" s="1"/>
  <c r="A124296" i="1" s="1"/>
  <c r="A124297" i="1" s="1"/>
  <c r="A124298" i="1" s="1"/>
  <c r="A124299" i="1" s="1"/>
  <c r="A124300" i="1" s="1"/>
  <c r="A124301" i="1" s="1"/>
  <c r="A124302" i="1" s="1"/>
  <c r="A124303" i="1" s="1"/>
  <c r="A124304" i="1" s="1"/>
  <c r="A124305" i="1" s="1"/>
  <c r="A124306" i="1" s="1"/>
  <c r="A124307" i="1" s="1"/>
  <c r="A124308" i="1" s="1"/>
  <c r="A124309" i="1" s="1"/>
  <c r="A124310" i="1" s="1"/>
  <c r="A124311" i="1" s="1"/>
  <c r="A124312" i="1" s="1"/>
  <c r="A124313" i="1" s="1"/>
  <c r="A124314" i="1" s="1"/>
  <c r="A124315" i="1" s="1"/>
  <c r="A124316" i="1" s="1"/>
  <c r="A124317" i="1" s="1"/>
  <c r="A124318" i="1" s="1"/>
  <c r="A124319" i="1" s="1"/>
  <c r="A124320" i="1" s="1"/>
  <c r="A124321" i="1" s="1"/>
  <c r="A124322" i="1" s="1"/>
  <c r="A124323" i="1" s="1"/>
  <c r="A124324" i="1" s="1"/>
  <c r="A124325" i="1" s="1"/>
  <c r="A124326" i="1" s="1"/>
  <c r="A124327" i="1" s="1"/>
  <c r="A124328" i="1" s="1"/>
  <c r="A124329" i="1" s="1"/>
  <c r="A124330" i="1" s="1"/>
  <c r="A124331" i="1" s="1"/>
  <c r="A124332" i="1" s="1"/>
  <c r="A124333" i="1" s="1"/>
  <c r="A124334" i="1" s="1"/>
  <c r="A124335" i="1" s="1"/>
  <c r="A124336" i="1" s="1"/>
  <c r="A124337" i="1" s="1"/>
  <c r="A124338" i="1" s="1"/>
  <c r="A124339" i="1" s="1"/>
  <c r="A124340" i="1" s="1"/>
  <c r="A124341" i="1" s="1"/>
  <c r="A124342" i="1" s="1"/>
  <c r="A124343" i="1" s="1"/>
  <c r="A124344" i="1" s="1"/>
  <c r="A124345" i="1" s="1"/>
  <c r="A124346" i="1" s="1"/>
  <c r="A124347" i="1" s="1"/>
  <c r="A124348" i="1" s="1"/>
  <c r="A124349" i="1" s="1"/>
  <c r="A124350" i="1" s="1"/>
  <c r="A124351" i="1" s="1"/>
  <c r="A124352" i="1" s="1"/>
  <c r="A124353" i="1" s="1"/>
  <c r="A124354" i="1" s="1"/>
  <c r="A124355" i="1" s="1"/>
  <c r="A124356" i="1" s="1"/>
  <c r="A124357" i="1" s="1"/>
  <c r="A124358" i="1" s="1"/>
  <c r="A124359" i="1" s="1"/>
  <c r="A124360" i="1" s="1"/>
  <c r="A124361" i="1" s="1"/>
  <c r="A124362" i="1" s="1"/>
  <c r="A124363" i="1" s="1"/>
  <c r="A124364" i="1" s="1"/>
  <c r="A124365" i="1" s="1"/>
  <c r="A124366" i="1" s="1"/>
  <c r="A124367" i="1" s="1"/>
  <c r="A124368" i="1" s="1"/>
  <c r="A124369" i="1" s="1"/>
  <c r="A124370" i="1" s="1"/>
  <c r="A124371" i="1" s="1"/>
  <c r="A124372" i="1" s="1"/>
  <c r="A124373" i="1" s="1"/>
  <c r="A124374" i="1" s="1"/>
  <c r="A124375" i="1" s="1"/>
  <c r="A124376" i="1" s="1"/>
  <c r="A124377" i="1" s="1"/>
  <c r="A124378" i="1" s="1"/>
  <c r="A124379" i="1" s="1"/>
  <c r="A124380" i="1" s="1"/>
  <c r="A124381" i="1" s="1"/>
  <c r="A124382" i="1" s="1"/>
  <c r="A124383" i="1" s="1"/>
  <c r="A124384" i="1" s="1"/>
  <c r="A124385" i="1" s="1"/>
  <c r="A124386" i="1" s="1"/>
  <c r="A124387" i="1" s="1"/>
  <c r="A124388" i="1" s="1"/>
  <c r="A124389" i="1" s="1"/>
  <c r="A124390" i="1" s="1"/>
  <c r="A124391" i="1" s="1"/>
  <c r="A124392" i="1" s="1"/>
  <c r="A124393" i="1" s="1"/>
  <c r="A124394" i="1" s="1"/>
  <c r="A124395" i="1" s="1"/>
  <c r="A124396" i="1" s="1"/>
  <c r="A124397" i="1" s="1"/>
  <c r="A124398" i="1" s="1"/>
  <c r="A124399" i="1" s="1"/>
  <c r="A124400" i="1" s="1"/>
  <c r="A124401" i="1" s="1"/>
  <c r="A124402" i="1" s="1"/>
  <c r="A124403" i="1" s="1"/>
  <c r="A124404" i="1" s="1"/>
  <c r="A124405" i="1" s="1"/>
  <c r="A124406" i="1" s="1"/>
  <c r="A124407" i="1" s="1"/>
  <c r="A124408" i="1" s="1"/>
  <c r="A124409" i="1" s="1"/>
  <c r="A124410" i="1" s="1"/>
  <c r="A124411" i="1" s="1"/>
  <c r="A124412" i="1" s="1"/>
  <c r="A124413" i="1" s="1"/>
  <c r="A124414" i="1" s="1"/>
  <c r="A124415" i="1" s="1"/>
  <c r="A124416" i="1" s="1"/>
  <c r="A124417" i="1" s="1"/>
  <c r="A124418" i="1" s="1"/>
  <c r="A124419" i="1" s="1"/>
  <c r="A124420" i="1" s="1"/>
  <c r="A124421" i="1" s="1"/>
  <c r="A124422" i="1" s="1"/>
  <c r="A124423" i="1" s="1"/>
  <c r="A124424" i="1" s="1"/>
  <c r="A124425" i="1" s="1"/>
  <c r="A124426" i="1" s="1"/>
  <c r="A124427" i="1" s="1"/>
  <c r="A124428" i="1" s="1"/>
  <c r="A124429" i="1" s="1"/>
  <c r="A124430" i="1" s="1"/>
  <c r="A124431" i="1" s="1"/>
  <c r="A124432" i="1" s="1"/>
  <c r="A124433" i="1" s="1"/>
  <c r="A124434" i="1" s="1"/>
  <c r="A124435" i="1" s="1"/>
  <c r="A124436" i="1" s="1"/>
  <c r="A124437" i="1" s="1"/>
  <c r="A124438" i="1" s="1"/>
  <c r="A124439" i="1" s="1"/>
  <c r="A124440" i="1" s="1"/>
  <c r="A124441" i="1" s="1"/>
  <c r="A124442" i="1" s="1"/>
  <c r="A124443" i="1" s="1"/>
  <c r="A124444" i="1" s="1"/>
  <c r="A124445" i="1" s="1"/>
  <c r="A124446" i="1" s="1"/>
  <c r="A124447" i="1" s="1"/>
  <c r="A124448" i="1" s="1"/>
  <c r="A124449" i="1" s="1"/>
  <c r="A124450" i="1" s="1"/>
  <c r="A124451" i="1" s="1"/>
  <c r="A124452" i="1" s="1"/>
  <c r="A124453" i="1" s="1"/>
  <c r="A124454" i="1" s="1"/>
  <c r="A124455" i="1" s="1"/>
  <c r="A124456" i="1" s="1"/>
  <c r="A124457" i="1" s="1"/>
  <c r="A124458" i="1" s="1"/>
  <c r="A124459" i="1" s="1"/>
  <c r="A124460" i="1" s="1"/>
  <c r="A124461" i="1" s="1"/>
  <c r="A124462" i="1" s="1"/>
  <c r="A124463" i="1" s="1"/>
  <c r="A124464" i="1" s="1"/>
  <c r="A124465" i="1" s="1"/>
  <c r="A124466" i="1" s="1"/>
  <c r="A124467" i="1" s="1"/>
  <c r="A124468" i="1" s="1"/>
  <c r="A124469" i="1" s="1"/>
  <c r="A124470" i="1" s="1"/>
  <c r="A124471" i="1" s="1"/>
  <c r="A124472" i="1" s="1"/>
  <c r="A124473" i="1" s="1"/>
  <c r="A124474" i="1" s="1"/>
  <c r="A124475" i="1" s="1"/>
  <c r="A124476" i="1" s="1"/>
  <c r="A124477" i="1" s="1"/>
  <c r="A124478" i="1" s="1"/>
  <c r="A124479" i="1" s="1"/>
  <c r="A124480" i="1" s="1"/>
  <c r="A124481" i="1" s="1"/>
  <c r="A124482" i="1" s="1"/>
  <c r="A124483" i="1" s="1"/>
  <c r="A124484" i="1" s="1"/>
  <c r="A124485" i="1" s="1"/>
  <c r="A124486" i="1" s="1"/>
  <c r="A124487" i="1" s="1"/>
  <c r="A124488" i="1" s="1"/>
  <c r="A124489" i="1" s="1"/>
  <c r="A124490" i="1" s="1"/>
  <c r="A124491" i="1" s="1"/>
  <c r="A124492" i="1" s="1"/>
  <c r="A124493" i="1" s="1"/>
  <c r="A124494" i="1" s="1"/>
  <c r="A124495" i="1" s="1"/>
  <c r="A124496" i="1" s="1"/>
  <c r="A124497" i="1" s="1"/>
  <c r="A124498" i="1" s="1"/>
  <c r="A124499" i="1" s="1"/>
  <c r="A124500" i="1" s="1"/>
  <c r="A124501" i="1" s="1"/>
  <c r="A124502" i="1" s="1"/>
  <c r="A124503" i="1" s="1"/>
  <c r="A124504" i="1" s="1"/>
  <c r="A124505" i="1" s="1"/>
  <c r="A124506" i="1" s="1"/>
  <c r="A124507" i="1" s="1"/>
  <c r="A124508" i="1" s="1"/>
  <c r="A124509" i="1" s="1"/>
  <c r="A124510" i="1" s="1"/>
  <c r="A124511" i="1" s="1"/>
  <c r="A124512" i="1" s="1"/>
  <c r="A124513" i="1" s="1"/>
  <c r="A124514" i="1" s="1"/>
  <c r="A124515" i="1" s="1"/>
  <c r="A124516" i="1" s="1"/>
  <c r="A124517" i="1" s="1"/>
  <c r="A124518" i="1" s="1"/>
  <c r="A124519" i="1" s="1"/>
  <c r="A124520" i="1" s="1"/>
  <c r="A124521" i="1" s="1"/>
  <c r="A124522" i="1" s="1"/>
  <c r="A124523" i="1" s="1"/>
  <c r="A124524" i="1" s="1"/>
  <c r="A124525" i="1" s="1"/>
  <c r="A124526" i="1" s="1"/>
  <c r="A124527" i="1" s="1"/>
  <c r="A124528" i="1" s="1"/>
  <c r="A124529" i="1" s="1"/>
  <c r="A124530" i="1" s="1"/>
  <c r="A124531" i="1" s="1"/>
  <c r="A124532" i="1" s="1"/>
  <c r="A124533" i="1" s="1"/>
  <c r="A124534" i="1" s="1"/>
  <c r="A124535" i="1" s="1"/>
  <c r="A124536" i="1" s="1"/>
  <c r="A124537" i="1" s="1"/>
  <c r="A124538" i="1" s="1"/>
  <c r="A124539" i="1" s="1"/>
  <c r="A124540" i="1" s="1"/>
  <c r="A124541" i="1" s="1"/>
  <c r="A124542" i="1" s="1"/>
  <c r="A124543" i="1" s="1"/>
  <c r="A124544" i="1" s="1"/>
  <c r="A124545" i="1" s="1"/>
  <c r="A124546" i="1" s="1"/>
  <c r="A124547" i="1" s="1"/>
  <c r="A124548" i="1" s="1"/>
  <c r="A124549" i="1" s="1"/>
  <c r="A124550" i="1" s="1"/>
  <c r="A124551" i="1" s="1"/>
  <c r="A124552" i="1" s="1"/>
  <c r="A124553" i="1" s="1"/>
  <c r="A124554" i="1" s="1"/>
  <c r="A124555" i="1" s="1"/>
  <c r="A124556" i="1" s="1"/>
  <c r="A124557" i="1" s="1"/>
  <c r="A124558" i="1" s="1"/>
  <c r="A124559" i="1" s="1"/>
  <c r="A124560" i="1" s="1"/>
  <c r="A124561" i="1" s="1"/>
  <c r="A124562" i="1" s="1"/>
  <c r="A124563" i="1" s="1"/>
  <c r="A124564" i="1" s="1"/>
  <c r="A124565" i="1" s="1"/>
  <c r="A124566" i="1" s="1"/>
  <c r="A124567" i="1" s="1"/>
  <c r="A124568" i="1" s="1"/>
  <c r="A124569" i="1" s="1"/>
  <c r="A124570" i="1" s="1"/>
  <c r="A124571" i="1" s="1"/>
  <c r="A124572" i="1" s="1"/>
  <c r="A124573" i="1" s="1"/>
  <c r="A124574" i="1" s="1"/>
  <c r="A124575" i="1" s="1"/>
  <c r="A124576" i="1" s="1"/>
  <c r="A124577" i="1" s="1"/>
  <c r="A124578" i="1" s="1"/>
  <c r="A124579" i="1" s="1"/>
  <c r="A124580" i="1" s="1"/>
  <c r="A124581" i="1" s="1"/>
  <c r="A124582" i="1" s="1"/>
  <c r="A124583" i="1" s="1"/>
  <c r="A124584" i="1" s="1"/>
  <c r="A124585" i="1" s="1"/>
  <c r="A124586" i="1" s="1"/>
  <c r="A124587" i="1" s="1"/>
  <c r="A124588" i="1" s="1"/>
  <c r="A124589" i="1" s="1"/>
  <c r="A124590" i="1" s="1"/>
  <c r="A124591" i="1" s="1"/>
  <c r="A124592" i="1" s="1"/>
  <c r="A124593" i="1" s="1"/>
  <c r="A124594" i="1" s="1"/>
  <c r="A124595" i="1" s="1"/>
  <c r="A124596" i="1" s="1"/>
  <c r="A124597" i="1" s="1"/>
  <c r="A124598" i="1" s="1"/>
  <c r="A124599" i="1" s="1"/>
  <c r="A124600" i="1" s="1"/>
  <c r="A124601" i="1" s="1"/>
  <c r="A124602" i="1" s="1"/>
  <c r="A124603" i="1" s="1"/>
  <c r="A124604" i="1" s="1"/>
  <c r="A124605" i="1" s="1"/>
  <c r="A124606" i="1" s="1"/>
  <c r="A124607" i="1" s="1"/>
  <c r="A124608" i="1" s="1"/>
  <c r="A124609" i="1" s="1"/>
  <c r="A124610" i="1" s="1"/>
  <c r="A124611" i="1" s="1"/>
  <c r="A124612" i="1" s="1"/>
  <c r="A124613" i="1" s="1"/>
  <c r="A124614" i="1" s="1"/>
  <c r="A124615" i="1" s="1"/>
  <c r="A124616" i="1" s="1"/>
  <c r="A124617" i="1" s="1"/>
  <c r="A124618" i="1" s="1"/>
  <c r="A124619" i="1" s="1"/>
  <c r="A124620" i="1" s="1"/>
  <c r="A124621" i="1" s="1"/>
  <c r="A124622" i="1" s="1"/>
  <c r="A124623" i="1" s="1"/>
  <c r="A124624" i="1" s="1"/>
  <c r="A124625" i="1" s="1"/>
  <c r="A124626" i="1" s="1"/>
  <c r="A124627" i="1" s="1"/>
  <c r="A124628" i="1" s="1"/>
  <c r="A124629" i="1" s="1"/>
  <c r="A124630" i="1" s="1"/>
  <c r="A124631" i="1" s="1"/>
  <c r="A124632" i="1" s="1"/>
  <c r="A124633" i="1" s="1"/>
  <c r="A124634" i="1" s="1"/>
  <c r="A124635" i="1" s="1"/>
  <c r="A124636" i="1" s="1"/>
  <c r="A124637" i="1" s="1"/>
  <c r="A124638" i="1" s="1"/>
  <c r="A124639" i="1" s="1"/>
  <c r="A124640" i="1" s="1"/>
  <c r="A124641" i="1" s="1"/>
  <c r="A124642" i="1" s="1"/>
  <c r="A124643" i="1" s="1"/>
  <c r="A124644" i="1" s="1"/>
  <c r="A124645" i="1" s="1"/>
  <c r="A124646" i="1" s="1"/>
  <c r="A124647" i="1" s="1"/>
  <c r="A124648" i="1" s="1"/>
  <c r="A124649" i="1" s="1"/>
  <c r="A124650" i="1" s="1"/>
  <c r="A124651" i="1" s="1"/>
  <c r="A124652" i="1" s="1"/>
  <c r="A124653" i="1" s="1"/>
  <c r="A124654" i="1" s="1"/>
  <c r="A124655" i="1" s="1"/>
  <c r="A124656" i="1" s="1"/>
  <c r="A124657" i="1" s="1"/>
  <c r="A124658" i="1" s="1"/>
  <c r="A124659" i="1" s="1"/>
  <c r="A124660" i="1" s="1"/>
  <c r="A124661" i="1" s="1"/>
  <c r="A124662" i="1" s="1"/>
  <c r="A124663" i="1" s="1"/>
  <c r="A124664" i="1" s="1"/>
  <c r="A124665" i="1" s="1"/>
  <c r="A124666" i="1" s="1"/>
  <c r="A124667" i="1" s="1"/>
  <c r="A124668" i="1" s="1"/>
  <c r="A124669" i="1" s="1"/>
  <c r="A124670" i="1" s="1"/>
  <c r="A124671" i="1" s="1"/>
  <c r="A124672" i="1" s="1"/>
  <c r="A124673" i="1" s="1"/>
  <c r="A124674" i="1" s="1"/>
  <c r="A124675" i="1" s="1"/>
  <c r="A124676" i="1" s="1"/>
  <c r="A124677" i="1" s="1"/>
  <c r="A124678" i="1" s="1"/>
  <c r="A124679" i="1" s="1"/>
  <c r="A124680" i="1" s="1"/>
  <c r="A124681" i="1" s="1"/>
  <c r="A124682" i="1" s="1"/>
  <c r="A124683" i="1" s="1"/>
  <c r="A124684" i="1" s="1"/>
  <c r="A124685" i="1" s="1"/>
  <c r="A124686" i="1" s="1"/>
  <c r="A124687" i="1" s="1"/>
  <c r="A124688" i="1" s="1"/>
  <c r="A124689" i="1" s="1"/>
  <c r="A124690" i="1" s="1"/>
  <c r="A124691" i="1" s="1"/>
  <c r="A124692" i="1" s="1"/>
  <c r="A124693" i="1" s="1"/>
  <c r="A124694" i="1" s="1"/>
  <c r="A124695" i="1" s="1"/>
  <c r="A124696" i="1" s="1"/>
  <c r="A124697" i="1" s="1"/>
  <c r="A124698" i="1" s="1"/>
  <c r="A124699" i="1" s="1"/>
  <c r="A124700" i="1" s="1"/>
  <c r="A124701" i="1" s="1"/>
  <c r="A124702" i="1" s="1"/>
  <c r="A124703" i="1" s="1"/>
  <c r="A124704" i="1" s="1"/>
  <c r="A124705" i="1" s="1"/>
  <c r="A124706" i="1" s="1"/>
  <c r="A124707" i="1" s="1"/>
  <c r="A124708" i="1" s="1"/>
  <c r="A124709" i="1" s="1"/>
  <c r="A124710" i="1" s="1"/>
  <c r="A124711" i="1" s="1"/>
  <c r="A124712" i="1" s="1"/>
  <c r="A124713" i="1" s="1"/>
  <c r="A124714" i="1" s="1"/>
  <c r="A124715" i="1" s="1"/>
  <c r="A124716" i="1" s="1"/>
  <c r="A124717" i="1" s="1"/>
  <c r="A124718" i="1" s="1"/>
  <c r="A124719" i="1" s="1"/>
  <c r="A124720" i="1" s="1"/>
  <c r="A124721" i="1" s="1"/>
  <c r="A124722" i="1" s="1"/>
  <c r="A124723" i="1" s="1"/>
  <c r="A124724" i="1" s="1"/>
  <c r="A124725" i="1" s="1"/>
  <c r="A124726" i="1" s="1"/>
  <c r="A124727" i="1" s="1"/>
  <c r="A124728" i="1" s="1"/>
  <c r="A124729" i="1" s="1"/>
  <c r="A124730" i="1" s="1"/>
  <c r="A124731" i="1" s="1"/>
  <c r="A124732" i="1" s="1"/>
  <c r="A124733" i="1" s="1"/>
  <c r="A124734" i="1" s="1"/>
  <c r="A124735" i="1" s="1"/>
  <c r="A124736" i="1" s="1"/>
  <c r="A124737" i="1" s="1"/>
  <c r="A124738" i="1" s="1"/>
  <c r="A124739" i="1" s="1"/>
  <c r="A124740" i="1" s="1"/>
  <c r="A124741" i="1" s="1"/>
  <c r="A124742" i="1" s="1"/>
  <c r="A124743" i="1" s="1"/>
  <c r="A124744" i="1" s="1"/>
  <c r="A124745" i="1" s="1"/>
  <c r="A124746" i="1" s="1"/>
  <c r="A124747" i="1" s="1"/>
  <c r="A124748" i="1" s="1"/>
  <c r="A124749" i="1" s="1"/>
  <c r="A124750" i="1" s="1"/>
  <c r="A124751" i="1" s="1"/>
  <c r="A124752" i="1" s="1"/>
  <c r="A124753" i="1" s="1"/>
  <c r="A124754" i="1" s="1"/>
  <c r="A124755" i="1" s="1"/>
  <c r="A124756" i="1" s="1"/>
  <c r="A124757" i="1" s="1"/>
  <c r="A124758" i="1" s="1"/>
  <c r="A124759" i="1" s="1"/>
  <c r="A124760" i="1" s="1"/>
  <c r="A124761" i="1" s="1"/>
  <c r="A124762" i="1" s="1"/>
  <c r="A124763" i="1" s="1"/>
  <c r="A124764" i="1" s="1"/>
  <c r="A124765" i="1" s="1"/>
  <c r="A124766" i="1" s="1"/>
  <c r="A124767" i="1" s="1"/>
  <c r="A124768" i="1" s="1"/>
  <c r="A124769" i="1" s="1"/>
  <c r="A124770" i="1" s="1"/>
  <c r="A124771" i="1" s="1"/>
  <c r="A124772" i="1" s="1"/>
  <c r="A124773" i="1" s="1"/>
  <c r="A124774" i="1" s="1"/>
  <c r="A124775" i="1" s="1"/>
  <c r="A124776" i="1" s="1"/>
  <c r="A124777" i="1" s="1"/>
  <c r="A124778" i="1" s="1"/>
  <c r="A124779" i="1" s="1"/>
  <c r="A124780" i="1" s="1"/>
  <c r="A124781" i="1" s="1"/>
  <c r="A124782" i="1" s="1"/>
  <c r="A124783" i="1" s="1"/>
  <c r="A124784" i="1" s="1"/>
  <c r="A124785" i="1" s="1"/>
  <c r="A124786" i="1" s="1"/>
  <c r="A124787" i="1" s="1"/>
  <c r="A124788" i="1" s="1"/>
  <c r="A124789" i="1" s="1"/>
  <c r="A124790" i="1" s="1"/>
  <c r="A124791" i="1" s="1"/>
  <c r="A124792" i="1" s="1"/>
  <c r="A124793" i="1" s="1"/>
  <c r="A124794" i="1" s="1"/>
  <c r="A124795" i="1" s="1"/>
  <c r="A124796" i="1" s="1"/>
  <c r="A124797" i="1" s="1"/>
  <c r="A124798" i="1" s="1"/>
  <c r="A124799" i="1" s="1"/>
  <c r="A124800" i="1" s="1"/>
  <c r="A124801" i="1" s="1"/>
  <c r="A124802" i="1" s="1"/>
  <c r="A124803" i="1" s="1"/>
  <c r="A124804" i="1" s="1"/>
  <c r="A124805" i="1" s="1"/>
  <c r="A124806" i="1" s="1"/>
  <c r="A124807" i="1" s="1"/>
  <c r="A124808" i="1" s="1"/>
  <c r="A124809" i="1" s="1"/>
  <c r="A124810" i="1" s="1"/>
  <c r="A124811" i="1" s="1"/>
  <c r="A124812" i="1" s="1"/>
  <c r="A124813" i="1" s="1"/>
  <c r="A124814" i="1" s="1"/>
  <c r="A124815" i="1" s="1"/>
  <c r="A124816" i="1" s="1"/>
  <c r="A124817" i="1" s="1"/>
  <c r="A124818" i="1" s="1"/>
  <c r="A124819" i="1" s="1"/>
  <c r="A124820" i="1" s="1"/>
  <c r="A124821" i="1" s="1"/>
  <c r="A124822" i="1" s="1"/>
  <c r="A124823" i="1" s="1"/>
  <c r="A124824" i="1" s="1"/>
  <c r="A124825" i="1" s="1"/>
  <c r="A124826" i="1" s="1"/>
  <c r="A124827" i="1" s="1"/>
  <c r="A124828" i="1" s="1"/>
  <c r="A124829" i="1" s="1"/>
  <c r="A124830" i="1" s="1"/>
  <c r="A124831" i="1" s="1"/>
  <c r="A124832" i="1" s="1"/>
  <c r="A124833" i="1" s="1"/>
  <c r="A124834" i="1" s="1"/>
  <c r="A124835" i="1" s="1"/>
  <c r="A124836" i="1" s="1"/>
  <c r="A124837" i="1" s="1"/>
  <c r="A124838" i="1" s="1"/>
  <c r="A124839" i="1" s="1"/>
  <c r="A124840" i="1" s="1"/>
  <c r="A124841" i="1" s="1"/>
  <c r="A124842" i="1" s="1"/>
  <c r="A124843" i="1" s="1"/>
  <c r="A124844" i="1" s="1"/>
  <c r="A124845" i="1" s="1"/>
  <c r="A124846" i="1" s="1"/>
  <c r="A124847" i="1" s="1"/>
  <c r="A124848" i="1" s="1"/>
  <c r="A124849" i="1" s="1"/>
  <c r="A124850" i="1" s="1"/>
  <c r="A124851" i="1" s="1"/>
  <c r="A124852" i="1" s="1"/>
  <c r="A124853" i="1" s="1"/>
  <c r="A124854" i="1" s="1"/>
  <c r="A124855" i="1" s="1"/>
  <c r="A124856" i="1" s="1"/>
  <c r="A124857" i="1" s="1"/>
  <c r="A124858" i="1" s="1"/>
  <c r="A124859" i="1" s="1"/>
  <c r="A124860" i="1" s="1"/>
  <c r="A124861" i="1" s="1"/>
  <c r="A124862" i="1" s="1"/>
  <c r="A124863" i="1" s="1"/>
  <c r="A124864" i="1" s="1"/>
  <c r="A124865" i="1" s="1"/>
  <c r="A124866" i="1" s="1"/>
  <c r="A124867" i="1" s="1"/>
  <c r="A124868" i="1" s="1"/>
  <c r="A124869" i="1" s="1"/>
  <c r="A124870" i="1" s="1"/>
  <c r="A124871" i="1" s="1"/>
  <c r="A124872" i="1" s="1"/>
  <c r="A124873" i="1" s="1"/>
  <c r="A124874" i="1" s="1"/>
  <c r="A124875" i="1" s="1"/>
  <c r="A124876" i="1" s="1"/>
  <c r="A124877" i="1" s="1"/>
  <c r="A124878" i="1" s="1"/>
  <c r="A124879" i="1" s="1"/>
  <c r="A124880" i="1" s="1"/>
  <c r="A124881" i="1" s="1"/>
  <c r="A124882" i="1" s="1"/>
  <c r="A124883" i="1" s="1"/>
  <c r="A124884" i="1" s="1"/>
  <c r="A124885" i="1" s="1"/>
  <c r="A124886" i="1" s="1"/>
  <c r="A124887" i="1" s="1"/>
  <c r="A124888" i="1" s="1"/>
  <c r="A124889" i="1" s="1"/>
  <c r="A124890" i="1" s="1"/>
  <c r="A124891" i="1" s="1"/>
  <c r="A124892" i="1" s="1"/>
  <c r="A124893" i="1" s="1"/>
  <c r="A124894" i="1" s="1"/>
  <c r="A124895" i="1" s="1"/>
  <c r="A124896" i="1" s="1"/>
  <c r="A124897" i="1" s="1"/>
  <c r="A124898" i="1" s="1"/>
  <c r="A124899" i="1" s="1"/>
  <c r="A124900" i="1" s="1"/>
  <c r="A124901" i="1" s="1"/>
  <c r="A124902" i="1" s="1"/>
  <c r="A124903" i="1" s="1"/>
  <c r="A124904" i="1" s="1"/>
  <c r="A124905" i="1" s="1"/>
  <c r="A124906" i="1" s="1"/>
  <c r="A124907" i="1" s="1"/>
  <c r="A124908" i="1" s="1"/>
  <c r="A124909" i="1" s="1"/>
  <c r="A124910" i="1" s="1"/>
  <c r="A124911" i="1" s="1"/>
  <c r="A124912" i="1" s="1"/>
  <c r="A124913" i="1" s="1"/>
  <c r="A124914" i="1" s="1"/>
  <c r="A124915" i="1" s="1"/>
  <c r="A124916" i="1" s="1"/>
  <c r="A124917" i="1" s="1"/>
  <c r="A124918" i="1" s="1"/>
  <c r="A124919" i="1" s="1"/>
  <c r="A124920" i="1" s="1"/>
  <c r="A124921" i="1" s="1"/>
  <c r="A124922" i="1" s="1"/>
  <c r="A124923" i="1" s="1"/>
  <c r="A124924" i="1" s="1"/>
  <c r="A124925" i="1" s="1"/>
  <c r="A124926" i="1" s="1"/>
  <c r="A124927" i="1" s="1"/>
  <c r="A124928" i="1" s="1"/>
  <c r="A124929" i="1" s="1"/>
  <c r="A124930" i="1" s="1"/>
  <c r="A124931" i="1" s="1"/>
  <c r="A124932" i="1" s="1"/>
  <c r="A124933" i="1" s="1"/>
  <c r="A124934" i="1" s="1"/>
  <c r="A124935" i="1" s="1"/>
  <c r="A124936" i="1" s="1"/>
  <c r="A124937" i="1" s="1"/>
  <c r="A124938" i="1" s="1"/>
  <c r="A124939" i="1" s="1"/>
  <c r="A124940" i="1" s="1"/>
  <c r="A124941" i="1" s="1"/>
  <c r="A124942" i="1" s="1"/>
  <c r="A124943" i="1" s="1"/>
  <c r="A124944" i="1" s="1"/>
  <c r="A124945" i="1" s="1"/>
  <c r="A124946" i="1" s="1"/>
  <c r="A124947" i="1" s="1"/>
  <c r="A124948" i="1" s="1"/>
  <c r="A124949" i="1" s="1"/>
  <c r="A124950" i="1" s="1"/>
  <c r="A124951" i="1" s="1"/>
  <c r="A124952" i="1" s="1"/>
  <c r="A124953" i="1" s="1"/>
  <c r="A124954" i="1" s="1"/>
  <c r="A124955" i="1" s="1"/>
  <c r="A124956" i="1" s="1"/>
  <c r="A124957" i="1" s="1"/>
  <c r="A124958" i="1" s="1"/>
  <c r="A124959" i="1" s="1"/>
  <c r="A124960" i="1" s="1"/>
  <c r="A124961" i="1" s="1"/>
  <c r="A124962" i="1" s="1"/>
  <c r="A124963" i="1" s="1"/>
  <c r="A124964" i="1" s="1"/>
  <c r="A124965" i="1" s="1"/>
  <c r="A124966" i="1" s="1"/>
  <c r="A124967" i="1" s="1"/>
  <c r="A124968" i="1" s="1"/>
  <c r="A124969" i="1" s="1"/>
  <c r="A124970" i="1" s="1"/>
  <c r="A124971" i="1" s="1"/>
  <c r="A124972" i="1" s="1"/>
  <c r="A124973" i="1" s="1"/>
  <c r="A124974" i="1" s="1"/>
  <c r="A124975" i="1" s="1"/>
  <c r="A124976" i="1" s="1"/>
  <c r="A124977" i="1" s="1"/>
  <c r="A124978" i="1" s="1"/>
  <c r="A124979" i="1" s="1"/>
  <c r="A124980" i="1" s="1"/>
  <c r="A124981" i="1" s="1"/>
  <c r="A124982" i="1" s="1"/>
  <c r="A124983" i="1" s="1"/>
  <c r="A124984" i="1" s="1"/>
  <c r="A124985" i="1" s="1"/>
  <c r="A124986" i="1" s="1"/>
  <c r="A124987" i="1" s="1"/>
  <c r="A124988" i="1" s="1"/>
  <c r="A124989" i="1" s="1"/>
  <c r="A124990" i="1" s="1"/>
  <c r="A124991" i="1" s="1"/>
  <c r="A124992" i="1" s="1"/>
  <c r="A124993" i="1" s="1"/>
  <c r="A124994" i="1" s="1"/>
  <c r="A124995" i="1" s="1"/>
  <c r="A124996" i="1" s="1"/>
  <c r="A124997" i="1" s="1"/>
  <c r="A124998" i="1" s="1"/>
  <c r="A124999" i="1" s="1"/>
  <c r="A125000" i="1" s="1"/>
  <c r="A125001" i="1" s="1"/>
  <c r="A125002" i="1" s="1"/>
  <c r="A125003" i="1" s="1"/>
  <c r="A125004" i="1" s="1"/>
  <c r="A125005" i="1" s="1"/>
  <c r="A125006" i="1" s="1"/>
  <c r="A125007" i="1" s="1"/>
  <c r="A125008" i="1" s="1"/>
  <c r="A125009" i="1" s="1"/>
  <c r="A125010" i="1" s="1"/>
  <c r="A125011" i="1" s="1"/>
  <c r="A125012" i="1" s="1"/>
  <c r="A125013" i="1" s="1"/>
  <c r="A125014" i="1" s="1"/>
  <c r="A125015" i="1" s="1"/>
  <c r="A125016" i="1" s="1"/>
  <c r="A125017" i="1" s="1"/>
  <c r="A125018" i="1" s="1"/>
  <c r="A125019" i="1" s="1"/>
  <c r="A125020" i="1" s="1"/>
  <c r="A125021" i="1" s="1"/>
  <c r="A125022" i="1" s="1"/>
  <c r="A125023" i="1" s="1"/>
  <c r="A125024" i="1" s="1"/>
  <c r="A125025" i="1" s="1"/>
  <c r="A125026" i="1" s="1"/>
  <c r="A125027" i="1" s="1"/>
  <c r="A125028" i="1" s="1"/>
  <c r="A125029" i="1" s="1"/>
  <c r="A125030" i="1" s="1"/>
  <c r="A125031" i="1" s="1"/>
  <c r="A125032" i="1" s="1"/>
  <c r="A125033" i="1" s="1"/>
  <c r="A125034" i="1" s="1"/>
  <c r="A125035" i="1" s="1"/>
  <c r="A125036" i="1" s="1"/>
  <c r="A125037" i="1" s="1"/>
  <c r="A125038" i="1" s="1"/>
  <c r="A125039" i="1" s="1"/>
  <c r="A125040" i="1" s="1"/>
  <c r="A125041" i="1" s="1"/>
  <c r="A125042" i="1" s="1"/>
  <c r="A125043" i="1" s="1"/>
  <c r="A125044" i="1" s="1"/>
  <c r="A125045" i="1" s="1"/>
  <c r="A125046" i="1" s="1"/>
  <c r="A125047" i="1" s="1"/>
  <c r="A125048" i="1" s="1"/>
  <c r="A125049" i="1" s="1"/>
  <c r="A125050" i="1" s="1"/>
  <c r="A125051" i="1" s="1"/>
  <c r="A125052" i="1" s="1"/>
  <c r="A125053" i="1" s="1"/>
  <c r="A125054" i="1" s="1"/>
  <c r="A125055" i="1" s="1"/>
  <c r="A125056" i="1" s="1"/>
  <c r="A125057" i="1" s="1"/>
  <c r="A125058" i="1" s="1"/>
  <c r="A125059" i="1" s="1"/>
  <c r="A125060" i="1" s="1"/>
  <c r="A125061" i="1" s="1"/>
  <c r="A125062" i="1" s="1"/>
  <c r="A125063" i="1" s="1"/>
  <c r="A125064" i="1" s="1"/>
  <c r="A125065" i="1" s="1"/>
  <c r="A125066" i="1" s="1"/>
  <c r="A125067" i="1" s="1"/>
  <c r="A125068" i="1" s="1"/>
  <c r="A125069" i="1" s="1"/>
  <c r="A125070" i="1" s="1"/>
  <c r="A125071" i="1" s="1"/>
  <c r="A125072" i="1" s="1"/>
  <c r="A125073" i="1" s="1"/>
  <c r="A125074" i="1" s="1"/>
  <c r="A125075" i="1" s="1"/>
  <c r="A125076" i="1" s="1"/>
  <c r="A125077" i="1" s="1"/>
  <c r="A125078" i="1" s="1"/>
  <c r="A125079" i="1" s="1"/>
  <c r="A125080" i="1" s="1"/>
  <c r="A125081" i="1" s="1"/>
  <c r="A125082" i="1" s="1"/>
  <c r="A125083" i="1" s="1"/>
  <c r="A125084" i="1" s="1"/>
  <c r="A125085" i="1" s="1"/>
  <c r="A125086" i="1" s="1"/>
  <c r="A125087" i="1" s="1"/>
  <c r="A125088" i="1" s="1"/>
  <c r="A125089" i="1" s="1"/>
  <c r="A125090" i="1" s="1"/>
  <c r="A125091" i="1" s="1"/>
  <c r="A125092" i="1" s="1"/>
  <c r="A125093" i="1" s="1"/>
  <c r="A125094" i="1" s="1"/>
  <c r="A125095" i="1" s="1"/>
  <c r="A125096" i="1" s="1"/>
  <c r="A125097" i="1" s="1"/>
  <c r="A125098" i="1" s="1"/>
  <c r="A125099" i="1" s="1"/>
  <c r="A125100" i="1" s="1"/>
  <c r="A125101" i="1" s="1"/>
  <c r="A125102" i="1" s="1"/>
  <c r="A125103" i="1" s="1"/>
  <c r="A125104" i="1" s="1"/>
  <c r="A125105" i="1" s="1"/>
  <c r="A125106" i="1" s="1"/>
  <c r="A125107" i="1" s="1"/>
  <c r="A125108" i="1" s="1"/>
  <c r="A125109" i="1" s="1"/>
  <c r="A125110" i="1" s="1"/>
  <c r="A125111" i="1" s="1"/>
  <c r="A125112" i="1" s="1"/>
  <c r="A125113" i="1" s="1"/>
  <c r="A125114" i="1" s="1"/>
  <c r="A125115" i="1" s="1"/>
  <c r="A125116" i="1" s="1"/>
  <c r="A125117" i="1" s="1"/>
  <c r="A125118" i="1" s="1"/>
  <c r="A125119" i="1" s="1"/>
  <c r="A125120" i="1" s="1"/>
  <c r="A125121" i="1" s="1"/>
  <c r="A125122" i="1" s="1"/>
  <c r="A125123" i="1" s="1"/>
  <c r="A125124" i="1" s="1"/>
  <c r="A125125" i="1" s="1"/>
  <c r="A125126" i="1" s="1"/>
  <c r="A125127" i="1" s="1"/>
  <c r="A125128" i="1" s="1"/>
  <c r="A125129" i="1" s="1"/>
  <c r="A125130" i="1" s="1"/>
  <c r="A125131" i="1" s="1"/>
  <c r="A125132" i="1" s="1"/>
  <c r="A125133" i="1" s="1"/>
  <c r="A125134" i="1" s="1"/>
  <c r="A125135" i="1" s="1"/>
  <c r="A125136" i="1" s="1"/>
  <c r="A125137" i="1" s="1"/>
  <c r="A125138" i="1" s="1"/>
  <c r="A125139" i="1" s="1"/>
  <c r="A125140" i="1" s="1"/>
  <c r="A125141" i="1" s="1"/>
  <c r="A125142" i="1" s="1"/>
  <c r="A125143" i="1" s="1"/>
  <c r="A125144" i="1" s="1"/>
  <c r="A125145" i="1" s="1"/>
  <c r="A125146" i="1" s="1"/>
  <c r="A125147" i="1" s="1"/>
  <c r="A125148" i="1" s="1"/>
  <c r="A125149" i="1" s="1"/>
  <c r="A125150" i="1" s="1"/>
  <c r="A125151" i="1" s="1"/>
  <c r="A125152" i="1" s="1"/>
  <c r="A125153" i="1" s="1"/>
  <c r="A125154" i="1" s="1"/>
  <c r="A125155" i="1" s="1"/>
  <c r="A125156" i="1" s="1"/>
  <c r="A125157" i="1" s="1"/>
  <c r="A125158" i="1" s="1"/>
  <c r="A125159" i="1" s="1"/>
  <c r="A125160" i="1" s="1"/>
  <c r="A125161" i="1" s="1"/>
  <c r="A125162" i="1" s="1"/>
  <c r="A125163" i="1" s="1"/>
  <c r="A125164" i="1" s="1"/>
  <c r="A125165" i="1" s="1"/>
  <c r="A125166" i="1" s="1"/>
  <c r="A125167" i="1" s="1"/>
  <c r="A125168" i="1" s="1"/>
  <c r="A125169" i="1" s="1"/>
  <c r="A125170" i="1" s="1"/>
  <c r="A125171" i="1" s="1"/>
  <c r="A125172" i="1" s="1"/>
  <c r="A125173" i="1" s="1"/>
  <c r="A125174" i="1" s="1"/>
  <c r="A125175" i="1" s="1"/>
  <c r="A125176" i="1" s="1"/>
  <c r="A125177" i="1" s="1"/>
  <c r="A125178" i="1" s="1"/>
  <c r="A125179" i="1" s="1"/>
  <c r="A125180" i="1" s="1"/>
  <c r="A125181" i="1" s="1"/>
  <c r="A125182" i="1" s="1"/>
  <c r="A125183" i="1" s="1"/>
  <c r="A125184" i="1" s="1"/>
  <c r="A125185" i="1" s="1"/>
  <c r="A125186" i="1" s="1"/>
  <c r="A125187" i="1" s="1"/>
  <c r="A125188" i="1" s="1"/>
  <c r="A125189" i="1" s="1"/>
  <c r="A125190" i="1" s="1"/>
  <c r="A125191" i="1" s="1"/>
  <c r="A125192" i="1" s="1"/>
  <c r="A125193" i="1" s="1"/>
  <c r="A125194" i="1" s="1"/>
  <c r="A125195" i="1" s="1"/>
  <c r="A125196" i="1" s="1"/>
  <c r="A125197" i="1" s="1"/>
  <c r="A125198" i="1" s="1"/>
  <c r="A125199" i="1" s="1"/>
  <c r="A125200" i="1" s="1"/>
  <c r="A125201" i="1" s="1"/>
  <c r="A125202" i="1" s="1"/>
  <c r="A125203" i="1" s="1"/>
  <c r="A125204" i="1" s="1"/>
  <c r="A125205" i="1" s="1"/>
  <c r="A125206" i="1" s="1"/>
  <c r="A125207" i="1" s="1"/>
  <c r="A125208" i="1" s="1"/>
  <c r="A125209" i="1" s="1"/>
  <c r="A125210" i="1" s="1"/>
  <c r="A125211" i="1" s="1"/>
  <c r="A125212" i="1" s="1"/>
  <c r="A125213" i="1" s="1"/>
  <c r="A125214" i="1" s="1"/>
  <c r="A125215" i="1" s="1"/>
  <c r="A125216" i="1" s="1"/>
  <c r="A125217" i="1" s="1"/>
  <c r="A125218" i="1" s="1"/>
  <c r="A125219" i="1" s="1"/>
  <c r="A125220" i="1" s="1"/>
  <c r="A125221" i="1" s="1"/>
  <c r="A125222" i="1" s="1"/>
  <c r="A125223" i="1" s="1"/>
  <c r="A125224" i="1" s="1"/>
  <c r="A125225" i="1" s="1"/>
  <c r="A125226" i="1" s="1"/>
  <c r="A125227" i="1" s="1"/>
  <c r="A125228" i="1" s="1"/>
  <c r="A125229" i="1" s="1"/>
  <c r="A125230" i="1" s="1"/>
  <c r="A125231" i="1" s="1"/>
  <c r="A125232" i="1" s="1"/>
  <c r="A125233" i="1" s="1"/>
  <c r="A125234" i="1" s="1"/>
  <c r="A125235" i="1" s="1"/>
  <c r="A125236" i="1" s="1"/>
  <c r="A125237" i="1" s="1"/>
  <c r="A125238" i="1" s="1"/>
  <c r="A125239" i="1" s="1"/>
  <c r="A125240" i="1" s="1"/>
  <c r="A125241" i="1" s="1"/>
  <c r="A125242" i="1" s="1"/>
  <c r="A125243" i="1" s="1"/>
  <c r="A125244" i="1" s="1"/>
  <c r="A125245" i="1" s="1"/>
  <c r="A125246" i="1" s="1"/>
  <c r="A125247" i="1" s="1"/>
  <c r="A125248" i="1" s="1"/>
  <c r="A125249" i="1" s="1"/>
  <c r="A125250" i="1" s="1"/>
  <c r="A125251" i="1" s="1"/>
  <c r="A125252" i="1" s="1"/>
  <c r="A125253" i="1" s="1"/>
  <c r="A125254" i="1" s="1"/>
  <c r="A125255" i="1" s="1"/>
  <c r="A125256" i="1" s="1"/>
  <c r="A125257" i="1" s="1"/>
  <c r="A125258" i="1" s="1"/>
  <c r="A125259" i="1" s="1"/>
  <c r="A125260" i="1" s="1"/>
  <c r="A125261" i="1" s="1"/>
  <c r="A125262" i="1" s="1"/>
  <c r="A125263" i="1" s="1"/>
  <c r="A125264" i="1" s="1"/>
  <c r="A125265" i="1" s="1"/>
  <c r="A125266" i="1" s="1"/>
  <c r="A125267" i="1" s="1"/>
  <c r="A125268" i="1" s="1"/>
  <c r="A125269" i="1" s="1"/>
  <c r="A125270" i="1" s="1"/>
  <c r="A125271" i="1" s="1"/>
  <c r="A125272" i="1" s="1"/>
  <c r="A125273" i="1" s="1"/>
  <c r="A125274" i="1" s="1"/>
  <c r="A125275" i="1" s="1"/>
  <c r="A125276" i="1" s="1"/>
  <c r="A125277" i="1" s="1"/>
  <c r="A125278" i="1" s="1"/>
  <c r="A125279" i="1" s="1"/>
  <c r="A125280" i="1" s="1"/>
  <c r="A125281" i="1" s="1"/>
  <c r="A125282" i="1" s="1"/>
  <c r="A125283" i="1" s="1"/>
  <c r="A125284" i="1" s="1"/>
  <c r="A125285" i="1" s="1"/>
  <c r="A125286" i="1" s="1"/>
  <c r="A125287" i="1" s="1"/>
  <c r="A125288" i="1" s="1"/>
  <c r="A125289" i="1" s="1"/>
  <c r="A125290" i="1" s="1"/>
  <c r="A125291" i="1" s="1"/>
  <c r="A125292" i="1" s="1"/>
  <c r="A125293" i="1" s="1"/>
  <c r="A125294" i="1" s="1"/>
  <c r="A125295" i="1" s="1"/>
  <c r="A125296" i="1" s="1"/>
  <c r="A125297" i="1" s="1"/>
  <c r="A125298" i="1" s="1"/>
  <c r="A125299" i="1" s="1"/>
  <c r="A125300" i="1" s="1"/>
  <c r="A125301" i="1" s="1"/>
  <c r="A125302" i="1" s="1"/>
  <c r="A125303" i="1" s="1"/>
  <c r="A125304" i="1" s="1"/>
  <c r="A125305" i="1" s="1"/>
  <c r="A125306" i="1" s="1"/>
  <c r="A125307" i="1" s="1"/>
  <c r="A125308" i="1" s="1"/>
  <c r="A125309" i="1" s="1"/>
  <c r="A125310" i="1" s="1"/>
  <c r="A125311" i="1" s="1"/>
  <c r="A125312" i="1" s="1"/>
  <c r="A125313" i="1" s="1"/>
  <c r="A125314" i="1" s="1"/>
  <c r="A125315" i="1" s="1"/>
  <c r="A125316" i="1" s="1"/>
  <c r="A125317" i="1" s="1"/>
  <c r="A125318" i="1" s="1"/>
  <c r="A125319" i="1" s="1"/>
  <c r="A125320" i="1" s="1"/>
  <c r="A125321" i="1" s="1"/>
  <c r="A125322" i="1" s="1"/>
  <c r="A125323" i="1" s="1"/>
  <c r="A125324" i="1" s="1"/>
  <c r="A125325" i="1" s="1"/>
  <c r="A125326" i="1" s="1"/>
  <c r="A125327" i="1" s="1"/>
  <c r="A125328" i="1" s="1"/>
  <c r="A125329" i="1" s="1"/>
  <c r="A125330" i="1" s="1"/>
  <c r="A125331" i="1" s="1"/>
  <c r="A125332" i="1" s="1"/>
  <c r="A125333" i="1" s="1"/>
  <c r="A125334" i="1" s="1"/>
  <c r="A125335" i="1" s="1"/>
  <c r="A125336" i="1" s="1"/>
  <c r="A125337" i="1" s="1"/>
  <c r="A125338" i="1" s="1"/>
  <c r="A125339" i="1" s="1"/>
  <c r="A125340" i="1" s="1"/>
  <c r="A125341" i="1" s="1"/>
  <c r="A125342" i="1" s="1"/>
  <c r="A125343" i="1" s="1"/>
  <c r="A125344" i="1" s="1"/>
  <c r="A125345" i="1" s="1"/>
  <c r="A125346" i="1" s="1"/>
  <c r="A125347" i="1" s="1"/>
  <c r="A125348" i="1" s="1"/>
  <c r="A125349" i="1" s="1"/>
  <c r="A125350" i="1" s="1"/>
  <c r="A125351" i="1" s="1"/>
  <c r="A125352" i="1" s="1"/>
  <c r="A125353" i="1" s="1"/>
  <c r="A125354" i="1" s="1"/>
  <c r="A125355" i="1" s="1"/>
  <c r="A125356" i="1" s="1"/>
  <c r="A125357" i="1" s="1"/>
  <c r="A125358" i="1" s="1"/>
  <c r="A125359" i="1" s="1"/>
  <c r="A125360" i="1" s="1"/>
  <c r="A125361" i="1" s="1"/>
  <c r="A125362" i="1" s="1"/>
  <c r="A125363" i="1" s="1"/>
  <c r="A125364" i="1" s="1"/>
  <c r="A125365" i="1" s="1"/>
  <c r="A125366" i="1" s="1"/>
  <c r="A125367" i="1" s="1"/>
  <c r="A125368" i="1" s="1"/>
  <c r="A125369" i="1" s="1"/>
  <c r="A125370" i="1" s="1"/>
  <c r="A125371" i="1" s="1"/>
  <c r="A125372" i="1" s="1"/>
  <c r="A125373" i="1" s="1"/>
  <c r="A125374" i="1" s="1"/>
  <c r="A125375" i="1" s="1"/>
  <c r="A125376" i="1" s="1"/>
  <c r="A125377" i="1" s="1"/>
  <c r="A125378" i="1" s="1"/>
  <c r="A125379" i="1" s="1"/>
  <c r="A125380" i="1" s="1"/>
  <c r="A125381" i="1" s="1"/>
  <c r="A125382" i="1" s="1"/>
  <c r="A125383" i="1" s="1"/>
  <c r="A125384" i="1" s="1"/>
  <c r="A125385" i="1" s="1"/>
  <c r="A125386" i="1" s="1"/>
  <c r="A125387" i="1" s="1"/>
  <c r="A125388" i="1" s="1"/>
  <c r="A125389" i="1" s="1"/>
  <c r="A125390" i="1" s="1"/>
  <c r="A125391" i="1" s="1"/>
  <c r="A125392" i="1" s="1"/>
  <c r="A125393" i="1" s="1"/>
  <c r="A125394" i="1" s="1"/>
  <c r="A125395" i="1" s="1"/>
  <c r="A125396" i="1" s="1"/>
  <c r="A125397" i="1" s="1"/>
  <c r="A125398" i="1" s="1"/>
  <c r="A125399" i="1" s="1"/>
  <c r="A125400" i="1" s="1"/>
  <c r="A125401" i="1" s="1"/>
  <c r="A125402" i="1" s="1"/>
  <c r="A125403" i="1" s="1"/>
  <c r="A125404" i="1" s="1"/>
  <c r="A125405" i="1" s="1"/>
  <c r="A125406" i="1" s="1"/>
  <c r="A125407" i="1" s="1"/>
  <c r="A125408" i="1" s="1"/>
  <c r="A125409" i="1" s="1"/>
  <c r="A125410" i="1" s="1"/>
  <c r="A125411" i="1" s="1"/>
  <c r="A125412" i="1" s="1"/>
  <c r="A125413" i="1" s="1"/>
  <c r="A125414" i="1" s="1"/>
  <c r="A125415" i="1" s="1"/>
  <c r="A125416" i="1" s="1"/>
  <c r="A125417" i="1" s="1"/>
  <c r="A125418" i="1" s="1"/>
  <c r="A125419" i="1" s="1"/>
  <c r="A125420" i="1" s="1"/>
  <c r="A125421" i="1" s="1"/>
  <c r="A125422" i="1" s="1"/>
  <c r="A125423" i="1" s="1"/>
  <c r="A125424" i="1" s="1"/>
  <c r="A125425" i="1" s="1"/>
  <c r="A125426" i="1" s="1"/>
  <c r="A125427" i="1" s="1"/>
  <c r="A125428" i="1" s="1"/>
  <c r="A125429" i="1" s="1"/>
  <c r="A125430" i="1" s="1"/>
  <c r="A125431" i="1" s="1"/>
  <c r="A125432" i="1" s="1"/>
  <c r="A125433" i="1" s="1"/>
  <c r="A125434" i="1" s="1"/>
  <c r="A125435" i="1" s="1"/>
  <c r="A125436" i="1" s="1"/>
  <c r="A125437" i="1" s="1"/>
  <c r="A125438" i="1" s="1"/>
  <c r="A125439" i="1" s="1"/>
  <c r="A125440" i="1" s="1"/>
  <c r="A125441" i="1" s="1"/>
  <c r="A125442" i="1" s="1"/>
  <c r="A125443" i="1" s="1"/>
  <c r="A125444" i="1" s="1"/>
  <c r="A125445" i="1" s="1"/>
  <c r="A125446" i="1" s="1"/>
  <c r="A125447" i="1" s="1"/>
  <c r="A125448" i="1" s="1"/>
  <c r="A125449" i="1" s="1"/>
  <c r="A125450" i="1" s="1"/>
  <c r="A125451" i="1" s="1"/>
  <c r="A125452" i="1" s="1"/>
  <c r="A125453" i="1" s="1"/>
  <c r="A125454" i="1" s="1"/>
  <c r="A125455" i="1" s="1"/>
  <c r="A125456" i="1" s="1"/>
  <c r="A125457" i="1" s="1"/>
  <c r="A125458" i="1" s="1"/>
  <c r="A125459" i="1" s="1"/>
  <c r="A125460" i="1" s="1"/>
  <c r="A125461" i="1" s="1"/>
  <c r="A125462" i="1" s="1"/>
  <c r="A125463" i="1" s="1"/>
  <c r="A125464" i="1" s="1"/>
  <c r="A125465" i="1" s="1"/>
  <c r="A125466" i="1" s="1"/>
  <c r="A125467" i="1" s="1"/>
  <c r="A125468" i="1" s="1"/>
  <c r="A125469" i="1" s="1"/>
  <c r="A125470" i="1" s="1"/>
  <c r="A125471" i="1" s="1"/>
  <c r="A125472" i="1" s="1"/>
  <c r="A125473" i="1" s="1"/>
  <c r="A125474" i="1" s="1"/>
  <c r="A125475" i="1" s="1"/>
  <c r="A125476" i="1" s="1"/>
  <c r="A125477" i="1" s="1"/>
  <c r="A125478" i="1" s="1"/>
  <c r="A125479" i="1" s="1"/>
  <c r="A125480" i="1" s="1"/>
  <c r="A125481" i="1" s="1"/>
  <c r="A125482" i="1" s="1"/>
  <c r="A125483" i="1" s="1"/>
  <c r="A125484" i="1" s="1"/>
  <c r="A125485" i="1" s="1"/>
  <c r="A125486" i="1" s="1"/>
  <c r="A125487" i="1" s="1"/>
  <c r="A125488" i="1" s="1"/>
  <c r="A125489" i="1" s="1"/>
  <c r="A125490" i="1" s="1"/>
  <c r="A125491" i="1" s="1"/>
  <c r="A125492" i="1" s="1"/>
  <c r="A125493" i="1" s="1"/>
  <c r="A125494" i="1" s="1"/>
  <c r="A125495" i="1" s="1"/>
  <c r="A125496" i="1" s="1"/>
  <c r="A125497" i="1" s="1"/>
  <c r="A125498" i="1" s="1"/>
  <c r="A125499" i="1" s="1"/>
  <c r="A125500" i="1" s="1"/>
  <c r="A125501" i="1" s="1"/>
  <c r="A125502" i="1" s="1"/>
  <c r="A125503" i="1" s="1"/>
  <c r="A125504" i="1" s="1"/>
  <c r="A125505" i="1" s="1"/>
  <c r="A125506" i="1" s="1"/>
  <c r="A125507" i="1" s="1"/>
  <c r="A125508" i="1" s="1"/>
  <c r="A125509" i="1" s="1"/>
  <c r="A125510" i="1" s="1"/>
  <c r="A125511" i="1" s="1"/>
  <c r="A125512" i="1" s="1"/>
  <c r="A125513" i="1" s="1"/>
  <c r="A125514" i="1" s="1"/>
  <c r="A125515" i="1" s="1"/>
  <c r="A125516" i="1" s="1"/>
  <c r="A125517" i="1" s="1"/>
  <c r="A125518" i="1" s="1"/>
  <c r="A125519" i="1" s="1"/>
  <c r="A125520" i="1" s="1"/>
  <c r="A125521" i="1" s="1"/>
  <c r="A125522" i="1" s="1"/>
  <c r="A125523" i="1" s="1"/>
  <c r="A125524" i="1" s="1"/>
  <c r="A125525" i="1" s="1"/>
  <c r="A125526" i="1" s="1"/>
  <c r="A125527" i="1" s="1"/>
  <c r="A125528" i="1" s="1"/>
  <c r="A125529" i="1" s="1"/>
  <c r="A125530" i="1" s="1"/>
  <c r="A125531" i="1" s="1"/>
  <c r="A125532" i="1" s="1"/>
  <c r="A125533" i="1" s="1"/>
  <c r="A125534" i="1" s="1"/>
  <c r="A125535" i="1" s="1"/>
  <c r="A125536" i="1" s="1"/>
  <c r="A125537" i="1" s="1"/>
  <c r="A125538" i="1" s="1"/>
  <c r="A125539" i="1" s="1"/>
  <c r="A125540" i="1" s="1"/>
  <c r="A125541" i="1" s="1"/>
  <c r="A125542" i="1" s="1"/>
  <c r="A125543" i="1" s="1"/>
  <c r="A125544" i="1" s="1"/>
  <c r="A125545" i="1" s="1"/>
  <c r="A125546" i="1" s="1"/>
  <c r="A125547" i="1" s="1"/>
  <c r="A125548" i="1" s="1"/>
  <c r="A125549" i="1" s="1"/>
  <c r="A125550" i="1" s="1"/>
  <c r="A125551" i="1" s="1"/>
  <c r="A125552" i="1" s="1"/>
  <c r="A125553" i="1" s="1"/>
  <c r="A125554" i="1" s="1"/>
  <c r="A125555" i="1" s="1"/>
  <c r="A125556" i="1" s="1"/>
  <c r="A125557" i="1" s="1"/>
  <c r="A125558" i="1" s="1"/>
  <c r="A125559" i="1" s="1"/>
  <c r="A125560" i="1" s="1"/>
  <c r="A125561" i="1" s="1"/>
  <c r="A125562" i="1" s="1"/>
  <c r="A125563" i="1" s="1"/>
  <c r="A125564" i="1" s="1"/>
  <c r="A125565" i="1" s="1"/>
  <c r="A125566" i="1" s="1"/>
  <c r="A125567" i="1" s="1"/>
  <c r="A125568" i="1" s="1"/>
  <c r="A125569" i="1" s="1"/>
  <c r="A125570" i="1" s="1"/>
  <c r="A125571" i="1" s="1"/>
  <c r="A125572" i="1" s="1"/>
  <c r="A125573" i="1" s="1"/>
  <c r="A125574" i="1" s="1"/>
  <c r="A125575" i="1" s="1"/>
  <c r="A125576" i="1" s="1"/>
  <c r="A125577" i="1" s="1"/>
  <c r="A125578" i="1" s="1"/>
  <c r="A125579" i="1" s="1"/>
  <c r="A125580" i="1" s="1"/>
  <c r="A125581" i="1" s="1"/>
  <c r="A125582" i="1" s="1"/>
  <c r="A125583" i="1" s="1"/>
  <c r="A125584" i="1" s="1"/>
  <c r="A125585" i="1" s="1"/>
  <c r="A125586" i="1" s="1"/>
  <c r="A125587" i="1" s="1"/>
  <c r="A125588" i="1" s="1"/>
  <c r="A125589" i="1" s="1"/>
  <c r="A125590" i="1" s="1"/>
  <c r="A125591" i="1" s="1"/>
  <c r="A125592" i="1" s="1"/>
  <c r="A125593" i="1" s="1"/>
  <c r="A125594" i="1" s="1"/>
  <c r="A125595" i="1" s="1"/>
  <c r="A125596" i="1" s="1"/>
  <c r="A125597" i="1" s="1"/>
  <c r="A125598" i="1" s="1"/>
  <c r="A125599" i="1" s="1"/>
  <c r="A125600" i="1" s="1"/>
  <c r="A125601" i="1" s="1"/>
  <c r="A125602" i="1" s="1"/>
  <c r="A125603" i="1" s="1"/>
  <c r="A125604" i="1" s="1"/>
  <c r="A125605" i="1" s="1"/>
  <c r="A125606" i="1" s="1"/>
  <c r="A125607" i="1" s="1"/>
  <c r="A125608" i="1" s="1"/>
  <c r="A125609" i="1" s="1"/>
  <c r="A125610" i="1" s="1"/>
  <c r="A125611" i="1" s="1"/>
  <c r="A125612" i="1" s="1"/>
  <c r="A125613" i="1" s="1"/>
  <c r="A125614" i="1" s="1"/>
  <c r="A125615" i="1" s="1"/>
  <c r="A125616" i="1" s="1"/>
  <c r="A125617" i="1" s="1"/>
  <c r="A125618" i="1" s="1"/>
  <c r="A125619" i="1" s="1"/>
  <c r="A125620" i="1" s="1"/>
  <c r="A125621" i="1" s="1"/>
  <c r="A125622" i="1" s="1"/>
  <c r="A125623" i="1" s="1"/>
  <c r="A125624" i="1" s="1"/>
  <c r="A125625" i="1" s="1"/>
  <c r="A125626" i="1" s="1"/>
  <c r="A125627" i="1" s="1"/>
  <c r="A125628" i="1" s="1"/>
  <c r="A125629" i="1" s="1"/>
  <c r="A125630" i="1" s="1"/>
  <c r="A125631" i="1" s="1"/>
  <c r="A125632" i="1" s="1"/>
  <c r="A125633" i="1" s="1"/>
  <c r="A125634" i="1" s="1"/>
  <c r="A125635" i="1" s="1"/>
  <c r="A125636" i="1" s="1"/>
  <c r="A125637" i="1" s="1"/>
  <c r="A125638" i="1" s="1"/>
  <c r="A125639" i="1" s="1"/>
  <c r="A125640" i="1" s="1"/>
  <c r="A125641" i="1" s="1"/>
  <c r="A125642" i="1" s="1"/>
  <c r="A125643" i="1" s="1"/>
  <c r="A125644" i="1" s="1"/>
  <c r="A125645" i="1" s="1"/>
  <c r="A125646" i="1" s="1"/>
  <c r="A125647" i="1" s="1"/>
  <c r="A125648" i="1" s="1"/>
  <c r="A125649" i="1" s="1"/>
  <c r="A125650" i="1" s="1"/>
  <c r="A125651" i="1" s="1"/>
  <c r="A125652" i="1" s="1"/>
  <c r="A125653" i="1" s="1"/>
  <c r="A125654" i="1" s="1"/>
  <c r="A125655" i="1" s="1"/>
  <c r="A125656" i="1" s="1"/>
  <c r="A125657" i="1" s="1"/>
  <c r="A125658" i="1" s="1"/>
  <c r="A125659" i="1" s="1"/>
  <c r="A125660" i="1" s="1"/>
  <c r="A125661" i="1" s="1"/>
  <c r="A125662" i="1" s="1"/>
  <c r="A125663" i="1" s="1"/>
  <c r="A125664" i="1" s="1"/>
  <c r="A125665" i="1" s="1"/>
  <c r="A125666" i="1" s="1"/>
  <c r="A125667" i="1" s="1"/>
  <c r="A125668" i="1" s="1"/>
  <c r="A125669" i="1" s="1"/>
  <c r="A125670" i="1" s="1"/>
  <c r="A125671" i="1" s="1"/>
  <c r="A125672" i="1" s="1"/>
  <c r="A125673" i="1" s="1"/>
  <c r="A125674" i="1" s="1"/>
  <c r="A125675" i="1" s="1"/>
  <c r="A125676" i="1" s="1"/>
  <c r="A125677" i="1" s="1"/>
  <c r="A125678" i="1" s="1"/>
  <c r="A125679" i="1" s="1"/>
  <c r="A125680" i="1" s="1"/>
  <c r="A125681" i="1" s="1"/>
  <c r="A125682" i="1" s="1"/>
  <c r="A125683" i="1" s="1"/>
  <c r="A125684" i="1" s="1"/>
  <c r="A125685" i="1" s="1"/>
  <c r="A125686" i="1" s="1"/>
  <c r="A125687" i="1" s="1"/>
  <c r="A125688" i="1" s="1"/>
  <c r="A125689" i="1" s="1"/>
  <c r="A125690" i="1" s="1"/>
  <c r="A125691" i="1" s="1"/>
  <c r="A125692" i="1" s="1"/>
  <c r="A125693" i="1" s="1"/>
  <c r="A125694" i="1" s="1"/>
  <c r="A125695" i="1" s="1"/>
  <c r="A125696" i="1" s="1"/>
  <c r="A125697" i="1" s="1"/>
  <c r="A125698" i="1" s="1"/>
  <c r="A125699" i="1" s="1"/>
  <c r="A125700" i="1" s="1"/>
  <c r="A125701" i="1" s="1"/>
  <c r="A125702" i="1" s="1"/>
  <c r="A125703" i="1" s="1"/>
  <c r="A125704" i="1" s="1"/>
  <c r="A125705" i="1" s="1"/>
  <c r="A125706" i="1" s="1"/>
  <c r="A125707" i="1" s="1"/>
  <c r="A125708" i="1" s="1"/>
  <c r="A125709" i="1" s="1"/>
  <c r="A125710" i="1" s="1"/>
  <c r="A125711" i="1" s="1"/>
  <c r="A125712" i="1" s="1"/>
  <c r="A125713" i="1" s="1"/>
  <c r="A125714" i="1" s="1"/>
  <c r="A125715" i="1" s="1"/>
  <c r="A125716" i="1" s="1"/>
  <c r="A125717" i="1" s="1"/>
  <c r="A125718" i="1" s="1"/>
  <c r="A125719" i="1" s="1"/>
  <c r="A125720" i="1" s="1"/>
  <c r="A125721" i="1" s="1"/>
  <c r="A125722" i="1" s="1"/>
  <c r="A125723" i="1" s="1"/>
  <c r="A125724" i="1" s="1"/>
  <c r="A125725" i="1" s="1"/>
  <c r="A125726" i="1" s="1"/>
  <c r="A125727" i="1" s="1"/>
  <c r="A125728" i="1" s="1"/>
  <c r="A125729" i="1" s="1"/>
  <c r="A125730" i="1" s="1"/>
  <c r="A125731" i="1" s="1"/>
  <c r="A125732" i="1" s="1"/>
  <c r="A125733" i="1" s="1"/>
  <c r="A125734" i="1" s="1"/>
  <c r="A125735" i="1" s="1"/>
  <c r="A125736" i="1" s="1"/>
  <c r="A125737" i="1" s="1"/>
  <c r="A125738" i="1" s="1"/>
  <c r="A125739" i="1" s="1"/>
  <c r="A125740" i="1" s="1"/>
  <c r="A125741" i="1" s="1"/>
  <c r="A125742" i="1" s="1"/>
  <c r="A125743" i="1" s="1"/>
  <c r="A125744" i="1" s="1"/>
  <c r="A125745" i="1" s="1"/>
  <c r="A125746" i="1" s="1"/>
  <c r="A125747" i="1" s="1"/>
  <c r="A125748" i="1" s="1"/>
  <c r="A125749" i="1" s="1"/>
  <c r="A125750" i="1" s="1"/>
  <c r="A125751" i="1" s="1"/>
  <c r="A125752" i="1" s="1"/>
  <c r="A125753" i="1" s="1"/>
  <c r="A125754" i="1" s="1"/>
  <c r="A125755" i="1" s="1"/>
  <c r="A125756" i="1" s="1"/>
  <c r="A125757" i="1" s="1"/>
  <c r="A125758" i="1" s="1"/>
  <c r="A125759" i="1" s="1"/>
  <c r="A125760" i="1" s="1"/>
  <c r="A125761" i="1" s="1"/>
  <c r="A125762" i="1" s="1"/>
  <c r="A125763" i="1" s="1"/>
  <c r="A125764" i="1" s="1"/>
  <c r="A125765" i="1" s="1"/>
  <c r="A125766" i="1" s="1"/>
  <c r="A125767" i="1" s="1"/>
  <c r="A125768" i="1" s="1"/>
  <c r="A125769" i="1" s="1"/>
  <c r="A125770" i="1" s="1"/>
  <c r="A125771" i="1" s="1"/>
  <c r="A125772" i="1" s="1"/>
  <c r="A125773" i="1" s="1"/>
  <c r="A125774" i="1" s="1"/>
  <c r="A125775" i="1" s="1"/>
  <c r="A125776" i="1" s="1"/>
  <c r="A125777" i="1" s="1"/>
  <c r="A125778" i="1" s="1"/>
  <c r="A125779" i="1" s="1"/>
  <c r="A125780" i="1" s="1"/>
  <c r="A125781" i="1" s="1"/>
  <c r="A125782" i="1" s="1"/>
  <c r="A125783" i="1" s="1"/>
  <c r="A125784" i="1" s="1"/>
  <c r="A125785" i="1" s="1"/>
  <c r="A125786" i="1" s="1"/>
  <c r="A125787" i="1" s="1"/>
  <c r="A125788" i="1" s="1"/>
  <c r="A125789" i="1" s="1"/>
  <c r="A125790" i="1" s="1"/>
  <c r="A125791" i="1" s="1"/>
  <c r="A125792" i="1" s="1"/>
  <c r="A125793" i="1" s="1"/>
  <c r="A125794" i="1" s="1"/>
  <c r="A125795" i="1" s="1"/>
  <c r="A125796" i="1" s="1"/>
  <c r="A125797" i="1" s="1"/>
  <c r="A125798" i="1" s="1"/>
  <c r="A125799" i="1" s="1"/>
  <c r="A125800" i="1" s="1"/>
  <c r="A125801" i="1" s="1"/>
  <c r="A125802" i="1" s="1"/>
  <c r="A125803" i="1" s="1"/>
  <c r="A125804" i="1" s="1"/>
  <c r="A125805" i="1" s="1"/>
  <c r="A125806" i="1" s="1"/>
  <c r="A125807" i="1" s="1"/>
  <c r="A125808" i="1" s="1"/>
  <c r="A125809" i="1" s="1"/>
  <c r="A125810" i="1" s="1"/>
  <c r="A125811" i="1" s="1"/>
  <c r="A125812" i="1" s="1"/>
  <c r="A125813" i="1" s="1"/>
  <c r="A125814" i="1" s="1"/>
  <c r="A125815" i="1" s="1"/>
  <c r="A125816" i="1" s="1"/>
  <c r="A125817" i="1" s="1"/>
  <c r="A125818" i="1" s="1"/>
  <c r="A125819" i="1" s="1"/>
  <c r="A125820" i="1" s="1"/>
  <c r="A125821" i="1" s="1"/>
  <c r="A125822" i="1" s="1"/>
  <c r="A125823" i="1" s="1"/>
  <c r="A125824" i="1" s="1"/>
  <c r="A125825" i="1" s="1"/>
  <c r="A125826" i="1" s="1"/>
  <c r="A125827" i="1" s="1"/>
  <c r="A125828" i="1" s="1"/>
  <c r="A125829" i="1" s="1"/>
  <c r="A125830" i="1" s="1"/>
  <c r="A125831" i="1" s="1"/>
  <c r="A125832" i="1" s="1"/>
  <c r="A125833" i="1" s="1"/>
  <c r="A125834" i="1" s="1"/>
  <c r="A125835" i="1" s="1"/>
  <c r="A125836" i="1" s="1"/>
  <c r="A125837" i="1" s="1"/>
  <c r="A125838" i="1" s="1"/>
  <c r="A125839" i="1" s="1"/>
  <c r="A125840" i="1" s="1"/>
  <c r="A125841" i="1" s="1"/>
  <c r="A125842" i="1" s="1"/>
  <c r="A125843" i="1" s="1"/>
  <c r="A125844" i="1" s="1"/>
  <c r="A125845" i="1" s="1"/>
  <c r="A125846" i="1" s="1"/>
  <c r="A125847" i="1" s="1"/>
  <c r="A125848" i="1" s="1"/>
  <c r="A125849" i="1" s="1"/>
  <c r="A125850" i="1" s="1"/>
  <c r="A125851" i="1" s="1"/>
  <c r="A125852" i="1" s="1"/>
  <c r="A125853" i="1" s="1"/>
  <c r="A125854" i="1" s="1"/>
  <c r="A125855" i="1" s="1"/>
  <c r="A125856" i="1" s="1"/>
  <c r="A125857" i="1" s="1"/>
  <c r="A125858" i="1" s="1"/>
  <c r="A125859" i="1" s="1"/>
  <c r="A125860" i="1" s="1"/>
  <c r="A125861" i="1" s="1"/>
  <c r="A125862" i="1" s="1"/>
  <c r="A125863" i="1" s="1"/>
  <c r="A125864" i="1" s="1"/>
  <c r="A125865" i="1" s="1"/>
  <c r="A125866" i="1" s="1"/>
  <c r="A125867" i="1" s="1"/>
  <c r="A125868" i="1" s="1"/>
  <c r="A125869" i="1" s="1"/>
  <c r="A125870" i="1" s="1"/>
  <c r="A125871" i="1" s="1"/>
  <c r="A125872" i="1" s="1"/>
  <c r="A125873" i="1" s="1"/>
  <c r="A125874" i="1" s="1"/>
  <c r="A125875" i="1" s="1"/>
  <c r="A125876" i="1" s="1"/>
  <c r="A125877" i="1" s="1"/>
  <c r="A125878" i="1" s="1"/>
  <c r="A125879" i="1" s="1"/>
  <c r="A125880" i="1" s="1"/>
  <c r="A125881" i="1" s="1"/>
  <c r="A125882" i="1" s="1"/>
  <c r="A125883" i="1" s="1"/>
  <c r="A125884" i="1" s="1"/>
  <c r="A125885" i="1" s="1"/>
  <c r="A125886" i="1" s="1"/>
  <c r="A125887" i="1" s="1"/>
  <c r="A125888" i="1" s="1"/>
  <c r="A125889" i="1" s="1"/>
  <c r="A125890" i="1" s="1"/>
  <c r="A125891" i="1" s="1"/>
  <c r="A125892" i="1" s="1"/>
  <c r="A125893" i="1" s="1"/>
  <c r="A125894" i="1" s="1"/>
  <c r="A125895" i="1" s="1"/>
  <c r="A125896" i="1" s="1"/>
  <c r="A125897" i="1" s="1"/>
  <c r="A125898" i="1" s="1"/>
  <c r="A125899" i="1" s="1"/>
  <c r="A125900" i="1" s="1"/>
  <c r="A125901" i="1" s="1"/>
  <c r="A125902" i="1" s="1"/>
  <c r="A125903" i="1" s="1"/>
  <c r="A125904" i="1" s="1"/>
  <c r="A125905" i="1" s="1"/>
  <c r="A125906" i="1" s="1"/>
  <c r="A125907" i="1" s="1"/>
  <c r="A125908" i="1" s="1"/>
  <c r="A125909" i="1" s="1"/>
  <c r="A125910" i="1" s="1"/>
  <c r="A125911" i="1" s="1"/>
  <c r="A125912" i="1" s="1"/>
  <c r="A125913" i="1" s="1"/>
  <c r="A125914" i="1" s="1"/>
  <c r="A125915" i="1" s="1"/>
  <c r="A125916" i="1" s="1"/>
  <c r="A125917" i="1" s="1"/>
  <c r="A125918" i="1" s="1"/>
  <c r="A125919" i="1" s="1"/>
  <c r="A125920" i="1" s="1"/>
  <c r="A125921" i="1" s="1"/>
  <c r="A125922" i="1" s="1"/>
  <c r="A125923" i="1" s="1"/>
  <c r="A125924" i="1" s="1"/>
  <c r="A125925" i="1" s="1"/>
  <c r="A125926" i="1" s="1"/>
  <c r="A125927" i="1" s="1"/>
  <c r="A125928" i="1" s="1"/>
  <c r="A125929" i="1" s="1"/>
  <c r="A125930" i="1" s="1"/>
  <c r="A125931" i="1" s="1"/>
  <c r="A125932" i="1" s="1"/>
  <c r="A125933" i="1" s="1"/>
  <c r="A125934" i="1" s="1"/>
  <c r="A125935" i="1" s="1"/>
  <c r="A125936" i="1" s="1"/>
  <c r="A125937" i="1" s="1"/>
  <c r="A125938" i="1" s="1"/>
  <c r="A125939" i="1" s="1"/>
  <c r="A125940" i="1" s="1"/>
  <c r="A125941" i="1" s="1"/>
  <c r="A125942" i="1" s="1"/>
  <c r="A125943" i="1" s="1"/>
  <c r="A125944" i="1" s="1"/>
  <c r="A125945" i="1" s="1"/>
  <c r="A125946" i="1" s="1"/>
  <c r="A125947" i="1" s="1"/>
  <c r="A125948" i="1" s="1"/>
  <c r="A125949" i="1" s="1"/>
  <c r="A125950" i="1" s="1"/>
  <c r="A125951" i="1" s="1"/>
  <c r="A125952" i="1" s="1"/>
  <c r="A125953" i="1" s="1"/>
  <c r="A125954" i="1" s="1"/>
  <c r="A125955" i="1" s="1"/>
  <c r="A125956" i="1" s="1"/>
  <c r="A125957" i="1" s="1"/>
  <c r="A125958" i="1" s="1"/>
  <c r="A125959" i="1" s="1"/>
  <c r="A125960" i="1" s="1"/>
  <c r="A125961" i="1" s="1"/>
  <c r="A125962" i="1" s="1"/>
  <c r="A125963" i="1" s="1"/>
  <c r="A125964" i="1" s="1"/>
  <c r="A125965" i="1" s="1"/>
  <c r="A125966" i="1" s="1"/>
  <c r="A125967" i="1" s="1"/>
  <c r="A125968" i="1" s="1"/>
  <c r="A125969" i="1" s="1"/>
  <c r="A125970" i="1" s="1"/>
  <c r="A125971" i="1" s="1"/>
  <c r="A125972" i="1" s="1"/>
  <c r="A125973" i="1" s="1"/>
  <c r="A125974" i="1" s="1"/>
  <c r="A125975" i="1" s="1"/>
  <c r="A125976" i="1" s="1"/>
  <c r="A125977" i="1" s="1"/>
  <c r="A125978" i="1" s="1"/>
  <c r="A125979" i="1" s="1"/>
  <c r="A125980" i="1" s="1"/>
  <c r="A125981" i="1" s="1"/>
  <c r="A125982" i="1" s="1"/>
  <c r="A125983" i="1" s="1"/>
  <c r="A125984" i="1" s="1"/>
  <c r="A125985" i="1" s="1"/>
  <c r="A125986" i="1" s="1"/>
  <c r="A125987" i="1" s="1"/>
  <c r="A125988" i="1" s="1"/>
  <c r="A125989" i="1" s="1"/>
  <c r="A125990" i="1" s="1"/>
  <c r="A125991" i="1" s="1"/>
  <c r="A125992" i="1" s="1"/>
  <c r="A125993" i="1" s="1"/>
  <c r="A125994" i="1" s="1"/>
  <c r="A125995" i="1" s="1"/>
  <c r="A125996" i="1" s="1"/>
  <c r="A125997" i="1" s="1"/>
  <c r="A125998" i="1" s="1"/>
  <c r="A125999" i="1" s="1"/>
  <c r="A126000" i="1" s="1"/>
  <c r="A126001" i="1" s="1"/>
  <c r="A126002" i="1" s="1"/>
  <c r="A126003" i="1" s="1"/>
  <c r="A126004" i="1" s="1"/>
  <c r="A126005" i="1" s="1"/>
  <c r="A126006" i="1" s="1"/>
  <c r="A126007" i="1" s="1"/>
  <c r="A126008" i="1" s="1"/>
  <c r="A126009" i="1" s="1"/>
  <c r="A126010" i="1" s="1"/>
  <c r="A126011" i="1" s="1"/>
  <c r="A126012" i="1" s="1"/>
  <c r="A126013" i="1" s="1"/>
  <c r="A126014" i="1" s="1"/>
  <c r="A126015" i="1" s="1"/>
  <c r="A126016" i="1" s="1"/>
  <c r="A126017" i="1" s="1"/>
  <c r="A126018" i="1" s="1"/>
  <c r="A126019" i="1" s="1"/>
  <c r="A126020" i="1" s="1"/>
  <c r="A126021" i="1" s="1"/>
  <c r="A126022" i="1" s="1"/>
  <c r="A126023" i="1" s="1"/>
  <c r="A126024" i="1" s="1"/>
  <c r="A126025" i="1" s="1"/>
  <c r="A126026" i="1" s="1"/>
  <c r="A126027" i="1" s="1"/>
  <c r="A126028" i="1" s="1"/>
  <c r="A126029" i="1" s="1"/>
  <c r="A126030" i="1" s="1"/>
  <c r="A126031" i="1" s="1"/>
  <c r="A126032" i="1" s="1"/>
  <c r="A126033" i="1" s="1"/>
  <c r="A126034" i="1" s="1"/>
  <c r="A126035" i="1" s="1"/>
  <c r="A126036" i="1" s="1"/>
  <c r="A126037" i="1" s="1"/>
  <c r="A126038" i="1" s="1"/>
  <c r="A126039" i="1" s="1"/>
  <c r="A126040" i="1" s="1"/>
  <c r="A126041" i="1" s="1"/>
  <c r="A126042" i="1" s="1"/>
  <c r="A126043" i="1" s="1"/>
  <c r="A126044" i="1" s="1"/>
  <c r="A126045" i="1" s="1"/>
  <c r="A126046" i="1" s="1"/>
  <c r="A126047" i="1" s="1"/>
  <c r="A126048" i="1" s="1"/>
  <c r="A126049" i="1" s="1"/>
  <c r="A126050" i="1" s="1"/>
  <c r="A126051" i="1" s="1"/>
  <c r="A126052" i="1" s="1"/>
  <c r="A126053" i="1" s="1"/>
  <c r="A126054" i="1" s="1"/>
  <c r="A126055" i="1" s="1"/>
  <c r="A126056" i="1" s="1"/>
  <c r="A126057" i="1" s="1"/>
  <c r="A126058" i="1" s="1"/>
  <c r="A126059" i="1" s="1"/>
  <c r="A126060" i="1" s="1"/>
  <c r="A126061" i="1" s="1"/>
  <c r="A126062" i="1" s="1"/>
  <c r="A126063" i="1" s="1"/>
  <c r="A126064" i="1" s="1"/>
  <c r="A126065" i="1" s="1"/>
  <c r="A126066" i="1" s="1"/>
  <c r="A126067" i="1" s="1"/>
  <c r="A126068" i="1" s="1"/>
  <c r="A126069" i="1" s="1"/>
  <c r="A126070" i="1" s="1"/>
  <c r="A126071" i="1" s="1"/>
  <c r="A126072" i="1" s="1"/>
  <c r="A126073" i="1" s="1"/>
  <c r="A126074" i="1" s="1"/>
  <c r="A126075" i="1" s="1"/>
  <c r="A126076" i="1" s="1"/>
  <c r="A126077" i="1" s="1"/>
  <c r="A126078" i="1" s="1"/>
  <c r="A126079" i="1" s="1"/>
  <c r="A126080" i="1" s="1"/>
  <c r="A126081" i="1" s="1"/>
  <c r="A126082" i="1" s="1"/>
  <c r="A126083" i="1" s="1"/>
  <c r="A126084" i="1" s="1"/>
  <c r="A126085" i="1" s="1"/>
  <c r="A126086" i="1" s="1"/>
  <c r="A126087" i="1" s="1"/>
  <c r="A126088" i="1" s="1"/>
  <c r="A126089" i="1" s="1"/>
  <c r="A126090" i="1" s="1"/>
  <c r="A126091" i="1" s="1"/>
  <c r="A126092" i="1" s="1"/>
  <c r="A126093" i="1" s="1"/>
  <c r="A126094" i="1" s="1"/>
  <c r="A126095" i="1" s="1"/>
  <c r="A126096" i="1" s="1"/>
  <c r="A126097" i="1" s="1"/>
  <c r="A126098" i="1" s="1"/>
  <c r="A126099" i="1" s="1"/>
  <c r="A126100" i="1" s="1"/>
  <c r="A126101" i="1" s="1"/>
  <c r="A126102" i="1" s="1"/>
  <c r="A126103" i="1" s="1"/>
  <c r="A126104" i="1" s="1"/>
  <c r="A126105" i="1" s="1"/>
  <c r="A126106" i="1" s="1"/>
  <c r="A126107" i="1" s="1"/>
  <c r="A126108" i="1" s="1"/>
  <c r="A126109" i="1" s="1"/>
  <c r="A126110" i="1" s="1"/>
  <c r="A126111" i="1" s="1"/>
  <c r="A126112" i="1" s="1"/>
  <c r="A126113" i="1" s="1"/>
  <c r="A126114" i="1" s="1"/>
  <c r="A126115" i="1" s="1"/>
  <c r="A126116" i="1" s="1"/>
  <c r="A126117" i="1" s="1"/>
  <c r="A126118" i="1" s="1"/>
  <c r="A126119" i="1" s="1"/>
  <c r="A126120" i="1" s="1"/>
  <c r="A126121" i="1" s="1"/>
  <c r="A126122" i="1" s="1"/>
  <c r="A126123" i="1" s="1"/>
  <c r="A126124" i="1" s="1"/>
  <c r="A126125" i="1" s="1"/>
  <c r="A126126" i="1" s="1"/>
  <c r="A126127" i="1" s="1"/>
  <c r="A126128" i="1" s="1"/>
  <c r="A126129" i="1" s="1"/>
  <c r="A126130" i="1" s="1"/>
  <c r="A126131" i="1" s="1"/>
  <c r="A126132" i="1" s="1"/>
  <c r="A126133" i="1" s="1"/>
  <c r="A126134" i="1" s="1"/>
  <c r="A126135" i="1" s="1"/>
  <c r="A126136" i="1" s="1"/>
  <c r="A126137" i="1" s="1"/>
  <c r="A126138" i="1" s="1"/>
  <c r="A126139" i="1" s="1"/>
  <c r="A126140" i="1" s="1"/>
  <c r="A126141" i="1" s="1"/>
  <c r="A126142" i="1" s="1"/>
  <c r="A126143" i="1" s="1"/>
  <c r="A126144" i="1" s="1"/>
  <c r="A126145" i="1" s="1"/>
  <c r="A126146" i="1" s="1"/>
  <c r="A126147" i="1" s="1"/>
  <c r="A126148" i="1" s="1"/>
  <c r="A126149" i="1" s="1"/>
  <c r="A126150" i="1" s="1"/>
  <c r="A126151" i="1" s="1"/>
  <c r="A126152" i="1" s="1"/>
  <c r="A126153" i="1" s="1"/>
  <c r="A126154" i="1" s="1"/>
  <c r="A126155" i="1" s="1"/>
  <c r="A126156" i="1" s="1"/>
  <c r="A126157" i="1" s="1"/>
  <c r="A126158" i="1" s="1"/>
  <c r="A126159" i="1" s="1"/>
  <c r="A126160" i="1" s="1"/>
  <c r="A126161" i="1" s="1"/>
  <c r="A126162" i="1" s="1"/>
  <c r="A126163" i="1" s="1"/>
  <c r="A126164" i="1" s="1"/>
  <c r="A126165" i="1" s="1"/>
  <c r="A126166" i="1" s="1"/>
  <c r="A126167" i="1" s="1"/>
  <c r="A126168" i="1" s="1"/>
  <c r="A126169" i="1" s="1"/>
  <c r="A126170" i="1" s="1"/>
  <c r="A126171" i="1" s="1"/>
  <c r="A126172" i="1" s="1"/>
  <c r="A126173" i="1" s="1"/>
  <c r="A126174" i="1" s="1"/>
  <c r="A126175" i="1" s="1"/>
  <c r="A126176" i="1" s="1"/>
  <c r="A126177" i="1" s="1"/>
  <c r="A126178" i="1" s="1"/>
  <c r="A126179" i="1" s="1"/>
  <c r="A126180" i="1" s="1"/>
  <c r="A126181" i="1" s="1"/>
  <c r="A126182" i="1" s="1"/>
  <c r="A126183" i="1" s="1"/>
  <c r="A126184" i="1" s="1"/>
  <c r="A126185" i="1" s="1"/>
  <c r="A126186" i="1" s="1"/>
  <c r="A126187" i="1" s="1"/>
  <c r="A126188" i="1" s="1"/>
  <c r="A126189" i="1" s="1"/>
  <c r="A126190" i="1" s="1"/>
  <c r="A126191" i="1" s="1"/>
  <c r="A126192" i="1" s="1"/>
  <c r="A126193" i="1" s="1"/>
  <c r="A126194" i="1" s="1"/>
  <c r="A126195" i="1" s="1"/>
  <c r="A126196" i="1" s="1"/>
  <c r="A126197" i="1" s="1"/>
  <c r="A126198" i="1" s="1"/>
  <c r="A126199" i="1" s="1"/>
  <c r="A126200" i="1" s="1"/>
  <c r="A126201" i="1" s="1"/>
  <c r="A126202" i="1" s="1"/>
  <c r="A126203" i="1" s="1"/>
  <c r="A126204" i="1" s="1"/>
  <c r="A126205" i="1" s="1"/>
  <c r="A126206" i="1" s="1"/>
  <c r="A126207" i="1" s="1"/>
  <c r="A126208" i="1" s="1"/>
  <c r="A126209" i="1" s="1"/>
  <c r="A126210" i="1" s="1"/>
  <c r="A126211" i="1" s="1"/>
  <c r="A126212" i="1" s="1"/>
  <c r="A126213" i="1" s="1"/>
  <c r="A126214" i="1" s="1"/>
  <c r="A126215" i="1" s="1"/>
  <c r="A126216" i="1" s="1"/>
  <c r="A126217" i="1" s="1"/>
  <c r="A126218" i="1" s="1"/>
  <c r="A126219" i="1" s="1"/>
  <c r="A126220" i="1" s="1"/>
  <c r="A126221" i="1" s="1"/>
  <c r="A126222" i="1" s="1"/>
  <c r="A126223" i="1" s="1"/>
  <c r="A126224" i="1" s="1"/>
  <c r="A126225" i="1" s="1"/>
  <c r="A126226" i="1" s="1"/>
  <c r="A126227" i="1" s="1"/>
  <c r="A126228" i="1" s="1"/>
  <c r="A126229" i="1" s="1"/>
  <c r="A126230" i="1" s="1"/>
  <c r="A126231" i="1" s="1"/>
  <c r="A126232" i="1" s="1"/>
  <c r="A126233" i="1" s="1"/>
  <c r="A126234" i="1" s="1"/>
  <c r="A126235" i="1" s="1"/>
  <c r="A126236" i="1" s="1"/>
  <c r="A126237" i="1" s="1"/>
  <c r="A126238" i="1" s="1"/>
  <c r="A126239" i="1" s="1"/>
  <c r="A126240" i="1" s="1"/>
  <c r="A126241" i="1" s="1"/>
  <c r="A126242" i="1" s="1"/>
  <c r="A126243" i="1" s="1"/>
  <c r="A126244" i="1" s="1"/>
  <c r="A126245" i="1" s="1"/>
  <c r="A126246" i="1" s="1"/>
  <c r="A126247" i="1" s="1"/>
  <c r="A126248" i="1" s="1"/>
  <c r="A126249" i="1" s="1"/>
  <c r="A126250" i="1" s="1"/>
  <c r="A126251" i="1" s="1"/>
  <c r="A126252" i="1" s="1"/>
  <c r="A126253" i="1" s="1"/>
  <c r="A126254" i="1" s="1"/>
  <c r="A126255" i="1" s="1"/>
  <c r="A126256" i="1" s="1"/>
  <c r="A126257" i="1" s="1"/>
  <c r="A126258" i="1" s="1"/>
  <c r="A126259" i="1" s="1"/>
  <c r="A126260" i="1" s="1"/>
  <c r="A126261" i="1" s="1"/>
  <c r="A126262" i="1" s="1"/>
  <c r="A126263" i="1" s="1"/>
  <c r="A126264" i="1" s="1"/>
  <c r="A126265" i="1" s="1"/>
  <c r="A126266" i="1" s="1"/>
  <c r="A126267" i="1" s="1"/>
  <c r="A126268" i="1" s="1"/>
  <c r="A126269" i="1" s="1"/>
  <c r="A126270" i="1" s="1"/>
  <c r="A126271" i="1" s="1"/>
  <c r="A126272" i="1" s="1"/>
  <c r="A126273" i="1" s="1"/>
  <c r="A126274" i="1" s="1"/>
  <c r="A126275" i="1" s="1"/>
  <c r="A126276" i="1" s="1"/>
  <c r="A126277" i="1" s="1"/>
  <c r="A126278" i="1" s="1"/>
  <c r="A126279" i="1" s="1"/>
  <c r="A126280" i="1" s="1"/>
  <c r="A126281" i="1" s="1"/>
  <c r="A126282" i="1" s="1"/>
  <c r="A126283" i="1" s="1"/>
  <c r="A126284" i="1" s="1"/>
  <c r="A126285" i="1" s="1"/>
  <c r="A126286" i="1" s="1"/>
  <c r="A126287" i="1" s="1"/>
  <c r="A126288" i="1" s="1"/>
  <c r="A126289" i="1" s="1"/>
  <c r="A126290" i="1" s="1"/>
  <c r="A126291" i="1" s="1"/>
  <c r="A126292" i="1" s="1"/>
  <c r="A126293" i="1" s="1"/>
  <c r="A126294" i="1" s="1"/>
  <c r="A126295" i="1" s="1"/>
  <c r="A126296" i="1" s="1"/>
  <c r="A126297" i="1" s="1"/>
  <c r="A126298" i="1" s="1"/>
  <c r="A126299" i="1" s="1"/>
  <c r="A126300" i="1" s="1"/>
  <c r="A126301" i="1" s="1"/>
  <c r="A126302" i="1" s="1"/>
  <c r="A126303" i="1" s="1"/>
  <c r="A126304" i="1" s="1"/>
  <c r="A126305" i="1" s="1"/>
  <c r="A126306" i="1" s="1"/>
  <c r="A126307" i="1" s="1"/>
  <c r="A126308" i="1" s="1"/>
  <c r="A126309" i="1" s="1"/>
  <c r="A126310" i="1" s="1"/>
  <c r="A126311" i="1" s="1"/>
  <c r="A126312" i="1" s="1"/>
  <c r="A126313" i="1" s="1"/>
  <c r="A126314" i="1" s="1"/>
  <c r="A126315" i="1" s="1"/>
  <c r="A126316" i="1" s="1"/>
  <c r="A126317" i="1" s="1"/>
  <c r="A126318" i="1" s="1"/>
  <c r="A126319" i="1" s="1"/>
  <c r="A126320" i="1" s="1"/>
  <c r="A126321" i="1" s="1"/>
  <c r="A126322" i="1" s="1"/>
  <c r="A126323" i="1" s="1"/>
  <c r="A126324" i="1" s="1"/>
  <c r="A126325" i="1" s="1"/>
  <c r="A126326" i="1" s="1"/>
  <c r="A126327" i="1" s="1"/>
  <c r="A126328" i="1" s="1"/>
  <c r="A126329" i="1" s="1"/>
  <c r="A126330" i="1" s="1"/>
  <c r="A126331" i="1" s="1"/>
  <c r="A126332" i="1" s="1"/>
  <c r="A126333" i="1" s="1"/>
  <c r="A126334" i="1" s="1"/>
  <c r="A126335" i="1" s="1"/>
  <c r="A126336" i="1" s="1"/>
  <c r="A126337" i="1" s="1"/>
  <c r="A126338" i="1" s="1"/>
  <c r="A126339" i="1" s="1"/>
  <c r="A126340" i="1" s="1"/>
  <c r="A126341" i="1" s="1"/>
  <c r="A126342" i="1" s="1"/>
  <c r="A126343" i="1" s="1"/>
  <c r="A126344" i="1" s="1"/>
  <c r="A126345" i="1" s="1"/>
  <c r="A126346" i="1" s="1"/>
  <c r="A126347" i="1" s="1"/>
  <c r="A126348" i="1" s="1"/>
  <c r="A126349" i="1" s="1"/>
  <c r="A126350" i="1" s="1"/>
  <c r="A126351" i="1" s="1"/>
  <c r="A126352" i="1" s="1"/>
  <c r="A126353" i="1" s="1"/>
  <c r="A126354" i="1" s="1"/>
  <c r="A126355" i="1" s="1"/>
  <c r="A126356" i="1" s="1"/>
  <c r="A126357" i="1" s="1"/>
  <c r="A126358" i="1" s="1"/>
  <c r="A126359" i="1" s="1"/>
  <c r="A126360" i="1" s="1"/>
  <c r="A126361" i="1" s="1"/>
  <c r="A126362" i="1" s="1"/>
  <c r="A126363" i="1" s="1"/>
  <c r="A126364" i="1" s="1"/>
  <c r="A126365" i="1" s="1"/>
  <c r="A126366" i="1" s="1"/>
  <c r="A126367" i="1" s="1"/>
  <c r="A126368" i="1" s="1"/>
  <c r="A126369" i="1" s="1"/>
  <c r="A126370" i="1" s="1"/>
  <c r="A126371" i="1" s="1"/>
  <c r="A126372" i="1" s="1"/>
  <c r="A126373" i="1" s="1"/>
  <c r="A126374" i="1" s="1"/>
  <c r="A126375" i="1" s="1"/>
  <c r="A126376" i="1" s="1"/>
  <c r="A126377" i="1" s="1"/>
  <c r="A126378" i="1" s="1"/>
  <c r="A126379" i="1" s="1"/>
  <c r="A126380" i="1" s="1"/>
  <c r="A126381" i="1" s="1"/>
  <c r="A126382" i="1" s="1"/>
  <c r="A126383" i="1" s="1"/>
  <c r="A126384" i="1" s="1"/>
  <c r="A126385" i="1" s="1"/>
  <c r="A126386" i="1" s="1"/>
  <c r="A126387" i="1" s="1"/>
  <c r="A126388" i="1" s="1"/>
  <c r="A126389" i="1" s="1"/>
  <c r="A126390" i="1" s="1"/>
  <c r="A126391" i="1" s="1"/>
  <c r="A126392" i="1" s="1"/>
  <c r="A126393" i="1" s="1"/>
  <c r="A126394" i="1" s="1"/>
  <c r="A126395" i="1" s="1"/>
  <c r="A126396" i="1" s="1"/>
  <c r="A126397" i="1" s="1"/>
  <c r="A126398" i="1" s="1"/>
  <c r="A126399" i="1" s="1"/>
  <c r="A126400" i="1" s="1"/>
  <c r="A126401" i="1" s="1"/>
  <c r="A126402" i="1" s="1"/>
  <c r="A126403" i="1" s="1"/>
  <c r="A126404" i="1" s="1"/>
  <c r="A126405" i="1" s="1"/>
  <c r="A126406" i="1" s="1"/>
  <c r="A126407" i="1" s="1"/>
  <c r="A126408" i="1" s="1"/>
  <c r="A126409" i="1" s="1"/>
  <c r="A126410" i="1" s="1"/>
  <c r="A126411" i="1" s="1"/>
  <c r="A126412" i="1" s="1"/>
  <c r="A126413" i="1" s="1"/>
  <c r="A126414" i="1" s="1"/>
  <c r="A126415" i="1" s="1"/>
  <c r="A126416" i="1" s="1"/>
  <c r="A126417" i="1" s="1"/>
  <c r="A126418" i="1" s="1"/>
  <c r="A126419" i="1" s="1"/>
  <c r="A126420" i="1" s="1"/>
  <c r="A126421" i="1" s="1"/>
  <c r="A126422" i="1" s="1"/>
  <c r="A126423" i="1" s="1"/>
  <c r="A126424" i="1" s="1"/>
  <c r="A126425" i="1" s="1"/>
  <c r="A126426" i="1" s="1"/>
  <c r="A126427" i="1" s="1"/>
  <c r="A126428" i="1" s="1"/>
  <c r="A126429" i="1" s="1"/>
  <c r="A126430" i="1" s="1"/>
  <c r="A126431" i="1" s="1"/>
  <c r="A126432" i="1" s="1"/>
  <c r="A126433" i="1" s="1"/>
  <c r="A126434" i="1" s="1"/>
  <c r="A126435" i="1" s="1"/>
  <c r="A126436" i="1" s="1"/>
  <c r="A126437" i="1" s="1"/>
  <c r="A126438" i="1" s="1"/>
  <c r="A126439" i="1" s="1"/>
  <c r="A126440" i="1" s="1"/>
  <c r="A126441" i="1" s="1"/>
  <c r="A126442" i="1" s="1"/>
  <c r="A126443" i="1" s="1"/>
  <c r="A126444" i="1" s="1"/>
  <c r="A126445" i="1" s="1"/>
  <c r="A126446" i="1" s="1"/>
  <c r="A126447" i="1" s="1"/>
  <c r="A126448" i="1" s="1"/>
  <c r="A126449" i="1" s="1"/>
  <c r="A126450" i="1" s="1"/>
  <c r="A126451" i="1" s="1"/>
  <c r="A126452" i="1" s="1"/>
  <c r="A126453" i="1" s="1"/>
  <c r="A126454" i="1" s="1"/>
  <c r="A126455" i="1" s="1"/>
  <c r="A126456" i="1" s="1"/>
  <c r="A126457" i="1" s="1"/>
  <c r="A126458" i="1" s="1"/>
  <c r="A126459" i="1" s="1"/>
  <c r="A126460" i="1" s="1"/>
  <c r="A126461" i="1" s="1"/>
  <c r="A126462" i="1" s="1"/>
  <c r="A126463" i="1" s="1"/>
  <c r="A126464" i="1" s="1"/>
  <c r="A126465" i="1" s="1"/>
  <c r="A126466" i="1" s="1"/>
  <c r="A126467" i="1" s="1"/>
  <c r="A126468" i="1" s="1"/>
  <c r="A126469" i="1" s="1"/>
  <c r="A126470" i="1" s="1"/>
  <c r="A126471" i="1" s="1"/>
  <c r="A126472" i="1" s="1"/>
  <c r="A126473" i="1" s="1"/>
  <c r="A126474" i="1" s="1"/>
  <c r="A126475" i="1" s="1"/>
  <c r="A126476" i="1" s="1"/>
  <c r="A126477" i="1" s="1"/>
  <c r="A126478" i="1" s="1"/>
  <c r="A126479" i="1" s="1"/>
  <c r="A126480" i="1" s="1"/>
  <c r="A126481" i="1" s="1"/>
  <c r="A126482" i="1" s="1"/>
  <c r="A126483" i="1" s="1"/>
  <c r="A126484" i="1" s="1"/>
  <c r="A126485" i="1" s="1"/>
  <c r="A126486" i="1" s="1"/>
  <c r="A126487" i="1" s="1"/>
  <c r="A126488" i="1" s="1"/>
  <c r="A126489" i="1" s="1"/>
  <c r="A126490" i="1" s="1"/>
  <c r="A126491" i="1" s="1"/>
  <c r="A126492" i="1" s="1"/>
  <c r="A126493" i="1" s="1"/>
  <c r="A126494" i="1" s="1"/>
  <c r="A126495" i="1" s="1"/>
  <c r="A126496" i="1" s="1"/>
  <c r="A126497" i="1" s="1"/>
  <c r="A126498" i="1" s="1"/>
  <c r="A126499" i="1" s="1"/>
  <c r="A126500" i="1" s="1"/>
  <c r="A126501" i="1" s="1"/>
  <c r="A126502" i="1" s="1"/>
  <c r="A126503" i="1" s="1"/>
  <c r="A126504" i="1" s="1"/>
  <c r="A126505" i="1" s="1"/>
  <c r="A126506" i="1" s="1"/>
  <c r="A126507" i="1" s="1"/>
  <c r="A126508" i="1" s="1"/>
  <c r="A126509" i="1" s="1"/>
  <c r="A126510" i="1" s="1"/>
  <c r="A126511" i="1" s="1"/>
  <c r="A126512" i="1" s="1"/>
  <c r="A126513" i="1" s="1"/>
  <c r="A126514" i="1" s="1"/>
  <c r="A126515" i="1" s="1"/>
  <c r="A126516" i="1" s="1"/>
  <c r="A126517" i="1" s="1"/>
  <c r="A126518" i="1" s="1"/>
  <c r="A126519" i="1" s="1"/>
  <c r="A126520" i="1" s="1"/>
  <c r="A126521" i="1" s="1"/>
  <c r="A126522" i="1" s="1"/>
  <c r="A126523" i="1" s="1"/>
  <c r="A126524" i="1" s="1"/>
  <c r="A126525" i="1" s="1"/>
  <c r="A126526" i="1" s="1"/>
  <c r="A126527" i="1" s="1"/>
  <c r="A126528" i="1" s="1"/>
  <c r="A126529" i="1" s="1"/>
  <c r="A126530" i="1" s="1"/>
  <c r="A126531" i="1" s="1"/>
  <c r="A126532" i="1" s="1"/>
  <c r="A126533" i="1" s="1"/>
  <c r="A126534" i="1" s="1"/>
  <c r="A126535" i="1" s="1"/>
  <c r="A126536" i="1" s="1"/>
  <c r="A126537" i="1" s="1"/>
  <c r="A126538" i="1" s="1"/>
  <c r="A126539" i="1" s="1"/>
  <c r="A126540" i="1" s="1"/>
  <c r="A126541" i="1" s="1"/>
  <c r="A126542" i="1" s="1"/>
  <c r="A126543" i="1" s="1"/>
  <c r="A126544" i="1" s="1"/>
  <c r="A126545" i="1" s="1"/>
  <c r="A126546" i="1" s="1"/>
  <c r="A126547" i="1" s="1"/>
  <c r="A126548" i="1" s="1"/>
  <c r="A126549" i="1" s="1"/>
  <c r="A126550" i="1" s="1"/>
  <c r="A126551" i="1" s="1"/>
  <c r="A126552" i="1" s="1"/>
  <c r="A126553" i="1" s="1"/>
  <c r="A126554" i="1" s="1"/>
  <c r="A126555" i="1" s="1"/>
  <c r="A126556" i="1" s="1"/>
  <c r="A126557" i="1" s="1"/>
  <c r="A126558" i="1" s="1"/>
  <c r="A126559" i="1" s="1"/>
  <c r="A126560" i="1" s="1"/>
  <c r="A126561" i="1" s="1"/>
  <c r="A126562" i="1" s="1"/>
  <c r="A126563" i="1" s="1"/>
  <c r="A126564" i="1" s="1"/>
  <c r="A126565" i="1" s="1"/>
  <c r="A126566" i="1" s="1"/>
  <c r="A126567" i="1" s="1"/>
  <c r="A126568" i="1" s="1"/>
  <c r="A126569" i="1" s="1"/>
  <c r="A126570" i="1" s="1"/>
  <c r="A126571" i="1" s="1"/>
  <c r="A126572" i="1" s="1"/>
  <c r="A126573" i="1" s="1"/>
  <c r="A126574" i="1" s="1"/>
  <c r="A126575" i="1" s="1"/>
  <c r="A126576" i="1" s="1"/>
  <c r="A126577" i="1" s="1"/>
  <c r="A126578" i="1" s="1"/>
  <c r="A126579" i="1" s="1"/>
  <c r="A126580" i="1" s="1"/>
  <c r="A126581" i="1" s="1"/>
  <c r="A126582" i="1" s="1"/>
  <c r="A126583" i="1" s="1"/>
  <c r="A126584" i="1" s="1"/>
  <c r="A126585" i="1" s="1"/>
  <c r="A126586" i="1" s="1"/>
  <c r="A126587" i="1" s="1"/>
  <c r="A126588" i="1" s="1"/>
  <c r="A126589" i="1" s="1"/>
  <c r="A126590" i="1" s="1"/>
  <c r="A126591" i="1" s="1"/>
  <c r="A126592" i="1" s="1"/>
  <c r="A126593" i="1" s="1"/>
  <c r="A126594" i="1" s="1"/>
  <c r="A126595" i="1" s="1"/>
  <c r="A126596" i="1" s="1"/>
  <c r="A126597" i="1" s="1"/>
  <c r="A126598" i="1" s="1"/>
  <c r="A126599" i="1" s="1"/>
  <c r="A126600" i="1" s="1"/>
  <c r="A126601" i="1" s="1"/>
  <c r="A126602" i="1" s="1"/>
  <c r="A126603" i="1" s="1"/>
  <c r="A126604" i="1" s="1"/>
  <c r="A126605" i="1" s="1"/>
  <c r="A126606" i="1" s="1"/>
  <c r="A126607" i="1" s="1"/>
  <c r="A126608" i="1" s="1"/>
  <c r="A126609" i="1" s="1"/>
  <c r="A126610" i="1" s="1"/>
  <c r="A126611" i="1" s="1"/>
  <c r="A126612" i="1" s="1"/>
  <c r="A126613" i="1" s="1"/>
  <c r="A126614" i="1" s="1"/>
  <c r="A126615" i="1" s="1"/>
  <c r="A126616" i="1" s="1"/>
  <c r="A126617" i="1" s="1"/>
  <c r="A126618" i="1" s="1"/>
  <c r="A126619" i="1" s="1"/>
  <c r="A126620" i="1" s="1"/>
  <c r="A126621" i="1" s="1"/>
  <c r="A126622" i="1" s="1"/>
  <c r="A126623" i="1" s="1"/>
  <c r="A126624" i="1" s="1"/>
  <c r="A126625" i="1" s="1"/>
  <c r="A126626" i="1" s="1"/>
  <c r="A126627" i="1" s="1"/>
  <c r="A126628" i="1" s="1"/>
  <c r="A126629" i="1" s="1"/>
  <c r="A126630" i="1" s="1"/>
  <c r="A126631" i="1" s="1"/>
  <c r="A126632" i="1" s="1"/>
  <c r="A126633" i="1" s="1"/>
  <c r="A126634" i="1" s="1"/>
  <c r="A126635" i="1" s="1"/>
  <c r="A126636" i="1" s="1"/>
  <c r="A126637" i="1" s="1"/>
  <c r="A126638" i="1" s="1"/>
  <c r="A126639" i="1" s="1"/>
  <c r="A126640" i="1" s="1"/>
  <c r="A126641" i="1" s="1"/>
  <c r="A126642" i="1" s="1"/>
  <c r="A126643" i="1" s="1"/>
  <c r="A126644" i="1" s="1"/>
  <c r="A126645" i="1" s="1"/>
  <c r="A126646" i="1" s="1"/>
  <c r="A126647" i="1" s="1"/>
  <c r="A126648" i="1" s="1"/>
  <c r="A126649" i="1" s="1"/>
  <c r="A126650" i="1" s="1"/>
  <c r="A126651" i="1" s="1"/>
  <c r="A126652" i="1" s="1"/>
  <c r="A126653" i="1" s="1"/>
  <c r="A126654" i="1" s="1"/>
  <c r="A126655" i="1" s="1"/>
  <c r="A126656" i="1" s="1"/>
  <c r="A126657" i="1" s="1"/>
  <c r="A126658" i="1" s="1"/>
  <c r="A126659" i="1" s="1"/>
  <c r="A126660" i="1" s="1"/>
  <c r="A126661" i="1" s="1"/>
  <c r="A126662" i="1" s="1"/>
  <c r="A126663" i="1" s="1"/>
  <c r="A126664" i="1" s="1"/>
  <c r="A126665" i="1" s="1"/>
  <c r="A126666" i="1" s="1"/>
  <c r="A126667" i="1" s="1"/>
  <c r="A126668" i="1" s="1"/>
  <c r="A126669" i="1" s="1"/>
  <c r="A126670" i="1" s="1"/>
  <c r="A126671" i="1" s="1"/>
  <c r="A126672" i="1" s="1"/>
  <c r="A126673" i="1" s="1"/>
  <c r="A126674" i="1" s="1"/>
  <c r="A126675" i="1" s="1"/>
  <c r="A126676" i="1" s="1"/>
  <c r="A126677" i="1" s="1"/>
  <c r="A126678" i="1" s="1"/>
  <c r="A126679" i="1" s="1"/>
  <c r="A126680" i="1" s="1"/>
  <c r="A126681" i="1" s="1"/>
  <c r="A126682" i="1" s="1"/>
  <c r="A126683" i="1" s="1"/>
  <c r="A126684" i="1" s="1"/>
  <c r="A126685" i="1" s="1"/>
  <c r="A126686" i="1" s="1"/>
  <c r="A126687" i="1" s="1"/>
  <c r="A126688" i="1" s="1"/>
  <c r="A126689" i="1" s="1"/>
  <c r="A126690" i="1" s="1"/>
  <c r="A126691" i="1" s="1"/>
  <c r="A126692" i="1" s="1"/>
  <c r="A126693" i="1" s="1"/>
  <c r="A126694" i="1" s="1"/>
  <c r="A126695" i="1" s="1"/>
  <c r="A126696" i="1" s="1"/>
  <c r="A126697" i="1" s="1"/>
  <c r="A126698" i="1" s="1"/>
  <c r="A126699" i="1" s="1"/>
  <c r="A126700" i="1" s="1"/>
  <c r="A126701" i="1" s="1"/>
  <c r="A126702" i="1" s="1"/>
  <c r="A126703" i="1" s="1"/>
  <c r="A126704" i="1" s="1"/>
  <c r="A126705" i="1" s="1"/>
  <c r="A126706" i="1" s="1"/>
  <c r="A126707" i="1" s="1"/>
  <c r="A126708" i="1" s="1"/>
  <c r="A126709" i="1" s="1"/>
  <c r="A126710" i="1" s="1"/>
  <c r="A126711" i="1" s="1"/>
  <c r="A126712" i="1" s="1"/>
  <c r="A126713" i="1" s="1"/>
  <c r="A126714" i="1" s="1"/>
  <c r="A126715" i="1" s="1"/>
  <c r="A126716" i="1" s="1"/>
  <c r="A126717" i="1" s="1"/>
  <c r="A126718" i="1" s="1"/>
  <c r="A126719" i="1" s="1"/>
  <c r="A126720" i="1" s="1"/>
  <c r="A126721" i="1" s="1"/>
  <c r="A126722" i="1" s="1"/>
  <c r="A126723" i="1" s="1"/>
  <c r="A126724" i="1" s="1"/>
  <c r="A126725" i="1" s="1"/>
  <c r="A126726" i="1" s="1"/>
  <c r="A126727" i="1" s="1"/>
  <c r="A126728" i="1" s="1"/>
  <c r="A126729" i="1" s="1"/>
  <c r="A126730" i="1" s="1"/>
  <c r="A126731" i="1" s="1"/>
  <c r="A126732" i="1" s="1"/>
  <c r="A126733" i="1" s="1"/>
  <c r="A126734" i="1" s="1"/>
  <c r="A126735" i="1" s="1"/>
  <c r="A126736" i="1" s="1"/>
  <c r="A126737" i="1" s="1"/>
  <c r="A126738" i="1" s="1"/>
  <c r="A126739" i="1" s="1"/>
  <c r="A126740" i="1" s="1"/>
  <c r="A126741" i="1" s="1"/>
  <c r="A126742" i="1" s="1"/>
  <c r="A126743" i="1" s="1"/>
  <c r="A126744" i="1" s="1"/>
  <c r="A126745" i="1" s="1"/>
  <c r="A126746" i="1" s="1"/>
  <c r="A126747" i="1" s="1"/>
  <c r="A126748" i="1" s="1"/>
  <c r="A126749" i="1" s="1"/>
  <c r="A126750" i="1" s="1"/>
  <c r="A126751" i="1" s="1"/>
  <c r="A126752" i="1" s="1"/>
  <c r="A126753" i="1" s="1"/>
  <c r="A126754" i="1" s="1"/>
  <c r="A126755" i="1" s="1"/>
  <c r="A126756" i="1" s="1"/>
  <c r="A126757" i="1" s="1"/>
  <c r="A126758" i="1" s="1"/>
  <c r="A126759" i="1" s="1"/>
  <c r="A126760" i="1" s="1"/>
  <c r="A126761" i="1" s="1"/>
  <c r="A126762" i="1" s="1"/>
  <c r="A126763" i="1" s="1"/>
  <c r="A126764" i="1" s="1"/>
  <c r="A126765" i="1" s="1"/>
  <c r="A126766" i="1" s="1"/>
  <c r="A126767" i="1" s="1"/>
  <c r="A126768" i="1" s="1"/>
  <c r="A126769" i="1" s="1"/>
  <c r="A126770" i="1" s="1"/>
  <c r="A126771" i="1" s="1"/>
  <c r="A126772" i="1" s="1"/>
  <c r="A126773" i="1" s="1"/>
  <c r="A126774" i="1" s="1"/>
  <c r="A126775" i="1" s="1"/>
  <c r="A126776" i="1" s="1"/>
  <c r="A126777" i="1" s="1"/>
  <c r="A126778" i="1" s="1"/>
  <c r="A126779" i="1" s="1"/>
  <c r="A126780" i="1" s="1"/>
  <c r="A126781" i="1" s="1"/>
  <c r="A126782" i="1" s="1"/>
  <c r="A126783" i="1" s="1"/>
  <c r="A126784" i="1" s="1"/>
  <c r="A126785" i="1" s="1"/>
  <c r="A126786" i="1" s="1"/>
  <c r="A126787" i="1" s="1"/>
  <c r="A126788" i="1" s="1"/>
  <c r="A126789" i="1" s="1"/>
  <c r="A126790" i="1" s="1"/>
  <c r="A126791" i="1" s="1"/>
  <c r="A126792" i="1" s="1"/>
  <c r="A126793" i="1" s="1"/>
  <c r="A126794" i="1" s="1"/>
  <c r="A126795" i="1" s="1"/>
  <c r="A126796" i="1" s="1"/>
  <c r="A126797" i="1" s="1"/>
  <c r="A126798" i="1" s="1"/>
  <c r="A126799" i="1" s="1"/>
  <c r="A126800" i="1" s="1"/>
  <c r="A126801" i="1" s="1"/>
  <c r="A126802" i="1" s="1"/>
  <c r="A126803" i="1" s="1"/>
  <c r="A126804" i="1" s="1"/>
  <c r="A126805" i="1" s="1"/>
  <c r="A126806" i="1" s="1"/>
  <c r="A126807" i="1" s="1"/>
  <c r="A126808" i="1" s="1"/>
  <c r="A126809" i="1" s="1"/>
  <c r="A126810" i="1" s="1"/>
  <c r="A126811" i="1" s="1"/>
  <c r="A126812" i="1" s="1"/>
  <c r="A126813" i="1" s="1"/>
  <c r="A126814" i="1" s="1"/>
  <c r="A126815" i="1" s="1"/>
  <c r="A126816" i="1" s="1"/>
  <c r="A126817" i="1" s="1"/>
  <c r="A126818" i="1" s="1"/>
  <c r="A126819" i="1" s="1"/>
  <c r="A126820" i="1" s="1"/>
  <c r="A126821" i="1" s="1"/>
  <c r="A126822" i="1" s="1"/>
  <c r="A126823" i="1" s="1"/>
  <c r="A126824" i="1" s="1"/>
  <c r="A126825" i="1" s="1"/>
  <c r="A126826" i="1" s="1"/>
  <c r="A126827" i="1" s="1"/>
  <c r="A126828" i="1" s="1"/>
  <c r="A126829" i="1" s="1"/>
  <c r="A126830" i="1" s="1"/>
  <c r="A126831" i="1" s="1"/>
  <c r="A126832" i="1" s="1"/>
  <c r="A126833" i="1" s="1"/>
  <c r="A126834" i="1" s="1"/>
  <c r="A126835" i="1" s="1"/>
  <c r="A126836" i="1" s="1"/>
  <c r="A126837" i="1" s="1"/>
  <c r="A126838" i="1" s="1"/>
  <c r="A126839" i="1" s="1"/>
  <c r="A126840" i="1" s="1"/>
  <c r="A126841" i="1" s="1"/>
  <c r="A126842" i="1" s="1"/>
  <c r="A126843" i="1" s="1"/>
  <c r="A126844" i="1" s="1"/>
  <c r="A126845" i="1" s="1"/>
  <c r="A126846" i="1" s="1"/>
  <c r="A126847" i="1" s="1"/>
  <c r="A126848" i="1" s="1"/>
  <c r="A126849" i="1" s="1"/>
  <c r="A126850" i="1" s="1"/>
  <c r="A126851" i="1" s="1"/>
  <c r="A126852" i="1" s="1"/>
  <c r="A126853" i="1" s="1"/>
  <c r="A126854" i="1" s="1"/>
  <c r="A126855" i="1" s="1"/>
  <c r="A126856" i="1" s="1"/>
  <c r="A126857" i="1" s="1"/>
  <c r="A126858" i="1" s="1"/>
  <c r="A126859" i="1" s="1"/>
  <c r="A126860" i="1" s="1"/>
  <c r="A126861" i="1" s="1"/>
  <c r="A126862" i="1" s="1"/>
  <c r="A126863" i="1" s="1"/>
  <c r="A126864" i="1" s="1"/>
  <c r="A126865" i="1" s="1"/>
  <c r="A126866" i="1" s="1"/>
  <c r="A126867" i="1" s="1"/>
  <c r="A126868" i="1" s="1"/>
  <c r="A126869" i="1" s="1"/>
  <c r="A126870" i="1" s="1"/>
  <c r="A126871" i="1" s="1"/>
  <c r="A126872" i="1" s="1"/>
  <c r="A126873" i="1" s="1"/>
  <c r="A126874" i="1" s="1"/>
  <c r="A126875" i="1" s="1"/>
  <c r="A126876" i="1" s="1"/>
  <c r="A126877" i="1" s="1"/>
  <c r="A126878" i="1" s="1"/>
  <c r="A126879" i="1" s="1"/>
  <c r="A126880" i="1" s="1"/>
  <c r="A126881" i="1" s="1"/>
  <c r="A126882" i="1" s="1"/>
  <c r="A126883" i="1" s="1"/>
  <c r="A126884" i="1" s="1"/>
  <c r="A126885" i="1" s="1"/>
  <c r="A126886" i="1" s="1"/>
  <c r="A126887" i="1" s="1"/>
  <c r="A126888" i="1" s="1"/>
  <c r="A126889" i="1" s="1"/>
  <c r="A126890" i="1" s="1"/>
  <c r="A126891" i="1" s="1"/>
  <c r="A126892" i="1" s="1"/>
  <c r="A126893" i="1" s="1"/>
  <c r="A126894" i="1" s="1"/>
  <c r="A126895" i="1" s="1"/>
  <c r="A126896" i="1" s="1"/>
  <c r="A126897" i="1" s="1"/>
  <c r="A126898" i="1" s="1"/>
  <c r="A126899" i="1" s="1"/>
  <c r="A126900" i="1" s="1"/>
  <c r="A126901" i="1" s="1"/>
  <c r="A126902" i="1" s="1"/>
  <c r="A126903" i="1" s="1"/>
  <c r="A126904" i="1" s="1"/>
  <c r="A126905" i="1" s="1"/>
  <c r="A126906" i="1" s="1"/>
  <c r="A126907" i="1" s="1"/>
  <c r="A126908" i="1" s="1"/>
  <c r="A126909" i="1" s="1"/>
  <c r="A126910" i="1" s="1"/>
  <c r="A126911" i="1" s="1"/>
  <c r="A126912" i="1" s="1"/>
  <c r="A126913" i="1" s="1"/>
  <c r="A126914" i="1" s="1"/>
  <c r="A126915" i="1" s="1"/>
  <c r="A126916" i="1" s="1"/>
  <c r="A126917" i="1" s="1"/>
  <c r="A126918" i="1" s="1"/>
  <c r="A126919" i="1" s="1"/>
  <c r="A126920" i="1" s="1"/>
  <c r="A126921" i="1" s="1"/>
  <c r="A126922" i="1" s="1"/>
  <c r="A126923" i="1" s="1"/>
  <c r="A126924" i="1" s="1"/>
  <c r="A126925" i="1" s="1"/>
  <c r="A126926" i="1" s="1"/>
  <c r="A126927" i="1" s="1"/>
  <c r="A126928" i="1" s="1"/>
  <c r="A126929" i="1" s="1"/>
  <c r="A126930" i="1" s="1"/>
  <c r="A126931" i="1" s="1"/>
  <c r="A126932" i="1" s="1"/>
  <c r="A126933" i="1" s="1"/>
  <c r="A126934" i="1" s="1"/>
  <c r="A126935" i="1" s="1"/>
  <c r="A126936" i="1" s="1"/>
  <c r="A126937" i="1" s="1"/>
  <c r="A126938" i="1" s="1"/>
  <c r="A126939" i="1" s="1"/>
  <c r="A126940" i="1" s="1"/>
  <c r="A126941" i="1" s="1"/>
  <c r="A126942" i="1" s="1"/>
  <c r="A126943" i="1" s="1"/>
  <c r="A126944" i="1" s="1"/>
  <c r="A126945" i="1" s="1"/>
  <c r="A126946" i="1" s="1"/>
  <c r="A126947" i="1" s="1"/>
  <c r="A126948" i="1" s="1"/>
  <c r="A126949" i="1" s="1"/>
  <c r="A126950" i="1" s="1"/>
  <c r="A126951" i="1" s="1"/>
  <c r="A126952" i="1" s="1"/>
  <c r="A126953" i="1" s="1"/>
  <c r="A126954" i="1" s="1"/>
  <c r="A126955" i="1" s="1"/>
  <c r="A126956" i="1" s="1"/>
  <c r="A126957" i="1" s="1"/>
  <c r="A126958" i="1" s="1"/>
  <c r="A126959" i="1" s="1"/>
  <c r="A126960" i="1" s="1"/>
  <c r="A126961" i="1" s="1"/>
  <c r="A126962" i="1" s="1"/>
  <c r="A126963" i="1" s="1"/>
  <c r="A126964" i="1" s="1"/>
  <c r="A126965" i="1" s="1"/>
  <c r="A126966" i="1" s="1"/>
  <c r="A126967" i="1" s="1"/>
  <c r="A126968" i="1" s="1"/>
  <c r="A126969" i="1" s="1"/>
  <c r="A126970" i="1" s="1"/>
  <c r="A126971" i="1" s="1"/>
  <c r="A126972" i="1" s="1"/>
  <c r="A126973" i="1" s="1"/>
  <c r="A126974" i="1" s="1"/>
  <c r="A126975" i="1" s="1"/>
  <c r="A126976" i="1" s="1"/>
  <c r="A126977" i="1" s="1"/>
  <c r="A126978" i="1" s="1"/>
  <c r="A126979" i="1" s="1"/>
  <c r="A126980" i="1" s="1"/>
  <c r="A126981" i="1" s="1"/>
  <c r="A126982" i="1" s="1"/>
  <c r="A126983" i="1" s="1"/>
  <c r="A126984" i="1" s="1"/>
  <c r="A126985" i="1" s="1"/>
  <c r="A126986" i="1" s="1"/>
  <c r="A126987" i="1" s="1"/>
  <c r="A126988" i="1" s="1"/>
  <c r="A126989" i="1" s="1"/>
  <c r="A126990" i="1" s="1"/>
  <c r="A126991" i="1" s="1"/>
  <c r="A126992" i="1" s="1"/>
  <c r="A126993" i="1" s="1"/>
  <c r="A126994" i="1" s="1"/>
  <c r="A126995" i="1" s="1"/>
  <c r="A126996" i="1" s="1"/>
  <c r="A126997" i="1" s="1"/>
  <c r="A126998" i="1" s="1"/>
  <c r="A126999" i="1" s="1"/>
  <c r="A127000" i="1" s="1"/>
  <c r="A127001" i="1" s="1"/>
  <c r="A127002" i="1" s="1"/>
  <c r="A127003" i="1" s="1"/>
  <c r="A127004" i="1" s="1"/>
  <c r="A127005" i="1" s="1"/>
  <c r="A127006" i="1" s="1"/>
  <c r="A127007" i="1" s="1"/>
  <c r="A127008" i="1" s="1"/>
  <c r="A127009" i="1" s="1"/>
  <c r="A127010" i="1" s="1"/>
  <c r="A127011" i="1" s="1"/>
  <c r="A127012" i="1" s="1"/>
  <c r="A127013" i="1" s="1"/>
  <c r="A127014" i="1" s="1"/>
  <c r="A127015" i="1" s="1"/>
  <c r="A127016" i="1" s="1"/>
  <c r="A127017" i="1" s="1"/>
  <c r="A127018" i="1" s="1"/>
  <c r="A127019" i="1" s="1"/>
  <c r="A127020" i="1" s="1"/>
  <c r="A127021" i="1" s="1"/>
  <c r="A127022" i="1" s="1"/>
  <c r="A127023" i="1" s="1"/>
  <c r="A127024" i="1" s="1"/>
  <c r="A127025" i="1" s="1"/>
  <c r="A127026" i="1" s="1"/>
  <c r="A127027" i="1" s="1"/>
  <c r="A127028" i="1" s="1"/>
  <c r="A127029" i="1" s="1"/>
  <c r="A127030" i="1" s="1"/>
  <c r="A127031" i="1" s="1"/>
  <c r="A127032" i="1" s="1"/>
  <c r="A127033" i="1" s="1"/>
  <c r="A127034" i="1" s="1"/>
  <c r="A127035" i="1" s="1"/>
  <c r="A127036" i="1" s="1"/>
  <c r="A127037" i="1" s="1"/>
  <c r="A127038" i="1" s="1"/>
  <c r="A127039" i="1" s="1"/>
  <c r="A127040" i="1" s="1"/>
  <c r="A127041" i="1" s="1"/>
  <c r="A127042" i="1" s="1"/>
  <c r="A127043" i="1" s="1"/>
  <c r="A127044" i="1" s="1"/>
  <c r="A127045" i="1" s="1"/>
  <c r="A127046" i="1" s="1"/>
  <c r="A127047" i="1" s="1"/>
  <c r="A127048" i="1" s="1"/>
  <c r="A127049" i="1" s="1"/>
  <c r="A127050" i="1" s="1"/>
  <c r="A127051" i="1" s="1"/>
  <c r="A127052" i="1" s="1"/>
  <c r="A127053" i="1" s="1"/>
  <c r="A127054" i="1" s="1"/>
  <c r="A127055" i="1" s="1"/>
  <c r="A127056" i="1" s="1"/>
  <c r="A127057" i="1" s="1"/>
  <c r="A127058" i="1" s="1"/>
  <c r="A127059" i="1" s="1"/>
  <c r="A127060" i="1" s="1"/>
  <c r="A127061" i="1" s="1"/>
  <c r="A127062" i="1" s="1"/>
  <c r="A127063" i="1" s="1"/>
  <c r="A127064" i="1" s="1"/>
  <c r="A127065" i="1" s="1"/>
  <c r="A127066" i="1" s="1"/>
  <c r="A127067" i="1" s="1"/>
  <c r="A127068" i="1" s="1"/>
  <c r="A127069" i="1" s="1"/>
  <c r="A127070" i="1" s="1"/>
  <c r="A127071" i="1" s="1"/>
  <c r="A127072" i="1" s="1"/>
  <c r="A127073" i="1" s="1"/>
  <c r="A127074" i="1" s="1"/>
  <c r="A127075" i="1" s="1"/>
  <c r="A127076" i="1" s="1"/>
  <c r="A127077" i="1" s="1"/>
  <c r="A127078" i="1" s="1"/>
  <c r="A127079" i="1" s="1"/>
  <c r="A127080" i="1" s="1"/>
  <c r="A127081" i="1" s="1"/>
  <c r="A127082" i="1" s="1"/>
  <c r="A127083" i="1" s="1"/>
  <c r="A127084" i="1" s="1"/>
  <c r="A127085" i="1" s="1"/>
  <c r="A127086" i="1" s="1"/>
  <c r="A127087" i="1" s="1"/>
  <c r="A127088" i="1" s="1"/>
  <c r="A127089" i="1" s="1"/>
  <c r="A127090" i="1" s="1"/>
  <c r="A127091" i="1" s="1"/>
  <c r="A127092" i="1" s="1"/>
  <c r="A127093" i="1" s="1"/>
  <c r="A127094" i="1" s="1"/>
  <c r="A127095" i="1" s="1"/>
  <c r="A127096" i="1" s="1"/>
  <c r="A127097" i="1" s="1"/>
  <c r="A127098" i="1" s="1"/>
  <c r="A127099" i="1" s="1"/>
  <c r="A127100" i="1" s="1"/>
  <c r="A127101" i="1" s="1"/>
  <c r="A127102" i="1" s="1"/>
  <c r="A127103" i="1" s="1"/>
  <c r="A127104" i="1" s="1"/>
  <c r="A127105" i="1" s="1"/>
  <c r="A127106" i="1" s="1"/>
  <c r="A127107" i="1" s="1"/>
  <c r="A127108" i="1" s="1"/>
  <c r="A127109" i="1" s="1"/>
  <c r="A127110" i="1" s="1"/>
  <c r="A127111" i="1" s="1"/>
  <c r="A127112" i="1" s="1"/>
  <c r="A127113" i="1" s="1"/>
  <c r="A127114" i="1" s="1"/>
  <c r="A127115" i="1" s="1"/>
  <c r="A127116" i="1" s="1"/>
  <c r="A127117" i="1" s="1"/>
  <c r="A127118" i="1" s="1"/>
  <c r="A127119" i="1" s="1"/>
  <c r="A127120" i="1" s="1"/>
  <c r="A127121" i="1" s="1"/>
  <c r="A127122" i="1" s="1"/>
  <c r="A127123" i="1" s="1"/>
  <c r="A127124" i="1" s="1"/>
  <c r="A127125" i="1" s="1"/>
  <c r="A127126" i="1" s="1"/>
  <c r="A127127" i="1" s="1"/>
  <c r="A127128" i="1" s="1"/>
  <c r="A127129" i="1" s="1"/>
  <c r="A127130" i="1" s="1"/>
  <c r="A127131" i="1" s="1"/>
  <c r="A127132" i="1" s="1"/>
  <c r="A127133" i="1" s="1"/>
  <c r="A127134" i="1" s="1"/>
  <c r="A127135" i="1" s="1"/>
  <c r="A127136" i="1" s="1"/>
  <c r="A127137" i="1" s="1"/>
  <c r="A127138" i="1" s="1"/>
  <c r="A127139" i="1" s="1"/>
  <c r="A127140" i="1" s="1"/>
  <c r="A127141" i="1" s="1"/>
  <c r="A127142" i="1" s="1"/>
  <c r="A127143" i="1" s="1"/>
  <c r="A127144" i="1" s="1"/>
  <c r="A127145" i="1" s="1"/>
  <c r="A127146" i="1" s="1"/>
  <c r="A127147" i="1" s="1"/>
  <c r="A127148" i="1" s="1"/>
  <c r="A127149" i="1" s="1"/>
  <c r="A127150" i="1" s="1"/>
  <c r="A127151" i="1" s="1"/>
  <c r="A127152" i="1" s="1"/>
  <c r="A127153" i="1" s="1"/>
  <c r="A127154" i="1" s="1"/>
  <c r="A127155" i="1" s="1"/>
  <c r="A127156" i="1" s="1"/>
  <c r="A127157" i="1" s="1"/>
  <c r="A127158" i="1" s="1"/>
  <c r="A127159" i="1" s="1"/>
  <c r="A127160" i="1" s="1"/>
  <c r="A127161" i="1" s="1"/>
  <c r="A127162" i="1" s="1"/>
  <c r="A127163" i="1" s="1"/>
  <c r="A127164" i="1" s="1"/>
  <c r="A127165" i="1" s="1"/>
  <c r="A127166" i="1" s="1"/>
  <c r="A127167" i="1" s="1"/>
  <c r="A127168" i="1" s="1"/>
  <c r="A127169" i="1" s="1"/>
  <c r="A127170" i="1" s="1"/>
  <c r="A127171" i="1" s="1"/>
  <c r="A127172" i="1" s="1"/>
  <c r="A127173" i="1" s="1"/>
  <c r="A127174" i="1" s="1"/>
  <c r="A127175" i="1" s="1"/>
  <c r="A127176" i="1" s="1"/>
  <c r="A127177" i="1" s="1"/>
  <c r="A127178" i="1" s="1"/>
  <c r="A127179" i="1" s="1"/>
  <c r="A127180" i="1" s="1"/>
  <c r="A127181" i="1" s="1"/>
  <c r="A127182" i="1" s="1"/>
  <c r="A127183" i="1" s="1"/>
  <c r="A127184" i="1" s="1"/>
  <c r="A127185" i="1" s="1"/>
  <c r="A127186" i="1" s="1"/>
  <c r="A127187" i="1" s="1"/>
  <c r="A127188" i="1" s="1"/>
  <c r="A127189" i="1" s="1"/>
  <c r="A127190" i="1" s="1"/>
  <c r="A127191" i="1" s="1"/>
  <c r="A127192" i="1" s="1"/>
  <c r="A127193" i="1" s="1"/>
  <c r="A127194" i="1" s="1"/>
  <c r="A127195" i="1" s="1"/>
  <c r="A127196" i="1" s="1"/>
  <c r="A127197" i="1" s="1"/>
  <c r="A127198" i="1" s="1"/>
  <c r="A127199" i="1" s="1"/>
  <c r="A127200" i="1" s="1"/>
  <c r="A127201" i="1" s="1"/>
  <c r="A127202" i="1" s="1"/>
  <c r="A127203" i="1" s="1"/>
  <c r="A127204" i="1" s="1"/>
  <c r="A127205" i="1" s="1"/>
  <c r="A127206" i="1" s="1"/>
  <c r="A127207" i="1" s="1"/>
  <c r="A127208" i="1" s="1"/>
  <c r="A127209" i="1" s="1"/>
  <c r="A127210" i="1" s="1"/>
  <c r="A127211" i="1" s="1"/>
  <c r="A127212" i="1" s="1"/>
  <c r="A127213" i="1" s="1"/>
  <c r="A127214" i="1" s="1"/>
  <c r="A127215" i="1" s="1"/>
  <c r="A127216" i="1" s="1"/>
  <c r="A127217" i="1" s="1"/>
  <c r="A127218" i="1" s="1"/>
  <c r="A127219" i="1" s="1"/>
  <c r="A127220" i="1" s="1"/>
  <c r="A127221" i="1" s="1"/>
  <c r="A127222" i="1" s="1"/>
  <c r="A127223" i="1" s="1"/>
  <c r="A127224" i="1" s="1"/>
  <c r="A127225" i="1" s="1"/>
  <c r="A127226" i="1" s="1"/>
  <c r="A127227" i="1" s="1"/>
  <c r="A127228" i="1" s="1"/>
  <c r="A127229" i="1" s="1"/>
  <c r="A127230" i="1" s="1"/>
  <c r="A127231" i="1" s="1"/>
  <c r="A127232" i="1" s="1"/>
  <c r="A127233" i="1" s="1"/>
  <c r="A127234" i="1" s="1"/>
  <c r="A127235" i="1" s="1"/>
  <c r="A127236" i="1" s="1"/>
  <c r="A127237" i="1" s="1"/>
  <c r="A127238" i="1" s="1"/>
  <c r="A127239" i="1" s="1"/>
  <c r="A127240" i="1" s="1"/>
  <c r="A127241" i="1" s="1"/>
  <c r="A127242" i="1" s="1"/>
  <c r="A127243" i="1" s="1"/>
  <c r="A127244" i="1" s="1"/>
  <c r="A127245" i="1" s="1"/>
  <c r="A127246" i="1" s="1"/>
  <c r="A127247" i="1" s="1"/>
  <c r="A127248" i="1" s="1"/>
  <c r="A127249" i="1" s="1"/>
  <c r="A127250" i="1" s="1"/>
  <c r="A127251" i="1" s="1"/>
  <c r="A127252" i="1" s="1"/>
  <c r="A127253" i="1" s="1"/>
  <c r="A127254" i="1" s="1"/>
  <c r="A127255" i="1" s="1"/>
  <c r="A127256" i="1" s="1"/>
  <c r="A127257" i="1" s="1"/>
  <c r="A127258" i="1" s="1"/>
  <c r="A127259" i="1" s="1"/>
  <c r="A127260" i="1" s="1"/>
  <c r="A127261" i="1" s="1"/>
  <c r="A127262" i="1" s="1"/>
  <c r="A127263" i="1" s="1"/>
  <c r="A127264" i="1" s="1"/>
  <c r="A127265" i="1" s="1"/>
  <c r="A127266" i="1" s="1"/>
  <c r="A127267" i="1" s="1"/>
  <c r="A127268" i="1" s="1"/>
  <c r="A127269" i="1" s="1"/>
  <c r="A127270" i="1" s="1"/>
  <c r="A127271" i="1" s="1"/>
  <c r="A127272" i="1" s="1"/>
  <c r="A127273" i="1" s="1"/>
  <c r="A127274" i="1" s="1"/>
  <c r="A127275" i="1" s="1"/>
  <c r="A127276" i="1" s="1"/>
  <c r="A127277" i="1" s="1"/>
  <c r="A127278" i="1" s="1"/>
  <c r="A127279" i="1" s="1"/>
  <c r="A127280" i="1" s="1"/>
  <c r="A127281" i="1" s="1"/>
  <c r="A127282" i="1" s="1"/>
  <c r="A127283" i="1" s="1"/>
  <c r="A127284" i="1" s="1"/>
  <c r="A127285" i="1" s="1"/>
  <c r="A127286" i="1" s="1"/>
  <c r="A127287" i="1" s="1"/>
  <c r="A127288" i="1" s="1"/>
  <c r="A127289" i="1" s="1"/>
  <c r="A127290" i="1" s="1"/>
  <c r="A127291" i="1" s="1"/>
  <c r="A127292" i="1" s="1"/>
  <c r="A127293" i="1" s="1"/>
  <c r="A127294" i="1" s="1"/>
  <c r="A127295" i="1" s="1"/>
  <c r="A127296" i="1" s="1"/>
  <c r="A127297" i="1" s="1"/>
  <c r="A127298" i="1" s="1"/>
  <c r="A127299" i="1" s="1"/>
  <c r="A127300" i="1" s="1"/>
  <c r="A127301" i="1" s="1"/>
  <c r="A127302" i="1" s="1"/>
  <c r="A127303" i="1" s="1"/>
  <c r="A127304" i="1" s="1"/>
  <c r="A127305" i="1" s="1"/>
  <c r="A127306" i="1" s="1"/>
  <c r="A127307" i="1" s="1"/>
  <c r="A127308" i="1" s="1"/>
  <c r="A127309" i="1" s="1"/>
  <c r="A127310" i="1" s="1"/>
  <c r="A127311" i="1" s="1"/>
  <c r="A127312" i="1" s="1"/>
  <c r="A127313" i="1" s="1"/>
  <c r="A127314" i="1" s="1"/>
  <c r="A127315" i="1" s="1"/>
  <c r="A127316" i="1" s="1"/>
  <c r="A127317" i="1" s="1"/>
  <c r="A127318" i="1" s="1"/>
  <c r="A127319" i="1" s="1"/>
  <c r="A127320" i="1" s="1"/>
  <c r="A127321" i="1" s="1"/>
  <c r="A127322" i="1" s="1"/>
  <c r="A127323" i="1" s="1"/>
  <c r="A127324" i="1" s="1"/>
  <c r="A127325" i="1" s="1"/>
  <c r="A127326" i="1" s="1"/>
  <c r="A127327" i="1" s="1"/>
  <c r="A127328" i="1" s="1"/>
  <c r="A127329" i="1" s="1"/>
  <c r="A127330" i="1" s="1"/>
  <c r="A127331" i="1" s="1"/>
  <c r="A127332" i="1" s="1"/>
  <c r="A127333" i="1" s="1"/>
  <c r="A127334" i="1" s="1"/>
  <c r="A127335" i="1" s="1"/>
  <c r="A127336" i="1" s="1"/>
  <c r="A127337" i="1" s="1"/>
  <c r="A127338" i="1" s="1"/>
  <c r="A127339" i="1" s="1"/>
  <c r="A127340" i="1" s="1"/>
  <c r="A127341" i="1" s="1"/>
  <c r="A127342" i="1" s="1"/>
  <c r="A127343" i="1" s="1"/>
  <c r="A127344" i="1" s="1"/>
  <c r="A127345" i="1" s="1"/>
  <c r="A127346" i="1" s="1"/>
  <c r="A127347" i="1" s="1"/>
  <c r="A127348" i="1" s="1"/>
  <c r="A127349" i="1" s="1"/>
  <c r="A127350" i="1" s="1"/>
  <c r="A127351" i="1" s="1"/>
  <c r="A127352" i="1" s="1"/>
  <c r="A127353" i="1" s="1"/>
  <c r="A127354" i="1" s="1"/>
  <c r="A127355" i="1" s="1"/>
  <c r="A127356" i="1" s="1"/>
  <c r="A127357" i="1" s="1"/>
  <c r="A127358" i="1" s="1"/>
  <c r="A127359" i="1" s="1"/>
  <c r="A127360" i="1" s="1"/>
  <c r="A127361" i="1" s="1"/>
  <c r="A127362" i="1" s="1"/>
  <c r="A127363" i="1" s="1"/>
  <c r="A127364" i="1" s="1"/>
  <c r="A127365" i="1" s="1"/>
  <c r="A127366" i="1" s="1"/>
  <c r="A127367" i="1" s="1"/>
  <c r="A127368" i="1" s="1"/>
  <c r="A127369" i="1" s="1"/>
  <c r="A127370" i="1" s="1"/>
  <c r="A127371" i="1" s="1"/>
  <c r="A127372" i="1" s="1"/>
  <c r="A127373" i="1" s="1"/>
  <c r="A127374" i="1" s="1"/>
  <c r="A127375" i="1" s="1"/>
  <c r="A127376" i="1" s="1"/>
  <c r="A127377" i="1" s="1"/>
  <c r="A127378" i="1" s="1"/>
  <c r="A127379" i="1" s="1"/>
  <c r="A127380" i="1" s="1"/>
  <c r="A127381" i="1" s="1"/>
  <c r="A127382" i="1" s="1"/>
  <c r="A127383" i="1" s="1"/>
  <c r="A127384" i="1" s="1"/>
  <c r="A127385" i="1" s="1"/>
  <c r="A127386" i="1" s="1"/>
  <c r="A127387" i="1" s="1"/>
  <c r="A127388" i="1" s="1"/>
  <c r="A127389" i="1" s="1"/>
  <c r="A127390" i="1" s="1"/>
  <c r="A127391" i="1" s="1"/>
  <c r="A127392" i="1" s="1"/>
  <c r="A127393" i="1" s="1"/>
  <c r="A127394" i="1" s="1"/>
  <c r="A127395" i="1" s="1"/>
  <c r="A127396" i="1" s="1"/>
  <c r="A127397" i="1" s="1"/>
  <c r="A127398" i="1" s="1"/>
  <c r="A127399" i="1" s="1"/>
  <c r="A127400" i="1" s="1"/>
  <c r="A127401" i="1" s="1"/>
  <c r="A127402" i="1" s="1"/>
  <c r="A127403" i="1" s="1"/>
  <c r="A127404" i="1" s="1"/>
  <c r="A127405" i="1" s="1"/>
  <c r="A127406" i="1" s="1"/>
  <c r="A127407" i="1" s="1"/>
  <c r="A127408" i="1" s="1"/>
  <c r="A127409" i="1" s="1"/>
  <c r="A127410" i="1" s="1"/>
  <c r="A127411" i="1" s="1"/>
  <c r="A127412" i="1" s="1"/>
  <c r="A127413" i="1" s="1"/>
  <c r="A127414" i="1" s="1"/>
  <c r="A127415" i="1" s="1"/>
  <c r="A127416" i="1" s="1"/>
  <c r="A127417" i="1" s="1"/>
  <c r="A127418" i="1" s="1"/>
  <c r="A127419" i="1" s="1"/>
  <c r="A127420" i="1" s="1"/>
  <c r="A127421" i="1" s="1"/>
  <c r="A127422" i="1" s="1"/>
  <c r="A127423" i="1" s="1"/>
  <c r="A127424" i="1" s="1"/>
  <c r="A127425" i="1" s="1"/>
  <c r="A127426" i="1" s="1"/>
  <c r="A127427" i="1" s="1"/>
  <c r="A127428" i="1" s="1"/>
  <c r="A127429" i="1" s="1"/>
  <c r="A127430" i="1" s="1"/>
  <c r="A127431" i="1" s="1"/>
  <c r="A127432" i="1" s="1"/>
  <c r="A127433" i="1" s="1"/>
  <c r="A127434" i="1" s="1"/>
  <c r="A127435" i="1" s="1"/>
  <c r="A127436" i="1" s="1"/>
  <c r="A127437" i="1" s="1"/>
  <c r="A127438" i="1" s="1"/>
  <c r="A127439" i="1" s="1"/>
  <c r="A127440" i="1" s="1"/>
  <c r="A127441" i="1" s="1"/>
  <c r="A127442" i="1" s="1"/>
  <c r="A127443" i="1" s="1"/>
  <c r="A127444" i="1" s="1"/>
  <c r="A127445" i="1" s="1"/>
  <c r="A127446" i="1" s="1"/>
  <c r="A127447" i="1" s="1"/>
  <c r="A127448" i="1" s="1"/>
  <c r="A127449" i="1" s="1"/>
  <c r="A127450" i="1" s="1"/>
  <c r="A127451" i="1" s="1"/>
  <c r="A127452" i="1" s="1"/>
  <c r="A127453" i="1" s="1"/>
  <c r="A127454" i="1" s="1"/>
  <c r="A127455" i="1" s="1"/>
  <c r="A127456" i="1" s="1"/>
  <c r="A127457" i="1" s="1"/>
  <c r="A127458" i="1" s="1"/>
  <c r="A127459" i="1" s="1"/>
  <c r="A127460" i="1" s="1"/>
  <c r="A127461" i="1" s="1"/>
  <c r="A127462" i="1" s="1"/>
  <c r="A127463" i="1" s="1"/>
  <c r="A127464" i="1" s="1"/>
  <c r="A127465" i="1" s="1"/>
  <c r="A127466" i="1" s="1"/>
  <c r="A127467" i="1" s="1"/>
  <c r="A127468" i="1" s="1"/>
  <c r="A127469" i="1" s="1"/>
  <c r="A127470" i="1" s="1"/>
  <c r="A127471" i="1" s="1"/>
  <c r="A127472" i="1" s="1"/>
  <c r="A127473" i="1" s="1"/>
  <c r="A127474" i="1" s="1"/>
  <c r="A127475" i="1" s="1"/>
  <c r="A127476" i="1" s="1"/>
  <c r="A127477" i="1" s="1"/>
  <c r="A127478" i="1" s="1"/>
  <c r="A127479" i="1" s="1"/>
  <c r="A127480" i="1" s="1"/>
  <c r="A127481" i="1" s="1"/>
  <c r="A127482" i="1" s="1"/>
  <c r="A127483" i="1" s="1"/>
  <c r="A127484" i="1" s="1"/>
  <c r="A127485" i="1" s="1"/>
  <c r="A127486" i="1" s="1"/>
  <c r="A127487" i="1" s="1"/>
  <c r="A127488" i="1" s="1"/>
  <c r="A127489" i="1" s="1"/>
  <c r="A127490" i="1" s="1"/>
  <c r="A127491" i="1" s="1"/>
  <c r="A127492" i="1" s="1"/>
  <c r="A127493" i="1" s="1"/>
  <c r="A127494" i="1" s="1"/>
  <c r="A127495" i="1" s="1"/>
  <c r="A127496" i="1" s="1"/>
  <c r="A127497" i="1" s="1"/>
  <c r="A127498" i="1" s="1"/>
  <c r="A127499" i="1" s="1"/>
  <c r="A127500" i="1" s="1"/>
  <c r="A127501" i="1" s="1"/>
  <c r="A127502" i="1" s="1"/>
  <c r="A127503" i="1" s="1"/>
  <c r="A127504" i="1" s="1"/>
  <c r="A127505" i="1" s="1"/>
  <c r="A127506" i="1" s="1"/>
  <c r="A127507" i="1" s="1"/>
  <c r="A127508" i="1" s="1"/>
  <c r="A127509" i="1" s="1"/>
  <c r="A127510" i="1" s="1"/>
  <c r="A127511" i="1" s="1"/>
  <c r="A127512" i="1" s="1"/>
  <c r="A127513" i="1" s="1"/>
  <c r="A127514" i="1" s="1"/>
  <c r="A127515" i="1" s="1"/>
  <c r="A127516" i="1" s="1"/>
  <c r="A127517" i="1" s="1"/>
  <c r="A127518" i="1" s="1"/>
  <c r="A127519" i="1" s="1"/>
  <c r="A127520" i="1" s="1"/>
  <c r="A127521" i="1" s="1"/>
  <c r="A127522" i="1" s="1"/>
  <c r="A127523" i="1" s="1"/>
  <c r="A127524" i="1" s="1"/>
  <c r="A127525" i="1" s="1"/>
  <c r="A127526" i="1" s="1"/>
  <c r="A127527" i="1" s="1"/>
  <c r="A127528" i="1" s="1"/>
  <c r="A127529" i="1" s="1"/>
  <c r="A127530" i="1" s="1"/>
  <c r="A127531" i="1" s="1"/>
  <c r="A127532" i="1" s="1"/>
  <c r="A127533" i="1" s="1"/>
  <c r="A127534" i="1" s="1"/>
  <c r="A127535" i="1" s="1"/>
  <c r="A127536" i="1" s="1"/>
  <c r="A127537" i="1" s="1"/>
  <c r="A127538" i="1" s="1"/>
  <c r="A127539" i="1" s="1"/>
  <c r="A127540" i="1" s="1"/>
  <c r="A127541" i="1" s="1"/>
  <c r="A127542" i="1" s="1"/>
  <c r="A127543" i="1" s="1"/>
  <c r="A127544" i="1" s="1"/>
  <c r="A127545" i="1" s="1"/>
  <c r="A127546" i="1" s="1"/>
  <c r="A127547" i="1" s="1"/>
  <c r="A127548" i="1" s="1"/>
  <c r="A127549" i="1" s="1"/>
  <c r="A127550" i="1" s="1"/>
  <c r="A127551" i="1" s="1"/>
  <c r="A127552" i="1" s="1"/>
  <c r="A127553" i="1" s="1"/>
  <c r="A127554" i="1" s="1"/>
  <c r="A127555" i="1" s="1"/>
  <c r="A127556" i="1" s="1"/>
  <c r="A127557" i="1" s="1"/>
  <c r="A127558" i="1" s="1"/>
  <c r="A127559" i="1" s="1"/>
  <c r="A127560" i="1" s="1"/>
  <c r="A127561" i="1" s="1"/>
  <c r="A127562" i="1" s="1"/>
  <c r="A127563" i="1" s="1"/>
  <c r="A127564" i="1" s="1"/>
  <c r="A127565" i="1" s="1"/>
  <c r="A127566" i="1" s="1"/>
  <c r="A127567" i="1" s="1"/>
  <c r="A127568" i="1" s="1"/>
  <c r="A127569" i="1" s="1"/>
  <c r="A127570" i="1" s="1"/>
  <c r="A127571" i="1" s="1"/>
  <c r="A127572" i="1" s="1"/>
  <c r="A127573" i="1" s="1"/>
  <c r="A127574" i="1" s="1"/>
  <c r="A127575" i="1" s="1"/>
  <c r="A127576" i="1" s="1"/>
  <c r="A127577" i="1" s="1"/>
  <c r="A127578" i="1" s="1"/>
  <c r="A127579" i="1" s="1"/>
  <c r="A127580" i="1" s="1"/>
  <c r="A127581" i="1" s="1"/>
  <c r="A127582" i="1" s="1"/>
  <c r="A127583" i="1" s="1"/>
  <c r="A127584" i="1" s="1"/>
  <c r="A127585" i="1" s="1"/>
  <c r="A127586" i="1" s="1"/>
  <c r="A127587" i="1" s="1"/>
  <c r="A127588" i="1" s="1"/>
  <c r="A127589" i="1" s="1"/>
  <c r="A127590" i="1" s="1"/>
  <c r="A127591" i="1" s="1"/>
  <c r="A127592" i="1" s="1"/>
  <c r="A127593" i="1" s="1"/>
  <c r="A127594" i="1" s="1"/>
  <c r="A127595" i="1" s="1"/>
  <c r="A127596" i="1" s="1"/>
  <c r="A127597" i="1" s="1"/>
  <c r="A127598" i="1" s="1"/>
  <c r="A127599" i="1" s="1"/>
  <c r="A127600" i="1" s="1"/>
  <c r="A127601" i="1" s="1"/>
  <c r="A127602" i="1" s="1"/>
  <c r="A127603" i="1" s="1"/>
  <c r="A127604" i="1" s="1"/>
  <c r="A127605" i="1" s="1"/>
  <c r="A127606" i="1" s="1"/>
  <c r="A127607" i="1" s="1"/>
  <c r="A127608" i="1" s="1"/>
  <c r="A127609" i="1" s="1"/>
  <c r="A127610" i="1" s="1"/>
  <c r="A127611" i="1" s="1"/>
  <c r="A127612" i="1" s="1"/>
  <c r="A127613" i="1" s="1"/>
  <c r="A127614" i="1" s="1"/>
  <c r="A127615" i="1" s="1"/>
  <c r="A127616" i="1" s="1"/>
  <c r="A127617" i="1" s="1"/>
  <c r="A127618" i="1" s="1"/>
  <c r="A127619" i="1" s="1"/>
  <c r="A127620" i="1" s="1"/>
  <c r="A127621" i="1" s="1"/>
  <c r="A127622" i="1" s="1"/>
  <c r="A127623" i="1" s="1"/>
  <c r="A127624" i="1" s="1"/>
  <c r="A127625" i="1" s="1"/>
  <c r="A127626" i="1" s="1"/>
  <c r="A127627" i="1" s="1"/>
  <c r="A127628" i="1" s="1"/>
  <c r="A127629" i="1" s="1"/>
  <c r="A127630" i="1" s="1"/>
  <c r="A127631" i="1" s="1"/>
  <c r="A127632" i="1" s="1"/>
  <c r="A127633" i="1" s="1"/>
  <c r="A127634" i="1" s="1"/>
  <c r="A127635" i="1" s="1"/>
  <c r="A127636" i="1" s="1"/>
  <c r="A127637" i="1" s="1"/>
  <c r="A127638" i="1" s="1"/>
  <c r="A127639" i="1" s="1"/>
  <c r="A127640" i="1" s="1"/>
  <c r="A127641" i="1" s="1"/>
  <c r="A127642" i="1" s="1"/>
  <c r="A127643" i="1" s="1"/>
  <c r="A127644" i="1" s="1"/>
  <c r="A127645" i="1" s="1"/>
  <c r="A127646" i="1" s="1"/>
  <c r="A127647" i="1" s="1"/>
  <c r="A127648" i="1" s="1"/>
  <c r="A127649" i="1" s="1"/>
  <c r="A127650" i="1" s="1"/>
  <c r="A127651" i="1" s="1"/>
  <c r="A127652" i="1" s="1"/>
  <c r="A127653" i="1" s="1"/>
  <c r="A127654" i="1" s="1"/>
  <c r="A127655" i="1" s="1"/>
  <c r="A127656" i="1" s="1"/>
  <c r="A127657" i="1" s="1"/>
  <c r="A127658" i="1" s="1"/>
  <c r="A127659" i="1" s="1"/>
  <c r="A127660" i="1" s="1"/>
  <c r="A127661" i="1" s="1"/>
  <c r="A127662" i="1" s="1"/>
  <c r="A127663" i="1" s="1"/>
  <c r="A127664" i="1" s="1"/>
  <c r="A127665" i="1" s="1"/>
  <c r="A127666" i="1" s="1"/>
  <c r="A127667" i="1" s="1"/>
  <c r="A127668" i="1" s="1"/>
  <c r="A127669" i="1" s="1"/>
  <c r="A127670" i="1" s="1"/>
  <c r="A127671" i="1" s="1"/>
  <c r="A127672" i="1" s="1"/>
  <c r="A127673" i="1" s="1"/>
  <c r="A127674" i="1" s="1"/>
  <c r="A127675" i="1" s="1"/>
  <c r="A127676" i="1" s="1"/>
  <c r="A127677" i="1" s="1"/>
  <c r="A127678" i="1" s="1"/>
  <c r="A127679" i="1" s="1"/>
  <c r="A127680" i="1" s="1"/>
  <c r="A127681" i="1" s="1"/>
  <c r="A127682" i="1" s="1"/>
  <c r="A127683" i="1" s="1"/>
  <c r="A127684" i="1" s="1"/>
  <c r="A127685" i="1" s="1"/>
  <c r="A127686" i="1" s="1"/>
  <c r="A127687" i="1" s="1"/>
  <c r="A127688" i="1" s="1"/>
  <c r="A127689" i="1" s="1"/>
  <c r="A127690" i="1" s="1"/>
  <c r="A127691" i="1" s="1"/>
  <c r="A127692" i="1" s="1"/>
  <c r="A127693" i="1" s="1"/>
  <c r="A127694" i="1" s="1"/>
  <c r="A127695" i="1" s="1"/>
  <c r="A127696" i="1" s="1"/>
  <c r="A127697" i="1" s="1"/>
  <c r="A127698" i="1" s="1"/>
  <c r="A127699" i="1" s="1"/>
  <c r="A127700" i="1" s="1"/>
  <c r="A127701" i="1" s="1"/>
  <c r="A127702" i="1" s="1"/>
  <c r="A127703" i="1" s="1"/>
  <c r="A127704" i="1" s="1"/>
  <c r="A127705" i="1" s="1"/>
  <c r="A127706" i="1" s="1"/>
  <c r="A127707" i="1" s="1"/>
  <c r="A127708" i="1" s="1"/>
  <c r="A127709" i="1" s="1"/>
  <c r="A127710" i="1" s="1"/>
  <c r="A127711" i="1" s="1"/>
  <c r="A127712" i="1" s="1"/>
  <c r="A127713" i="1" s="1"/>
  <c r="A127714" i="1" s="1"/>
  <c r="A127715" i="1" s="1"/>
  <c r="A127716" i="1" s="1"/>
  <c r="A127717" i="1" s="1"/>
  <c r="A127718" i="1" s="1"/>
  <c r="A127719" i="1" s="1"/>
  <c r="A127720" i="1" s="1"/>
  <c r="A127721" i="1" s="1"/>
  <c r="A127722" i="1" s="1"/>
  <c r="A127723" i="1" s="1"/>
  <c r="A127724" i="1" s="1"/>
  <c r="A127725" i="1" s="1"/>
  <c r="A127726" i="1" s="1"/>
  <c r="A127727" i="1" s="1"/>
  <c r="A127728" i="1" s="1"/>
  <c r="A127729" i="1" s="1"/>
  <c r="A127730" i="1" s="1"/>
  <c r="A127731" i="1" s="1"/>
  <c r="A127732" i="1" s="1"/>
  <c r="A127733" i="1" s="1"/>
  <c r="A127734" i="1" s="1"/>
  <c r="A127735" i="1" s="1"/>
  <c r="A127736" i="1" s="1"/>
  <c r="A127737" i="1" s="1"/>
  <c r="A127738" i="1" s="1"/>
  <c r="A127739" i="1" s="1"/>
  <c r="A127740" i="1" s="1"/>
  <c r="A127741" i="1" s="1"/>
  <c r="A127742" i="1" s="1"/>
  <c r="A127743" i="1" s="1"/>
  <c r="A127744" i="1" s="1"/>
  <c r="A127745" i="1" s="1"/>
  <c r="A127746" i="1" s="1"/>
  <c r="A127747" i="1" s="1"/>
  <c r="A127748" i="1" s="1"/>
  <c r="A127749" i="1" s="1"/>
  <c r="A127750" i="1" s="1"/>
  <c r="A127751" i="1" s="1"/>
  <c r="A127752" i="1" s="1"/>
  <c r="A127753" i="1" s="1"/>
  <c r="A127754" i="1" s="1"/>
  <c r="A127755" i="1" s="1"/>
  <c r="A127756" i="1" s="1"/>
  <c r="A127757" i="1" s="1"/>
  <c r="A127758" i="1" s="1"/>
  <c r="A127759" i="1" s="1"/>
  <c r="A127760" i="1" s="1"/>
  <c r="A127761" i="1" s="1"/>
  <c r="A127762" i="1" s="1"/>
  <c r="A127763" i="1" s="1"/>
  <c r="A127764" i="1" s="1"/>
  <c r="A127765" i="1" s="1"/>
  <c r="A127766" i="1" s="1"/>
  <c r="A127767" i="1" s="1"/>
  <c r="A127768" i="1" s="1"/>
  <c r="A127769" i="1" s="1"/>
  <c r="A127770" i="1" s="1"/>
  <c r="A127771" i="1" s="1"/>
  <c r="A127772" i="1" s="1"/>
  <c r="A127773" i="1" s="1"/>
  <c r="A127774" i="1" s="1"/>
  <c r="A127775" i="1" s="1"/>
  <c r="A127776" i="1" s="1"/>
  <c r="A127777" i="1" s="1"/>
  <c r="A127778" i="1" s="1"/>
  <c r="A127779" i="1" s="1"/>
  <c r="A127780" i="1" s="1"/>
  <c r="A127781" i="1" s="1"/>
  <c r="A127782" i="1" s="1"/>
  <c r="A127783" i="1" s="1"/>
  <c r="A127784" i="1" s="1"/>
  <c r="A127785" i="1" s="1"/>
  <c r="A127786" i="1" s="1"/>
  <c r="A127787" i="1" s="1"/>
  <c r="A127788" i="1" s="1"/>
  <c r="A127789" i="1" s="1"/>
  <c r="A127790" i="1" s="1"/>
  <c r="A127791" i="1" s="1"/>
  <c r="A127792" i="1" s="1"/>
  <c r="A127793" i="1" s="1"/>
  <c r="A127794" i="1" s="1"/>
  <c r="A127795" i="1" s="1"/>
  <c r="A127796" i="1" s="1"/>
  <c r="A127797" i="1" s="1"/>
  <c r="A127798" i="1" s="1"/>
  <c r="A127799" i="1" s="1"/>
  <c r="A127800" i="1" s="1"/>
  <c r="A127801" i="1" s="1"/>
  <c r="A127802" i="1" s="1"/>
  <c r="A127803" i="1" s="1"/>
  <c r="A127804" i="1" s="1"/>
  <c r="A127805" i="1" s="1"/>
  <c r="A127806" i="1" s="1"/>
  <c r="A127807" i="1" s="1"/>
  <c r="A127808" i="1" s="1"/>
  <c r="A127809" i="1" s="1"/>
  <c r="A127810" i="1" s="1"/>
  <c r="A127811" i="1" s="1"/>
  <c r="A127812" i="1" s="1"/>
  <c r="A127813" i="1" s="1"/>
  <c r="A127814" i="1" s="1"/>
  <c r="A127815" i="1" s="1"/>
  <c r="A127816" i="1" s="1"/>
  <c r="A127817" i="1" s="1"/>
  <c r="A127818" i="1" s="1"/>
  <c r="A127819" i="1" s="1"/>
  <c r="A127820" i="1" s="1"/>
  <c r="A127821" i="1" s="1"/>
  <c r="A127822" i="1" s="1"/>
  <c r="A127823" i="1" s="1"/>
  <c r="A127824" i="1" s="1"/>
  <c r="A127825" i="1" s="1"/>
  <c r="A127826" i="1" s="1"/>
  <c r="A127827" i="1" s="1"/>
  <c r="A127828" i="1" s="1"/>
  <c r="A127829" i="1" s="1"/>
  <c r="A127830" i="1" s="1"/>
  <c r="A127831" i="1" s="1"/>
  <c r="A127832" i="1" s="1"/>
  <c r="A127833" i="1" s="1"/>
  <c r="A127834" i="1" s="1"/>
  <c r="A127835" i="1" s="1"/>
  <c r="A127836" i="1" s="1"/>
  <c r="A127837" i="1" s="1"/>
  <c r="A127838" i="1" s="1"/>
  <c r="A127839" i="1" s="1"/>
  <c r="A127840" i="1" s="1"/>
  <c r="A127841" i="1" s="1"/>
  <c r="A127842" i="1" s="1"/>
  <c r="A127843" i="1" s="1"/>
  <c r="A127844" i="1" s="1"/>
  <c r="A127845" i="1" s="1"/>
  <c r="A127846" i="1" s="1"/>
  <c r="A127847" i="1" s="1"/>
  <c r="A127848" i="1" s="1"/>
  <c r="A127849" i="1" s="1"/>
  <c r="A127850" i="1" s="1"/>
  <c r="A127851" i="1" s="1"/>
  <c r="A127852" i="1" s="1"/>
  <c r="A127853" i="1" s="1"/>
  <c r="A127854" i="1" s="1"/>
  <c r="A127855" i="1" s="1"/>
  <c r="A127856" i="1" s="1"/>
  <c r="A127857" i="1" s="1"/>
  <c r="A127858" i="1" s="1"/>
  <c r="A127859" i="1" s="1"/>
  <c r="A127860" i="1" s="1"/>
  <c r="A127861" i="1" s="1"/>
  <c r="A127862" i="1" s="1"/>
  <c r="A127863" i="1" s="1"/>
  <c r="A127864" i="1" s="1"/>
  <c r="A127865" i="1" s="1"/>
  <c r="A127866" i="1" s="1"/>
  <c r="A127867" i="1" s="1"/>
  <c r="A127868" i="1" s="1"/>
  <c r="A127869" i="1" s="1"/>
  <c r="A127870" i="1" s="1"/>
  <c r="A127871" i="1" s="1"/>
  <c r="A127872" i="1" s="1"/>
  <c r="A127873" i="1" s="1"/>
  <c r="A127874" i="1" s="1"/>
  <c r="A127875" i="1" s="1"/>
  <c r="A127876" i="1" s="1"/>
  <c r="A127877" i="1" s="1"/>
  <c r="A127878" i="1" s="1"/>
  <c r="A127879" i="1" s="1"/>
  <c r="A127880" i="1" s="1"/>
  <c r="A127881" i="1" s="1"/>
  <c r="A127882" i="1" s="1"/>
  <c r="A127883" i="1" s="1"/>
  <c r="A127884" i="1" s="1"/>
  <c r="A127885" i="1" s="1"/>
  <c r="A127886" i="1" s="1"/>
  <c r="A127887" i="1" s="1"/>
  <c r="A127888" i="1" s="1"/>
  <c r="A127889" i="1" s="1"/>
  <c r="A127890" i="1" s="1"/>
  <c r="A127891" i="1" s="1"/>
  <c r="A127892" i="1" s="1"/>
  <c r="A127893" i="1" s="1"/>
  <c r="A127894" i="1" s="1"/>
  <c r="A127895" i="1" s="1"/>
  <c r="A127896" i="1" s="1"/>
  <c r="A127897" i="1" s="1"/>
  <c r="A127898" i="1" s="1"/>
  <c r="A127899" i="1" s="1"/>
  <c r="A127900" i="1" s="1"/>
  <c r="A127901" i="1" s="1"/>
  <c r="A127902" i="1" s="1"/>
  <c r="A127903" i="1" s="1"/>
  <c r="A127904" i="1" s="1"/>
  <c r="A127905" i="1" s="1"/>
  <c r="A127906" i="1" s="1"/>
  <c r="A127907" i="1" s="1"/>
  <c r="A127908" i="1" s="1"/>
  <c r="A127909" i="1" s="1"/>
  <c r="A127910" i="1" s="1"/>
  <c r="A127911" i="1" s="1"/>
  <c r="A127912" i="1" s="1"/>
  <c r="A127913" i="1" s="1"/>
  <c r="A127914" i="1" s="1"/>
  <c r="A127915" i="1" s="1"/>
  <c r="A127916" i="1" s="1"/>
  <c r="A127917" i="1" s="1"/>
  <c r="A127918" i="1" s="1"/>
  <c r="A127919" i="1" s="1"/>
  <c r="A127920" i="1" s="1"/>
  <c r="A127921" i="1" s="1"/>
  <c r="A127922" i="1" s="1"/>
  <c r="A127923" i="1" s="1"/>
  <c r="A127924" i="1" s="1"/>
  <c r="A127925" i="1" s="1"/>
  <c r="A127926" i="1" s="1"/>
  <c r="A127927" i="1" s="1"/>
  <c r="A127928" i="1" s="1"/>
  <c r="A127929" i="1" s="1"/>
  <c r="A127930" i="1" s="1"/>
  <c r="A127931" i="1" s="1"/>
  <c r="A127932" i="1" s="1"/>
  <c r="A127933" i="1" s="1"/>
  <c r="A127934" i="1" s="1"/>
  <c r="A127935" i="1" s="1"/>
  <c r="A127936" i="1" s="1"/>
  <c r="A127937" i="1" s="1"/>
  <c r="A127938" i="1" s="1"/>
  <c r="A127939" i="1" s="1"/>
  <c r="A127940" i="1" s="1"/>
  <c r="A127941" i="1" s="1"/>
  <c r="A127942" i="1" s="1"/>
  <c r="A127943" i="1" s="1"/>
  <c r="A127944" i="1" s="1"/>
  <c r="A127945" i="1" s="1"/>
  <c r="A127946" i="1" s="1"/>
  <c r="A127947" i="1" s="1"/>
  <c r="A127948" i="1" s="1"/>
  <c r="A127949" i="1" s="1"/>
  <c r="A127950" i="1" s="1"/>
  <c r="A127951" i="1" s="1"/>
  <c r="A127952" i="1" s="1"/>
  <c r="A127953" i="1" s="1"/>
  <c r="A127954" i="1" s="1"/>
  <c r="A127955" i="1" s="1"/>
  <c r="A127956" i="1" s="1"/>
  <c r="A127957" i="1" s="1"/>
  <c r="A127958" i="1" s="1"/>
  <c r="A127959" i="1" s="1"/>
  <c r="A127960" i="1" s="1"/>
  <c r="A127961" i="1" s="1"/>
  <c r="A127962" i="1" s="1"/>
  <c r="A127963" i="1" s="1"/>
  <c r="A127964" i="1" s="1"/>
  <c r="A127965" i="1" s="1"/>
  <c r="A127966" i="1" s="1"/>
  <c r="A127967" i="1" s="1"/>
  <c r="A127968" i="1" s="1"/>
  <c r="A127969" i="1" s="1"/>
  <c r="A127970" i="1" s="1"/>
  <c r="A127971" i="1" s="1"/>
  <c r="A127972" i="1" s="1"/>
  <c r="A127973" i="1" s="1"/>
  <c r="A127974" i="1" s="1"/>
  <c r="A127975" i="1" s="1"/>
  <c r="A127976" i="1" s="1"/>
  <c r="A127977" i="1" s="1"/>
  <c r="A127978" i="1" s="1"/>
  <c r="A127979" i="1" s="1"/>
  <c r="A127980" i="1" s="1"/>
  <c r="A127981" i="1" s="1"/>
  <c r="A127982" i="1" s="1"/>
  <c r="A127983" i="1" s="1"/>
  <c r="A127984" i="1" s="1"/>
  <c r="A127985" i="1" s="1"/>
  <c r="A127986" i="1" s="1"/>
  <c r="A127987" i="1" s="1"/>
  <c r="A127988" i="1" s="1"/>
  <c r="A127989" i="1" s="1"/>
  <c r="A127990" i="1" s="1"/>
  <c r="A127991" i="1" s="1"/>
  <c r="A127992" i="1" s="1"/>
  <c r="A127993" i="1" s="1"/>
  <c r="A127994" i="1" s="1"/>
  <c r="A127995" i="1" s="1"/>
  <c r="A127996" i="1" s="1"/>
  <c r="A127997" i="1" s="1"/>
  <c r="A127998" i="1" s="1"/>
  <c r="A127999" i="1" s="1"/>
  <c r="A128000" i="1" s="1"/>
  <c r="A128001" i="1" s="1"/>
  <c r="A128002" i="1" s="1"/>
  <c r="A128003" i="1" s="1"/>
  <c r="A128004" i="1" s="1"/>
  <c r="A128005" i="1" s="1"/>
  <c r="A128006" i="1" s="1"/>
  <c r="A128007" i="1" s="1"/>
  <c r="A128008" i="1" s="1"/>
  <c r="A128009" i="1" s="1"/>
  <c r="A128010" i="1" s="1"/>
  <c r="A128011" i="1" s="1"/>
  <c r="A128012" i="1" s="1"/>
  <c r="A128013" i="1" s="1"/>
  <c r="A128014" i="1" s="1"/>
  <c r="A128015" i="1" s="1"/>
  <c r="A128016" i="1" s="1"/>
  <c r="A128017" i="1" s="1"/>
  <c r="A128018" i="1" s="1"/>
  <c r="A128019" i="1" s="1"/>
  <c r="A128020" i="1" s="1"/>
  <c r="A128021" i="1" s="1"/>
  <c r="A128022" i="1" s="1"/>
  <c r="A128023" i="1" s="1"/>
  <c r="A128024" i="1" s="1"/>
  <c r="A128025" i="1" s="1"/>
  <c r="A128026" i="1" s="1"/>
  <c r="A128027" i="1" s="1"/>
  <c r="A128028" i="1" s="1"/>
  <c r="A128029" i="1" s="1"/>
  <c r="A128030" i="1" s="1"/>
  <c r="A128031" i="1" s="1"/>
  <c r="A128032" i="1" s="1"/>
  <c r="A128033" i="1" s="1"/>
  <c r="A128034" i="1" s="1"/>
  <c r="A128035" i="1" s="1"/>
  <c r="A128036" i="1" s="1"/>
  <c r="A128037" i="1" s="1"/>
  <c r="A128038" i="1" s="1"/>
  <c r="A128039" i="1" s="1"/>
  <c r="A128040" i="1" s="1"/>
  <c r="A128041" i="1" s="1"/>
  <c r="A128042" i="1" s="1"/>
  <c r="A128043" i="1" s="1"/>
  <c r="A128044" i="1" s="1"/>
  <c r="A128045" i="1" s="1"/>
  <c r="A128046" i="1" s="1"/>
  <c r="A128047" i="1" s="1"/>
  <c r="A128048" i="1" s="1"/>
  <c r="A128049" i="1" s="1"/>
  <c r="A128050" i="1" s="1"/>
  <c r="A128051" i="1" s="1"/>
  <c r="A128052" i="1" s="1"/>
  <c r="A128053" i="1" s="1"/>
  <c r="A128054" i="1" s="1"/>
  <c r="A128055" i="1" s="1"/>
  <c r="A128056" i="1" s="1"/>
  <c r="A128057" i="1" s="1"/>
  <c r="A128058" i="1" s="1"/>
  <c r="A128059" i="1" s="1"/>
  <c r="A128060" i="1" s="1"/>
  <c r="A128061" i="1" s="1"/>
  <c r="A128062" i="1" s="1"/>
  <c r="A128063" i="1" s="1"/>
  <c r="A128064" i="1" s="1"/>
  <c r="A128065" i="1" s="1"/>
  <c r="A128066" i="1" s="1"/>
  <c r="A128067" i="1" s="1"/>
  <c r="A128068" i="1" s="1"/>
  <c r="A128069" i="1" s="1"/>
  <c r="A128070" i="1" s="1"/>
  <c r="A128071" i="1" s="1"/>
  <c r="A128072" i="1" s="1"/>
  <c r="A128073" i="1" s="1"/>
  <c r="A128074" i="1" s="1"/>
  <c r="A128075" i="1" s="1"/>
  <c r="A128076" i="1" s="1"/>
  <c r="A128077" i="1" s="1"/>
  <c r="A128078" i="1" s="1"/>
  <c r="A128079" i="1" s="1"/>
  <c r="A128080" i="1" s="1"/>
  <c r="A128081" i="1" s="1"/>
  <c r="A128082" i="1" s="1"/>
  <c r="A128083" i="1" s="1"/>
  <c r="A128084" i="1" s="1"/>
  <c r="A128085" i="1" s="1"/>
  <c r="A128086" i="1" s="1"/>
  <c r="A128087" i="1" s="1"/>
  <c r="A128088" i="1" s="1"/>
  <c r="A128089" i="1" s="1"/>
  <c r="A128090" i="1" s="1"/>
  <c r="A128091" i="1" s="1"/>
  <c r="A128092" i="1" s="1"/>
  <c r="A128093" i="1" s="1"/>
  <c r="A128094" i="1" s="1"/>
  <c r="A128095" i="1" s="1"/>
  <c r="A128096" i="1" s="1"/>
  <c r="A128097" i="1" s="1"/>
  <c r="A128098" i="1" s="1"/>
  <c r="A128099" i="1" s="1"/>
  <c r="A128100" i="1" s="1"/>
  <c r="A128101" i="1" s="1"/>
  <c r="A128102" i="1" s="1"/>
  <c r="A128103" i="1" s="1"/>
  <c r="A128104" i="1" s="1"/>
  <c r="A128105" i="1" s="1"/>
  <c r="A128106" i="1" s="1"/>
  <c r="A128107" i="1" s="1"/>
  <c r="A128108" i="1" s="1"/>
  <c r="A128109" i="1" s="1"/>
  <c r="A128110" i="1" s="1"/>
  <c r="A128111" i="1" s="1"/>
  <c r="A128112" i="1" s="1"/>
  <c r="A128113" i="1" s="1"/>
  <c r="A128114" i="1" s="1"/>
  <c r="A128115" i="1" s="1"/>
  <c r="A128116" i="1" s="1"/>
  <c r="A128117" i="1" s="1"/>
  <c r="A128118" i="1" s="1"/>
  <c r="A128119" i="1" s="1"/>
  <c r="A128120" i="1" s="1"/>
  <c r="A128121" i="1" s="1"/>
  <c r="A128122" i="1" s="1"/>
  <c r="A128123" i="1" s="1"/>
  <c r="A128124" i="1" s="1"/>
  <c r="A128125" i="1" s="1"/>
  <c r="A128126" i="1" s="1"/>
  <c r="A128127" i="1" s="1"/>
  <c r="A128128" i="1" s="1"/>
  <c r="A128129" i="1" s="1"/>
  <c r="A128130" i="1" s="1"/>
  <c r="A128131" i="1" s="1"/>
  <c r="A128132" i="1" s="1"/>
  <c r="A128133" i="1" s="1"/>
  <c r="A128134" i="1" s="1"/>
  <c r="A128135" i="1" s="1"/>
  <c r="A128136" i="1" s="1"/>
  <c r="A128137" i="1" s="1"/>
  <c r="A128138" i="1" s="1"/>
  <c r="A128139" i="1" s="1"/>
  <c r="A128140" i="1" s="1"/>
  <c r="A128141" i="1" s="1"/>
  <c r="A128142" i="1" s="1"/>
  <c r="A128143" i="1" s="1"/>
  <c r="A128144" i="1" s="1"/>
  <c r="A128145" i="1" s="1"/>
  <c r="A128146" i="1" s="1"/>
  <c r="A128147" i="1" s="1"/>
  <c r="A128148" i="1" s="1"/>
  <c r="A128149" i="1" s="1"/>
  <c r="A128150" i="1" s="1"/>
  <c r="A128151" i="1" s="1"/>
  <c r="A128152" i="1" s="1"/>
  <c r="A128153" i="1" s="1"/>
  <c r="A128154" i="1" s="1"/>
  <c r="A128155" i="1" s="1"/>
  <c r="A128156" i="1" s="1"/>
  <c r="A128157" i="1" s="1"/>
  <c r="A128158" i="1" s="1"/>
  <c r="A128159" i="1" s="1"/>
  <c r="A128160" i="1" s="1"/>
  <c r="A128161" i="1" s="1"/>
  <c r="A128162" i="1" s="1"/>
  <c r="A128163" i="1" s="1"/>
  <c r="A128164" i="1" s="1"/>
  <c r="A128165" i="1" s="1"/>
  <c r="A128166" i="1" s="1"/>
  <c r="A128167" i="1" s="1"/>
  <c r="A128168" i="1" s="1"/>
  <c r="A128169" i="1" s="1"/>
  <c r="A128170" i="1" s="1"/>
  <c r="A128171" i="1" s="1"/>
  <c r="A128172" i="1" s="1"/>
  <c r="A128173" i="1" s="1"/>
  <c r="A128174" i="1" s="1"/>
  <c r="A128175" i="1" s="1"/>
  <c r="A128176" i="1" s="1"/>
  <c r="A128177" i="1" s="1"/>
  <c r="A128178" i="1" s="1"/>
  <c r="A128179" i="1" s="1"/>
  <c r="A128180" i="1" s="1"/>
  <c r="A128181" i="1" s="1"/>
  <c r="A128182" i="1" s="1"/>
  <c r="A128183" i="1" s="1"/>
  <c r="A128184" i="1" s="1"/>
  <c r="A128185" i="1" s="1"/>
  <c r="A128186" i="1" s="1"/>
  <c r="A128187" i="1" s="1"/>
  <c r="A128188" i="1" s="1"/>
  <c r="A128189" i="1" s="1"/>
  <c r="A128190" i="1" s="1"/>
  <c r="A128191" i="1" s="1"/>
  <c r="A128192" i="1" s="1"/>
  <c r="A128193" i="1" s="1"/>
  <c r="A128194" i="1" s="1"/>
  <c r="A128195" i="1" s="1"/>
  <c r="A128196" i="1" s="1"/>
  <c r="A128197" i="1" s="1"/>
  <c r="A128198" i="1" s="1"/>
  <c r="A128199" i="1" s="1"/>
  <c r="A128200" i="1" s="1"/>
  <c r="A128201" i="1" s="1"/>
  <c r="A128202" i="1" s="1"/>
  <c r="A128203" i="1" s="1"/>
  <c r="A128204" i="1" s="1"/>
  <c r="A128205" i="1" s="1"/>
  <c r="A128206" i="1" s="1"/>
  <c r="A128207" i="1" s="1"/>
  <c r="A128208" i="1" s="1"/>
  <c r="A128209" i="1" s="1"/>
  <c r="A128210" i="1" s="1"/>
  <c r="A128211" i="1" s="1"/>
  <c r="A128212" i="1" s="1"/>
  <c r="A128213" i="1" s="1"/>
  <c r="A128214" i="1" s="1"/>
  <c r="A128215" i="1" s="1"/>
  <c r="A128216" i="1" s="1"/>
  <c r="A128217" i="1" s="1"/>
  <c r="A128218" i="1" s="1"/>
  <c r="A128219" i="1" s="1"/>
  <c r="A128220" i="1" s="1"/>
  <c r="A128221" i="1" s="1"/>
  <c r="A128222" i="1" s="1"/>
  <c r="A128223" i="1" s="1"/>
  <c r="A128224" i="1" s="1"/>
  <c r="A128225" i="1" s="1"/>
  <c r="A128226" i="1" s="1"/>
  <c r="A128227" i="1" s="1"/>
  <c r="A128228" i="1" s="1"/>
  <c r="A128229" i="1" s="1"/>
  <c r="A128230" i="1" s="1"/>
  <c r="A128231" i="1" s="1"/>
  <c r="A128232" i="1" s="1"/>
  <c r="A128233" i="1" s="1"/>
  <c r="A128234" i="1" s="1"/>
  <c r="A128235" i="1" s="1"/>
  <c r="A128236" i="1" s="1"/>
  <c r="A128237" i="1" s="1"/>
  <c r="A128238" i="1" s="1"/>
  <c r="A128239" i="1" s="1"/>
  <c r="A128240" i="1" s="1"/>
  <c r="A128241" i="1" s="1"/>
  <c r="A128242" i="1" s="1"/>
  <c r="A128243" i="1" s="1"/>
  <c r="A128244" i="1" s="1"/>
  <c r="A128245" i="1" s="1"/>
  <c r="A128246" i="1" s="1"/>
  <c r="A128247" i="1" s="1"/>
  <c r="A128248" i="1" s="1"/>
  <c r="A128249" i="1" s="1"/>
  <c r="A128250" i="1" s="1"/>
  <c r="A128251" i="1" s="1"/>
  <c r="A128252" i="1" s="1"/>
  <c r="A128253" i="1" s="1"/>
  <c r="A128254" i="1" s="1"/>
  <c r="A128255" i="1" s="1"/>
  <c r="A128256" i="1" s="1"/>
  <c r="A128257" i="1" s="1"/>
  <c r="A128258" i="1" s="1"/>
  <c r="A128259" i="1" s="1"/>
  <c r="A128260" i="1" s="1"/>
  <c r="A128261" i="1" s="1"/>
  <c r="A128262" i="1" s="1"/>
  <c r="A128263" i="1" s="1"/>
  <c r="A128264" i="1" s="1"/>
  <c r="A128265" i="1" s="1"/>
  <c r="A128266" i="1" s="1"/>
  <c r="A128267" i="1" s="1"/>
  <c r="A128268" i="1" s="1"/>
  <c r="A128269" i="1" s="1"/>
  <c r="A128270" i="1" s="1"/>
  <c r="A128271" i="1" s="1"/>
  <c r="A128272" i="1" s="1"/>
  <c r="A128273" i="1" s="1"/>
  <c r="A128274" i="1" s="1"/>
  <c r="A128275" i="1" s="1"/>
  <c r="A128276" i="1" s="1"/>
  <c r="A128277" i="1" s="1"/>
  <c r="A128278" i="1" s="1"/>
  <c r="A128279" i="1" s="1"/>
  <c r="A128280" i="1" s="1"/>
  <c r="A128281" i="1" s="1"/>
  <c r="A128282" i="1" s="1"/>
  <c r="A128283" i="1" s="1"/>
  <c r="A128284" i="1" s="1"/>
  <c r="A128285" i="1" s="1"/>
  <c r="A128286" i="1" s="1"/>
  <c r="A128287" i="1" s="1"/>
  <c r="A128288" i="1" s="1"/>
  <c r="A128289" i="1" s="1"/>
  <c r="A128290" i="1" s="1"/>
  <c r="A128291" i="1" s="1"/>
  <c r="A128292" i="1" s="1"/>
  <c r="A128293" i="1" s="1"/>
  <c r="A128294" i="1" s="1"/>
  <c r="A128295" i="1" s="1"/>
  <c r="A128296" i="1" s="1"/>
  <c r="A128297" i="1" s="1"/>
  <c r="A128298" i="1" s="1"/>
  <c r="A128299" i="1" s="1"/>
  <c r="A128300" i="1" s="1"/>
  <c r="A128301" i="1" s="1"/>
  <c r="A128302" i="1" s="1"/>
  <c r="A128303" i="1" s="1"/>
  <c r="A128304" i="1" s="1"/>
  <c r="A128305" i="1" s="1"/>
  <c r="A128306" i="1" s="1"/>
  <c r="A128307" i="1" s="1"/>
  <c r="A128308" i="1" s="1"/>
  <c r="A128309" i="1" s="1"/>
  <c r="A128310" i="1" s="1"/>
  <c r="A128311" i="1" s="1"/>
  <c r="A128312" i="1" s="1"/>
  <c r="A128313" i="1" s="1"/>
  <c r="A128314" i="1" s="1"/>
  <c r="A128315" i="1" s="1"/>
  <c r="A128316" i="1" s="1"/>
  <c r="A128317" i="1" s="1"/>
  <c r="A128318" i="1" s="1"/>
  <c r="A128319" i="1" s="1"/>
  <c r="A128320" i="1" s="1"/>
  <c r="A128321" i="1" s="1"/>
  <c r="A128322" i="1" s="1"/>
  <c r="A128323" i="1" s="1"/>
  <c r="A128324" i="1" s="1"/>
  <c r="A128325" i="1" s="1"/>
  <c r="A128326" i="1" s="1"/>
  <c r="A128327" i="1" s="1"/>
  <c r="A128328" i="1" s="1"/>
  <c r="A128329" i="1" s="1"/>
  <c r="A128330" i="1" s="1"/>
  <c r="A128331" i="1" s="1"/>
  <c r="A128332" i="1" s="1"/>
  <c r="A128333" i="1" s="1"/>
  <c r="A128334" i="1" s="1"/>
  <c r="A128335" i="1" s="1"/>
  <c r="A128336" i="1" s="1"/>
  <c r="A128337" i="1" s="1"/>
  <c r="A128338" i="1" s="1"/>
  <c r="A128339" i="1" s="1"/>
  <c r="A128340" i="1" s="1"/>
  <c r="A128341" i="1" s="1"/>
  <c r="A128342" i="1" s="1"/>
  <c r="A128343" i="1" s="1"/>
  <c r="A128344" i="1" s="1"/>
  <c r="A128345" i="1" s="1"/>
  <c r="A128346" i="1" s="1"/>
  <c r="A128347" i="1" s="1"/>
  <c r="A128348" i="1" s="1"/>
  <c r="A128349" i="1" s="1"/>
  <c r="A128350" i="1" s="1"/>
  <c r="A128351" i="1" s="1"/>
  <c r="A128352" i="1" s="1"/>
  <c r="A128353" i="1" s="1"/>
  <c r="A128354" i="1" s="1"/>
  <c r="A128355" i="1" s="1"/>
  <c r="A128356" i="1" s="1"/>
  <c r="A128357" i="1" s="1"/>
  <c r="A128358" i="1" s="1"/>
  <c r="A128359" i="1" s="1"/>
  <c r="A128360" i="1" s="1"/>
  <c r="A128361" i="1" s="1"/>
  <c r="A128362" i="1" s="1"/>
  <c r="A128363" i="1" s="1"/>
  <c r="A128364" i="1" s="1"/>
  <c r="A128365" i="1" s="1"/>
  <c r="A128366" i="1" s="1"/>
  <c r="A128367" i="1" s="1"/>
  <c r="A128368" i="1" s="1"/>
  <c r="A128369" i="1" s="1"/>
  <c r="A128370" i="1" s="1"/>
  <c r="A128371" i="1" s="1"/>
  <c r="A128372" i="1" s="1"/>
  <c r="A128373" i="1" s="1"/>
  <c r="A128374" i="1" s="1"/>
  <c r="A128375" i="1" s="1"/>
  <c r="A128376" i="1" s="1"/>
  <c r="A128377" i="1" s="1"/>
  <c r="A128378" i="1" s="1"/>
  <c r="A128379" i="1" s="1"/>
  <c r="A128380" i="1" s="1"/>
  <c r="A128381" i="1" s="1"/>
  <c r="A128382" i="1" s="1"/>
  <c r="A128383" i="1" s="1"/>
  <c r="A128384" i="1" s="1"/>
  <c r="A128385" i="1" s="1"/>
  <c r="A128386" i="1" s="1"/>
  <c r="A128387" i="1" s="1"/>
  <c r="A128388" i="1" s="1"/>
  <c r="A128389" i="1" s="1"/>
  <c r="A128390" i="1" s="1"/>
  <c r="A128391" i="1" s="1"/>
  <c r="A128392" i="1" s="1"/>
  <c r="A128393" i="1" s="1"/>
  <c r="A128394" i="1" s="1"/>
  <c r="A128395" i="1" s="1"/>
  <c r="A128396" i="1" s="1"/>
  <c r="A128397" i="1" s="1"/>
  <c r="A128398" i="1" s="1"/>
  <c r="A128399" i="1" s="1"/>
  <c r="A128400" i="1" s="1"/>
  <c r="A128401" i="1" s="1"/>
  <c r="A128402" i="1" s="1"/>
  <c r="A128403" i="1" s="1"/>
  <c r="A128404" i="1" s="1"/>
  <c r="A128405" i="1" s="1"/>
  <c r="A128406" i="1" s="1"/>
  <c r="A128407" i="1" s="1"/>
  <c r="A128408" i="1" s="1"/>
  <c r="A128409" i="1" s="1"/>
  <c r="A128410" i="1" s="1"/>
  <c r="A128411" i="1" s="1"/>
  <c r="A128412" i="1" s="1"/>
  <c r="A128413" i="1" s="1"/>
  <c r="A128414" i="1" s="1"/>
  <c r="A128415" i="1" s="1"/>
  <c r="A128416" i="1" s="1"/>
  <c r="A128417" i="1" s="1"/>
  <c r="A128418" i="1" s="1"/>
  <c r="A128419" i="1" s="1"/>
  <c r="A128420" i="1" s="1"/>
  <c r="A128421" i="1" s="1"/>
  <c r="A128422" i="1" s="1"/>
  <c r="A128423" i="1" s="1"/>
  <c r="A128424" i="1" s="1"/>
  <c r="A128425" i="1" s="1"/>
  <c r="A128426" i="1" s="1"/>
  <c r="A128427" i="1" s="1"/>
  <c r="A128428" i="1" s="1"/>
  <c r="A128429" i="1" s="1"/>
  <c r="A128430" i="1" s="1"/>
  <c r="A128431" i="1" s="1"/>
  <c r="A128432" i="1" s="1"/>
  <c r="A128433" i="1" s="1"/>
  <c r="A128434" i="1" s="1"/>
  <c r="A128435" i="1" s="1"/>
  <c r="A128436" i="1" s="1"/>
  <c r="A128437" i="1" s="1"/>
  <c r="A128438" i="1" s="1"/>
  <c r="A128439" i="1" s="1"/>
  <c r="A128440" i="1" s="1"/>
  <c r="A128441" i="1" s="1"/>
  <c r="A128442" i="1" s="1"/>
  <c r="A128443" i="1" s="1"/>
  <c r="A128444" i="1" s="1"/>
  <c r="A128445" i="1" s="1"/>
  <c r="A128446" i="1" s="1"/>
  <c r="A128447" i="1" s="1"/>
  <c r="A128448" i="1" s="1"/>
  <c r="A128449" i="1" s="1"/>
  <c r="A128450" i="1" s="1"/>
  <c r="A128451" i="1" s="1"/>
  <c r="A128452" i="1" s="1"/>
  <c r="A128453" i="1" s="1"/>
  <c r="A128454" i="1" s="1"/>
  <c r="A128455" i="1" s="1"/>
  <c r="A128456" i="1" s="1"/>
  <c r="A128457" i="1" s="1"/>
  <c r="A128458" i="1" s="1"/>
  <c r="A128459" i="1" s="1"/>
  <c r="A128460" i="1" s="1"/>
  <c r="A128461" i="1" s="1"/>
  <c r="A128462" i="1" s="1"/>
  <c r="A128463" i="1" s="1"/>
  <c r="A128464" i="1" s="1"/>
  <c r="A128465" i="1" s="1"/>
  <c r="A128466" i="1" s="1"/>
  <c r="A128467" i="1" s="1"/>
  <c r="A128468" i="1" s="1"/>
  <c r="A128469" i="1" s="1"/>
  <c r="A128470" i="1" s="1"/>
  <c r="A128471" i="1" s="1"/>
  <c r="A128472" i="1" s="1"/>
  <c r="A128473" i="1" s="1"/>
  <c r="A128474" i="1" s="1"/>
  <c r="A128475" i="1" s="1"/>
  <c r="A128476" i="1" s="1"/>
  <c r="A128477" i="1" s="1"/>
  <c r="A128478" i="1" s="1"/>
  <c r="A128479" i="1" s="1"/>
  <c r="A128480" i="1" s="1"/>
  <c r="A128481" i="1" s="1"/>
  <c r="A128482" i="1" s="1"/>
  <c r="A128483" i="1" s="1"/>
  <c r="A128484" i="1" s="1"/>
  <c r="A128485" i="1" s="1"/>
  <c r="A128486" i="1" s="1"/>
  <c r="A128487" i="1" s="1"/>
  <c r="A128488" i="1" s="1"/>
  <c r="A128489" i="1" s="1"/>
  <c r="A128490" i="1" s="1"/>
  <c r="A128491" i="1" s="1"/>
  <c r="A128492" i="1" s="1"/>
  <c r="A128493" i="1" s="1"/>
  <c r="A128494" i="1" s="1"/>
  <c r="A128495" i="1" s="1"/>
  <c r="A128496" i="1" s="1"/>
  <c r="A128497" i="1" s="1"/>
  <c r="A128498" i="1" s="1"/>
  <c r="A128499" i="1" s="1"/>
  <c r="A128500" i="1" s="1"/>
  <c r="A128501" i="1" s="1"/>
  <c r="A128502" i="1" s="1"/>
  <c r="A128503" i="1" s="1"/>
  <c r="A128504" i="1" s="1"/>
  <c r="A128505" i="1" s="1"/>
  <c r="A128506" i="1" s="1"/>
  <c r="A128507" i="1" s="1"/>
  <c r="A128508" i="1" s="1"/>
  <c r="A128509" i="1" s="1"/>
  <c r="A128510" i="1" s="1"/>
  <c r="A128511" i="1" s="1"/>
  <c r="A128512" i="1" s="1"/>
  <c r="A128513" i="1" s="1"/>
  <c r="A128514" i="1" s="1"/>
  <c r="A128515" i="1" s="1"/>
  <c r="A128516" i="1" s="1"/>
  <c r="A128517" i="1" s="1"/>
  <c r="A128518" i="1" s="1"/>
  <c r="A128519" i="1" s="1"/>
  <c r="A128520" i="1" s="1"/>
  <c r="A128521" i="1" s="1"/>
  <c r="A128522" i="1" s="1"/>
  <c r="A128523" i="1" s="1"/>
  <c r="A128524" i="1" s="1"/>
  <c r="A128525" i="1" s="1"/>
  <c r="A128526" i="1" s="1"/>
  <c r="A128527" i="1" s="1"/>
  <c r="A128528" i="1" s="1"/>
  <c r="A128529" i="1" s="1"/>
  <c r="A128530" i="1" s="1"/>
  <c r="A128531" i="1" s="1"/>
  <c r="A128532" i="1" s="1"/>
  <c r="A128533" i="1" s="1"/>
  <c r="A128534" i="1" s="1"/>
  <c r="A128535" i="1" s="1"/>
  <c r="A128536" i="1" s="1"/>
  <c r="A128537" i="1" s="1"/>
  <c r="A128538" i="1" s="1"/>
  <c r="A128539" i="1" s="1"/>
  <c r="A128540" i="1" s="1"/>
  <c r="A128541" i="1" s="1"/>
  <c r="A128542" i="1" s="1"/>
  <c r="A128543" i="1" s="1"/>
  <c r="A128544" i="1" s="1"/>
  <c r="A128545" i="1" s="1"/>
  <c r="A128546" i="1" s="1"/>
  <c r="A128547" i="1" s="1"/>
  <c r="A128548" i="1" s="1"/>
  <c r="A128549" i="1" s="1"/>
  <c r="A128550" i="1" s="1"/>
  <c r="A128551" i="1" s="1"/>
  <c r="A128552" i="1" s="1"/>
  <c r="A128553" i="1" s="1"/>
  <c r="A128554" i="1" s="1"/>
  <c r="A128555" i="1" s="1"/>
  <c r="A128556" i="1" s="1"/>
  <c r="A128557" i="1" s="1"/>
  <c r="A128558" i="1" s="1"/>
  <c r="A128559" i="1" s="1"/>
  <c r="A128560" i="1" s="1"/>
  <c r="A128561" i="1" s="1"/>
  <c r="A128562" i="1" s="1"/>
  <c r="A128563" i="1" s="1"/>
  <c r="A128564" i="1" s="1"/>
  <c r="A128565" i="1" s="1"/>
  <c r="A128566" i="1" s="1"/>
  <c r="A128567" i="1" s="1"/>
  <c r="A128568" i="1" s="1"/>
  <c r="A128569" i="1" s="1"/>
  <c r="A128570" i="1" s="1"/>
  <c r="A128571" i="1" s="1"/>
  <c r="A128572" i="1" s="1"/>
  <c r="A128573" i="1" s="1"/>
  <c r="A128574" i="1" s="1"/>
  <c r="A128575" i="1" s="1"/>
  <c r="A128576" i="1" s="1"/>
  <c r="A128577" i="1" s="1"/>
  <c r="A128578" i="1" s="1"/>
  <c r="A128579" i="1" s="1"/>
  <c r="A128580" i="1" s="1"/>
  <c r="A128581" i="1" s="1"/>
  <c r="A128582" i="1" s="1"/>
  <c r="A128583" i="1" s="1"/>
  <c r="A128584" i="1" s="1"/>
  <c r="A128585" i="1" s="1"/>
  <c r="A128586" i="1" s="1"/>
  <c r="A128587" i="1" s="1"/>
  <c r="A128588" i="1" s="1"/>
  <c r="A128589" i="1" s="1"/>
  <c r="A128590" i="1" s="1"/>
  <c r="A128591" i="1" s="1"/>
  <c r="A128592" i="1" s="1"/>
  <c r="A128593" i="1" s="1"/>
  <c r="A128594" i="1" s="1"/>
  <c r="A128595" i="1" s="1"/>
  <c r="A128596" i="1" s="1"/>
  <c r="A128597" i="1" s="1"/>
  <c r="A128598" i="1" s="1"/>
  <c r="A128599" i="1" s="1"/>
  <c r="A128600" i="1" s="1"/>
  <c r="A128601" i="1" s="1"/>
  <c r="A128602" i="1" s="1"/>
  <c r="A128603" i="1" s="1"/>
  <c r="A128604" i="1" s="1"/>
  <c r="A128605" i="1" s="1"/>
  <c r="A128606" i="1" s="1"/>
  <c r="A128607" i="1" s="1"/>
  <c r="A128608" i="1" s="1"/>
  <c r="A128609" i="1" s="1"/>
  <c r="A128610" i="1" s="1"/>
  <c r="A128611" i="1" s="1"/>
  <c r="A128612" i="1" s="1"/>
  <c r="A128613" i="1" s="1"/>
  <c r="A128614" i="1" s="1"/>
  <c r="A128615" i="1" s="1"/>
  <c r="A128616" i="1" s="1"/>
  <c r="A128617" i="1" s="1"/>
  <c r="A128618" i="1" s="1"/>
  <c r="A128619" i="1" s="1"/>
  <c r="A128620" i="1" s="1"/>
  <c r="A128621" i="1" s="1"/>
  <c r="A128622" i="1" s="1"/>
  <c r="A128623" i="1" s="1"/>
  <c r="A128624" i="1" s="1"/>
  <c r="A128625" i="1" s="1"/>
  <c r="A128626" i="1" s="1"/>
  <c r="A128627" i="1" s="1"/>
  <c r="A128628" i="1" s="1"/>
  <c r="A128629" i="1" s="1"/>
  <c r="A128630" i="1" s="1"/>
  <c r="A128631" i="1" s="1"/>
  <c r="A128632" i="1" s="1"/>
  <c r="A128633" i="1" s="1"/>
  <c r="A128634" i="1" s="1"/>
  <c r="A128635" i="1" s="1"/>
  <c r="A128636" i="1" s="1"/>
  <c r="A128637" i="1" s="1"/>
  <c r="A128638" i="1" s="1"/>
  <c r="A128639" i="1" s="1"/>
  <c r="A128640" i="1" s="1"/>
  <c r="A128641" i="1" s="1"/>
  <c r="A128642" i="1" s="1"/>
  <c r="A128643" i="1" s="1"/>
  <c r="A128644" i="1" s="1"/>
  <c r="A128645" i="1" s="1"/>
  <c r="A128646" i="1" s="1"/>
  <c r="A128647" i="1" s="1"/>
  <c r="A128648" i="1" s="1"/>
  <c r="A128649" i="1" s="1"/>
  <c r="A128650" i="1" s="1"/>
  <c r="A128651" i="1" s="1"/>
  <c r="A128652" i="1" s="1"/>
  <c r="A128653" i="1" s="1"/>
  <c r="A128654" i="1" s="1"/>
  <c r="A128655" i="1" s="1"/>
  <c r="A128656" i="1" s="1"/>
  <c r="A128657" i="1" s="1"/>
  <c r="A128658" i="1" s="1"/>
  <c r="A128659" i="1" s="1"/>
  <c r="A128660" i="1" s="1"/>
  <c r="A128661" i="1" s="1"/>
  <c r="A128662" i="1" s="1"/>
  <c r="A128663" i="1" s="1"/>
  <c r="A128664" i="1" s="1"/>
  <c r="A128665" i="1" s="1"/>
  <c r="A128666" i="1" s="1"/>
  <c r="A128667" i="1" s="1"/>
  <c r="A128668" i="1" s="1"/>
  <c r="A128669" i="1" s="1"/>
  <c r="A128670" i="1" s="1"/>
  <c r="A128671" i="1" s="1"/>
  <c r="A128672" i="1" s="1"/>
  <c r="A128673" i="1" s="1"/>
  <c r="A128674" i="1" s="1"/>
  <c r="A128675" i="1" s="1"/>
  <c r="A128676" i="1" s="1"/>
  <c r="A128677" i="1" s="1"/>
  <c r="A128678" i="1" s="1"/>
  <c r="A128679" i="1" s="1"/>
  <c r="A128680" i="1" s="1"/>
  <c r="A128681" i="1" s="1"/>
  <c r="A128682" i="1" s="1"/>
  <c r="A128683" i="1" s="1"/>
  <c r="A128684" i="1" s="1"/>
  <c r="A128685" i="1" s="1"/>
  <c r="A128686" i="1" s="1"/>
  <c r="A128687" i="1" s="1"/>
  <c r="A128688" i="1" s="1"/>
  <c r="A128689" i="1" s="1"/>
  <c r="A128690" i="1" s="1"/>
  <c r="A128691" i="1" s="1"/>
  <c r="A128692" i="1" s="1"/>
  <c r="A128693" i="1" s="1"/>
  <c r="A128694" i="1" s="1"/>
  <c r="A128695" i="1" s="1"/>
  <c r="A128696" i="1" s="1"/>
  <c r="A128697" i="1" s="1"/>
  <c r="A128698" i="1" s="1"/>
  <c r="A128699" i="1" s="1"/>
  <c r="A128700" i="1" s="1"/>
  <c r="A128701" i="1" s="1"/>
  <c r="A128702" i="1" s="1"/>
  <c r="A128703" i="1" s="1"/>
  <c r="A128704" i="1" s="1"/>
  <c r="A128705" i="1" s="1"/>
  <c r="A128706" i="1" s="1"/>
  <c r="A128707" i="1" s="1"/>
  <c r="A128708" i="1" s="1"/>
  <c r="A128709" i="1" s="1"/>
  <c r="A128710" i="1" s="1"/>
  <c r="A128711" i="1" s="1"/>
  <c r="A128712" i="1" s="1"/>
  <c r="A128713" i="1" s="1"/>
  <c r="A128714" i="1" s="1"/>
  <c r="A128715" i="1" s="1"/>
  <c r="A128716" i="1" s="1"/>
  <c r="A128717" i="1" s="1"/>
  <c r="A128718" i="1" s="1"/>
  <c r="A128719" i="1" s="1"/>
  <c r="A128720" i="1" s="1"/>
  <c r="A128721" i="1" s="1"/>
  <c r="A128722" i="1" s="1"/>
  <c r="A128723" i="1" s="1"/>
  <c r="A128724" i="1" s="1"/>
  <c r="A128725" i="1" s="1"/>
  <c r="A128726" i="1" s="1"/>
  <c r="A128727" i="1" s="1"/>
  <c r="A128728" i="1" s="1"/>
  <c r="A128729" i="1" s="1"/>
  <c r="A128730" i="1" s="1"/>
  <c r="A128731" i="1" s="1"/>
  <c r="A128732" i="1" s="1"/>
  <c r="A128733" i="1" s="1"/>
  <c r="A128734" i="1" s="1"/>
  <c r="A128735" i="1" s="1"/>
  <c r="A128736" i="1" s="1"/>
  <c r="A128737" i="1" s="1"/>
  <c r="A128738" i="1" s="1"/>
  <c r="A128739" i="1" s="1"/>
  <c r="A128740" i="1" s="1"/>
  <c r="A128741" i="1" s="1"/>
  <c r="A128742" i="1" s="1"/>
  <c r="A128743" i="1" s="1"/>
  <c r="A128744" i="1" s="1"/>
  <c r="A128745" i="1" s="1"/>
  <c r="A128746" i="1" s="1"/>
  <c r="A128747" i="1" s="1"/>
  <c r="A128748" i="1" s="1"/>
  <c r="A128749" i="1" s="1"/>
  <c r="A128750" i="1" s="1"/>
  <c r="A128751" i="1" s="1"/>
  <c r="A128752" i="1" s="1"/>
  <c r="A128753" i="1" s="1"/>
  <c r="A128754" i="1" s="1"/>
  <c r="A128755" i="1" s="1"/>
  <c r="A128756" i="1" s="1"/>
  <c r="A128757" i="1" s="1"/>
  <c r="A128758" i="1" s="1"/>
  <c r="A128759" i="1" s="1"/>
  <c r="A128760" i="1" s="1"/>
  <c r="A128761" i="1" s="1"/>
  <c r="A128762" i="1" s="1"/>
  <c r="A128763" i="1" s="1"/>
  <c r="A128764" i="1" s="1"/>
  <c r="A128765" i="1" s="1"/>
  <c r="A128766" i="1" s="1"/>
  <c r="A128767" i="1" s="1"/>
  <c r="A128768" i="1" s="1"/>
  <c r="A128769" i="1" s="1"/>
  <c r="A128770" i="1" s="1"/>
  <c r="A128771" i="1" s="1"/>
  <c r="A128772" i="1" s="1"/>
  <c r="A128773" i="1" s="1"/>
  <c r="A128774" i="1" s="1"/>
  <c r="A128775" i="1" s="1"/>
  <c r="A128776" i="1" s="1"/>
  <c r="A128777" i="1" s="1"/>
  <c r="A128778" i="1" s="1"/>
  <c r="A128779" i="1" s="1"/>
  <c r="A128780" i="1" s="1"/>
  <c r="A128781" i="1" s="1"/>
  <c r="A128782" i="1" s="1"/>
  <c r="A128783" i="1" s="1"/>
  <c r="A128784" i="1" s="1"/>
  <c r="A128785" i="1" s="1"/>
  <c r="A128786" i="1" s="1"/>
  <c r="A128787" i="1" s="1"/>
  <c r="A128788" i="1" s="1"/>
  <c r="A128789" i="1" s="1"/>
  <c r="A128790" i="1" s="1"/>
  <c r="A128791" i="1" s="1"/>
  <c r="A128792" i="1" s="1"/>
  <c r="A128793" i="1" s="1"/>
  <c r="A128794" i="1" s="1"/>
  <c r="A128795" i="1" s="1"/>
  <c r="A128796" i="1" s="1"/>
  <c r="A128797" i="1" s="1"/>
  <c r="A128798" i="1" s="1"/>
  <c r="A128799" i="1" s="1"/>
  <c r="A128800" i="1" s="1"/>
  <c r="A128801" i="1" s="1"/>
  <c r="A128802" i="1" s="1"/>
  <c r="A128803" i="1" s="1"/>
  <c r="A128804" i="1" s="1"/>
  <c r="A128805" i="1" s="1"/>
  <c r="A128806" i="1" s="1"/>
  <c r="A128807" i="1" s="1"/>
  <c r="A128808" i="1" s="1"/>
  <c r="A128809" i="1" s="1"/>
  <c r="A128810" i="1" s="1"/>
  <c r="A128811" i="1" s="1"/>
  <c r="A128812" i="1" s="1"/>
  <c r="A128813" i="1" s="1"/>
  <c r="A128814" i="1" s="1"/>
  <c r="A128815" i="1" s="1"/>
  <c r="A128816" i="1" s="1"/>
  <c r="A128817" i="1" s="1"/>
  <c r="A128818" i="1" s="1"/>
  <c r="A128819" i="1" s="1"/>
  <c r="A128820" i="1" s="1"/>
  <c r="A128821" i="1" s="1"/>
  <c r="A128822" i="1" s="1"/>
  <c r="A128823" i="1" s="1"/>
  <c r="A128824" i="1" s="1"/>
  <c r="A128825" i="1" s="1"/>
  <c r="A128826" i="1" s="1"/>
  <c r="A128827" i="1" s="1"/>
  <c r="A128828" i="1" s="1"/>
  <c r="A128829" i="1" s="1"/>
  <c r="A128830" i="1" s="1"/>
  <c r="A128831" i="1" s="1"/>
  <c r="A128832" i="1" s="1"/>
  <c r="A128833" i="1" s="1"/>
  <c r="A128834" i="1" s="1"/>
  <c r="A128835" i="1" s="1"/>
  <c r="A128836" i="1" s="1"/>
  <c r="A128837" i="1" s="1"/>
  <c r="A128838" i="1" s="1"/>
  <c r="A128839" i="1" s="1"/>
  <c r="A128840" i="1" s="1"/>
  <c r="A128841" i="1" s="1"/>
  <c r="A128842" i="1" s="1"/>
  <c r="A128843" i="1" s="1"/>
  <c r="A128844" i="1" s="1"/>
  <c r="A128845" i="1" s="1"/>
  <c r="A128846" i="1" s="1"/>
  <c r="A128847" i="1" s="1"/>
  <c r="A128848" i="1" s="1"/>
  <c r="A128849" i="1" s="1"/>
  <c r="A128850" i="1" s="1"/>
  <c r="A128851" i="1" s="1"/>
  <c r="A128852" i="1" s="1"/>
  <c r="A128853" i="1" s="1"/>
  <c r="A128854" i="1" s="1"/>
  <c r="A128855" i="1" s="1"/>
  <c r="A128856" i="1" s="1"/>
  <c r="A128857" i="1" s="1"/>
  <c r="A128858" i="1" s="1"/>
  <c r="A128859" i="1" s="1"/>
  <c r="A128860" i="1" s="1"/>
  <c r="A128861" i="1" s="1"/>
  <c r="A128862" i="1" s="1"/>
  <c r="A128863" i="1" s="1"/>
  <c r="A128864" i="1" s="1"/>
  <c r="A128865" i="1" s="1"/>
  <c r="A128866" i="1" s="1"/>
  <c r="A128867" i="1" s="1"/>
  <c r="A128868" i="1" s="1"/>
  <c r="A128869" i="1" s="1"/>
  <c r="A128870" i="1" s="1"/>
  <c r="A128871" i="1" s="1"/>
  <c r="A128872" i="1" s="1"/>
  <c r="A128873" i="1" s="1"/>
  <c r="A128874" i="1" s="1"/>
  <c r="A128875" i="1" s="1"/>
  <c r="A128876" i="1" s="1"/>
  <c r="A128877" i="1" s="1"/>
  <c r="A128878" i="1" s="1"/>
  <c r="A128879" i="1" s="1"/>
  <c r="A128880" i="1" s="1"/>
  <c r="A128881" i="1" s="1"/>
  <c r="A128882" i="1" s="1"/>
  <c r="A128883" i="1" s="1"/>
  <c r="A128884" i="1" s="1"/>
  <c r="A128885" i="1" s="1"/>
  <c r="A128886" i="1" s="1"/>
  <c r="A128887" i="1" s="1"/>
  <c r="A128888" i="1" s="1"/>
  <c r="A128889" i="1" s="1"/>
  <c r="A128890" i="1" s="1"/>
  <c r="A128891" i="1" s="1"/>
  <c r="A128892" i="1" s="1"/>
  <c r="A128893" i="1" s="1"/>
  <c r="A128894" i="1" s="1"/>
  <c r="A128895" i="1" s="1"/>
  <c r="A128896" i="1" s="1"/>
  <c r="A128897" i="1" s="1"/>
  <c r="A128898" i="1" s="1"/>
  <c r="A128899" i="1" s="1"/>
  <c r="A128900" i="1" s="1"/>
  <c r="A128901" i="1" s="1"/>
  <c r="A128902" i="1" s="1"/>
  <c r="A128903" i="1" s="1"/>
  <c r="A128904" i="1" s="1"/>
  <c r="A128905" i="1" s="1"/>
  <c r="A128906" i="1" s="1"/>
  <c r="A128907" i="1" s="1"/>
  <c r="A128908" i="1" s="1"/>
  <c r="A128909" i="1" s="1"/>
  <c r="A128910" i="1" s="1"/>
  <c r="A128911" i="1" s="1"/>
  <c r="A128912" i="1" s="1"/>
  <c r="A128913" i="1" s="1"/>
  <c r="A128914" i="1" s="1"/>
  <c r="A128915" i="1" s="1"/>
  <c r="A128916" i="1" s="1"/>
  <c r="A128917" i="1" s="1"/>
  <c r="A128918" i="1" s="1"/>
  <c r="A128919" i="1" s="1"/>
  <c r="A128920" i="1" s="1"/>
  <c r="A128921" i="1" s="1"/>
  <c r="A128922" i="1" s="1"/>
  <c r="A128923" i="1" s="1"/>
  <c r="A128924" i="1" s="1"/>
  <c r="A128925" i="1" s="1"/>
  <c r="A128926" i="1" s="1"/>
  <c r="A128927" i="1" s="1"/>
  <c r="A128928" i="1" s="1"/>
  <c r="A128929" i="1" s="1"/>
  <c r="A128930" i="1" s="1"/>
  <c r="A128931" i="1" s="1"/>
  <c r="A128932" i="1" s="1"/>
  <c r="A128933" i="1" s="1"/>
  <c r="A128934" i="1" s="1"/>
  <c r="A128935" i="1" s="1"/>
  <c r="A128936" i="1" s="1"/>
  <c r="A128937" i="1" s="1"/>
  <c r="A128938" i="1" s="1"/>
  <c r="A128939" i="1" s="1"/>
  <c r="A128940" i="1" s="1"/>
  <c r="A128941" i="1" s="1"/>
  <c r="A128942" i="1" s="1"/>
  <c r="A128943" i="1" s="1"/>
  <c r="A128944" i="1" s="1"/>
  <c r="A128945" i="1" s="1"/>
  <c r="A128946" i="1" s="1"/>
  <c r="A128947" i="1" s="1"/>
  <c r="A128948" i="1" s="1"/>
  <c r="A128949" i="1" s="1"/>
  <c r="A128950" i="1" s="1"/>
  <c r="A128951" i="1" s="1"/>
  <c r="A128952" i="1" s="1"/>
  <c r="A128953" i="1" s="1"/>
  <c r="A128954" i="1" s="1"/>
  <c r="A128955" i="1" s="1"/>
  <c r="A128956" i="1" s="1"/>
  <c r="A128957" i="1" s="1"/>
  <c r="A128958" i="1" s="1"/>
  <c r="A128959" i="1" s="1"/>
  <c r="A128960" i="1" s="1"/>
  <c r="A128961" i="1" s="1"/>
  <c r="A128962" i="1" s="1"/>
  <c r="A128963" i="1" s="1"/>
  <c r="A128964" i="1" s="1"/>
  <c r="A128965" i="1" s="1"/>
  <c r="A128966" i="1" s="1"/>
  <c r="A128967" i="1" s="1"/>
  <c r="A128968" i="1" s="1"/>
  <c r="A128969" i="1" s="1"/>
  <c r="A128970" i="1" s="1"/>
  <c r="A128971" i="1" s="1"/>
  <c r="A128972" i="1" s="1"/>
  <c r="A128973" i="1" s="1"/>
  <c r="A128974" i="1" s="1"/>
  <c r="A128975" i="1" s="1"/>
  <c r="A128976" i="1" s="1"/>
  <c r="A128977" i="1" s="1"/>
  <c r="A128978" i="1" s="1"/>
  <c r="A128979" i="1" s="1"/>
  <c r="A128980" i="1" s="1"/>
  <c r="A128981" i="1" s="1"/>
  <c r="A128982" i="1" s="1"/>
  <c r="A128983" i="1" s="1"/>
  <c r="A128984" i="1" s="1"/>
  <c r="A128985" i="1" s="1"/>
  <c r="A128986" i="1" s="1"/>
  <c r="A128987" i="1" s="1"/>
  <c r="A128988" i="1" s="1"/>
  <c r="A128989" i="1" s="1"/>
  <c r="A128990" i="1" s="1"/>
  <c r="A128991" i="1" s="1"/>
  <c r="A128992" i="1" s="1"/>
  <c r="A128993" i="1" s="1"/>
  <c r="A128994" i="1" s="1"/>
  <c r="A128995" i="1" s="1"/>
  <c r="A128996" i="1" s="1"/>
  <c r="A128997" i="1" s="1"/>
  <c r="A128998" i="1" s="1"/>
  <c r="A128999" i="1" s="1"/>
  <c r="A129000" i="1" s="1"/>
  <c r="A129001" i="1" s="1"/>
  <c r="A129002" i="1" s="1"/>
  <c r="A129003" i="1" s="1"/>
  <c r="A129004" i="1" s="1"/>
  <c r="A129005" i="1" s="1"/>
  <c r="A129006" i="1" s="1"/>
  <c r="A129007" i="1" s="1"/>
  <c r="A129008" i="1" s="1"/>
  <c r="A129009" i="1" s="1"/>
  <c r="A129010" i="1" s="1"/>
  <c r="A129011" i="1" s="1"/>
  <c r="A129012" i="1" s="1"/>
  <c r="A129013" i="1" s="1"/>
  <c r="A129014" i="1" s="1"/>
  <c r="A129015" i="1" s="1"/>
  <c r="A129016" i="1" s="1"/>
  <c r="A129017" i="1" s="1"/>
  <c r="A129018" i="1" s="1"/>
  <c r="A129019" i="1" s="1"/>
  <c r="A129020" i="1" s="1"/>
  <c r="A129021" i="1" s="1"/>
  <c r="A129022" i="1" s="1"/>
  <c r="A129023" i="1" s="1"/>
  <c r="A129024" i="1" s="1"/>
  <c r="A129025" i="1" s="1"/>
  <c r="A129026" i="1" s="1"/>
  <c r="A129027" i="1" s="1"/>
  <c r="A129028" i="1" s="1"/>
  <c r="A129029" i="1" s="1"/>
  <c r="A129030" i="1" s="1"/>
  <c r="A129031" i="1" s="1"/>
  <c r="A129032" i="1" s="1"/>
  <c r="A129033" i="1" s="1"/>
  <c r="A129034" i="1" s="1"/>
  <c r="A129035" i="1" s="1"/>
  <c r="A129036" i="1" s="1"/>
  <c r="A129037" i="1" s="1"/>
  <c r="A129038" i="1" s="1"/>
  <c r="A129039" i="1" s="1"/>
  <c r="A129040" i="1" s="1"/>
  <c r="A129041" i="1" s="1"/>
  <c r="A129042" i="1" s="1"/>
  <c r="A129043" i="1" s="1"/>
  <c r="A129044" i="1" s="1"/>
  <c r="A129045" i="1" s="1"/>
  <c r="A129046" i="1" s="1"/>
  <c r="A129047" i="1" s="1"/>
  <c r="A129048" i="1" s="1"/>
  <c r="A129049" i="1" s="1"/>
  <c r="A129050" i="1" s="1"/>
  <c r="A129051" i="1" s="1"/>
  <c r="A129052" i="1" s="1"/>
  <c r="A129053" i="1" s="1"/>
  <c r="A129054" i="1" s="1"/>
  <c r="A129055" i="1" s="1"/>
  <c r="A129056" i="1" s="1"/>
  <c r="A129057" i="1" s="1"/>
  <c r="A129058" i="1" s="1"/>
  <c r="A129059" i="1" s="1"/>
  <c r="A129060" i="1" s="1"/>
  <c r="A129061" i="1" s="1"/>
  <c r="A129062" i="1" s="1"/>
  <c r="A129063" i="1" s="1"/>
  <c r="A129064" i="1" s="1"/>
  <c r="A129065" i="1" s="1"/>
  <c r="A129066" i="1" s="1"/>
  <c r="A129067" i="1" s="1"/>
  <c r="A129068" i="1" s="1"/>
  <c r="A129069" i="1" s="1"/>
  <c r="A129070" i="1" s="1"/>
  <c r="A129071" i="1" s="1"/>
  <c r="A129072" i="1" s="1"/>
  <c r="A129073" i="1" s="1"/>
  <c r="A129074" i="1" s="1"/>
  <c r="A129075" i="1" s="1"/>
  <c r="A129076" i="1" s="1"/>
  <c r="A129077" i="1" s="1"/>
  <c r="A129078" i="1" s="1"/>
  <c r="A129079" i="1" s="1"/>
  <c r="A129080" i="1" s="1"/>
  <c r="A129081" i="1" s="1"/>
  <c r="A129082" i="1" s="1"/>
  <c r="A129083" i="1" s="1"/>
  <c r="A129084" i="1" s="1"/>
  <c r="A129085" i="1" s="1"/>
  <c r="A129086" i="1" s="1"/>
  <c r="A129087" i="1" s="1"/>
  <c r="A129088" i="1" s="1"/>
  <c r="A129089" i="1" s="1"/>
  <c r="A129090" i="1" s="1"/>
  <c r="A129091" i="1" s="1"/>
  <c r="A129092" i="1" s="1"/>
  <c r="A129093" i="1" s="1"/>
  <c r="A129094" i="1" s="1"/>
  <c r="A129095" i="1" s="1"/>
  <c r="A129096" i="1" s="1"/>
  <c r="A129097" i="1" s="1"/>
  <c r="A129098" i="1" s="1"/>
  <c r="A129099" i="1" s="1"/>
  <c r="A129100" i="1" s="1"/>
  <c r="A129101" i="1" s="1"/>
  <c r="A129102" i="1" s="1"/>
  <c r="A129103" i="1" s="1"/>
  <c r="A129104" i="1" s="1"/>
  <c r="A129105" i="1" s="1"/>
  <c r="A129106" i="1" s="1"/>
  <c r="A129107" i="1" s="1"/>
  <c r="A129108" i="1" s="1"/>
  <c r="A129109" i="1" s="1"/>
  <c r="A129110" i="1" s="1"/>
  <c r="A129111" i="1" s="1"/>
  <c r="A129112" i="1" s="1"/>
  <c r="A129113" i="1" s="1"/>
  <c r="A129114" i="1" s="1"/>
  <c r="A129115" i="1" s="1"/>
  <c r="A129116" i="1" s="1"/>
  <c r="A129117" i="1" s="1"/>
  <c r="A129118" i="1" s="1"/>
  <c r="A129119" i="1" s="1"/>
  <c r="A129120" i="1" s="1"/>
  <c r="A129121" i="1" s="1"/>
  <c r="A129122" i="1" s="1"/>
  <c r="A129123" i="1" s="1"/>
  <c r="A129124" i="1" s="1"/>
  <c r="A129125" i="1" s="1"/>
  <c r="A129126" i="1" s="1"/>
  <c r="A129127" i="1" s="1"/>
  <c r="A129128" i="1" s="1"/>
  <c r="A129129" i="1" s="1"/>
  <c r="A129130" i="1" s="1"/>
  <c r="A129131" i="1" s="1"/>
  <c r="A129132" i="1" s="1"/>
  <c r="A129133" i="1" s="1"/>
  <c r="A129134" i="1" s="1"/>
  <c r="A129135" i="1" s="1"/>
  <c r="A129136" i="1" s="1"/>
  <c r="A129137" i="1" s="1"/>
  <c r="A129138" i="1" s="1"/>
  <c r="A129139" i="1" s="1"/>
  <c r="A129140" i="1" s="1"/>
  <c r="A129141" i="1" s="1"/>
  <c r="A129142" i="1" s="1"/>
  <c r="A129143" i="1" s="1"/>
  <c r="A129144" i="1" s="1"/>
  <c r="A129145" i="1" s="1"/>
  <c r="A129146" i="1" s="1"/>
  <c r="A129147" i="1" s="1"/>
  <c r="A129148" i="1" s="1"/>
  <c r="A129149" i="1" s="1"/>
  <c r="A129150" i="1" s="1"/>
  <c r="A129151" i="1" s="1"/>
  <c r="A129152" i="1" s="1"/>
  <c r="A129153" i="1" s="1"/>
  <c r="A129154" i="1" s="1"/>
  <c r="A129155" i="1" s="1"/>
  <c r="A129156" i="1" s="1"/>
  <c r="A129157" i="1" s="1"/>
  <c r="A129158" i="1" s="1"/>
  <c r="A129159" i="1" s="1"/>
  <c r="A129160" i="1" s="1"/>
  <c r="A129161" i="1" s="1"/>
  <c r="A129162" i="1" s="1"/>
  <c r="A129163" i="1" s="1"/>
  <c r="A129164" i="1" s="1"/>
  <c r="A129165" i="1" s="1"/>
  <c r="A129166" i="1" s="1"/>
  <c r="A129167" i="1" s="1"/>
  <c r="A129168" i="1" s="1"/>
  <c r="A129169" i="1" s="1"/>
  <c r="A129170" i="1" s="1"/>
  <c r="A129171" i="1" s="1"/>
  <c r="A129172" i="1" s="1"/>
  <c r="A129173" i="1" s="1"/>
  <c r="A129174" i="1" s="1"/>
  <c r="A129175" i="1" s="1"/>
  <c r="A129176" i="1" s="1"/>
  <c r="A129177" i="1" s="1"/>
  <c r="A129178" i="1" s="1"/>
  <c r="A129179" i="1" s="1"/>
  <c r="A129180" i="1" s="1"/>
  <c r="A129181" i="1" s="1"/>
  <c r="A129182" i="1" s="1"/>
  <c r="A129183" i="1" s="1"/>
  <c r="A129184" i="1" s="1"/>
  <c r="A129185" i="1" s="1"/>
  <c r="A129186" i="1" s="1"/>
  <c r="A129187" i="1" s="1"/>
  <c r="A129188" i="1" s="1"/>
  <c r="A129189" i="1" s="1"/>
  <c r="A129190" i="1" s="1"/>
  <c r="A129191" i="1" s="1"/>
  <c r="A129192" i="1" s="1"/>
  <c r="A129193" i="1" s="1"/>
  <c r="A129194" i="1" s="1"/>
  <c r="A129195" i="1" s="1"/>
  <c r="A129196" i="1" s="1"/>
  <c r="A129197" i="1" s="1"/>
  <c r="A129198" i="1" s="1"/>
  <c r="A129199" i="1" s="1"/>
  <c r="A129200" i="1" s="1"/>
  <c r="A129201" i="1" s="1"/>
  <c r="A129202" i="1" s="1"/>
  <c r="A129203" i="1" s="1"/>
  <c r="A129204" i="1" s="1"/>
  <c r="A129205" i="1" s="1"/>
  <c r="A129206" i="1" s="1"/>
  <c r="A129207" i="1" s="1"/>
  <c r="A129208" i="1" s="1"/>
  <c r="A129209" i="1" s="1"/>
  <c r="A129210" i="1" s="1"/>
  <c r="A129211" i="1" s="1"/>
  <c r="A129212" i="1" s="1"/>
  <c r="A129213" i="1" s="1"/>
  <c r="A129214" i="1" s="1"/>
  <c r="A129215" i="1" s="1"/>
  <c r="A129216" i="1" s="1"/>
  <c r="A129217" i="1" s="1"/>
  <c r="A129218" i="1" s="1"/>
  <c r="A129219" i="1" s="1"/>
  <c r="A129220" i="1" s="1"/>
  <c r="A129221" i="1" s="1"/>
  <c r="A129222" i="1" s="1"/>
  <c r="A129223" i="1" s="1"/>
  <c r="A129224" i="1" s="1"/>
  <c r="A129225" i="1" s="1"/>
  <c r="A129226" i="1" s="1"/>
  <c r="A129227" i="1" s="1"/>
  <c r="A129228" i="1" s="1"/>
  <c r="A129229" i="1" s="1"/>
  <c r="A129230" i="1" s="1"/>
  <c r="A129231" i="1" s="1"/>
  <c r="A129232" i="1" s="1"/>
  <c r="A129233" i="1" s="1"/>
  <c r="A129234" i="1" s="1"/>
  <c r="A129235" i="1" s="1"/>
  <c r="A129236" i="1" s="1"/>
  <c r="A129237" i="1" s="1"/>
  <c r="A129238" i="1" s="1"/>
  <c r="A129239" i="1" s="1"/>
  <c r="A129240" i="1" s="1"/>
  <c r="A129241" i="1" s="1"/>
  <c r="A129242" i="1" s="1"/>
  <c r="A129243" i="1" s="1"/>
  <c r="A129244" i="1" s="1"/>
  <c r="A129245" i="1" s="1"/>
  <c r="A129246" i="1" s="1"/>
  <c r="A129247" i="1" s="1"/>
  <c r="A129248" i="1" s="1"/>
  <c r="A129249" i="1" s="1"/>
  <c r="A129250" i="1" s="1"/>
  <c r="A129251" i="1" s="1"/>
  <c r="A129252" i="1" s="1"/>
  <c r="A129253" i="1" s="1"/>
  <c r="A129254" i="1" s="1"/>
  <c r="A129255" i="1" s="1"/>
  <c r="A129256" i="1" s="1"/>
  <c r="A129257" i="1" s="1"/>
  <c r="A129258" i="1" s="1"/>
  <c r="A129259" i="1" s="1"/>
  <c r="A129260" i="1" s="1"/>
  <c r="A129261" i="1" s="1"/>
  <c r="A129262" i="1" s="1"/>
  <c r="A129263" i="1" s="1"/>
  <c r="A129264" i="1" s="1"/>
  <c r="A129265" i="1" s="1"/>
  <c r="A129266" i="1" s="1"/>
  <c r="A129267" i="1" s="1"/>
  <c r="A129268" i="1" s="1"/>
  <c r="A129269" i="1" s="1"/>
  <c r="A129270" i="1" s="1"/>
  <c r="A129271" i="1" s="1"/>
  <c r="A129272" i="1" s="1"/>
  <c r="A129273" i="1" s="1"/>
  <c r="A129274" i="1" s="1"/>
  <c r="A129275" i="1" s="1"/>
  <c r="A129276" i="1" s="1"/>
  <c r="A129277" i="1" s="1"/>
  <c r="A129278" i="1" s="1"/>
  <c r="A129279" i="1" s="1"/>
  <c r="A129280" i="1" s="1"/>
  <c r="A129281" i="1" s="1"/>
  <c r="A129282" i="1" s="1"/>
  <c r="A129283" i="1" s="1"/>
  <c r="A129284" i="1" s="1"/>
  <c r="A129285" i="1" s="1"/>
  <c r="A129286" i="1" s="1"/>
  <c r="A129287" i="1" s="1"/>
  <c r="A129288" i="1" s="1"/>
  <c r="A129289" i="1" s="1"/>
  <c r="A129290" i="1" s="1"/>
  <c r="A129291" i="1" s="1"/>
  <c r="A129292" i="1" s="1"/>
  <c r="A129293" i="1" s="1"/>
  <c r="A129294" i="1" s="1"/>
  <c r="A129295" i="1" s="1"/>
  <c r="A129296" i="1" s="1"/>
  <c r="A129297" i="1" s="1"/>
  <c r="A129298" i="1" s="1"/>
  <c r="A129299" i="1" s="1"/>
  <c r="A129300" i="1" s="1"/>
  <c r="A129301" i="1" s="1"/>
  <c r="A129302" i="1" s="1"/>
  <c r="A129303" i="1" s="1"/>
  <c r="A129304" i="1" s="1"/>
  <c r="A129305" i="1" s="1"/>
  <c r="A129306" i="1" s="1"/>
  <c r="A129307" i="1" s="1"/>
  <c r="A129308" i="1" s="1"/>
  <c r="A129309" i="1" s="1"/>
  <c r="A129310" i="1" s="1"/>
  <c r="A129311" i="1" s="1"/>
  <c r="A129312" i="1" s="1"/>
  <c r="A129313" i="1" s="1"/>
  <c r="A129314" i="1" s="1"/>
  <c r="A129315" i="1" s="1"/>
  <c r="A129316" i="1" s="1"/>
  <c r="A129317" i="1" s="1"/>
  <c r="A129318" i="1" s="1"/>
  <c r="A129319" i="1" s="1"/>
  <c r="A129320" i="1" s="1"/>
  <c r="A129321" i="1" s="1"/>
  <c r="A129322" i="1" s="1"/>
  <c r="A129323" i="1" s="1"/>
  <c r="A129324" i="1" s="1"/>
  <c r="A129325" i="1" s="1"/>
  <c r="A129326" i="1" s="1"/>
  <c r="A129327" i="1" s="1"/>
  <c r="A129328" i="1" s="1"/>
  <c r="A129329" i="1" s="1"/>
  <c r="A129330" i="1" s="1"/>
  <c r="A129331" i="1" s="1"/>
  <c r="A129332" i="1" s="1"/>
  <c r="A129333" i="1" s="1"/>
  <c r="A129334" i="1" s="1"/>
  <c r="A129335" i="1" s="1"/>
  <c r="A129336" i="1" s="1"/>
  <c r="A129337" i="1" s="1"/>
  <c r="A129338" i="1" s="1"/>
  <c r="A129339" i="1" s="1"/>
  <c r="A129340" i="1" s="1"/>
  <c r="A129341" i="1" s="1"/>
  <c r="A129342" i="1" s="1"/>
  <c r="A129343" i="1" s="1"/>
  <c r="A129344" i="1" s="1"/>
  <c r="A129345" i="1" s="1"/>
  <c r="A129346" i="1" s="1"/>
  <c r="A129347" i="1" s="1"/>
  <c r="A129348" i="1" s="1"/>
  <c r="A129349" i="1" s="1"/>
  <c r="A129350" i="1" s="1"/>
  <c r="A129351" i="1" s="1"/>
  <c r="A129352" i="1" s="1"/>
  <c r="A129353" i="1" s="1"/>
  <c r="A129354" i="1" s="1"/>
  <c r="A129355" i="1" s="1"/>
  <c r="A129356" i="1" s="1"/>
  <c r="A129357" i="1" s="1"/>
  <c r="A129358" i="1" s="1"/>
  <c r="A129359" i="1" s="1"/>
  <c r="A129360" i="1" s="1"/>
  <c r="A129361" i="1" s="1"/>
  <c r="A129362" i="1" s="1"/>
  <c r="A129363" i="1" s="1"/>
  <c r="A129364" i="1" s="1"/>
  <c r="A129365" i="1" s="1"/>
  <c r="A129366" i="1" s="1"/>
  <c r="A129367" i="1" s="1"/>
  <c r="A129368" i="1" s="1"/>
  <c r="A129369" i="1" s="1"/>
  <c r="A129370" i="1" s="1"/>
  <c r="A129371" i="1" s="1"/>
  <c r="A129372" i="1" s="1"/>
  <c r="A129373" i="1" s="1"/>
  <c r="A129374" i="1" s="1"/>
  <c r="A129375" i="1" s="1"/>
  <c r="A129376" i="1" s="1"/>
  <c r="A129377" i="1" s="1"/>
  <c r="A129378" i="1" s="1"/>
  <c r="A129379" i="1" s="1"/>
  <c r="A129380" i="1" s="1"/>
  <c r="A129381" i="1" s="1"/>
  <c r="A129382" i="1" s="1"/>
  <c r="A129383" i="1" s="1"/>
  <c r="A129384" i="1" s="1"/>
  <c r="A129385" i="1" s="1"/>
  <c r="A129386" i="1" s="1"/>
  <c r="A129387" i="1" s="1"/>
  <c r="A129388" i="1" s="1"/>
  <c r="A129389" i="1" s="1"/>
  <c r="A129390" i="1" s="1"/>
  <c r="A129391" i="1" s="1"/>
  <c r="A129392" i="1" s="1"/>
  <c r="A129393" i="1" s="1"/>
  <c r="A129394" i="1" s="1"/>
  <c r="A129395" i="1" s="1"/>
  <c r="A129396" i="1" s="1"/>
  <c r="A129397" i="1" s="1"/>
  <c r="A129398" i="1" s="1"/>
  <c r="A129399" i="1" s="1"/>
  <c r="A129400" i="1" s="1"/>
  <c r="A129401" i="1" s="1"/>
  <c r="A129402" i="1" s="1"/>
  <c r="A129403" i="1" s="1"/>
  <c r="A129404" i="1" s="1"/>
  <c r="A129405" i="1" s="1"/>
  <c r="A129406" i="1" s="1"/>
  <c r="A129407" i="1" s="1"/>
  <c r="A129408" i="1" s="1"/>
  <c r="A129409" i="1" s="1"/>
  <c r="A129410" i="1" s="1"/>
  <c r="A129411" i="1" s="1"/>
  <c r="A129412" i="1" s="1"/>
  <c r="A129413" i="1" s="1"/>
  <c r="A129414" i="1" s="1"/>
  <c r="A129415" i="1" s="1"/>
  <c r="A129416" i="1" s="1"/>
  <c r="A129417" i="1" s="1"/>
  <c r="A129418" i="1" s="1"/>
  <c r="A129419" i="1" s="1"/>
  <c r="A129420" i="1" s="1"/>
  <c r="A129421" i="1" s="1"/>
  <c r="A129422" i="1" s="1"/>
  <c r="A129423" i="1" s="1"/>
  <c r="A129424" i="1" s="1"/>
  <c r="A129425" i="1" s="1"/>
  <c r="A129426" i="1" s="1"/>
  <c r="A129427" i="1" s="1"/>
  <c r="A129428" i="1" s="1"/>
  <c r="A129429" i="1" s="1"/>
  <c r="A129430" i="1" s="1"/>
  <c r="A129431" i="1" s="1"/>
  <c r="A129432" i="1" s="1"/>
  <c r="A129433" i="1" s="1"/>
  <c r="A129434" i="1" s="1"/>
  <c r="A129435" i="1" s="1"/>
  <c r="A129436" i="1" s="1"/>
  <c r="A129437" i="1" s="1"/>
  <c r="A129438" i="1" s="1"/>
  <c r="A129439" i="1" s="1"/>
  <c r="A129440" i="1" s="1"/>
  <c r="A129441" i="1" s="1"/>
  <c r="A129442" i="1" s="1"/>
  <c r="A129443" i="1" s="1"/>
  <c r="A129444" i="1" s="1"/>
  <c r="A129445" i="1" s="1"/>
  <c r="A129446" i="1" s="1"/>
  <c r="A129447" i="1" s="1"/>
  <c r="A129448" i="1" s="1"/>
  <c r="A129449" i="1" s="1"/>
  <c r="A129450" i="1" s="1"/>
  <c r="A129451" i="1" s="1"/>
  <c r="A129452" i="1" s="1"/>
  <c r="A129453" i="1" s="1"/>
  <c r="A129454" i="1" s="1"/>
  <c r="A129455" i="1" s="1"/>
  <c r="A129456" i="1" s="1"/>
  <c r="A129457" i="1" s="1"/>
  <c r="A129458" i="1" s="1"/>
  <c r="A129459" i="1" s="1"/>
  <c r="A129460" i="1" s="1"/>
  <c r="A129461" i="1" s="1"/>
  <c r="A129462" i="1" s="1"/>
  <c r="A129463" i="1" s="1"/>
  <c r="A129464" i="1" s="1"/>
  <c r="A129465" i="1" s="1"/>
  <c r="A129466" i="1" s="1"/>
  <c r="A129467" i="1" s="1"/>
  <c r="A129468" i="1" s="1"/>
  <c r="A129469" i="1" s="1"/>
  <c r="A129470" i="1" s="1"/>
  <c r="A129471" i="1" s="1"/>
  <c r="A129472" i="1" s="1"/>
  <c r="A129473" i="1" s="1"/>
  <c r="A129474" i="1" s="1"/>
  <c r="A129475" i="1" s="1"/>
  <c r="A129476" i="1" s="1"/>
  <c r="A129477" i="1" s="1"/>
  <c r="A129478" i="1" s="1"/>
  <c r="A129479" i="1" s="1"/>
  <c r="A129480" i="1" s="1"/>
  <c r="A129481" i="1" s="1"/>
  <c r="A129482" i="1" s="1"/>
  <c r="A129483" i="1" s="1"/>
  <c r="A129484" i="1" s="1"/>
  <c r="A129485" i="1" s="1"/>
  <c r="A129486" i="1" s="1"/>
  <c r="A129487" i="1" s="1"/>
  <c r="A129488" i="1" s="1"/>
  <c r="A129489" i="1" s="1"/>
  <c r="A129490" i="1" s="1"/>
  <c r="A129491" i="1" s="1"/>
  <c r="A129492" i="1" s="1"/>
  <c r="A129493" i="1" s="1"/>
  <c r="A129494" i="1" s="1"/>
  <c r="A129495" i="1" s="1"/>
  <c r="A129496" i="1" s="1"/>
  <c r="A129497" i="1" s="1"/>
  <c r="A129498" i="1" s="1"/>
  <c r="A129499" i="1" s="1"/>
  <c r="A129500" i="1" s="1"/>
  <c r="A129501" i="1" s="1"/>
  <c r="A129502" i="1" s="1"/>
  <c r="A129503" i="1" s="1"/>
  <c r="A129504" i="1" s="1"/>
  <c r="A129505" i="1" s="1"/>
  <c r="A129506" i="1" s="1"/>
  <c r="A129507" i="1" s="1"/>
  <c r="A129508" i="1" s="1"/>
  <c r="A129509" i="1" s="1"/>
  <c r="A129510" i="1" s="1"/>
  <c r="A129511" i="1" s="1"/>
  <c r="A129512" i="1" s="1"/>
  <c r="A129513" i="1" s="1"/>
  <c r="A129514" i="1" s="1"/>
  <c r="A129515" i="1" s="1"/>
  <c r="A129516" i="1" s="1"/>
  <c r="A129517" i="1" s="1"/>
  <c r="A129518" i="1" s="1"/>
  <c r="A129519" i="1" s="1"/>
  <c r="A129520" i="1" s="1"/>
  <c r="A129521" i="1" s="1"/>
  <c r="A129522" i="1" s="1"/>
  <c r="A129523" i="1" s="1"/>
  <c r="A129524" i="1" s="1"/>
  <c r="A129525" i="1" s="1"/>
  <c r="A129526" i="1" s="1"/>
  <c r="A129527" i="1" s="1"/>
  <c r="A129528" i="1" s="1"/>
  <c r="A129529" i="1" s="1"/>
  <c r="A129530" i="1" s="1"/>
  <c r="A129531" i="1" s="1"/>
  <c r="A129532" i="1" s="1"/>
  <c r="A129533" i="1" s="1"/>
  <c r="A129534" i="1" s="1"/>
  <c r="A129535" i="1" s="1"/>
  <c r="A129536" i="1" s="1"/>
  <c r="A129537" i="1" s="1"/>
  <c r="A129538" i="1" s="1"/>
  <c r="A129539" i="1" s="1"/>
  <c r="A129540" i="1" s="1"/>
  <c r="A129541" i="1" s="1"/>
  <c r="A129542" i="1" s="1"/>
  <c r="A129543" i="1" s="1"/>
  <c r="A129544" i="1" s="1"/>
  <c r="A129545" i="1" s="1"/>
  <c r="A129546" i="1" s="1"/>
  <c r="A129547" i="1" s="1"/>
  <c r="A129548" i="1" s="1"/>
  <c r="A129549" i="1" s="1"/>
  <c r="A129550" i="1" s="1"/>
  <c r="A129551" i="1" s="1"/>
  <c r="A129552" i="1" s="1"/>
  <c r="A129553" i="1" s="1"/>
  <c r="A129554" i="1" s="1"/>
  <c r="A129555" i="1" s="1"/>
  <c r="A129556" i="1" s="1"/>
  <c r="A129557" i="1" s="1"/>
  <c r="A129558" i="1" s="1"/>
  <c r="A129559" i="1" s="1"/>
  <c r="A129560" i="1" s="1"/>
  <c r="A129561" i="1" s="1"/>
  <c r="A129562" i="1" s="1"/>
  <c r="A129563" i="1" s="1"/>
  <c r="A129564" i="1" s="1"/>
  <c r="A129565" i="1" s="1"/>
  <c r="A129566" i="1" s="1"/>
  <c r="A129567" i="1" s="1"/>
  <c r="A129568" i="1" s="1"/>
  <c r="A129569" i="1" s="1"/>
  <c r="A129570" i="1" s="1"/>
  <c r="A129571" i="1" s="1"/>
  <c r="A129572" i="1" s="1"/>
  <c r="A129573" i="1" s="1"/>
  <c r="A129574" i="1" s="1"/>
  <c r="A129575" i="1" s="1"/>
  <c r="A129576" i="1" s="1"/>
  <c r="A129577" i="1" s="1"/>
  <c r="A129578" i="1" s="1"/>
  <c r="A129579" i="1" s="1"/>
  <c r="A129580" i="1" s="1"/>
  <c r="A129581" i="1" s="1"/>
  <c r="A129582" i="1" s="1"/>
  <c r="A129583" i="1" s="1"/>
  <c r="A129584" i="1" s="1"/>
  <c r="A129585" i="1" s="1"/>
  <c r="A129586" i="1" s="1"/>
  <c r="A129587" i="1" s="1"/>
  <c r="A129588" i="1" s="1"/>
  <c r="A129589" i="1" s="1"/>
  <c r="A129590" i="1" s="1"/>
  <c r="A129591" i="1" s="1"/>
  <c r="A129592" i="1" s="1"/>
  <c r="A129593" i="1" s="1"/>
  <c r="A129594" i="1" s="1"/>
  <c r="A129595" i="1" s="1"/>
  <c r="A129596" i="1" s="1"/>
  <c r="A129597" i="1" s="1"/>
  <c r="A129598" i="1" s="1"/>
  <c r="A129599" i="1" s="1"/>
  <c r="A129600" i="1" s="1"/>
  <c r="A129601" i="1" s="1"/>
  <c r="A129602" i="1" s="1"/>
  <c r="A129603" i="1" s="1"/>
  <c r="A129604" i="1" s="1"/>
  <c r="A129605" i="1" s="1"/>
  <c r="A129606" i="1" s="1"/>
  <c r="A129607" i="1" s="1"/>
  <c r="A129608" i="1" s="1"/>
  <c r="A129609" i="1" s="1"/>
  <c r="A129610" i="1" s="1"/>
  <c r="A129611" i="1" s="1"/>
  <c r="A129612" i="1" s="1"/>
  <c r="A129613" i="1" s="1"/>
  <c r="A129614" i="1" s="1"/>
  <c r="A129615" i="1" s="1"/>
  <c r="A129616" i="1" s="1"/>
  <c r="A129617" i="1" s="1"/>
  <c r="A129618" i="1" s="1"/>
  <c r="A129619" i="1" s="1"/>
  <c r="A129620" i="1" s="1"/>
  <c r="A129621" i="1" s="1"/>
  <c r="A129622" i="1" s="1"/>
  <c r="A129623" i="1" s="1"/>
  <c r="A129624" i="1" s="1"/>
  <c r="A129625" i="1" s="1"/>
  <c r="A129626" i="1" s="1"/>
  <c r="A129627" i="1" s="1"/>
  <c r="A129628" i="1" s="1"/>
  <c r="A129629" i="1" s="1"/>
  <c r="A129630" i="1" s="1"/>
  <c r="A129631" i="1" s="1"/>
  <c r="A129632" i="1" s="1"/>
  <c r="A129633" i="1" s="1"/>
  <c r="A129634" i="1" s="1"/>
  <c r="A129635" i="1" s="1"/>
  <c r="A129636" i="1" s="1"/>
  <c r="A129637" i="1" s="1"/>
  <c r="A129638" i="1" s="1"/>
  <c r="A129639" i="1" s="1"/>
  <c r="A129640" i="1" s="1"/>
  <c r="A129641" i="1" s="1"/>
  <c r="A129642" i="1" s="1"/>
  <c r="A129643" i="1" s="1"/>
  <c r="A129644" i="1" s="1"/>
  <c r="A129645" i="1" s="1"/>
  <c r="A129646" i="1" s="1"/>
  <c r="A129647" i="1" s="1"/>
  <c r="A129648" i="1" s="1"/>
  <c r="A129649" i="1" s="1"/>
  <c r="A129650" i="1" s="1"/>
  <c r="A129651" i="1" s="1"/>
  <c r="A129652" i="1" s="1"/>
  <c r="A129653" i="1" s="1"/>
  <c r="A129654" i="1" s="1"/>
  <c r="A129655" i="1" s="1"/>
  <c r="A129656" i="1" s="1"/>
  <c r="A129657" i="1" s="1"/>
  <c r="A129658" i="1" s="1"/>
  <c r="A129659" i="1" s="1"/>
  <c r="A129660" i="1" s="1"/>
  <c r="A129661" i="1" s="1"/>
  <c r="A129662" i="1" s="1"/>
  <c r="A129663" i="1" s="1"/>
  <c r="A129664" i="1" s="1"/>
  <c r="A129665" i="1" s="1"/>
  <c r="A129666" i="1" s="1"/>
  <c r="A129667" i="1" s="1"/>
  <c r="A129668" i="1" s="1"/>
  <c r="A129669" i="1" s="1"/>
  <c r="A129670" i="1" s="1"/>
  <c r="A129671" i="1" s="1"/>
  <c r="A129672" i="1" s="1"/>
  <c r="A129673" i="1" s="1"/>
  <c r="A129674" i="1" s="1"/>
  <c r="A129675" i="1" s="1"/>
  <c r="A129676" i="1" s="1"/>
  <c r="A129677" i="1" s="1"/>
  <c r="A129678" i="1" s="1"/>
  <c r="A129679" i="1" s="1"/>
  <c r="A129680" i="1" s="1"/>
  <c r="A129681" i="1" s="1"/>
  <c r="A129682" i="1" s="1"/>
  <c r="A129683" i="1" s="1"/>
  <c r="A129684" i="1" s="1"/>
  <c r="A129685" i="1" s="1"/>
  <c r="A129686" i="1" s="1"/>
  <c r="A129687" i="1" s="1"/>
  <c r="A129688" i="1" s="1"/>
  <c r="A129689" i="1" s="1"/>
  <c r="A129690" i="1" s="1"/>
  <c r="A129691" i="1" s="1"/>
  <c r="A129692" i="1" s="1"/>
  <c r="A129693" i="1" s="1"/>
  <c r="A129694" i="1" s="1"/>
  <c r="A129695" i="1" s="1"/>
  <c r="A129696" i="1" s="1"/>
  <c r="A129697" i="1" s="1"/>
  <c r="A129698" i="1" s="1"/>
  <c r="A129699" i="1" s="1"/>
  <c r="A129700" i="1" s="1"/>
  <c r="A129701" i="1" s="1"/>
  <c r="A129702" i="1" s="1"/>
  <c r="A129703" i="1" s="1"/>
  <c r="A129704" i="1" s="1"/>
  <c r="A129705" i="1" s="1"/>
  <c r="A129706" i="1" s="1"/>
  <c r="A129707" i="1" s="1"/>
  <c r="A129708" i="1" s="1"/>
  <c r="A129709" i="1" s="1"/>
  <c r="A129710" i="1" s="1"/>
  <c r="A129711" i="1" s="1"/>
  <c r="A129712" i="1" s="1"/>
  <c r="A129713" i="1" s="1"/>
  <c r="A129714" i="1" s="1"/>
  <c r="A129715" i="1" s="1"/>
  <c r="A129716" i="1" s="1"/>
  <c r="A129717" i="1" s="1"/>
  <c r="A129718" i="1" s="1"/>
  <c r="A129719" i="1" s="1"/>
  <c r="A129720" i="1" s="1"/>
  <c r="A129721" i="1" s="1"/>
  <c r="A129722" i="1" s="1"/>
  <c r="A129723" i="1" s="1"/>
  <c r="A129724" i="1" s="1"/>
  <c r="A129725" i="1" s="1"/>
  <c r="A129726" i="1" s="1"/>
  <c r="A129727" i="1" s="1"/>
  <c r="A129728" i="1" s="1"/>
  <c r="A129729" i="1" s="1"/>
  <c r="A129730" i="1" s="1"/>
  <c r="A129731" i="1" s="1"/>
  <c r="A129732" i="1" s="1"/>
  <c r="A129733" i="1" s="1"/>
  <c r="A129734" i="1" s="1"/>
  <c r="A129735" i="1" s="1"/>
  <c r="A129736" i="1" s="1"/>
  <c r="A129737" i="1" s="1"/>
  <c r="A129738" i="1" s="1"/>
  <c r="A129739" i="1" s="1"/>
  <c r="A129740" i="1" s="1"/>
  <c r="A129741" i="1" s="1"/>
  <c r="A129742" i="1" s="1"/>
  <c r="A129743" i="1" s="1"/>
  <c r="A129744" i="1" s="1"/>
  <c r="A129745" i="1" s="1"/>
  <c r="A129746" i="1" s="1"/>
  <c r="A129747" i="1" s="1"/>
  <c r="A129748" i="1" s="1"/>
  <c r="A129749" i="1" s="1"/>
  <c r="A129750" i="1" s="1"/>
  <c r="A129751" i="1" s="1"/>
  <c r="A129752" i="1" s="1"/>
  <c r="A129753" i="1" s="1"/>
  <c r="A129754" i="1" s="1"/>
  <c r="A129755" i="1" s="1"/>
  <c r="A129756" i="1" s="1"/>
  <c r="A129757" i="1" s="1"/>
  <c r="A129758" i="1" s="1"/>
  <c r="A129759" i="1" s="1"/>
  <c r="A129760" i="1" s="1"/>
  <c r="A129761" i="1" s="1"/>
  <c r="A129762" i="1" s="1"/>
  <c r="A129763" i="1" s="1"/>
  <c r="A129764" i="1" s="1"/>
  <c r="A129765" i="1" s="1"/>
  <c r="A129766" i="1" s="1"/>
  <c r="A129767" i="1" s="1"/>
  <c r="A129768" i="1" s="1"/>
  <c r="A129769" i="1" s="1"/>
  <c r="A129770" i="1" s="1"/>
  <c r="A129771" i="1" s="1"/>
  <c r="A129772" i="1" s="1"/>
  <c r="A129773" i="1" s="1"/>
  <c r="A129774" i="1" s="1"/>
  <c r="A129775" i="1" s="1"/>
  <c r="A129776" i="1" s="1"/>
  <c r="A129777" i="1" s="1"/>
  <c r="A129778" i="1" s="1"/>
  <c r="A129779" i="1" s="1"/>
  <c r="A129780" i="1" s="1"/>
  <c r="A129781" i="1" s="1"/>
  <c r="A129782" i="1" s="1"/>
  <c r="A129783" i="1" s="1"/>
  <c r="A129784" i="1" s="1"/>
  <c r="A129785" i="1" s="1"/>
  <c r="A129786" i="1" s="1"/>
  <c r="A129787" i="1" s="1"/>
  <c r="A129788" i="1" s="1"/>
  <c r="A129789" i="1" s="1"/>
  <c r="A129790" i="1" s="1"/>
  <c r="A129791" i="1" s="1"/>
  <c r="A129792" i="1" s="1"/>
  <c r="A129793" i="1" s="1"/>
  <c r="A129794" i="1" s="1"/>
  <c r="A129795" i="1" s="1"/>
  <c r="A129796" i="1" s="1"/>
  <c r="A129797" i="1" s="1"/>
  <c r="A129798" i="1" s="1"/>
  <c r="A129799" i="1" s="1"/>
  <c r="A129800" i="1" s="1"/>
  <c r="A129801" i="1" s="1"/>
  <c r="A129802" i="1" s="1"/>
  <c r="A129803" i="1" s="1"/>
  <c r="A129804" i="1" s="1"/>
  <c r="A129805" i="1" s="1"/>
  <c r="A129806" i="1" s="1"/>
  <c r="A129807" i="1" s="1"/>
  <c r="A129808" i="1" s="1"/>
  <c r="A129809" i="1" s="1"/>
  <c r="A129810" i="1" s="1"/>
  <c r="A129811" i="1" s="1"/>
  <c r="A129812" i="1" s="1"/>
  <c r="A129813" i="1" s="1"/>
  <c r="A129814" i="1" s="1"/>
  <c r="A129815" i="1" s="1"/>
  <c r="A129816" i="1" s="1"/>
  <c r="A129817" i="1" s="1"/>
  <c r="A129818" i="1" s="1"/>
  <c r="A129819" i="1" s="1"/>
  <c r="A129820" i="1" s="1"/>
  <c r="A129821" i="1" s="1"/>
  <c r="A129822" i="1" s="1"/>
  <c r="A129823" i="1" s="1"/>
  <c r="A129824" i="1" s="1"/>
  <c r="A129825" i="1" s="1"/>
  <c r="A129826" i="1" s="1"/>
  <c r="A129827" i="1" s="1"/>
  <c r="A129828" i="1" s="1"/>
  <c r="A129829" i="1" s="1"/>
  <c r="A129830" i="1" s="1"/>
  <c r="A129831" i="1" s="1"/>
  <c r="A129832" i="1" s="1"/>
  <c r="A129833" i="1" s="1"/>
  <c r="A129834" i="1" s="1"/>
  <c r="A129835" i="1" s="1"/>
  <c r="A129836" i="1" s="1"/>
  <c r="A129837" i="1" s="1"/>
  <c r="A129838" i="1" s="1"/>
  <c r="A129839" i="1" s="1"/>
  <c r="A129840" i="1" s="1"/>
  <c r="A129841" i="1" s="1"/>
  <c r="A129842" i="1" s="1"/>
  <c r="A129843" i="1" s="1"/>
  <c r="A129844" i="1" s="1"/>
  <c r="A129845" i="1" s="1"/>
  <c r="A129846" i="1" s="1"/>
  <c r="A129847" i="1" s="1"/>
  <c r="A129848" i="1" s="1"/>
  <c r="A129849" i="1" s="1"/>
  <c r="A129850" i="1" s="1"/>
  <c r="A129851" i="1" s="1"/>
  <c r="A129852" i="1" s="1"/>
  <c r="A129853" i="1" s="1"/>
  <c r="A129854" i="1" s="1"/>
  <c r="A129855" i="1" s="1"/>
  <c r="A129856" i="1" s="1"/>
  <c r="A129857" i="1" s="1"/>
  <c r="A129858" i="1" s="1"/>
  <c r="A129859" i="1" s="1"/>
  <c r="A129860" i="1" s="1"/>
  <c r="A129861" i="1" s="1"/>
  <c r="A129862" i="1" s="1"/>
  <c r="A129863" i="1" s="1"/>
  <c r="A129864" i="1" s="1"/>
  <c r="A129865" i="1" s="1"/>
  <c r="A129866" i="1" s="1"/>
  <c r="A129867" i="1" s="1"/>
  <c r="A129868" i="1" s="1"/>
  <c r="A129869" i="1" s="1"/>
  <c r="A129870" i="1" s="1"/>
  <c r="A129871" i="1" s="1"/>
  <c r="A129872" i="1" s="1"/>
  <c r="A129873" i="1" s="1"/>
  <c r="A129874" i="1" s="1"/>
  <c r="A129875" i="1" s="1"/>
  <c r="A129876" i="1" s="1"/>
  <c r="A129877" i="1" s="1"/>
  <c r="A129878" i="1" s="1"/>
  <c r="A129879" i="1" s="1"/>
  <c r="A129880" i="1" s="1"/>
  <c r="A129881" i="1" s="1"/>
  <c r="A129882" i="1" s="1"/>
  <c r="A129883" i="1" s="1"/>
  <c r="A129884" i="1" s="1"/>
  <c r="A129885" i="1" s="1"/>
  <c r="A129886" i="1" s="1"/>
  <c r="A129887" i="1" s="1"/>
  <c r="A129888" i="1" s="1"/>
  <c r="A129889" i="1" s="1"/>
  <c r="A129890" i="1" s="1"/>
  <c r="A129891" i="1" s="1"/>
  <c r="A129892" i="1" s="1"/>
  <c r="A129893" i="1" s="1"/>
  <c r="A129894" i="1" s="1"/>
  <c r="A129895" i="1" s="1"/>
  <c r="A129896" i="1" s="1"/>
  <c r="A129897" i="1" s="1"/>
  <c r="A129898" i="1" s="1"/>
  <c r="A129899" i="1" s="1"/>
  <c r="A129900" i="1" s="1"/>
  <c r="A129901" i="1" s="1"/>
  <c r="A129902" i="1" s="1"/>
  <c r="A129903" i="1" s="1"/>
  <c r="A129904" i="1" s="1"/>
  <c r="A129905" i="1" s="1"/>
  <c r="A129906" i="1" s="1"/>
  <c r="A129907" i="1" s="1"/>
  <c r="A129908" i="1" s="1"/>
  <c r="A129909" i="1" s="1"/>
  <c r="A129910" i="1" s="1"/>
  <c r="A129911" i="1" s="1"/>
  <c r="A129912" i="1" s="1"/>
  <c r="A129913" i="1" s="1"/>
  <c r="A129914" i="1" s="1"/>
  <c r="A129915" i="1" s="1"/>
  <c r="A129916" i="1" s="1"/>
  <c r="A129917" i="1" s="1"/>
  <c r="A129918" i="1" s="1"/>
  <c r="A129919" i="1" s="1"/>
  <c r="A129920" i="1" s="1"/>
  <c r="A129921" i="1" s="1"/>
  <c r="A129922" i="1" s="1"/>
  <c r="A129923" i="1" s="1"/>
  <c r="A129924" i="1" s="1"/>
  <c r="A129925" i="1" s="1"/>
  <c r="A129926" i="1" s="1"/>
  <c r="A129927" i="1" s="1"/>
  <c r="A129928" i="1" s="1"/>
  <c r="A129929" i="1" s="1"/>
  <c r="A129930" i="1" s="1"/>
  <c r="A129931" i="1" s="1"/>
  <c r="A129932" i="1" s="1"/>
  <c r="A129933" i="1" s="1"/>
  <c r="A129934" i="1" s="1"/>
  <c r="A129935" i="1" s="1"/>
  <c r="A129936" i="1" s="1"/>
  <c r="A129937" i="1" s="1"/>
  <c r="A129938" i="1" s="1"/>
  <c r="A129939" i="1" s="1"/>
  <c r="A129940" i="1" s="1"/>
  <c r="A129941" i="1" s="1"/>
  <c r="A129942" i="1" s="1"/>
  <c r="A129943" i="1" s="1"/>
  <c r="A129944" i="1" s="1"/>
  <c r="A129945" i="1" s="1"/>
  <c r="A129946" i="1" s="1"/>
  <c r="A129947" i="1" s="1"/>
  <c r="A129948" i="1" s="1"/>
  <c r="A129949" i="1" s="1"/>
  <c r="A129950" i="1" s="1"/>
  <c r="A129951" i="1" s="1"/>
  <c r="A129952" i="1" s="1"/>
  <c r="A129953" i="1" s="1"/>
  <c r="A129954" i="1" s="1"/>
  <c r="A129955" i="1" s="1"/>
  <c r="A129956" i="1" s="1"/>
  <c r="A129957" i="1" s="1"/>
  <c r="A129958" i="1" s="1"/>
  <c r="A129959" i="1" s="1"/>
  <c r="A129960" i="1" s="1"/>
  <c r="A129961" i="1" s="1"/>
  <c r="A129962" i="1" s="1"/>
  <c r="A129963" i="1" s="1"/>
  <c r="A129964" i="1" s="1"/>
  <c r="A129965" i="1" s="1"/>
  <c r="A129966" i="1" s="1"/>
  <c r="A129967" i="1" s="1"/>
  <c r="A129968" i="1" s="1"/>
  <c r="A129969" i="1" s="1"/>
  <c r="A129970" i="1" s="1"/>
  <c r="A129971" i="1" s="1"/>
  <c r="A129972" i="1" s="1"/>
  <c r="A129973" i="1" s="1"/>
  <c r="A129974" i="1" s="1"/>
  <c r="A129975" i="1" s="1"/>
  <c r="A129976" i="1" s="1"/>
  <c r="A129977" i="1" s="1"/>
  <c r="A129978" i="1" s="1"/>
  <c r="A129979" i="1" s="1"/>
  <c r="A129980" i="1" s="1"/>
  <c r="A129981" i="1" s="1"/>
  <c r="A129982" i="1" s="1"/>
  <c r="A129983" i="1" s="1"/>
  <c r="A129984" i="1" s="1"/>
  <c r="A129985" i="1" s="1"/>
  <c r="A129986" i="1" s="1"/>
  <c r="A129987" i="1" s="1"/>
  <c r="A129988" i="1" s="1"/>
  <c r="A129989" i="1" s="1"/>
  <c r="A129990" i="1" s="1"/>
  <c r="A129991" i="1" s="1"/>
  <c r="A129992" i="1" s="1"/>
  <c r="A129993" i="1" s="1"/>
  <c r="A129994" i="1" s="1"/>
  <c r="A129995" i="1" s="1"/>
  <c r="A129996" i="1" s="1"/>
  <c r="A129997" i="1" s="1"/>
  <c r="A129998" i="1" s="1"/>
  <c r="A129999" i="1" s="1"/>
  <c r="A130000" i="1" s="1"/>
  <c r="A130001" i="1" s="1"/>
  <c r="A130002" i="1" s="1"/>
  <c r="A130003" i="1" s="1"/>
  <c r="A130004" i="1" s="1"/>
  <c r="A130005" i="1" s="1"/>
  <c r="A130006" i="1" s="1"/>
  <c r="A130007" i="1" s="1"/>
  <c r="A130008" i="1" s="1"/>
  <c r="A130009" i="1" s="1"/>
  <c r="A130010" i="1" s="1"/>
  <c r="A130011" i="1" s="1"/>
  <c r="A130012" i="1" s="1"/>
  <c r="A130013" i="1" s="1"/>
  <c r="A130014" i="1" s="1"/>
  <c r="A130015" i="1" s="1"/>
  <c r="A130016" i="1" s="1"/>
  <c r="A130017" i="1" s="1"/>
  <c r="A130018" i="1" s="1"/>
  <c r="A130019" i="1" s="1"/>
  <c r="A130020" i="1" s="1"/>
  <c r="A130021" i="1" s="1"/>
  <c r="A130022" i="1" s="1"/>
  <c r="A130023" i="1" s="1"/>
  <c r="A130024" i="1" s="1"/>
  <c r="A130025" i="1" s="1"/>
  <c r="A130026" i="1" s="1"/>
  <c r="A130027" i="1" s="1"/>
  <c r="A130028" i="1" s="1"/>
  <c r="A130029" i="1" s="1"/>
  <c r="A130030" i="1" s="1"/>
  <c r="A130031" i="1" s="1"/>
  <c r="A130032" i="1" s="1"/>
  <c r="A130033" i="1" s="1"/>
  <c r="A130034" i="1" s="1"/>
  <c r="A130035" i="1" s="1"/>
  <c r="A130036" i="1" s="1"/>
  <c r="A130037" i="1" s="1"/>
  <c r="A130038" i="1" s="1"/>
  <c r="A130039" i="1" s="1"/>
  <c r="A130040" i="1" s="1"/>
  <c r="A130041" i="1" s="1"/>
  <c r="A130042" i="1" s="1"/>
  <c r="A130043" i="1" s="1"/>
  <c r="A130044" i="1" s="1"/>
  <c r="A130045" i="1" s="1"/>
  <c r="A130046" i="1" s="1"/>
  <c r="A130047" i="1" s="1"/>
  <c r="A130048" i="1" s="1"/>
  <c r="A130049" i="1" s="1"/>
  <c r="A130050" i="1" s="1"/>
  <c r="A130051" i="1" s="1"/>
  <c r="A130052" i="1" s="1"/>
  <c r="A130053" i="1" s="1"/>
  <c r="A130054" i="1" s="1"/>
  <c r="A130055" i="1" s="1"/>
  <c r="A130056" i="1" s="1"/>
  <c r="A130057" i="1" s="1"/>
  <c r="A130058" i="1" s="1"/>
  <c r="A130059" i="1" s="1"/>
  <c r="A130060" i="1" s="1"/>
  <c r="A130061" i="1" s="1"/>
  <c r="A130062" i="1" s="1"/>
  <c r="A130063" i="1" s="1"/>
  <c r="A130064" i="1" s="1"/>
  <c r="A130065" i="1" s="1"/>
  <c r="A130066" i="1" s="1"/>
  <c r="A130067" i="1" s="1"/>
  <c r="A130068" i="1" s="1"/>
  <c r="A130069" i="1" s="1"/>
  <c r="A130070" i="1" s="1"/>
  <c r="A130071" i="1" s="1"/>
  <c r="A130072" i="1" s="1"/>
  <c r="A130073" i="1" s="1"/>
  <c r="A130074" i="1" s="1"/>
  <c r="A130075" i="1" s="1"/>
  <c r="A130076" i="1" s="1"/>
  <c r="A130077" i="1" s="1"/>
  <c r="A130078" i="1" s="1"/>
  <c r="A130079" i="1" s="1"/>
  <c r="A130080" i="1" s="1"/>
  <c r="A130081" i="1" s="1"/>
  <c r="A130082" i="1" s="1"/>
  <c r="A130083" i="1" s="1"/>
  <c r="A130084" i="1" s="1"/>
  <c r="A130085" i="1" s="1"/>
  <c r="A130086" i="1" s="1"/>
  <c r="A130087" i="1" s="1"/>
  <c r="A130088" i="1" s="1"/>
  <c r="A130089" i="1" s="1"/>
  <c r="A130090" i="1" s="1"/>
  <c r="A130091" i="1" s="1"/>
  <c r="A130092" i="1" s="1"/>
  <c r="A130093" i="1" s="1"/>
  <c r="A130094" i="1" s="1"/>
  <c r="A130095" i="1" s="1"/>
  <c r="A130096" i="1" s="1"/>
  <c r="A130097" i="1" s="1"/>
  <c r="A130098" i="1" s="1"/>
  <c r="A130099" i="1" s="1"/>
  <c r="A130100" i="1" s="1"/>
  <c r="A130101" i="1" s="1"/>
  <c r="A130102" i="1" s="1"/>
  <c r="A130103" i="1" s="1"/>
  <c r="A130104" i="1" s="1"/>
  <c r="A130105" i="1" s="1"/>
  <c r="A130106" i="1" s="1"/>
  <c r="A130107" i="1" s="1"/>
  <c r="A130108" i="1" s="1"/>
  <c r="A130109" i="1" s="1"/>
  <c r="A130110" i="1" s="1"/>
  <c r="A130111" i="1" s="1"/>
  <c r="A130112" i="1" s="1"/>
  <c r="A130113" i="1" s="1"/>
  <c r="A130114" i="1" s="1"/>
  <c r="A130115" i="1" s="1"/>
  <c r="A130116" i="1" s="1"/>
  <c r="A130117" i="1" s="1"/>
  <c r="A130118" i="1" s="1"/>
  <c r="A130119" i="1" s="1"/>
  <c r="A130120" i="1" s="1"/>
  <c r="A130121" i="1" s="1"/>
  <c r="A130122" i="1" s="1"/>
  <c r="A130123" i="1" s="1"/>
  <c r="A130124" i="1" s="1"/>
  <c r="A130125" i="1" s="1"/>
  <c r="A130126" i="1" s="1"/>
  <c r="A130127" i="1" s="1"/>
  <c r="A130128" i="1" s="1"/>
  <c r="A130129" i="1" s="1"/>
  <c r="A130130" i="1" s="1"/>
  <c r="A130131" i="1" s="1"/>
  <c r="A130132" i="1" s="1"/>
  <c r="A130133" i="1" s="1"/>
  <c r="A130134" i="1" s="1"/>
  <c r="A130135" i="1" s="1"/>
  <c r="A130136" i="1" s="1"/>
  <c r="A130137" i="1" s="1"/>
  <c r="A130138" i="1" s="1"/>
  <c r="A130139" i="1" s="1"/>
  <c r="A130140" i="1" s="1"/>
  <c r="A130141" i="1" s="1"/>
  <c r="A130142" i="1" s="1"/>
  <c r="A130143" i="1" s="1"/>
  <c r="A130144" i="1" s="1"/>
  <c r="A130145" i="1" s="1"/>
  <c r="A130146" i="1" s="1"/>
  <c r="A130147" i="1" s="1"/>
  <c r="A130148" i="1" s="1"/>
  <c r="A130149" i="1" s="1"/>
  <c r="A130150" i="1" s="1"/>
  <c r="A130151" i="1" s="1"/>
  <c r="A130152" i="1" s="1"/>
  <c r="A130153" i="1" s="1"/>
  <c r="A130154" i="1" s="1"/>
  <c r="A130155" i="1" s="1"/>
  <c r="A130156" i="1" s="1"/>
  <c r="A130157" i="1" s="1"/>
  <c r="A130158" i="1" s="1"/>
  <c r="A130159" i="1" s="1"/>
  <c r="A130160" i="1" s="1"/>
  <c r="A130161" i="1" s="1"/>
  <c r="A130162" i="1" s="1"/>
  <c r="A130163" i="1" s="1"/>
  <c r="A130164" i="1" s="1"/>
  <c r="A130165" i="1" s="1"/>
  <c r="A130166" i="1" s="1"/>
  <c r="A130167" i="1" s="1"/>
  <c r="A130168" i="1" s="1"/>
  <c r="A130169" i="1" s="1"/>
  <c r="A130170" i="1" s="1"/>
  <c r="A130171" i="1" s="1"/>
  <c r="A130172" i="1" s="1"/>
  <c r="A130173" i="1" s="1"/>
  <c r="A130174" i="1" s="1"/>
  <c r="A130175" i="1" s="1"/>
  <c r="A130176" i="1" s="1"/>
  <c r="A130177" i="1" s="1"/>
  <c r="A130178" i="1" s="1"/>
  <c r="A130179" i="1" s="1"/>
  <c r="A130180" i="1" s="1"/>
  <c r="A130181" i="1" s="1"/>
  <c r="A130182" i="1" s="1"/>
  <c r="A130183" i="1" s="1"/>
  <c r="A130184" i="1" s="1"/>
  <c r="A130185" i="1" s="1"/>
  <c r="A130186" i="1" s="1"/>
  <c r="A130187" i="1" s="1"/>
  <c r="A130188" i="1" s="1"/>
  <c r="A130189" i="1" s="1"/>
  <c r="A130190" i="1" s="1"/>
  <c r="A130191" i="1" s="1"/>
  <c r="A130192" i="1" s="1"/>
  <c r="A130193" i="1" s="1"/>
  <c r="A130194" i="1" s="1"/>
  <c r="A130195" i="1" s="1"/>
  <c r="A130196" i="1" s="1"/>
  <c r="A130197" i="1" s="1"/>
  <c r="A130198" i="1" s="1"/>
  <c r="A130199" i="1" s="1"/>
  <c r="A130200" i="1" s="1"/>
  <c r="A130201" i="1" s="1"/>
  <c r="A130202" i="1" s="1"/>
  <c r="A130203" i="1" s="1"/>
  <c r="A130204" i="1" s="1"/>
  <c r="A130205" i="1" s="1"/>
  <c r="A130206" i="1" s="1"/>
  <c r="A130207" i="1" s="1"/>
  <c r="A130208" i="1" s="1"/>
  <c r="A130209" i="1" s="1"/>
  <c r="A130210" i="1" s="1"/>
  <c r="A130211" i="1" s="1"/>
  <c r="A130212" i="1" s="1"/>
  <c r="A130213" i="1" s="1"/>
  <c r="A130214" i="1" s="1"/>
  <c r="A130215" i="1" s="1"/>
  <c r="A130216" i="1" s="1"/>
  <c r="A130217" i="1" s="1"/>
  <c r="A130218" i="1" s="1"/>
  <c r="A130219" i="1" s="1"/>
  <c r="A130220" i="1" s="1"/>
  <c r="A130221" i="1" s="1"/>
  <c r="A130222" i="1" s="1"/>
  <c r="A130223" i="1" s="1"/>
  <c r="A130224" i="1" s="1"/>
  <c r="A130225" i="1" s="1"/>
  <c r="A130226" i="1" s="1"/>
  <c r="A130227" i="1" s="1"/>
  <c r="A130228" i="1" s="1"/>
  <c r="A130229" i="1" s="1"/>
  <c r="A130230" i="1" s="1"/>
  <c r="A130231" i="1" s="1"/>
  <c r="A130232" i="1" s="1"/>
  <c r="A130233" i="1" s="1"/>
  <c r="A130234" i="1" s="1"/>
  <c r="A130235" i="1" s="1"/>
  <c r="A130236" i="1" s="1"/>
  <c r="A130237" i="1" s="1"/>
  <c r="A130238" i="1" s="1"/>
  <c r="A130239" i="1" s="1"/>
  <c r="A130240" i="1" s="1"/>
  <c r="A130241" i="1" s="1"/>
  <c r="A130242" i="1" s="1"/>
  <c r="A130243" i="1" s="1"/>
  <c r="A130244" i="1" s="1"/>
  <c r="A130245" i="1" s="1"/>
  <c r="A130246" i="1" s="1"/>
  <c r="A130247" i="1" s="1"/>
  <c r="A130248" i="1" s="1"/>
  <c r="A130249" i="1" s="1"/>
  <c r="A130250" i="1" s="1"/>
  <c r="A130251" i="1" s="1"/>
  <c r="A130252" i="1" s="1"/>
  <c r="A130253" i="1" s="1"/>
  <c r="A130254" i="1" s="1"/>
  <c r="A130255" i="1" s="1"/>
  <c r="A130256" i="1" s="1"/>
  <c r="A130257" i="1" s="1"/>
  <c r="A130258" i="1" s="1"/>
  <c r="A130259" i="1" s="1"/>
  <c r="A130260" i="1" s="1"/>
  <c r="A130261" i="1" s="1"/>
  <c r="A130262" i="1" s="1"/>
  <c r="A130263" i="1" s="1"/>
  <c r="A130264" i="1" s="1"/>
  <c r="A130265" i="1" s="1"/>
  <c r="A130266" i="1" s="1"/>
  <c r="A130267" i="1" s="1"/>
  <c r="A130268" i="1" s="1"/>
  <c r="A130269" i="1" s="1"/>
  <c r="A130270" i="1" s="1"/>
  <c r="A130271" i="1" s="1"/>
  <c r="A130272" i="1" s="1"/>
  <c r="A130273" i="1" s="1"/>
  <c r="A130274" i="1" s="1"/>
  <c r="A130275" i="1" s="1"/>
  <c r="A130276" i="1" s="1"/>
  <c r="A130277" i="1" s="1"/>
  <c r="A130278" i="1" s="1"/>
  <c r="A130279" i="1" s="1"/>
  <c r="A130280" i="1" s="1"/>
  <c r="A130281" i="1" s="1"/>
  <c r="A130282" i="1" s="1"/>
  <c r="A130283" i="1" s="1"/>
  <c r="A130284" i="1" s="1"/>
  <c r="A130285" i="1" s="1"/>
  <c r="A130286" i="1" s="1"/>
  <c r="A130287" i="1" s="1"/>
  <c r="A130288" i="1" s="1"/>
  <c r="A130289" i="1" s="1"/>
  <c r="A130290" i="1" s="1"/>
  <c r="A130291" i="1" s="1"/>
  <c r="A130292" i="1" s="1"/>
  <c r="A130293" i="1" s="1"/>
  <c r="A130294" i="1" s="1"/>
  <c r="A130295" i="1" s="1"/>
  <c r="A130296" i="1" s="1"/>
  <c r="A130297" i="1" s="1"/>
  <c r="A130298" i="1" s="1"/>
  <c r="A130299" i="1" s="1"/>
  <c r="A130300" i="1" s="1"/>
  <c r="A130301" i="1" s="1"/>
  <c r="A130302" i="1" s="1"/>
  <c r="A130303" i="1" s="1"/>
  <c r="A130304" i="1" s="1"/>
  <c r="A130305" i="1" s="1"/>
  <c r="A130306" i="1" s="1"/>
  <c r="A130307" i="1" s="1"/>
  <c r="A130308" i="1" s="1"/>
  <c r="A130309" i="1" s="1"/>
  <c r="A130310" i="1" s="1"/>
  <c r="A130311" i="1" s="1"/>
  <c r="A130312" i="1" s="1"/>
  <c r="A130313" i="1" s="1"/>
  <c r="A130314" i="1" s="1"/>
  <c r="A130315" i="1" s="1"/>
  <c r="A130316" i="1" s="1"/>
  <c r="A130317" i="1" s="1"/>
  <c r="A130318" i="1" s="1"/>
  <c r="A130319" i="1" s="1"/>
  <c r="A130320" i="1" s="1"/>
  <c r="A130321" i="1" s="1"/>
  <c r="A130322" i="1" s="1"/>
  <c r="A130323" i="1" s="1"/>
  <c r="A130324" i="1" s="1"/>
  <c r="A130325" i="1" s="1"/>
  <c r="A130326" i="1" s="1"/>
  <c r="A130327" i="1" s="1"/>
  <c r="A130328" i="1" s="1"/>
  <c r="A130329" i="1" s="1"/>
  <c r="A130330" i="1" s="1"/>
  <c r="A130331" i="1" s="1"/>
  <c r="A130332" i="1" s="1"/>
  <c r="A130333" i="1" s="1"/>
  <c r="A130334" i="1" s="1"/>
  <c r="A130335" i="1" s="1"/>
  <c r="A130336" i="1" s="1"/>
  <c r="A130337" i="1" s="1"/>
  <c r="A130338" i="1" s="1"/>
  <c r="A130339" i="1" s="1"/>
  <c r="A130340" i="1" s="1"/>
  <c r="A130341" i="1" s="1"/>
  <c r="A130342" i="1" s="1"/>
  <c r="A130343" i="1" s="1"/>
  <c r="A130344" i="1" s="1"/>
  <c r="A130345" i="1" s="1"/>
  <c r="A130346" i="1" s="1"/>
  <c r="A130347" i="1" s="1"/>
  <c r="A130348" i="1" s="1"/>
  <c r="A130349" i="1" s="1"/>
  <c r="A130350" i="1" s="1"/>
  <c r="A130351" i="1" s="1"/>
  <c r="A130352" i="1" s="1"/>
  <c r="A130353" i="1" s="1"/>
  <c r="A130354" i="1" s="1"/>
  <c r="A130355" i="1" s="1"/>
  <c r="A130356" i="1" s="1"/>
  <c r="A130357" i="1" s="1"/>
  <c r="A130358" i="1" s="1"/>
  <c r="A130359" i="1" s="1"/>
  <c r="A130360" i="1" s="1"/>
  <c r="A130361" i="1" s="1"/>
  <c r="A130362" i="1" s="1"/>
  <c r="A130363" i="1" s="1"/>
  <c r="A130364" i="1" s="1"/>
  <c r="A130365" i="1" s="1"/>
  <c r="A130366" i="1" s="1"/>
  <c r="A130367" i="1" s="1"/>
  <c r="A130368" i="1" s="1"/>
  <c r="A130369" i="1" s="1"/>
  <c r="A130370" i="1" s="1"/>
  <c r="A130371" i="1" s="1"/>
  <c r="A130372" i="1" s="1"/>
  <c r="A130373" i="1" s="1"/>
  <c r="A130374" i="1" s="1"/>
  <c r="A130375" i="1" s="1"/>
  <c r="A130376" i="1" s="1"/>
  <c r="A130377" i="1" s="1"/>
  <c r="A130378" i="1" s="1"/>
  <c r="A130379" i="1" s="1"/>
  <c r="A130380" i="1" s="1"/>
  <c r="A130381" i="1" s="1"/>
  <c r="A130382" i="1" s="1"/>
  <c r="A130383" i="1" s="1"/>
  <c r="A130384" i="1" s="1"/>
  <c r="A130385" i="1" s="1"/>
  <c r="A130386" i="1" s="1"/>
  <c r="A130387" i="1" s="1"/>
  <c r="A130388" i="1" s="1"/>
  <c r="A130389" i="1" s="1"/>
  <c r="A130390" i="1" s="1"/>
  <c r="A130391" i="1" s="1"/>
  <c r="A130392" i="1" s="1"/>
  <c r="A130393" i="1" s="1"/>
  <c r="A130394" i="1" s="1"/>
  <c r="A130395" i="1" s="1"/>
  <c r="A130396" i="1" s="1"/>
  <c r="A130397" i="1" s="1"/>
  <c r="A130398" i="1" s="1"/>
  <c r="A130399" i="1" s="1"/>
  <c r="A130400" i="1" s="1"/>
  <c r="A130401" i="1" s="1"/>
  <c r="A130402" i="1" s="1"/>
  <c r="A130403" i="1" s="1"/>
  <c r="A130404" i="1" s="1"/>
  <c r="A130405" i="1" s="1"/>
  <c r="A130406" i="1" s="1"/>
  <c r="A130407" i="1" s="1"/>
  <c r="A130408" i="1" s="1"/>
  <c r="A130409" i="1" s="1"/>
  <c r="A130410" i="1" s="1"/>
  <c r="A130411" i="1" s="1"/>
  <c r="A130412" i="1" s="1"/>
  <c r="A130413" i="1" s="1"/>
  <c r="A130414" i="1" s="1"/>
  <c r="A130415" i="1" s="1"/>
  <c r="A130416" i="1" s="1"/>
  <c r="A130417" i="1" s="1"/>
  <c r="A130418" i="1" s="1"/>
  <c r="A130419" i="1" s="1"/>
  <c r="A130420" i="1" s="1"/>
  <c r="A130421" i="1" s="1"/>
  <c r="A130422" i="1" s="1"/>
  <c r="A130423" i="1" s="1"/>
  <c r="A130424" i="1" s="1"/>
  <c r="A130425" i="1" s="1"/>
  <c r="A130426" i="1" s="1"/>
  <c r="A130427" i="1" s="1"/>
  <c r="A130428" i="1" s="1"/>
  <c r="A130429" i="1" s="1"/>
  <c r="A130430" i="1" s="1"/>
  <c r="A130431" i="1" s="1"/>
  <c r="A130432" i="1" s="1"/>
  <c r="A130433" i="1" s="1"/>
  <c r="A130434" i="1" s="1"/>
  <c r="A130435" i="1" s="1"/>
  <c r="A130436" i="1" s="1"/>
  <c r="A130437" i="1" s="1"/>
  <c r="A130438" i="1" s="1"/>
  <c r="A130439" i="1" s="1"/>
  <c r="A130440" i="1" s="1"/>
  <c r="A130441" i="1" s="1"/>
  <c r="A130442" i="1" s="1"/>
  <c r="A130443" i="1" s="1"/>
  <c r="A130444" i="1" s="1"/>
  <c r="A130445" i="1" s="1"/>
  <c r="A130446" i="1" s="1"/>
  <c r="A130447" i="1" s="1"/>
  <c r="A130448" i="1" s="1"/>
  <c r="A130449" i="1" s="1"/>
  <c r="A130450" i="1" s="1"/>
  <c r="A130451" i="1" s="1"/>
  <c r="A130452" i="1" s="1"/>
  <c r="A130453" i="1" s="1"/>
  <c r="A130454" i="1" s="1"/>
  <c r="A130455" i="1" s="1"/>
  <c r="A130456" i="1" s="1"/>
  <c r="A130457" i="1" s="1"/>
  <c r="A130458" i="1" s="1"/>
  <c r="A130459" i="1" s="1"/>
  <c r="A130460" i="1" s="1"/>
  <c r="A130461" i="1" s="1"/>
  <c r="A130462" i="1" s="1"/>
  <c r="A130463" i="1" s="1"/>
  <c r="A130464" i="1" s="1"/>
  <c r="A130465" i="1" s="1"/>
  <c r="A130466" i="1" s="1"/>
  <c r="A130467" i="1" s="1"/>
  <c r="A130468" i="1" s="1"/>
  <c r="A130469" i="1" s="1"/>
  <c r="A130470" i="1" s="1"/>
  <c r="A130471" i="1" s="1"/>
  <c r="A130472" i="1" s="1"/>
  <c r="A130473" i="1" s="1"/>
  <c r="A130474" i="1" s="1"/>
  <c r="A130475" i="1" s="1"/>
  <c r="A130476" i="1" s="1"/>
  <c r="A130477" i="1" s="1"/>
  <c r="A130478" i="1" s="1"/>
  <c r="A130479" i="1" s="1"/>
  <c r="A130480" i="1" s="1"/>
  <c r="A130481" i="1" s="1"/>
  <c r="A130482" i="1" s="1"/>
  <c r="A130483" i="1" s="1"/>
  <c r="A130484" i="1" s="1"/>
  <c r="A130485" i="1" s="1"/>
  <c r="A130486" i="1" s="1"/>
  <c r="A130487" i="1" s="1"/>
  <c r="A130488" i="1" s="1"/>
  <c r="A130489" i="1" s="1"/>
  <c r="A130490" i="1" s="1"/>
  <c r="A130491" i="1" s="1"/>
  <c r="A130492" i="1" s="1"/>
  <c r="A130493" i="1" s="1"/>
  <c r="A130494" i="1" s="1"/>
  <c r="A130495" i="1" s="1"/>
  <c r="A130496" i="1" s="1"/>
  <c r="A130497" i="1" s="1"/>
  <c r="A130498" i="1" s="1"/>
  <c r="A130499" i="1" s="1"/>
  <c r="A130500" i="1" s="1"/>
  <c r="A130501" i="1" s="1"/>
  <c r="A130502" i="1" s="1"/>
  <c r="A130503" i="1" s="1"/>
  <c r="A130504" i="1" s="1"/>
  <c r="A130505" i="1" s="1"/>
  <c r="A130506" i="1" s="1"/>
  <c r="A130507" i="1" s="1"/>
  <c r="A130508" i="1" s="1"/>
  <c r="A130509" i="1" s="1"/>
  <c r="A130510" i="1" s="1"/>
  <c r="A130511" i="1" s="1"/>
  <c r="A130512" i="1" s="1"/>
  <c r="A130513" i="1" s="1"/>
  <c r="A130514" i="1" s="1"/>
  <c r="A130515" i="1" s="1"/>
  <c r="A130516" i="1" s="1"/>
  <c r="A130517" i="1" s="1"/>
  <c r="A130518" i="1" s="1"/>
  <c r="A130519" i="1" s="1"/>
  <c r="A130520" i="1" s="1"/>
  <c r="A130521" i="1" s="1"/>
  <c r="A130522" i="1" s="1"/>
  <c r="A130523" i="1" s="1"/>
  <c r="A130524" i="1" s="1"/>
  <c r="A130525" i="1" s="1"/>
  <c r="A130526" i="1" s="1"/>
  <c r="A130527" i="1" s="1"/>
  <c r="A130528" i="1" s="1"/>
  <c r="A130529" i="1" s="1"/>
  <c r="A130530" i="1" s="1"/>
  <c r="A130531" i="1" s="1"/>
  <c r="A130532" i="1" s="1"/>
  <c r="A130533" i="1" s="1"/>
  <c r="A130534" i="1" s="1"/>
  <c r="A130535" i="1" s="1"/>
  <c r="A130536" i="1" s="1"/>
  <c r="A130537" i="1" s="1"/>
  <c r="A130538" i="1" s="1"/>
  <c r="A130539" i="1" s="1"/>
  <c r="A130540" i="1" s="1"/>
  <c r="A130541" i="1" s="1"/>
  <c r="A130542" i="1" s="1"/>
  <c r="A130543" i="1" s="1"/>
  <c r="A130544" i="1" s="1"/>
  <c r="A130545" i="1" s="1"/>
  <c r="A130546" i="1" s="1"/>
  <c r="A130547" i="1" s="1"/>
  <c r="A130548" i="1" s="1"/>
  <c r="A130549" i="1" s="1"/>
  <c r="A130550" i="1" s="1"/>
  <c r="A130551" i="1" s="1"/>
  <c r="A130552" i="1" s="1"/>
  <c r="A130553" i="1" s="1"/>
  <c r="A130554" i="1" s="1"/>
  <c r="A130555" i="1" s="1"/>
  <c r="A130556" i="1" s="1"/>
  <c r="A130557" i="1" s="1"/>
  <c r="A130558" i="1" s="1"/>
  <c r="A130559" i="1" s="1"/>
  <c r="A130560" i="1" s="1"/>
  <c r="A130561" i="1" s="1"/>
  <c r="A130562" i="1" s="1"/>
  <c r="A130563" i="1" s="1"/>
  <c r="A130564" i="1" s="1"/>
  <c r="A130565" i="1" s="1"/>
  <c r="A130566" i="1" s="1"/>
  <c r="A130567" i="1" s="1"/>
  <c r="A130568" i="1" s="1"/>
  <c r="A130569" i="1" s="1"/>
  <c r="A130570" i="1" s="1"/>
  <c r="A130571" i="1" s="1"/>
  <c r="A130572" i="1" s="1"/>
  <c r="A130573" i="1" s="1"/>
  <c r="A130574" i="1" s="1"/>
  <c r="A130575" i="1" s="1"/>
  <c r="A130576" i="1" s="1"/>
  <c r="A130577" i="1" s="1"/>
  <c r="A130578" i="1" s="1"/>
  <c r="A130579" i="1" s="1"/>
  <c r="A130580" i="1" s="1"/>
  <c r="A130581" i="1" s="1"/>
  <c r="A130582" i="1" s="1"/>
  <c r="A130583" i="1" s="1"/>
  <c r="A130584" i="1" s="1"/>
  <c r="A130585" i="1" s="1"/>
  <c r="A130586" i="1" s="1"/>
  <c r="A130587" i="1" s="1"/>
  <c r="A130588" i="1" s="1"/>
  <c r="A130589" i="1" s="1"/>
  <c r="A130590" i="1" s="1"/>
  <c r="A130591" i="1" s="1"/>
  <c r="A130592" i="1" s="1"/>
  <c r="A130593" i="1" s="1"/>
  <c r="A130594" i="1" s="1"/>
  <c r="A130595" i="1" s="1"/>
  <c r="A130596" i="1" s="1"/>
  <c r="A130597" i="1" s="1"/>
  <c r="A130598" i="1" s="1"/>
  <c r="A130599" i="1" s="1"/>
  <c r="A130600" i="1" s="1"/>
  <c r="A130601" i="1" s="1"/>
  <c r="A130602" i="1" s="1"/>
  <c r="A130603" i="1" s="1"/>
  <c r="A130604" i="1" s="1"/>
  <c r="A130605" i="1" s="1"/>
  <c r="A130606" i="1" s="1"/>
  <c r="A130607" i="1" s="1"/>
  <c r="A130608" i="1" s="1"/>
  <c r="A130609" i="1" s="1"/>
  <c r="A130610" i="1" s="1"/>
  <c r="A130611" i="1" s="1"/>
  <c r="A130612" i="1" s="1"/>
  <c r="A130613" i="1" s="1"/>
  <c r="A130614" i="1" s="1"/>
  <c r="A130615" i="1" s="1"/>
  <c r="A130616" i="1" s="1"/>
  <c r="A130617" i="1" s="1"/>
  <c r="A130618" i="1" s="1"/>
  <c r="A130619" i="1" s="1"/>
  <c r="A130620" i="1" s="1"/>
  <c r="A130621" i="1" s="1"/>
  <c r="A130622" i="1" s="1"/>
  <c r="A130623" i="1" s="1"/>
  <c r="A130624" i="1" s="1"/>
  <c r="A130625" i="1" s="1"/>
  <c r="A130626" i="1" s="1"/>
  <c r="A130627" i="1" s="1"/>
  <c r="A130628" i="1" s="1"/>
  <c r="A130629" i="1" s="1"/>
  <c r="A130630" i="1" s="1"/>
  <c r="A130631" i="1" s="1"/>
  <c r="A130632" i="1" s="1"/>
  <c r="A130633" i="1" s="1"/>
  <c r="A130634" i="1" s="1"/>
  <c r="A130635" i="1" s="1"/>
  <c r="A130636" i="1" s="1"/>
  <c r="A130637" i="1" s="1"/>
  <c r="A130638" i="1" s="1"/>
  <c r="A130639" i="1" s="1"/>
  <c r="A130640" i="1" s="1"/>
  <c r="A130641" i="1" s="1"/>
  <c r="A130642" i="1" s="1"/>
  <c r="A130643" i="1" s="1"/>
  <c r="A130644" i="1" s="1"/>
  <c r="A130645" i="1" s="1"/>
  <c r="A130646" i="1" s="1"/>
  <c r="A130647" i="1" s="1"/>
  <c r="A130648" i="1" s="1"/>
  <c r="A130649" i="1" s="1"/>
  <c r="A130650" i="1" s="1"/>
  <c r="A130651" i="1" s="1"/>
  <c r="A130652" i="1" s="1"/>
  <c r="A130653" i="1" s="1"/>
  <c r="A130654" i="1" s="1"/>
  <c r="A130655" i="1" s="1"/>
  <c r="A130656" i="1" s="1"/>
  <c r="A130657" i="1" s="1"/>
  <c r="A130658" i="1" s="1"/>
  <c r="A130659" i="1" s="1"/>
  <c r="A130660" i="1" s="1"/>
  <c r="A130661" i="1" s="1"/>
  <c r="A130662" i="1" s="1"/>
  <c r="A130663" i="1" s="1"/>
  <c r="A130664" i="1" s="1"/>
  <c r="A130665" i="1" s="1"/>
  <c r="A130666" i="1" s="1"/>
  <c r="A130667" i="1" s="1"/>
  <c r="A130668" i="1" s="1"/>
  <c r="A130669" i="1" s="1"/>
  <c r="A130670" i="1" s="1"/>
  <c r="A130671" i="1" s="1"/>
  <c r="A130672" i="1" s="1"/>
  <c r="A130673" i="1" s="1"/>
  <c r="A130674" i="1" s="1"/>
  <c r="A130675" i="1" s="1"/>
  <c r="A130676" i="1" s="1"/>
  <c r="A130677" i="1" s="1"/>
  <c r="A130678" i="1" s="1"/>
  <c r="A130679" i="1" s="1"/>
  <c r="A130680" i="1" s="1"/>
  <c r="A130681" i="1" s="1"/>
  <c r="A130682" i="1" s="1"/>
  <c r="A130683" i="1" s="1"/>
  <c r="A130684" i="1" s="1"/>
  <c r="A130685" i="1" s="1"/>
  <c r="A130686" i="1" s="1"/>
  <c r="A130687" i="1" s="1"/>
  <c r="A130688" i="1" s="1"/>
  <c r="A130689" i="1" s="1"/>
  <c r="A130690" i="1" s="1"/>
  <c r="A130691" i="1" s="1"/>
  <c r="A130692" i="1" s="1"/>
  <c r="A130693" i="1" s="1"/>
  <c r="A130694" i="1" s="1"/>
  <c r="A130695" i="1" s="1"/>
  <c r="A130696" i="1" s="1"/>
  <c r="A130697" i="1" s="1"/>
  <c r="A130698" i="1" s="1"/>
  <c r="A130699" i="1" s="1"/>
  <c r="A130700" i="1" s="1"/>
  <c r="A130701" i="1" s="1"/>
  <c r="A130702" i="1" s="1"/>
  <c r="A130703" i="1" s="1"/>
  <c r="A130704" i="1" s="1"/>
  <c r="A130705" i="1" s="1"/>
  <c r="A130706" i="1" s="1"/>
  <c r="A130707" i="1" s="1"/>
  <c r="A130708" i="1" s="1"/>
  <c r="A130709" i="1" s="1"/>
  <c r="A130710" i="1" s="1"/>
  <c r="A130711" i="1" s="1"/>
  <c r="A130712" i="1" s="1"/>
  <c r="A130713" i="1" s="1"/>
  <c r="A130714" i="1" s="1"/>
  <c r="A130715" i="1" s="1"/>
  <c r="A130716" i="1" s="1"/>
  <c r="A130717" i="1" s="1"/>
  <c r="A130718" i="1" s="1"/>
  <c r="A130719" i="1" s="1"/>
  <c r="A130720" i="1" s="1"/>
  <c r="A130721" i="1" s="1"/>
  <c r="A130722" i="1" s="1"/>
  <c r="A130723" i="1" s="1"/>
  <c r="A130724" i="1" s="1"/>
  <c r="A130725" i="1" s="1"/>
  <c r="A130726" i="1" s="1"/>
  <c r="A130727" i="1" s="1"/>
  <c r="A130728" i="1" s="1"/>
  <c r="A130729" i="1" s="1"/>
  <c r="A130730" i="1" s="1"/>
  <c r="A130731" i="1" s="1"/>
  <c r="A130732" i="1" s="1"/>
  <c r="A130733" i="1" s="1"/>
  <c r="A130734" i="1" s="1"/>
  <c r="A130735" i="1" s="1"/>
  <c r="A130736" i="1" s="1"/>
  <c r="A130737" i="1" s="1"/>
  <c r="A130738" i="1" s="1"/>
  <c r="A130739" i="1" s="1"/>
  <c r="A130740" i="1" s="1"/>
  <c r="A130741" i="1" s="1"/>
  <c r="A130742" i="1" s="1"/>
  <c r="A130743" i="1" s="1"/>
  <c r="A130744" i="1" s="1"/>
  <c r="A130745" i="1" s="1"/>
  <c r="A130746" i="1" s="1"/>
  <c r="A130747" i="1" s="1"/>
  <c r="A130748" i="1" s="1"/>
  <c r="A130749" i="1" s="1"/>
  <c r="A130750" i="1" s="1"/>
  <c r="A130751" i="1" s="1"/>
  <c r="A130752" i="1" s="1"/>
  <c r="A130753" i="1" s="1"/>
  <c r="A130754" i="1" s="1"/>
  <c r="A130755" i="1" s="1"/>
  <c r="A130756" i="1" s="1"/>
  <c r="A130757" i="1" s="1"/>
  <c r="A130758" i="1" s="1"/>
  <c r="A130759" i="1" s="1"/>
  <c r="A130760" i="1" s="1"/>
  <c r="A130761" i="1" s="1"/>
  <c r="A130762" i="1" s="1"/>
  <c r="A130763" i="1" s="1"/>
  <c r="A130764" i="1" s="1"/>
  <c r="A130765" i="1" s="1"/>
  <c r="A130766" i="1" s="1"/>
  <c r="A130767" i="1" s="1"/>
  <c r="A130768" i="1" s="1"/>
  <c r="A130769" i="1" s="1"/>
  <c r="A130770" i="1" s="1"/>
  <c r="A130771" i="1" s="1"/>
  <c r="A130772" i="1" s="1"/>
  <c r="A130773" i="1" s="1"/>
  <c r="A130774" i="1" s="1"/>
  <c r="A130775" i="1" s="1"/>
  <c r="A130776" i="1" s="1"/>
  <c r="A130777" i="1" s="1"/>
  <c r="A130778" i="1" s="1"/>
  <c r="A130779" i="1" s="1"/>
  <c r="A130780" i="1" s="1"/>
  <c r="A130781" i="1" s="1"/>
  <c r="A130782" i="1" s="1"/>
  <c r="A130783" i="1" s="1"/>
  <c r="A130784" i="1" s="1"/>
  <c r="A130785" i="1" s="1"/>
  <c r="A130786" i="1" s="1"/>
  <c r="A130787" i="1" s="1"/>
  <c r="A130788" i="1" s="1"/>
  <c r="A130789" i="1" s="1"/>
  <c r="A130790" i="1" s="1"/>
  <c r="A130791" i="1" s="1"/>
  <c r="A130792" i="1" s="1"/>
  <c r="A130793" i="1" s="1"/>
  <c r="A130794" i="1" s="1"/>
  <c r="A130795" i="1" s="1"/>
  <c r="A130796" i="1" s="1"/>
  <c r="A130797" i="1" s="1"/>
  <c r="A130798" i="1" s="1"/>
  <c r="A130799" i="1" s="1"/>
  <c r="A130800" i="1" s="1"/>
  <c r="A130801" i="1" s="1"/>
  <c r="A130802" i="1" s="1"/>
  <c r="A130803" i="1" s="1"/>
  <c r="A130804" i="1" s="1"/>
  <c r="A130805" i="1" s="1"/>
  <c r="A130806" i="1" s="1"/>
  <c r="A130807" i="1" s="1"/>
  <c r="A130808" i="1" s="1"/>
  <c r="A130809" i="1" s="1"/>
  <c r="A130810" i="1" s="1"/>
  <c r="A130811" i="1" s="1"/>
  <c r="A130812" i="1" s="1"/>
  <c r="A130813" i="1" s="1"/>
  <c r="A130814" i="1" s="1"/>
  <c r="A130815" i="1" s="1"/>
  <c r="A130816" i="1" s="1"/>
  <c r="A130817" i="1" s="1"/>
  <c r="A130818" i="1" s="1"/>
  <c r="A130819" i="1" s="1"/>
  <c r="A130820" i="1" s="1"/>
  <c r="A130821" i="1" s="1"/>
  <c r="A130822" i="1" s="1"/>
  <c r="A130823" i="1" s="1"/>
  <c r="A130824" i="1" s="1"/>
  <c r="A130825" i="1" s="1"/>
  <c r="A130826" i="1" s="1"/>
  <c r="A130827" i="1" s="1"/>
  <c r="A130828" i="1" s="1"/>
  <c r="A130829" i="1" s="1"/>
  <c r="A130830" i="1" s="1"/>
  <c r="A130831" i="1" s="1"/>
  <c r="A130832" i="1" s="1"/>
  <c r="A130833" i="1" s="1"/>
  <c r="A130834" i="1" s="1"/>
  <c r="A130835" i="1" s="1"/>
  <c r="A130836" i="1" s="1"/>
  <c r="A130837" i="1" s="1"/>
  <c r="A130838" i="1" s="1"/>
  <c r="A130839" i="1" s="1"/>
  <c r="A130840" i="1" s="1"/>
  <c r="A130841" i="1" s="1"/>
  <c r="A130842" i="1" s="1"/>
  <c r="A130843" i="1" s="1"/>
  <c r="A130844" i="1" s="1"/>
  <c r="A130845" i="1" s="1"/>
  <c r="A130846" i="1" s="1"/>
  <c r="A130847" i="1" s="1"/>
  <c r="A130848" i="1" s="1"/>
  <c r="A130849" i="1" s="1"/>
  <c r="A130850" i="1" s="1"/>
  <c r="A130851" i="1" s="1"/>
  <c r="A130852" i="1" s="1"/>
  <c r="A130853" i="1" s="1"/>
  <c r="A130854" i="1" s="1"/>
  <c r="A130855" i="1" s="1"/>
  <c r="A130856" i="1" s="1"/>
  <c r="A130857" i="1" s="1"/>
  <c r="A130858" i="1" s="1"/>
  <c r="A130859" i="1" s="1"/>
  <c r="A130860" i="1" s="1"/>
  <c r="A130861" i="1" s="1"/>
  <c r="A130862" i="1" s="1"/>
  <c r="A130863" i="1" s="1"/>
  <c r="A130864" i="1" s="1"/>
  <c r="A130865" i="1" s="1"/>
  <c r="A130866" i="1" s="1"/>
  <c r="A130867" i="1" s="1"/>
  <c r="A130868" i="1" s="1"/>
  <c r="A130869" i="1" s="1"/>
  <c r="A130870" i="1" s="1"/>
  <c r="A130871" i="1" s="1"/>
  <c r="A130872" i="1" s="1"/>
  <c r="A130873" i="1" s="1"/>
  <c r="A130874" i="1" s="1"/>
  <c r="A130875" i="1" s="1"/>
  <c r="A130876" i="1" s="1"/>
  <c r="A130877" i="1" s="1"/>
  <c r="A130878" i="1" s="1"/>
  <c r="A130879" i="1" s="1"/>
  <c r="A130880" i="1" s="1"/>
  <c r="A130881" i="1" s="1"/>
  <c r="A130882" i="1" s="1"/>
  <c r="A130883" i="1" s="1"/>
  <c r="A130884" i="1" s="1"/>
  <c r="A130885" i="1" s="1"/>
  <c r="A130886" i="1" s="1"/>
  <c r="A130887" i="1" s="1"/>
  <c r="A130888" i="1" s="1"/>
  <c r="A130889" i="1" s="1"/>
  <c r="A130890" i="1" s="1"/>
  <c r="A130891" i="1" s="1"/>
  <c r="A130892" i="1" s="1"/>
  <c r="A130893" i="1" s="1"/>
  <c r="A130894" i="1" s="1"/>
  <c r="A130895" i="1" s="1"/>
  <c r="A130896" i="1" s="1"/>
  <c r="A130897" i="1" s="1"/>
  <c r="A130898" i="1" s="1"/>
  <c r="A130899" i="1" s="1"/>
  <c r="A130900" i="1" s="1"/>
  <c r="A130901" i="1" s="1"/>
  <c r="A130902" i="1" s="1"/>
  <c r="A130903" i="1" s="1"/>
  <c r="A130904" i="1" s="1"/>
  <c r="A130905" i="1" s="1"/>
  <c r="A130906" i="1" s="1"/>
  <c r="A130907" i="1" s="1"/>
  <c r="A130908" i="1" s="1"/>
  <c r="A130909" i="1" s="1"/>
  <c r="A130910" i="1" s="1"/>
  <c r="A130911" i="1" s="1"/>
  <c r="A130912" i="1" s="1"/>
  <c r="A130913" i="1" s="1"/>
  <c r="A130914" i="1" s="1"/>
  <c r="A130915" i="1" s="1"/>
  <c r="A130916" i="1" s="1"/>
  <c r="A130917" i="1" s="1"/>
  <c r="A130918" i="1" s="1"/>
  <c r="A130919" i="1" s="1"/>
  <c r="A130920" i="1" s="1"/>
  <c r="A130921" i="1" s="1"/>
  <c r="A130922" i="1" s="1"/>
  <c r="A130923" i="1" s="1"/>
  <c r="A130924" i="1" s="1"/>
  <c r="A130925" i="1" s="1"/>
  <c r="A130926" i="1" s="1"/>
  <c r="A130927" i="1" s="1"/>
  <c r="A130928" i="1" s="1"/>
  <c r="A130929" i="1" s="1"/>
  <c r="A130930" i="1" s="1"/>
  <c r="A130931" i="1" s="1"/>
  <c r="A130932" i="1" s="1"/>
  <c r="A130933" i="1" s="1"/>
  <c r="A130934" i="1" s="1"/>
  <c r="A130935" i="1" s="1"/>
  <c r="A130936" i="1" s="1"/>
  <c r="A130937" i="1" s="1"/>
  <c r="A130938" i="1" s="1"/>
  <c r="A130939" i="1" s="1"/>
  <c r="A130940" i="1" s="1"/>
  <c r="A130941" i="1" s="1"/>
  <c r="A130942" i="1" s="1"/>
  <c r="A130943" i="1" s="1"/>
  <c r="A130944" i="1" s="1"/>
  <c r="A130945" i="1" s="1"/>
  <c r="A130946" i="1" s="1"/>
  <c r="A130947" i="1" s="1"/>
  <c r="A130948" i="1" s="1"/>
  <c r="A130949" i="1" s="1"/>
  <c r="A130950" i="1" s="1"/>
  <c r="A130951" i="1" s="1"/>
  <c r="A130952" i="1" s="1"/>
  <c r="A130953" i="1" s="1"/>
  <c r="A130954" i="1" s="1"/>
  <c r="A130955" i="1" s="1"/>
  <c r="A130956" i="1" s="1"/>
  <c r="A130957" i="1" s="1"/>
  <c r="A130958" i="1" s="1"/>
  <c r="A130959" i="1" s="1"/>
  <c r="A130960" i="1" s="1"/>
  <c r="A130961" i="1" s="1"/>
  <c r="A130962" i="1" s="1"/>
  <c r="A130963" i="1" s="1"/>
  <c r="A130964" i="1" s="1"/>
  <c r="A130965" i="1" s="1"/>
  <c r="A130966" i="1" s="1"/>
  <c r="A130967" i="1" s="1"/>
  <c r="A130968" i="1" s="1"/>
  <c r="A130969" i="1" s="1"/>
  <c r="A130970" i="1" s="1"/>
  <c r="A130971" i="1" s="1"/>
  <c r="A130972" i="1" s="1"/>
  <c r="A130973" i="1" s="1"/>
  <c r="A130974" i="1" s="1"/>
  <c r="A130975" i="1" s="1"/>
  <c r="A130976" i="1" s="1"/>
  <c r="A130977" i="1" s="1"/>
  <c r="A130978" i="1" s="1"/>
  <c r="A130979" i="1" s="1"/>
  <c r="A130980" i="1" s="1"/>
  <c r="A130981" i="1" s="1"/>
  <c r="A130982" i="1" s="1"/>
  <c r="A130983" i="1" s="1"/>
  <c r="A130984" i="1" s="1"/>
  <c r="A130985" i="1" s="1"/>
  <c r="A130986" i="1" s="1"/>
  <c r="A130987" i="1" s="1"/>
  <c r="A130988" i="1" s="1"/>
  <c r="A130989" i="1" s="1"/>
  <c r="A130990" i="1" s="1"/>
  <c r="A130991" i="1" s="1"/>
  <c r="A130992" i="1" s="1"/>
  <c r="A130993" i="1" s="1"/>
  <c r="A130994" i="1" s="1"/>
  <c r="A130995" i="1" s="1"/>
  <c r="A130996" i="1" s="1"/>
  <c r="A130997" i="1" s="1"/>
  <c r="A130998" i="1" s="1"/>
  <c r="A130999" i="1" s="1"/>
  <c r="A131000" i="1" s="1"/>
  <c r="A131001" i="1" s="1"/>
  <c r="A131002" i="1" s="1"/>
  <c r="A131003" i="1" s="1"/>
  <c r="A131004" i="1" s="1"/>
  <c r="A131005" i="1" s="1"/>
  <c r="A131006" i="1" s="1"/>
  <c r="A131007" i="1" s="1"/>
  <c r="A131008" i="1" s="1"/>
  <c r="A131009" i="1" s="1"/>
  <c r="A131010" i="1" s="1"/>
  <c r="A131011" i="1" s="1"/>
  <c r="A131012" i="1" s="1"/>
  <c r="A131013" i="1" s="1"/>
  <c r="A131014" i="1" s="1"/>
  <c r="A131015" i="1" s="1"/>
  <c r="A131016" i="1" s="1"/>
  <c r="A131017" i="1" s="1"/>
  <c r="A131018" i="1" s="1"/>
  <c r="A131019" i="1" s="1"/>
  <c r="A131020" i="1" s="1"/>
  <c r="A131021" i="1" s="1"/>
  <c r="A131022" i="1" s="1"/>
  <c r="A131023" i="1" s="1"/>
  <c r="A131024" i="1" s="1"/>
  <c r="A131025" i="1" s="1"/>
  <c r="A131026" i="1" s="1"/>
  <c r="A131027" i="1" s="1"/>
  <c r="A131028" i="1" s="1"/>
  <c r="A131029" i="1" s="1"/>
  <c r="A131030" i="1" s="1"/>
  <c r="A131031" i="1" s="1"/>
  <c r="A131032" i="1" s="1"/>
  <c r="A131033" i="1" s="1"/>
  <c r="A131034" i="1" s="1"/>
  <c r="A131035" i="1" s="1"/>
  <c r="A131036" i="1" s="1"/>
  <c r="A131037" i="1" s="1"/>
  <c r="A131038" i="1" s="1"/>
  <c r="A131039" i="1" s="1"/>
  <c r="A131040" i="1" s="1"/>
  <c r="A131041" i="1" s="1"/>
  <c r="A131042" i="1" s="1"/>
  <c r="A131043" i="1" s="1"/>
  <c r="A131044" i="1" s="1"/>
  <c r="A131045" i="1" s="1"/>
  <c r="A131046" i="1" s="1"/>
  <c r="A131047" i="1" s="1"/>
  <c r="A131048" i="1" s="1"/>
  <c r="A131049" i="1" s="1"/>
  <c r="A131050" i="1" s="1"/>
  <c r="A131051" i="1" s="1"/>
  <c r="A131052" i="1" s="1"/>
  <c r="A131053" i="1" s="1"/>
  <c r="A131054" i="1" s="1"/>
  <c r="A131055" i="1" s="1"/>
  <c r="A131056" i="1" s="1"/>
  <c r="A131057" i="1" s="1"/>
  <c r="A131058" i="1" s="1"/>
  <c r="A131059" i="1" s="1"/>
  <c r="A131060" i="1" s="1"/>
  <c r="A131061" i="1" s="1"/>
  <c r="A131062" i="1" s="1"/>
  <c r="A131063" i="1" s="1"/>
  <c r="A131064" i="1" s="1"/>
  <c r="A131065" i="1" s="1"/>
  <c r="A131066" i="1" s="1"/>
  <c r="A131067" i="1" s="1"/>
  <c r="A131068" i="1" s="1"/>
  <c r="A131069" i="1" s="1"/>
  <c r="A131070" i="1" s="1"/>
  <c r="A131071" i="1" s="1"/>
  <c r="A131072" i="1" s="1"/>
  <c r="A131073" i="1" s="1"/>
  <c r="A131074" i="1" s="1"/>
  <c r="A131075" i="1" s="1"/>
  <c r="A131076" i="1" s="1"/>
  <c r="A131077" i="1" s="1"/>
  <c r="A131078" i="1" s="1"/>
  <c r="A131079" i="1" s="1"/>
  <c r="A131080" i="1" s="1"/>
  <c r="A131081" i="1" s="1"/>
  <c r="A131082" i="1" s="1"/>
  <c r="A131083" i="1" s="1"/>
  <c r="A131084" i="1" s="1"/>
  <c r="A131085" i="1" s="1"/>
  <c r="A131086" i="1" s="1"/>
  <c r="A131087" i="1" s="1"/>
  <c r="A131088" i="1" s="1"/>
  <c r="A131089" i="1" s="1"/>
  <c r="A131090" i="1" s="1"/>
  <c r="A131091" i="1" s="1"/>
  <c r="A131092" i="1" s="1"/>
  <c r="A131093" i="1" s="1"/>
  <c r="A131094" i="1" s="1"/>
  <c r="A131095" i="1" s="1"/>
  <c r="A131096" i="1" s="1"/>
  <c r="A131097" i="1" s="1"/>
  <c r="A131098" i="1" s="1"/>
  <c r="A131099" i="1" s="1"/>
  <c r="A131100" i="1" s="1"/>
  <c r="A131101" i="1" s="1"/>
  <c r="A131102" i="1" s="1"/>
  <c r="A131103" i="1" s="1"/>
  <c r="A131104" i="1" s="1"/>
  <c r="A131105" i="1" s="1"/>
  <c r="A131106" i="1" s="1"/>
  <c r="A131107" i="1" s="1"/>
  <c r="A131108" i="1" s="1"/>
  <c r="A131109" i="1" s="1"/>
  <c r="A131110" i="1" s="1"/>
  <c r="A131111" i="1" s="1"/>
  <c r="A131112" i="1" s="1"/>
  <c r="A131113" i="1" s="1"/>
  <c r="A131114" i="1" s="1"/>
  <c r="A131115" i="1" s="1"/>
  <c r="A131116" i="1" s="1"/>
  <c r="A131117" i="1" s="1"/>
  <c r="A131118" i="1" s="1"/>
  <c r="A131119" i="1" s="1"/>
  <c r="A131120" i="1" s="1"/>
  <c r="A131121" i="1" s="1"/>
  <c r="A131122" i="1" s="1"/>
  <c r="A131123" i="1" s="1"/>
  <c r="A131124" i="1" s="1"/>
  <c r="A131125" i="1" s="1"/>
  <c r="A131126" i="1" s="1"/>
  <c r="A131127" i="1" s="1"/>
  <c r="A131128" i="1" s="1"/>
  <c r="A131129" i="1" s="1"/>
  <c r="A131130" i="1" s="1"/>
  <c r="A131131" i="1" s="1"/>
  <c r="A131132" i="1" s="1"/>
  <c r="A131133" i="1" s="1"/>
  <c r="A131134" i="1" s="1"/>
  <c r="A131135" i="1" s="1"/>
  <c r="A131136" i="1" s="1"/>
  <c r="A131137" i="1" s="1"/>
  <c r="A131138" i="1" s="1"/>
  <c r="A131139" i="1" s="1"/>
  <c r="A131140" i="1" s="1"/>
  <c r="A131141" i="1" s="1"/>
  <c r="A131142" i="1" s="1"/>
  <c r="A131143" i="1" s="1"/>
  <c r="A131144" i="1" s="1"/>
  <c r="A131145" i="1" s="1"/>
  <c r="A131146" i="1" s="1"/>
  <c r="A131147" i="1" s="1"/>
  <c r="A131148" i="1" s="1"/>
  <c r="A131149" i="1" s="1"/>
  <c r="A131150" i="1" s="1"/>
  <c r="A131151" i="1" s="1"/>
  <c r="A131152" i="1" s="1"/>
  <c r="A131153" i="1" s="1"/>
  <c r="A131154" i="1" s="1"/>
  <c r="A131155" i="1" s="1"/>
  <c r="A131156" i="1" s="1"/>
  <c r="A131157" i="1" s="1"/>
  <c r="A131158" i="1" s="1"/>
  <c r="A131159" i="1" s="1"/>
  <c r="A131160" i="1" s="1"/>
  <c r="A131161" i="1" s="1"/>
  <c r="A131162" i="1" s="1"/>
  <c r="A131163" i="1" s="1"/>
  <c r="A131164" i="1" s="1"/>
  <c r="A131165" i="1" s="1"/>
  <c r="A131166" i="1" s="1"/>
  <c r="A131167" i="1" s="1"/>
  <c r="A131168" i="1" s="1"/>
  <c r="A131169" i="1" s="1"/>
  <c r="A131170" i="1" s="1"/>
  <c r="A131171" i="1" s="1"/>
  <c r="A131172" i="1" s="1"/>
  <c r="A131173" i="1" s="1"/>
  <c r="A131174" i="1" s="1"/>
  <c r="A131175" i="1" s="1"/>
  <c r="A131176" i="1" s="1"/>
  <c r="A131177" i="1" s="1"/>
  <c r="A131178" i="1" s="1"/>
  <c r="A131179" i="1" s="1"/>
  <c r="A131180" i="1" s="1"/>
  <c r="A131181" i="1" s="1"/>
  <c r="A131182" i="1" s="1"/>
  <c r="A131183" i="1" s="1"/>
  <c r="A131184" i="1" s="1"/>
  <c r="A131185" i="1" s="1"/>
  <c r="A131186" i="1" s="1"/>
  <c r="A131187" i="1" s="1"/>
  <c r="A131188" i="1" s="1"/>
  <c r="A131189" i="1" s="1"/>
  <c r="A131190" i="1" s="1"/>
  <c r="A131191" i="1" s="1"/>
  <c r="A131192" i="1" s="1"/>
  <c r="A131193" i="1" s="1"/>
  <c r="A131194" i="1" s="1"/>
  <c r="A131195" i="1" s="1"/>
  <c r="A131196" i="1" s="1"/>
  <c r="A131197" i="1" s="1"/>
  <c r="A131198" i="1" s="1"/>
  <c r="A131199" i="1" s="1"/>
  <c r="A131200" i="1" s="1"/>
  <c r="A131201" i="1" s="1"/>
  <c r="A131202" i="1" s="1"/>
  <c r="A131203" i="1" s="1"/>
  <c r="A131204" i="1" s="1"/>
  <c r="A131205" i="1" s="1"/>
  <c r="A131206" i="1" s="1"/>
  <c r="A131207" i="1" s="1"/>
  <c r="A131208" i="1" s="1"/>
  <c r="A131209" i="1" s="1"/>
  <c r="A131210" i="1" s="1"/>
  <c r="A131211" i="1" s="1"/>
  <c r="A131212" i="1" s="1"/>
  <c r="A131213" i="1" s="1"/>
  <c r="A131214" i="1" s="1"/>
  <c r="A131215" i="1" s="1"/>
  <c r="A131216" i="1" s="1"/>
  <c r="A131217" i="1" s="1"/>
  <c r="A131218" i="1" s="1"/>
  <c r="A131219" i="1" s="1"/>
  <c r="A131220" i="1" s="1"/>
  <c r="A131221" i="1" s="1"/>
  <c r="A131222" i="1" s="1"/>
  <c r="A131223" i="1" s="1"/>
  <c r="A131224" i="1" s="1"/>
  <c r="A131225" i="1" s="1"/>
  <c r="A131226" i="1" s="1"/>
  <c r="A131227" i="1" s="1"/>
  <c r="A131228" i="1" s="1"/>
  <c r="A131229" i="1" s="1"/>
  <c r="A131230" i="1" s="1"/>
  <c r="A131231" i="1" s="1"/>
  <c r="A131232" i="1" s="1"/>
  <c r="A131233" i="1" s="1"/>
  <c r="A131234" i="1" s="1"/>
  <c r="A131235" i="1" s="1"/>
  <c r="A131236" i="1" s="1"/>
  <c r="A131237" i="1" s="1"/>
  <c r="A131238" i="1" s="1"/>
  <c r="A131239" i="1" s="1"/>
  <c r="A131240" i="1" s="1"/>
  <c r="A131241" i="1" s="1"/>
  <c r="A131242" i="1" s="1"/>
  <c r="A131243" i="1" s="1"/>
  <c r="A131244" i="1" s="1"/>
  <c r="A131245" i="1" s="1"/>
  <c r="A131246" i="1" s="1"/>
  <c r="A131247" i="1" s="1"/>
  <c r="A131248" i="1" s="1"/>
  <c r="A131249" i="1" s="1"/>
  <c r="A131250" i="1" s="1"/>
  <c r="A131251" i="1" s="1"/>
  <c r="A131252" i="1" s="1"/>
  <c r="A131253" i="1" s="1"/>
  <c r="A131254" i="1" s="1"/>
  <c r="A131255" i="1" s="1"/>
  <c r="A131256" i="1" s="1"/>
  <c r="A131257" i="1" s="1"/>
  <c r="A131258" i="1" s="1"/>
  <c r="A131259" i="1" s="1"/>
  <c r="A131260" i="1" s="1"/>
  <c r="A131261" i="1" s="1"/>
  <c r="A131262" i="1" s="1"/>
  <c r="A131263" i="1" s="1"/>
  <c r="A131264" i="1" s="1"/>
  <c r="A131265" i="1" s="1"/>
  <c r="A131266" i="1" s="1"/>
  <c r="A131267" i="1" s="1"/>
  <c r="A131268" i="1" s="1"/>
  <c r="A131269" i="1" s="1"/>
  <c r="A131270" i="1" s="1"/>
  <c r="A131271" i="1" s="1"/>
  <c r="A131272" i="1" s="1"/>
  <c r="A131273" i="1" s="1"/>
  <c r="A131274" i="1" s="1"/>
  <c r="A131275" i="1" s="1"/>
  <c r="A131276" i="1" s="1"/>
  <c r="A131277" i="1" s="1"/>
  <c r="A131278" i="1" s="1"/>
  <c r="A131279" i="1" s="1"/>
  <c r="A131280" i="1" s="1"/>
  <c r="A131281" i="1" s="1"/>
  <c r="A131282" i="1" s="1"/>
  <c r="A131283" i="1" s="1"/>
  <c r="A131284" i="1" s="1"/>
  <c r="A131285" i="1" s="1"/>
  <c r="A131286" i="1" s="1"/>
  <c r="A131287" i="1" s="1"/>
  <c r="A131288" i="1" s="1"/>
  <c r="A131289" i="1" s="1"/>
  <c r="A131290" i="1" s="1"/>
  <c r="A131291" i="1" s="1"/>
  <c r="A131292" i="1" s="1"/>
  <c r="A131293" i="1" s="1"/>
  <c r="A131294" i="1" s="1"/>
  <c r="A131295" i="1" s="1"/>
  <c r="A131296" i="1" s="1"/>
  <c r="A131297" i="1" s="1"/>
  <c r="A131298" i="1" s="1"/>
  <c r="A131299" i="1" s="1"/>
  <c r="A131300" i="1" s="1"/>
  <c r="A131301" i="1" s="1"/>
  <c r="A131302" i="1" s="1"/>
  <c r="A131303" i="1" s="1"/>
  <c r="A131304" i="1" s="1"/>
  <c r="A131305" i="1" s="1"/>
  <c r="A131306" i="1" s="1"/>
  <c r="A131307" i="1" s="1"/>
  <c r="A131308" i="1" s="1"/>
  <c r="A131309" i="1" s="1"/>
  <c r="A131310" i="1" s="1"/>
  <c r="A131311" i="1" s="1"/>
  <c r="A131312" i="1" s="1"/>
  <c r="A131313" i="1" s="1"/>
  <c r="A131314" i="1" s="1"/>
  <c r="A131315" i="1" s="1"/>
  <c r="A131316" i="1" s="1"/>
  <c r="A131317" i="1" s="1"/>
  <c r="A131318" i="1" s="1"/>
  <c r="A131319" i="1" s="1"/>
  <c r="A131320" i="1" s="1"/>
  <c r="A131321" i="1" s="1"/>
  <c r="A131322" i="1" s="1"/>
  <c r="A131323" i="1" s="1"/>
  <c r="A131324" i="1" s="1"/>
  <c r="A131325" i="1" s="1"/>
  <c r="A131326" i="1" s="1"/>
  <c r="A131327" i="1" s="1"/>
  <c r="A131328" i="1" s="1"/>
  <c r="A131329" i="1" s="1"/>
  <c r="A131330" i="1" s="1"/>
  <c r="A131331" i="1" s="1"/>
  <c r="A131332" i="1" s="1"/>
  <c r="A131333" i="1" s="1"/>
  <c r="A131334" i="1" s="1"/>
  <c r="A131335" i="1" s="1"/>
  <c r="A131336" i="1" s="1"/>
  <c r="A131337" i="1" s="1"/>
  <c r="A131338" i="1" s="1"/>
  <c r="A131339" i="1" s="1"/>
  <c r="A131340" i="1" s="1"/>
  <c r="A131341" i="1" s="1"/>
  <c r="A131342" i="1" s="1"/>
  <c r="A131343" i="1" s="1"/>
  <c r="A131344" i="1" s="1"/>
  <c r="A131345" i="1" s="1"/>
  <c r="A131346" i="1" s="1"/>
  <c r="A131347" i="1" s="1"/>
  <c r="A131348" i="1" s="1"/>
  <c r="A131349" i="1" s="1"/>
  <c r="A131350" i="1" s="1"/>
  <c r="A131351" i="1" s="1"/>
  <c r="A131352" i="1" s="1"/>
  <c r="A131353" i="1" s="1"/>
  <c r="A131354" i="1" s="1"/>
  <c r="A131355" i="1" s="1"/>
  <c r="A131356" i="1" s="1"/>
  <c r="A131357" i="1" s="1"/>
  <c r="A131358" i="1" s="1"/>
  <c r="A131359" i="1" s="1"/>
  <c r="A131360" i="1" s="1"/>
  <c r="A131361" i="1" s="1"/>
  <c r="A131362" i="1" s="1"/>
  <c r="A131363" i="1" s="1"/>
  <c r="A131364" i="1" s="1"/>
  <c r="A131365" i="1" s="1"/>
  <c r="A131366" i="1" s="1"/>
  <c r="A131367" i="1" s="1"/>
  <c r="A131368" i="1" s="1"/>
  <c r="A131369" i="1" s="1"/>
  <c r="A131370" i="1" s="1"/>
  <c r="A131371" i="1" s="1"/>
  <c r="A131372" i="1" s="1"/>
  <c r="A131373" i="1" s="1"/>
  <c r="A131374" i="1" s="1"/>
  <c r="A131375" i="1" s="1"/>
  <c r="A131376" i="1" s="1"/>
  <c r="A131377" i="1" s="1"/>
  <c r="A131378" i="1" s="1"/>
  <c r="A131379" i="1" s="1"/>
  <c r="A131380" i="1" s="1"/>
  <c r="A131381" i="1" s="1"/>
  <c r="A131382" i="1" s="1"/>
  <c r="A131383" i="1" s="1"/>
  <c r="A131384" i="1" s="1"/>
  <c r="A131385" i="1" s="1"/>
  <c r="A131386" i="1" s="1"/>
  <c r="A131387" i="1" s="1"/>
  <c r="A131388" i="1" s="1"/>
  <c r="A131389" i="1" s="1"/>
  <c r="A131390" i="1" s="1"/>
  <c r="A131391" i="1" s="1"/>
  <c r="A131392" i="1" s="1"/>
  <c r="A131393" i="1" s="1"/>
  <c r="A131394" i="1" s="1"/>
  <c r="A131395" i="1" s="1"/>
  <c r="A131396" i="1" s="1"/>
  <c r="A131397" i="1" s="1"/>
  <c r="A131398" i="1" s="1"/>
  <c r="A131399" i="1" s="1"/>
  <c r="A131400" i="1" s="1"/>
  <c r="A131401" i="1" s="1"/>
  <c r="A131402" i="1" s="1"/>
  <c r="A131403" i="1" s="1"/>
  <c r="A131404" i="1" s="1"/>
  <c r="A131405" i="1" s="1"/>
  <c r="A131406" i="1" s="1"/>
  <c r="A131407" i="1" s="1"/>
  <c r="A131408" i="1" s="1"/>
  <c r="A131409" i="1" s="1"/>
  <c r="A131410" i="1" s="1"/>
  <c r="A131411" i="1" s="1"/>
  <c r="A131412" i="1" s="1"/>
  <c r="A131413" i="1" s="1"/>
  <c r="A131414" i="1" s="1"/>
  <c r="A131415" i="1" s="1"/>
  <c r="A131416" i="1" s="1"/>
  <c r="A131417" i="1" s="1"/>
  <c r="A131418" i="1" s="1"/>
  <c r="A131419" i="1" s="1"/>
  <c r="A131420" i="1" s="1"/>
  <c r="A131421" i="1" s="1"/>
  <c r="A131422" i="1" s="1"/>
  <c r="A131423" i="1" s="1"/>
  <c r="A131424" i="1" s="1"/>
  <c r="A131425" i="1" s="1"/>
  <c r="A131426" i="1" s="1"/>
  <c r="A131427" i="1" s="1"/>
  <c r="A131428" i="1" s="1"/>
  <c r="A131429" i="1" s="1"/>
  <c r="A131430" i="1" s="1"/>
  <c r="A131431" i="1" s="1"/>
  <c r="A131432" i="1" s="1"/>
  <c r="A131433" i="1" s="1"/>
  <c r="A131434" i="1" s="1"/>
  <c r="A131435" i="1" s="1"/>
  <c r="A131436" i="1" s="1"/>
  <c r="A131437" i="1" s="1"/>
  <c r="A131438" i="1" s="1"/>
  <c r="A131439" i="1" s="1"/>
  <c r="A131440" i="1" s="1"/>
  <c r="A131441" i="1" s="1"/>
  <c r="A131442" i="1" s="1"/>
  <c r="A131443" i="1" s="1"/>
  <c r="A131444" i="1" s="1"/>
  <c r="A131445" i="1" s="1"/>
  <c r="A131446" i="1" s="1"/>
  <c r="A131447" i="1" s="1"/>
  <c r="A131448" i="1" s="1"/>
  <c r="A131449" i="1" s="1"/>
  <c r="A131450" i="1" s="1"/>
  <c r="A131451" i="1" s="1"/>
  <c r="A131452" i="1" s="1"/>
  <c r="A131453" i="1" s="1"/>
  <c r="A131454" i="1" s="1"/>
  <c r="A131455" i="1" s="1"/>
  <c r="A131456" i="1" s="1"/>
  <c r="A131457" i="1" s="1"/>
  <c r="A131458" i="1" s="1"/>
  <c r="A131459" i="1" s="1"/>
  <c r="A131460" i="1" s="1"/>
  <c r="A131461" i="1" s="1"/>
  <c r="A131462" i="1" s="1"/>
  <c r="A131463" i="1" s="1"/>
  <c r="A131464" i="1" s="1"/>
  <c r="A131465" i="1" s="1"/>
  <c r="A131466" i="1" s="1"/>
  <c r="A131467" i="1" s="1"/>
  <c r="A131468" i="1" s="1"/>
  <c r="A131469" i="1" s="1"/>
  <c r="A131470" i="1" s="1"/>
  <c r="A131471" i="1" s="1"/>
  <c r="A131472" i="1" s="1"/>
  <c r="A131473" i="1" s="1"/>
  <c r="A131474" i="1" s="1"/>
  <c r="A131475" i="1" s="1"/>
  <c r="A131476" i="1" s="1"/>
  <c r="A131477" i="1" s="1"/>
  <c r="A131478" i="1" s="1"/>
  <c r="A131479" i="1" s="1"/>
  <c r="A131480" i="1" s="1"/>
  <c r="A131481" i="1" s="1"/>
  <c r="A131482" i="1" s="1"/>
  <c r="A131483" i="1" s="1"/>
  <c r="A131484" i="1" s="1"/>
  <c r="A131485" i="1" s="1"/>
  <c r="A131486" i="1" s="1"/>
  <c r="A131487" i="1" s="1"/>
  <c r="A131488" i="1" s="1"/>
  <c r="A131489" i="1" s="1"/>
  <c r="A131490" i="1" s="1"/>
  <c r="A131491" i="1" s="1"/>
  <c r="A131492" i="1" s="1"/>
  <c r="A131493" i="1" s="1"/>
  <c r="A131494" i="1" s="1"/>
  <c r="A131495" i="1" s="1"/>
  <c r="A131496" i="1" s="1"/>
  <c r="A131497" i="1" s="1"/>
  <c r="A131498" i="1" s="1"/>
  <c r="A131499" i="1" s="1"/>
  <c r="A131500" i="1" s="1"/>
  <c r="A131501" i="1" s="1"/>
  <c r="A131502" i="1" s="1"/>
  <c r="A131503" i="1" s="1"/>
  <c r="A131504" i="1" s="1"/>
  <c r="A131505" i="1" s="1"/>
  <c r="A131506" i="1" s="1"/>
  <c r="A131507" i="1" s="1"/>
  <c r="A131508" i="1" s="1"/>
  <c r="A131509" i="1" s="1"/>
  <c r="A131510" i="1" s="1"/>
  <c r="A131511" i="1" s="1"/>
  <c r="A131512" i="1" s="1"/>
  <c r="A131513" i="1" s="1"/>
  <c r="A131514" i="1" s="1"/>
  <c r="A131515" i="1" s="1"/>
  <c r="A131516" i="1" s="1"/>
  <c r="A131517" i="1" s="1"/>
  <c r="A131518" i="1" s="1"/>
  <c r="A131519" i="1" s="1"/>
  <c r="A131520" i="1" s="1"/>
  <c r="A131521" i="1" s="1"/>
  <c r="A131522" i="1" s="1"/>
  <c r="A131523" i="1" s="1"/>
  <c r="A131524" i="1" s="1"/>
  <c r="A131525" i="1" s="1"/>
  <c r="A131526" i="1" s="1"/>
  <c r="A131527" i="1" s="1"/>
  <c r="A131528" i="1" s="1"/>
  <c r="A131529" i="1" s="1"/>
  <c r="A131530" i="1" s="1"/>
  <c r="A131531" i="1" s="1"/>
  <c r="A131532" i="1" s="1"/>
  <c r="A131533" i="1" s="1"/>
  <c r="A131534" i="1" s="1"/>
  <c r="A131535" i="1" s="1"/>
  <c r="A131536" i="1" s="1"/>
  <c r="A131537" i="1" s="1"/>
  <c r="A131538" i="1" s="1"/>
  <c r="A131539" i="1" s="1"/>
  <c r="A131540" i="1" s="1"/>
  <c r="A131541" i="1" s="1"/>
  <c r="A131542" i="1" s="1"/>
  <c r="A131543" i="1" s="1"/>
  <c r="A131544" i="1" s="1"/>
  <c r="A131545" i="1" s="1"/>
  <c r="A131546" i="1" s="1"/>
  <c r="A131547" i="1" s="1"/>
  <c r="A131548" i="1" s="1"/>
  <c r="A131549" i="1" s="1"/>
  <c r="A131550" i="1" s="1"/>
  <c r="A131551" i="1" s="1"/>
  <c r="A131552" i="1" s="1"/>
  <c r="A131553" i="1" s="1"/>
  <c r="A131554" i="1" s="1"/>
  <c r="A131555" i="1" s="1"/>
  <c r="A131556" i="1" s="1"/>
  <c r="A131557" i="1" s="1"/>
  <c r="A131558" i="1" s="1"/>
  <c r="A131559" i="1" s="1"/>
  <c r="A131560" i="1" s="1"/>
  <c r="A131561" i="1" s="1"/>
  <c r="A131562" i="1" s="1"/>
  <c r="A131563" i="1" s="1"/>
  <c r="A131564" i="1" s="1"/>
  <c r="A131565" i="1" s="1"/>
  <c r="A131566" i="1" s="1"/>
  <c r="A131567" i="1" s="1"/>
  <c r="A131568" i="1" s="1"/>
  <c r="A131569" i="1" s="1"/>
  <c r="A131570" i="1" s="1"/>
  <c r="A131571" i="1" s="1"/>
  <c r="A131572" i="1" s="1"/>
  <c r="A131573" i="1" s="1"/>
  <c r="A131574" i="1" s="1"/>
  <c r="A131575" i="1" s="1"/>
  <c r="A131576" i="1" s="1"/>
  <c r="A131577" i="1" s="1"/>
  <c r="A131578" i="1" s="1"/>
  <c r="A131579" i="1" s="1"/>
  <c r="A131580" i="1" s="1"/>
  <c r="A131581" i="1" s="1"/>
  <c r="A131582" i="1" s="1"/>
  <c r="A131583" i="1" s="1"/>
  <c r="A131584" i="1" s="1"/>
  <c r="A131585" i="1" s="1"/>
  <c r="A131586" i="1" s="1"/>
  <c r="A131587" i="1" s="1"/>
  <c r="A131588" i="1" s="1"/>
  <c r="A131589" i="1" s="1"/>
  <c r="A131590" i="1" s="1"/>
  <c r="A131591" i="1" s="1"/>
  <c r="A131592" i="1" s="1"/>
  <c r="A131593" i="1" s="1"/>
  <c r="A131594" i="1" s="1"/>
  <c r="A131595" i="1" s="1"/>
  <c r="A131596" i="1" s="1"/>
  <c r="A131597" i="1" s="1"/>
  <c r="A131598" i="1" s="1"/>
  <c r="A131599" i="1" s="1"/>
  <c r="A131600" i="1" s="1"/>
  <c r="A131601" i="1" s="1"/>
  <c r="A131602" i="1" s="1"/>
  <c r="A131603" i="1" s="1"/>
  <c r="A131604" i="1" s="1"/>
  <c r="A131605" i="1" s="1"/>
  <c r="A131606" i="1" s="1"/>
  <c r="A131607" i="1" s="1"/>
  <c r="A131608" i="1" s="1"/>
  <c r="A131609" i="1" s="1"/>
  <c r="A131610" i="1" s="1"/>
  <c r="A131611" i="1" s="1"/>
  <c r="A131612" i="1" s="1"/>
  <c r="A131613" i="1" s="1"/>
  <c r="A131614" i="1" s="1"/>
  <c r="A131615" i="1" s="1"/>
  <c r="A131616" i="1" s="1"/>
  <c r="A131617" i="1" s="1"/>
  <c r="A131618" i="1" s="1"/>
  <c r="A131619" i="1" s="1"/>
  <c r="A131620" i="1" s="1"/>
  <c r="A131621" i="1" s="1"/>
  <c r="A131622" i="1" s="1"/>
  <c r="A131623" i="1" s="1"/>
  <c r="A131624" i="1" s="1"/>
  <c r="A131625" i="1" s="1"/>
  <c r="A131626" i="1" s="1"/>
  <c r="A131627" i="1" s="1"/>
  <c r="A131628" i="1" s="1"/>
  <c r="A131629" i="1" s="1"/>
  <c r="A131630" i="1" s="1"/>
  <c r="A131631" i="1" s="1"/>
  <c r="A131632" i="1" s="1"/>
  <c r="A131633" i="1" s="1"/>
  <c r="A131634" i="1" s="1"/>
  <c r="A131635" i="1" s="1"/>
  <c r="A131636" i="1" s="1"/>
  <c r="A131637" i="1" s="1"/>
  <c r="A131638" i="1" s="1"/>
  <c r="A131639" i="1" s="1"/>
  <c r="A131640" i="1" s="1"/>
  <c r="A131641" i="1" s="1"/>
  <c r="A131642" i="1" s="1"/>
  <c r="A131643" i="1" s="1"/>
  <c r="A131644" i="1" s="1"/>
  <c r="A131645" i="1" s="1"/>
  <c r="A131646" i="1" s="1"/>
  <c r="A131647" i="1" s="1"/>
  <c r="A131648" i="1" s="1"/>
  <c r="A131649" i="1" s="1"/>
  <c r="A131650" i="1" s="1"/>
  <c r="A131651" i="1" s="1"/>
  <c r="A131652" i="1" s="1"/>
  <c r="A131653" i="1" s="1"/>
  <c r="A131654" i="1" s="1"/>
  <c r="A131655" i="1" s="1"/>
  <c r="A131656" i="1" s="1"/>
  <c r="A131657" i="1" s="1"/>
  <c r="A131658" i="1" s="1"/>
  <c r="A131659" i="1" s="1"/>
  <c r="A131660" i="1" s="1"/>
  <c r="A131661" i="1" s="1"/>
  <c r="A131662" i="1" s="1"/>
  <c r="A131663" i="1" s="1"/>
  <c r="A131664" i="1" s="1"/>
  <c r="A131665" i="1" s="1"/>
  <c r="A131666" i="1" s="1"/>
  <c r="A131667" i="1" s="1"/>
  <c r="A131668" i="1" s="1"/>
  <c r="A131669" i="1" s="1"/>
  <c r="A131670" i="1" s="1"/>
  <c r="A131671" i="1" s="1"/>
  <c r="A131672" i="1" s="1"/>
  <c r="A131673" i="1" s="1"/>
  <c r="A131674" i="1" s="1"/>
  <c r="A131675" i="1" s="1"/>
  <c r="A131676" i="1" s="1"/>
  <c r="A131677" i="1" s="1"/>
  <c r="A131678" i="1" s="1"/>
  <c r="A131679" i="1" s="1"/>
  <c r="A131680" i="1" s="1"/>
  <c r="A131681" i="1" s="1"/>
  <c r="A131682" i="1" s="1"/>
  <c r="A131683" i="1" s="1"/>
  <c r="A131684" i="1" s="1"/>
  <c r="A131685" i="1" s="1"/>
  <c r="A131686" i="1" s="1"/>
  <c r="A131687" i="1" s="1"/>
  <c r="A131688" i="1" s="1"/>
  <c r="A131689" i="1" s="1"/>
  <c r="A131690" i="1" s="1"/>
  <c r="A131691" i="1" s="1"/>
  <c r="A131692" i="1" s="1"/>
  <c r="A131693" i="1" s="1"/>
  <c r="A131694" i="1" s="1"/>
  <c r="A131695" i="1" s="1"/>
  <c r="A131696" i="1" s="1"/>
  <c r="A131697" i="1" s="1"/>
  <c r="A131698" i="1" s="1"/>
  <c r="A131699" i="1" s="1"/>
  <c r="A131700" i="1" s="1"/>
  <c r="A131701" i="1" s="1"/>
  <c r="A131702" i="1" s="1"/>
  <c r="A131703" i="1" s="1"/>
  <c r="A131704" i="1" s="1"/>
  <c r="A131705" i="1" s="1"/>
  <c r="A131706" i="1" s="1"/>
  <c r="A131707" i="1" s="1"/>
  <c r="A131708" i="1" s="1"/>
  <c r="A131709" i="1" s="1"/>
  <c r="A131710" i="1" s="1"/>
  <c r="A131711" i="1" s="1"/>
  <c r="A131712" i="1" s="1"/>
  <c r="A131713" i="1" s="1"/>
  <c r="A131714" i="1" s="1"/>
  <c r="A131715" i="1" s="1"/>
  <c r="A131716" i="1" s="1"/>
  <c r="A131717" i="1" s="1"/>
  <c r="A131718" i="1" s="1"/>
  <c r="A131719" i="1" s="1"/>
  <c r="A131720" i="1" s="1"/>
  <c r="A131721" i="1" s="1"/>
  <c r="A131722" i="1" s="1"/>
  <c r="A131723" i="1" s="1"/>
  <c r="A131724" i="1" s="1"/>
  <c r="A131725" i="1" s="1"/>
  <c r="A131726" i="1" s="1"/>
  <c r="A131727" i="1" s="1"/>
  <c r="A131728" i="1" s="1"/>
  <c r="A131729" i="1" s="1"/>
  <c r="A131730" i="1" s="1"/>
  <c r="A131731" i="1" s="1"/>
  <c r="A131732" i="1" s="1"/>
  <c r="A131733" i="1" s="1"/>
  <c r="A131734" i="1" s="1"/>
  <c r="A131735" i="1" s="1"/>
  <c r="A131736" i="1" s="1"/>
  <c r="A131737" i="1" s="1"/>
  <c r="A131738" i="1" s="1"/>
  <c r="A131739" i="1" s="1"/>
  <c r="A131740" i="1" s="1"/>
  <c r="A131741" i="1" s="1"/>
  <c r="A131742" i="1" s="1"/>
  <c r="A131743" i="1" s="1"/>
  <c r="A131744" i="1" s="1"/>
  <c r="A131745" i="1" s="1"/>
  <c r="A131746" i="1" s="1"/>
  <c r="A131747" i="1" s="1"/>
  <c r="A131748" i="1" s="1"/>
  <c r="A131749" i="1" s="1"/>
  <c r="A131750" i="1" s="1"/>
  <c r="A131751" i="1" s="1"/>
  <c r="A131752" i="1" s="1"/>
  <c r="A131753" i="1" s="1"/>
  <c r="A131754" i="1" s="1"/>
  <c r="A131755" i="1" s="1"/>
  <c r="A131756" i="1" s="1"/>
  <c r="A131757" i="1" s="1"/>
  <c r="A131758" i="1" s="1"/>
  <c r="A131759" i="1" s="1"/>
  <c r="A131760" i="1" s="1"/>
  <c r="A131761" i="1" s="1"/>
  <c r="A131762" i="1" s="1"/>
  <c r="A131763" i="1" s="1"/>
  <c r="A131764" i="1" s="1"/>
  <c r="A131765" i="1" s="1"/>
  <c r="A131766" i="1" s="1"/>
  <c r="A131767" i="1" s="1"/>
  <c r="A131768" i="1" s="1"/>
  <c r="A131769" i="1" s="1"/>
  <c r="A131770" i="1" s="1"/>
  <c r="A131771" i="1" s="1"/>
  <c r="A131772" i="1" s="1"/>
  <c r="A131773" i="1" s="1"/>
  <c r="A131774" i="1" s="1"/>
  <c r="A131775" i="1" s="1"/>
  <c r="A131776" i="1" s="1"/>
  <c r="A131777" i="1" s="1"/>
  <c r="A131778" i="1" s="1"/>
  <c r="A131779" i="1" s="1"/>
  <c r="A131780" i="1" s="1"/>
  <c r="A131781" i="1" s="1"/>
  <c r="A131782" i="1" s="1"/>
  <c r="A131783" i="1" s="1"/>
  <c r="A131784" i="1" s="1"/>
  <c r="A131785" i="1" s="1"/>
  <c r="A131786" i="1" s="1"/>
  <c r="A131787" i="1" s="1"/>
  <c r="A131788" i="1" s="1"/>
  <c r="A131789" i="1" s="1"/>
  <c r="A131790" i="1" s="1"/>
  <c r="A131791" i="1" s="1"/>
  <c r="A131792" i="1" s="1"/>
  <c r="A131793" i="1" s="1"/>
  <c r="A131794" i="1" s="1"/>
  <c r="A131795" i="1" s="1"/>
  <c r="A131796" i="1" s="1"/>
  <c r="A131797" i="1" s="1"/>
  <c r="A131798" i="1" s="1"/>
  <c r="A131799" i="1" s="1"/>
  <c r="A131800" i="1" s="1"/>
  <c r="A131801" i="1" s="1"/>
  <c r="A131802" i="1" s="1"/>
  <c r="A131803" i="1" s="1"/>
  <c r="A131804" i="1" s="1"/>
  <c r="A131805" i="1" s="1"/>
  <c r="A131806" i="1" s="1"/>
  <c r="A131807" i="1" s="1"/>
  <c r="A131808" i="1" s="1"/>
  <c r="A131809" i="1" s="1"/>
  <c r="A131810" i="1" s="1"/>
  <c r="A131811" i="1" s="1"/>
  <c r="A131812" i="1" s="1"/>
  <c r="A131813" i="1" s="1"/>
  <c r="A131814" i="1" s="1"/>
  <c r="A131815" i="1" s="1"/>
  <c r="A131816" i="1" s="1"/>
  <c r="A131817" i="1" s="1"/>
  <c r="A131818" i="1" s="1"/>
  <c r="A131819" i="1" s="1"/>
  <c r="A131820" i="1" s="1"/>
  <c r="A131821" i="1" s="1"/>
  <c r="A131822" i="1" s="1"/>
  <c r="A131823" i="1" s="1"/>
  <c r="A131824" i="1" s="1"/>
  <c r="A131825" i="1" s="1"/>
  <c r="A131826" i="1" s="1"/>
  <c r="A131827" i="1" s="1"/>
  <c r="A131828" i="1" s="1"/>
  <c r="A131829" i="1" s="1"/>
  <c r="A131830" i="1" s="1"/>
  <c r="A131831" i="1" s="1"/>
  <c r="A131832" i="1" s="1"/>
  <c r="A131833" i="1" s="1"/>
  <c r="A131834" i="1" s="1"/>
  <c r="A131835" i="1" s="1"/>
  <c r="A131836" i="1" s="1"/>
  <c r="A131837" i="1" s="1"/>
  <c r="A131838" i="1" s="1"/>
  <c r="A131839" i="1" s="1"/>
  <c r="A131840" i="1" s="1"/>
  <c r="A131841" i="1" s="1"/>
  <c r="A131842" i="1" s="1"/>
  <c r="A131843" i="1" s="1"/>
  <c r="A131844" i="1" s="1"/>
  <c r="A131845" i="1" s="1"/>
  <c r="A131846" i="1" s="1"/>
  <c r="A131847" i="1" s="1"/>
  <c r="A131848" i="1" s="1"/>
  <c r="A131849" i="1" s="1"/>
  <c r="A131850" i="1" s="1"/>
  <c r="A131851" i="1" s="1"/>
  <c r="A131852" i="1" s="1"/>
  <c r="A131853" i="1" s="1"/>
  <c r="A131854" i="1" s="1"/>
  <c r="A131855" i="1" s="1"/>
  <c r="A131856" i="1" s="1"/>
  <c r="A131857" i="1" s="1"/>
  <c r="A131858" i="1" s="1"/>
  <c r="A131859" i="1" s="1"/>
  <c r="A131860" i="1" s="1"/>
  <c r="A131861" i="1" s="1"/>
  <c r="A131862" i="1" s="1"/>
  <c r="A131863" i="1" s="1"/>
  <c r="A131864" i="1" s="1"/>
  <c r="A131865" i="1" s="1"/>
  <c r="A131866" i="1" s="1"/>
  <c r="A131867" i="1" s="1"/>
  <c r="A131868" i="1" s="1"/>
  <c r="A131869" i="1" s="1"/>
  <c r="A131870" i="1" s="1"/>
  <c r="A131871" i="1" s="1"/>
  <c r="A131872" i="1" s="1"/>
  <c r="A131873" i="1" s="1"/>
  <c r="A131874" i="1" s="1"/>
  <c r="A131875" i="1" s="1"/>
  <c r="A131876" i="1" s="1"/>
  <c r="A131877" i="1" s="1"/>
  <c r="A131878" i="1" s="1"/>
  <c r="A131879" i="1" s="1"/>
  <c r="A131880" i="1" s="1"/>
  <c r="A131881" i="1" s="1"/>
  <c r="A131882" i="1" s="1"/>
  <c r="A131883" i="1" s="1"/>
  <c r="A131884" i="1" s="1"/>
  <c r="A131885" i="1" s="1"/>
  <c r="A131886" i="1" s="1"/>
  <c r="A131887" i="1" s="1"/>
  <c r="A131888" i="1" s="1"/>
  <c r="A131889" i="1" s="1"/>
  <c r="A131890" i="1" s="1"/>
  <c r="A131891" i="1" s="1"/>
  <c r="A131892" i="1" s="1"/>
  <c r="A131893" i="1" s="1"/>
  <c r="A131894" i="1" s="1"/>
  <c r="A131895" i="1" s="1"/>
  <c r="A131896" i="1" s="1"/>
  <c r="A131897" i="1" s="1"/>
  <c r="A131898" i="1" s="1"/>
  <c r="A131899" i="1" s="1"/>
  <c r="A131900" i="1" s="1"/>
  <c r="A131901" i="1" s="1"/>
  <c r="A131902" i="1" s="1"/>
  <c r="A131903" i="1" s="1"/>
  <c r="A131904" i="1" s="1"/>
  <c r="A131905" i="1" s="1"/>
  <c r="A131906" i="1" s="1"/>
  <c r="A131907" i="1" s="1"/>
  <c r="A131908" i="1" s="1"/>
  <c r="A131909" i="1" s="1"/>
  <c r="A131910" i="1" s="1"/>
  <c r="A131911" i="1" s="1"/>
  <c r="A131912" i="1" s="1"/>
  <c r="A131913" i="1" s="1"/>
  <c r="A131914" i="1" s="1"/>
  <c r="A131915" i="1" s="1"/>
  <c r="A131916" i="1" s="1"/>
  <c r="A131917" i="1" s="1"/>
  <c r="A131918" i="1" s="1"/>
  <c r="A131919" i="1" s="1"/>
  <c r="A131920" i="1" s="1"/>
  <c r="A131921" i="1" s="1"/>
  <c r="A131922" i="1" s="1"/>
  <c r="A131923" i="1" s="1"/>
  <c r="A131924" i="1" s="1"/>
  <c r="A131925" i="1" s="1"/>
  <c r="A131926" i="1" s="1"/>
  <c r="A131927" i="1" s="1"/>
  <c r="A131928" i="1" s="1"/>
  <c r="A131929" i="1" s="1"/>
  <c r="A131930" i="1" s="1"/>
  <c r="A131931" i="1" s="1"/>
  <c r="A131932" i="1" s="1"/>
  <c r="A131933" i="1" s="1"/>
  <c r="A131934" i="1" s="1"/>
  <c r="A131935" i="1" s="1"/>
  <c r="A131936" i="1" s="1"/>
  <c r="A131937" i="1" s="1"/>
  <c r="A131938" i="1" s="1"/>
  <c r="A131939" i="1" s="1"/>
  <c r="A131940" i="1" s="1"/>
  <c r="A131941" i="1" s="1"/>
  <c r="A131942" i="1" s="1"/>
  <c r="A131943" i="1" s="1"/>
  <c r="A131944" i="1" s="1"/>
  <c r="A131945" i="1" s="1"/>
  <c r="A131946" i="1" s="1"/>
  <c r="A131947" i="1" s="1"/>
  <c r="A131948" i="1" s="1"/>
  <c r="A131949" i="1" s="1"/>
  <c r="A131950" i="1" s="1"/>
  <c r="A131951" i="1" s="1"/>
  <c r="A131952" i="1" s="1"/>
  <c r="A131953" i="1" s="1"/>
  <c r="A131954" i="1" s="1"/>
  <c r="A131955" i="1" s="1"/>
  <c r="A131956" i="1" s="1"/>
  <c r="A131957" i="1" s="1"/>
  <c r="A131958" i="1" s="1"/>
  <c r="A131959" i="1" s="1"/>
  <c r="A131960" i="1" s="1"/>
  <c r="A131961" i="1" s="1"/>
  <c r="A131962" i="1" s="1"/>
  <c r="A131963" i="1" s="1"/>
  <c r="A131964" i="1" s="1"/>
  <c r="A131965" i="1" s="1"/>
  <c r="A131966" i="1" s="1"/>
  <c r="A131967" i="1" s="1"/>
  <c r="A131968" i="1" s="1"/>
  <c r="A131969" i="1" s="1"/>
  <c r="A131970" i="1" s="1"/>
  <c r="A131971" i="1" s="1"/>
  <c r="A131972" i="1" s="1"/>
  <c r="A131973" i="1" s="1"/>
  <c r="A131974" i="1" s="1"/>
  <c r="A131975" i="1" s="1"/>
  <c r="A131976" i="1" s="1"/>
  <c r="A131977" i="1" s="1"/>
  <c r="A131978" i="1" s="1"/>
  <c r="A131979" i="1" s="1"/>
  <c r="A131980" i="1" s="1"/>
  <c r="A131981" i="1" s="1"/>
  <c r="A131982" i="1" s="1"/>
  <c r="A131983" i="1" s="1"/>
  <c r="A131984" i="1" s="1"/>
  <c r="A131985" i="1" s="1"/>
  <c r="A131986" i="1" s="1"/>
  <c r="A131987" i="1" s="1"/>
  <c r="A131988" i="1" s="1"/>
  <c r="A131989" i="1" s="1"/>
  <c r="A131990" i="1" s="1"/>
  <c r="A131991" i="1" s="1"/>
  <c r="A131992" i="1" s="1"/>
  <c r="A131993" i="1" s="1"/>
  <c r="A131994" i="1" s="1"/>
  <c r="A131995" i="1" s="1"/>
  <c r="A131996" i="1" s="1"/>
  <c r="A131997" i="1" s="1"/>
  <c r="A131998" i="1" s="1"/>
  <c r="A131999" i="1" s="1"/>
  <c r="A132000" i="1" s="1"/>
  <c r="A132001" i="1" s="1"/>
  <c r="A132002" i="1" s="1"/>
  <c r="A132003" i="1" s="1"/>
  <c r="A132004" i="1" s="1"/>
  <c r="A132005" i="1" s="1"/>
  <c r="A132006" i="1" s="1"/>
  <c r="A132007" i="1" s="1"/>
  <c r="A132008" i="1" s="1"/>
  <c r="A132009" i="1" s="1"/>
  <c r="A132010" i="1" s="1"/>
  <c r="A132011" i="1" s="1"/>
  <c r="A132012" i="1" s="1"/>
  <c r="A132013" i="1" s="1"/>
  <c r="A132014" i="1" s="1"/>
  <c r="A132015" i="1" s="1"/>
  <c r="A132016" i="1" s="1"/>
  <c r="A132017" i="1" s="1"/>
  <c r="A132018" i="1" s="1"/>
  <c r="A132019" i="1" s="1"/>
  <c r="A132020" i="1" s="1"/>
  <c r="A132021" i="1" s="1"/>
  <c r="A132022" i="1" s="1"/>
  <c r="A132023" i="1" s="1"/>
  <c r="A132024" i="1" s="1"/>
  <c r="A132025" i="1" s="1"/>
  <c r="A132026" i="1" s="1"/>
  <c r="A132027" i="1" s="1"/>
  <c r="A132028" i="1" s="1"/>
  <c r="A132029" i="1" s="1"/>
  <c r="A132030" i="1" s="1"/>
  <c r="A132031" i="1" s="1"/>
  <c r="A132032" i="1" s="1"/>
  <c r="A132033" i="1" s="1"/>
  <c r="A132034" i="1" s="1"/>
  <c r="A132035" i="1" s="1"/>
  <c r="A132036" i="1" s="1"/>
  <c r="A132037" i="1" s="1"/>
  <c r="A132038" i="1" s="1"/>
  <c r="A132039" i="1" s="1"/>
  <c r="A132040" i="1" s="1"/>
  <c r="A132041" i="1" s="1"/>
  <c r="A132042" i="1" s="1"/>
  <c r="A132043" i="1" s="1"/>
  <c r="A132044" i="1" s="1"/>
  <c r="A132045" i="1" s="1"/>
  <c r="A132046" i="1" s="1"/>
  <c r="A132047" i="1" s="1"/>
  <c r="A132048" i="1" s="1"/>
  <c r="A132049" i="1" s="1"/>
  <c r="A132050" i="1" s="1"/>
  <c r="A132051" i="1" s="1"/>
  <c r="A132052" i="1" s="1"/>
  <c r="A132053" i="1" s="1"/>
  <c r="A132054" i="1" s="1"/>
  <c r="A132055" i="1" s="1"/>
  <c r="A132056" i="1" s="1"/>
  <c r="A132057" i="1" s="1"/>
  <c r="A132058" i="1" s="1"/>
  <c r="A132059" i="1" s="1"/>
  <c r="A132060" i="1" s="1"/>
  <c r="A132061" i="1" s="1"/>
  <c r="A132062" i="1" s="1"/>
  <c r="A132063" i="1" s="1"/>
  <c r="A132064" i="1" s="1"/>
  <c r="A132065" i="1" s="1"/>
  <c r="A132066" i="1" s="1"/>
  <c r="A132067" i="1" s="1"/>
  <c r="A132068" i="1" s="1"/>
  <c r="A132069" i="1" s="1"/>
  <c r="A132070" i="1" s="1"/>
  <c r="A132071" i="1" s="1"/>
  <c r="A132072" i="1" s="1"/>
  <c r="A132073" i="1" s="1"/>
  <c r="A132074" i="1" s="1"/>
  <c r="A132075" i="1" s="1"/>
  <c r="A132076" i="1" s="1"/>
  <c r="A132077" i="1" s="1"/>
  <c r="A132078" i="1" s="1"/>
  <c r="A132079" i="1" s="1"/>
  <c r="A132080" i="1" s="1"/>
  <c r="A132081" i="1" s="1"/>
  <c r="A132082" i="1" s="1"/>
  <c r="A132083" i="1" s="1"/>
  <c r="A132084" i="1" s="1"/>
  <c r="A132085" i="1" s="1"/>
  <c r="A132086" i="1" s="1"/>
  <c r="A132087" i="1" s="1"/>
  <c r="A132088" i="1" s="1"/>
  <c r="A132089" i="1" s="1"/>
  <c r="A132090" i="1" s="1"/>
  <c r="A132091" i="1" s="1"/>
  <c r="A132092" i="1" s="1"/>
  <c r="A132093" i="1" s="1"/>
  <c r="A132094" i="1" s="1"/>
  <c r="A132095" i="1" s="1"/>
  <c r="A132096" i="1" s="1"/>
  <c r="A132097" i="1" s="1"/>
  <c r="A132098" i="1" s="1"/>
  <c r="A132099" i="1" s="1"/>
  <c r="A132100" i="1" s="1"/>
  <c r="A132101" i="1" s="1"/>
  <c r="A132102" i="1" s="1"/>
  <c r="A132103" i="1" s="1"/>
  <c r="A132104" i="1" s="1"/>
  <c r="A132105" i="1" s="1"/>
  <c r="A132106" i="1" s="1"/>
  <c r="A132107" i="1" s="1"/>
  <c r="A132108" i="1" s="1"/>
  <c r="A132109" i="1" s="1"/>
  <c r="A132110" i="1" s="1"/>
  <c r="A132111" i="1" s="1"/>
  <c r="A132112" i="1" s="1"/>
  <c r="A132113" i="1" s="1"/>
  <c r="A132114" i="1" s="1"/>
  <c r="A132115" i="1" s="1"/>
  <c r="A132116" i="1" s="1"/>
  <c r="A132117" i="1" s="1"/>
  <c r="A132118" i="1" s="1"/>
  <c r="A132119" i="1" s="1"/>
  <c r="A132120" i="1" s="1"/>
  <c r="A132121" i="1" s="1"/>
  <c r="A132122" i="1" s="1"/>
  <c r="A132123" i="1" s="1"/>
  <c r="A132124" i="1" s="1"/>
  <c r="A132125" i="1" s="1"/>
  <c r="A132126" i="1" s="1"/>
  <c r="A132127" i="1" s="1"/>
  <c r="A132128" i="1" s="1"/>
  <c r="A132129" i="1" s="1"/>
  <c r="A132130" i="1" s="1"/>
  <c r="A132131" i="1" s="1"/>
  <c r="A132132" i="1" s="1"/>
  <c r="A132133" i="1" s="1"/>
  <c r="A132134" i="1" s="1"/>
  <c r="A132135" i="1" s="1"/>
  <c r="A132136" i="1" s="1"/>
  <c r="A132137" i="1" s="1"/>
  <c r="A132138" i="1" s="1"/>
  <c r="A132139" i="1" s="1"/>
  <c r="A132140" i="1" s="1"/>
  <c r="A132141" i="1" s="1"/>
  <c r="A132142" i="1" s="1"/>
  <c r="A132143" i="1" s="1"/>
  <c r="A132144" i="1" s="1"/>
  <c r="A132145" i="1" s="1"/>
  <c r="A132146" i="1" s="1"/>
  <c r="A132147" i="1" s="1"/>
  <c r="A132148" i="1" s="1"/>
  <c r="A132149" i="1" s="1"/>
  <c r="A132150" i="1" s="1"/>
  <c r="A132151" i="1" s="1"/>
  <c r="A132152" i="1" s="1"/>
  <c r="A132153" i="1" s="1"/>
  <c r="A132154" i="1" s="1"/>
  <c r="A132155" i="1" s="1"/>
  <c r="A132156" i="1" s="1"/>
  <c r="A132157" i="1" s="1"/>
  <c r="A132158" i="1" s="1"/>
  <c r="A132159" i="1" s="1"/>
  <c r="A132160" i="1" s="1"/>
  <c r="A132161" i="1" s="1"/>
  <c r="A132162" i="1" s="1"/>
  <c r="A132163" i="1" s="1"/>
  <c r="A132164" i="1" s="1"/>
  <c r="A132165" i="1" s="1"/>
  <c r="A132166" i="1" s="1"/>
  <c r="A132167" i="1" s="1"/>
  <c r="A132168" i="1" s="1"/>
  <c r="A132169" i="1" s="1"/>
  <c r="A132170" i="1" s="1"/>
  <c r="A132171" i="1" s="1"/>
  <c r="A132172" i="1" s="1"/>
  <c r="A132173" i="1" s="1"/>
  <c r="A132174" i="1" s="1"/>
  <c r="A132175" i="1" s="1"/>
  <c r="A132176" i="1" s="1"/>
  <c r="A132177" i="1" s="1"/>
  <c r="A132178" i="1" s="1"/>
  <c r="A132179" i="1" s="1"/>
  <c r="A132180" i="1" s="1"/>
  <c r="A132181" i="1" s="1"/>
  <c r="A132182" i="1" s="1"/>
  <c r="A132183" i="1" s="1"/>
  <c r="A132184" i="1" s="1"/>
  <c r="A132185" i="1" s="1"/>
  <c r="A132186" i="1" s="1"/>
  <c r="A132187" i="1" s="1"/>
  <c r="A132188" i="1" s="1"/>
  <c r="A132189" i="1" s="1"/>
  <c r="A132190" i="1" s="1"/>
  <c r="A132191" i="1" s="1"/>
  <c r="A132192" i="1" s="1"/>
  <c r="A132193" i="1" s="1"/>
  <c r="A132194" i="1" s="1"/>
  <c r="A132195" i="1" s="1"/>
  <c r="A132196" i="1" s="1"/>
  <c r="A132197" i="1" s="1"/>
  <c r="A132198" i="1" s="1"/>
  <c r="A132199" i="1" s="1"/>
  <c r="A132200" i="1" s="1"/>
  <c r="A132201" i="1" s="1"/>
  <c r="A132202" i="1" s="1"/>
  <c r="A132203" i="1" s="1"/>
  <c r="A132204" i="1" s="1"/>
  <c r="A132205" i="1" s="1"/>
  <c r="A132206" i="1" s="1"/>
  <c r="A132207" i="1" s="1"/>
  <c r="A132208" i="1" s="1"/>
  <c r="A132209" i="1" s="1"/>
  <c r="A132210" i="1" s="1"/>
  <c r="A132211" i="1" s="1"/>
  <c r="A132212" i="1" s="1"/>
  <c r="A132213" i="1" s="1"/>
  <c r="A132214" i="1" s="1"/>
  <c r="A132215" i="1" s="1"/>
  <c r="A132216" i="1" s="1"/>
  <c r="A132217" i="1" s="1"/>
  <c r="A132218" i="1" s="1"/>
  <c r="A132219" i="1" s="1"/>
  <c r="A132220" i="1" s="1"/>
  <c r="A132221" i="1" s="1"/>
  <c r="A132222" i="1" s="1"/>
  <c r="A132223" i="1" s="1"/>
  <c r="A132224" i="1" s="1"/>
  <c r="A132225" i="1" s="1"/>
  <c r="A132226" i="1" s="1"/>
  <c r="A132227" i="1" s="1"/>
  <c r="A132228" i="1" s="1"/>
  <c r="A132229" i="1" s="1"/>
  <c r="A132230" i="1" s="1"/>
  <c r="A132231" i="1" s="1"/>
  <c r="A132232" i="1" s="1"/>
  <c r="A132233" i="1" s="1"/>
  <c r="A132234" i="1" s="1"/>
  <c r="A132235" i="1" s="1"/>
  <c r="A132236" i="1" s="1"/>
  <c r="A132237" i="1" s="1"/>
  <c r="A132238" i="1" s="1"/>
  <c r="A132239" i="1" s="1"/>
  <c r="A132240" i="1" s="1"/>
  <c r="A132241" i="1" s="1"/>
  <c r="A132242" i="1" s="1"/>
  <c r="A132243" i="1" s="1"/>
  <c r="A132244" i="1" s="1"/>
  <c r="A132245" i="1" s="1"/>
  <c r="A132246" i="1" s="1"/>
  <c r="A132247" i="1" s="1"/>
  <c r="A132248" i="1" s="1"/>
  <c r="A132249" i="1" s="1"/>
  <c r="A132250" i="1" s="1"/>
  <c r="A132251" i="1" s="1"/>
  <c r="A132252" i="1" s="1"/>
  <c r="A132253" i="1" s="1"/>
  <c r="A132254" i="1" s="1"/>
  <c r="A132255" i="1" s="1"/>
  <c r="A132256" i="1" s="1"/>
  <c r="A132257" i="1" s="1"/>
  <c r="A132258" i="1" s="1"/>
  <c r="A132259" i="1" s="1"/>
  <c r="A132260" i="1" s="1"/>
  <c r="A132261" i="1" s="1"/>
  <c r="A132262" i="1" s="1"/>
  <c r="A132263" i="1" s="1"/>
  <c r="A132264" i="1" s="1"/>
  <c r="A132265" i="1" s="1"/>
  <c r="A132266" i="1" s="1"/>
  <c r="A132267" i="1" s="1"/>
  <c r="A132268" i="1" s="1"/>
  <c r="A132269" i="1" s="1"/>
  <c r="A132270" i="1" s="1"/>
  <c r="A132271" i="1" s="1"/>
  <c r="A132272" i="1" s="1"/>
  <c r="A132273" i="1" s="1"/>
  <c r="A132274" i="1" s="1"/>
  <c r="A132275" i="1" s="1"/>
  <c r="A132276" i="1" s="1"/>
  <c r="A132277" i="1" s="1"/>
  <c r="A132278" i="1" s="1"/>
  <c r="A132279" i="1" s="1"/>
  <c r="A132280" i="1" s="1"/>
  <c r="A132281" i="1" s="1"/>
  <c r="A132282" i="1" s="1"/>
  <c r="A132283" i="1" s="1"/>
  <c r="A132284" i="1" s="1"/>
  <c r="A132285" i="1" s="1"/>
  <c r="A132286" i="1" s="1"/>
  <c r="A132287" i="1" s="1"/>
  <c r="A132288" i="1" s="1"/>
  <c r="A132289" i="1" s="1"/>
  <c r="A132290" i="1" s="1"/>
  <c r="A132291" i="1" s="1"/>
  <c r="A132292" i="1" s="1"/>
  <c r="A132293" i="1" s="1"/>
  <c r="A132294" i="1" s="1"/>
  <c r="A132295" i="1" s="1"/>
  <c r="A132296" i="1" s="1"/>
  <c r="A132297" i="1" s="1"/>
  <c r="A132298" i="1" s="1"/>
  <c r="A132299" i="1" s="1"/>
  <c r="A132300" i="1" s="1"/>
  <c r="A132301" i="1" s="1"/>
  <c r="A132302" i="1" s="1"/>
  <c r="A132303" i="1" s="1"/>
  <c r="A132304" i="1" s="1"/>
  <c r="A132305" i="1" s="1"/>
  <c r="A132306" i="1" s="1"/>
  <c r="A132307" i="1" s="1"/>
  <c r="A132308" i="1" s="1"/>
  <c r="A132309" i="1" s="1"/>
  <c r="A132310" i="1" s="1"/>
  <c r="A132311" i="1" s="1"/>
  <c r="A132312" i="1" s="1"/>
  <c r="A132313" i="1" s="1"/>
  <c r="A132314" i="1" s="1"/>
  <c r="A132315" i="1" s="1"/>
  <c r="A132316" i="1" s="1"/>
  <c r="A132317" i="1" s="1"/>
  <c r="A132318" i="1" s="1"/>
  <c r="A132319" i="1" s="1"/>
  <c r="A132320" i="1" s="1"/>
  <c r="A132321" i="1" s="1"/>
  <c r="A132322" i="1" s="1"/>
  <c r="A132323" i="1" s="1"/>
  <c r="A132324" i="1" s="1"/>
  <c r="A132325" i="1" s="1"/>
  <c r="A132326" i="1" s="1"/>
  <c r="A132327" i="1" s="1"/>
  <c r="A132328" i="1" s="1"/>
  <c r="A132329" i="1" s="1"/>
  <c r="A132330" i="1" s="1"/>
  <c r="A132331" i="1" s="1"/>
  <c r="A132332" i="1" s="1"/>
  <c r="A132333" i="1" s="1"/>
  <c r="A132334" i="1" s="1"/>
  <c r="A132335" i="1" s="1"/>
  <c r="A132336" i="1" s="1"/>
  <c r="A132337" i="1" s="1"/>
  <c r="A132338" i="1" s="1"/>
  <c r="A132339" i="1" s="1"/>
  <c r="A132340" i="1" s="1"/>
  <c r="A132341" i="1" s="1"/>
  <c r="A132342" i="1" s="1"/>
  <c r="A132343" i="1" s="1"/>
  <c r="A132344" i="1" s="1"/>
  <c r="A132345" i="1" s="1"/>
  <c r="A132346" i="1" s="1"/>
  <c r="A132347" i="1" s="1"/>
  <c r="A132348" i="1" s="1"/>
  <c r="A132349" i="1" s="1"/>
  <c r="A132350" i="1" s="1"/>
  <c r="A132351" i="1" s="1"/>
  <c r="A132352" i="1" s="1"/>
  <c r="A132353" i="1" s="1"/>
  <c r="A132354" i="1" s="1"/>
  <c r="A132355" i="1" s="1"/>
  <c r="A132356" i="1" s="1"/>
  <c r="A132357" i="1" s="1"/>
  <c r="A132358" i="1" s="1"/>
  <c r="A132359" i="1" s="1"/>
  <c r="A132360" i="1" s="1"/>
  <c r="A132361" i="1" s="1"/>
  <c r="A132362" i="1" s="1"/>
  <c r="A132363" i="1" s="1"/>
  <c r="A132364" i="1" s="1"/>
  <c r="A132365" i="1" s="1"/>
  <c r="A132366" i="1" s="1"/>
  <c r="A132367" i="1" s="1"/>
  <c r="A132368" i="1" s="1"/>
  <c r="A132369" i="1" s="1"/>
  <c r="A132370" i="1" s="1"/>
  <c r="A132371" i="1" s="1"/>
  <c r="A132372" i="1" s="1"/>
  <c r="A132373" i="1" s="1"/>
  <c r="A132374" i="1" s="1"/>
  <c r="A132375" i="1" s="1"/>
  <c r="A132376" i="1" s="1"/>
  <c r="A132377" i="1" s="1"/>
  <c r="A132378" i="1" s="1"/>
  <c r="A132379" i="1" s="1"/>
  <c r="A132380" i="1" s="1"/>
  <c r="A132381" i="1" s="1"/>
  <c r="A132382" i="1" s="1"/>
  <c r="A132383" i="1" s="1"/>
  <c r="A132384" i="1" s="1"/>
  <c r="A132385" i="1" s="1"/>
  <c r="A132386" i="1" s="1"/>
  <c r="A132387" i="1" s="1"/>
  <c r="A132388" i="1" s="1"/>
  <c r="A132389" i="1" s="1"/>
  <c r="A132390" i="1" s="1"/>
  <c r="A132391" i="1" s="1"/>
  <c r="A132392" i="1" s="1"/>
  <c r="A132393" i="1" s="1"/>
  <c r="A132394" i="1" s="1"/>
  <c r="A132395" i="1" s="1"/>
  <c r="A132396" i="1" s="1"/>
  <c r="A132397" i="1" s="1"/>
  <c r="A132398" i="1" s="1"/>
  <c r="A132399" i="1" s="1"/>
  <c r="A132400" i="1" s="1"/>
  <c r="A132401" i="1" s="1"/>
  <c r="A132402" i="1" s="1"/>
  <c r="A132403" i="1" s="1"/>
  <c r="A132404" i="1" s="1"/>
  <c r="A132405" i="1" s="1"/>
  <c r="A132406" i="1" s="1"/>
  <c r="A132407" i="1" s="1"/>
  <c r="A132408" i="1" s="1"/>
  <c r="A132409" i="1" s="1"/>
  <c r="A132410" i="1" s="1"/>
  <c r="A132411" i="1" s="1"/>
  <c r="A132412" i="1" s="1"/>
  <c r="A132413" i="1" s="1"/>
  <c r="A132414" i="1" s="1"/>
  <c r="A132415" i="1" s="1"/>
  <c r="A132416" i="1" s="1"/>
  <c r="A132417" i="1" s="1"/>
  <c r="A132418" i="1" s="1"/>
  <c r="A132419" i="1" s="1"/>
  <c r="A132420" i="1" s="1"/>
  <c r="A132421" i="1" s="1"/>
  <c r="A132422" i="1" s="1"/>
  <c r="A132423" i="1" s="1"/>
  <c r="A132424" i="1" s="1"/>
  <c r="A132425" i="1" s="1"/>
  <c r="A132426" i="1" s="1"/>
  <c r="A132427" i="1" s="1"/>
  <c r="A132428" i="1" s="1"/>
  <c r="A132429" i="1" s="1"/>
  <c r="A132430" i="1" s="1"/>
  <c r="A132431" i="1" s="1"/>
  <c r="A132432" i="1" s="1"/>
  <c r="A132433" i="1" s="1"/>
  <c r="A132434" i="1" s="1"/>
  <c r="A132435" i="1" s="1"/>
  <c r="A132436" i="1" s="1"/>
  <c r="A132437" i="1" s="1"/>
  <c r="A132438" i="1" s="1"/>
  <c r="A132439" i="1" s="1"/>
  <c r="A132440" i="1" s="1"/>
  <c r="A132441" i="1" s="1"/>
  <c r="A132442" i="1" s="1"/>
  <c r="A132443" i="1" s="1"/>
  <c r="A132444" i="1" s="1"/>
  <c r="A132445" i="1" s="1"/>
  <c r="A132446" i="1" s="1"/>
  <c r="A132447" i="1" s="1"/>
  <c r="A132448" i="1" s="1"/>
  <c r="A132449" i="1" s="1"/>
  <c r="A132450" i="1" s="1"/>
  <c r="A132451" i="1" s="1"/>
  <c r="A132452" i="1" s="1"/>
  <c r="A132453" i="1" s="1"/>
  <c r="A132454" i="1" s="1"/>
  <c r="A132455" i="1" s="1"/>
  <c r="A132456" i="1" s="1"/>
  <c r="A132457" i="1" s="1"/>
  <c r="A132458" i="1" s="1"/>
  <c r="A132459" i="1" s="1"/>
  <c r="A132460" i="1" s="1"/>
  <c r="A132461" i="1" s="1"/>
  <c r="A132462" i="1" s="1"/>
  <c r="A132463" i="1" s="1"/>
  <c r="A132464" i="1" s="1"/>
  <c r="A132465" i="1" s="1"/>
  <c r="A132466" i="1" s="1"/>
  <c r="A132467" i="1" s="1"/>
  <c r="A132468" i="1" s="1"/>
  <c r="A132469" i="1" s="1"/>
  <c r="A132470" i="1" s="1"/>
  <c r="A132471" i="1" s="1"/>
  <c r="A132472" i="1" s="1"/>
  <c r="A132473" i="1" s="1"/>
  <c r="A132474" i="1" s="1"/>
  <c r="A132475" i="1" s="1"/>
  <c r="A132476" i="1" s="1"/>
  <c r="A132477" i="1" s="1"/>
  <c r="A132478" i="1" s="1"/>
  <c r="A132479" i="1" s="1"/>
  <c r="A132480" i="1" s="1"/>
  <c r="A132481" i="1" s="1"/>
  <c r="A132482" i="1" s="1"/>
  <c r="A132483" i="1" s="1"/>
  <c r="A132484" i="1" s="1"/>
  <c r="A132485" i="1" s="1"/>
  <c r="A132486" i="1" s="1"/>
  <c r="A132487" i="1" s="1"/>
  <c r="A132488" i="1" s="1"/>
  <c r="A132489" i="1" s="1"/>
  <c r="A132490" i="1" s="1"/>
  <c r="A132491" i="1" s="1"/>
  <c r="A132492" i="1" s="1"/>
  <c r="A132493" i="1" s="1"/>
  <c r="A132494" i="1" s="1"/>
  <c r="A132495" i="1" s="1"/>
  <c r="A132496" i="1" s="1"/>
  <c r="A132497" i="1" s="1"/>
  <c r="A132498" i="1" s="1"/>
  <c r="A132499" i="1" s="1"/>
  <c r="A132500" i="1" s="1"/>
  <c r="A132501" i="1" s="1"/>
  <c r="A132502" i="1" s="1"/>
  <c r="A132503" i="1" s="1"/>
  <c r="A132504" i="1" s="1"/>
  <c r="A132505" i="1" s="1"/>
  <c r="A132506" i="1" s="1"/>
  <c r="A132507" i="1" s="1"/>
  <c r="A132508" i="1" s="1"/>
  <c r="A132509" i="1" s="1"/>
  <c r="A132510" i="1" s="1"/>
  <c r="A132511" i="1" s="1"/>
  <c r="A132512" i="1" s="1"/>
  <c r="A132513" i="1" s="1"/>
  <c r="A132514" i="1" s="1"/>
  <c r="A132515" i="1" s="1"/>
  <c r="A132516" i="1" s="1"/>
  <c r="A132517" i="1" s="1"/>
  <c r="A132518" i="1" s="1"/>
  <c r="A132519" i="1" s="1"/>
  <c r="A132520" i="1" s="1"/>
  <c r="A132521" i="1" s="1"/>
  <c r="A132522" i="1" s="1"/>
  <c r="A132523" i="1" s="1"/>
  <c r="A132524" i="1" s="1"/>
  <c r="A132525" i="1" s="1"/>
  <c r="A132526" i="1" s="1"/>
  <c r="A132527" i="1" s="1"/>
  <c r="A132528" i="1" s="1"/>
  <c r="A132529" i="1" s="1"/>
  <c r="A132530" i="1" s="1"/>
  <c r="A132531" i="1" s="1"/>
  <c r="A132532" i="1" s="1"/>
  <c r="A132533" i="1" s="1"/>
  <c r="A132534" i="1" s="1"/>
  <c r="A132535" i="1" s="1"/>
  <c r="A132536" i="1" s="1"/>
  <c r="A132537" i="1" s="1"/>
  <c r="A132538" i="1" s="1"/>
  <c r="A132539" i="1" s="1"/>
  <c r="A132540" i="1" s="1"/>
  <c r="A132541" i="1" s="1"/>
  <c r="A132542" i="1" s="1"/>
  <c r="A132543" i="1" s="1"/>
  <c r="A132544" i="1" s="1"/>
  <c r="A132545" i="1" s="1"/>
  <c r="A132546" i="1" s="1"/>
  <c r="A132547" i="1" s="1"/>
  <c r="A132548" i="1" s="1"/>
  <c r="A132549" i="1" s="1"/>
  <c r="A132550" i="1" s="1"/>
  <c r="A132551" i="1" s="1"/>
  <c r="A132552" i="1" s="1"/>
  <c r="A132553" i="1" s="1"/>
  <c r="A132554" i="1" s="1"/>
  <c r="A132555" i="1" s="1"/>
  <c r="A132556" i="1" s="1"/>
  <c r="A132557" i="1" s="1"/>
  <c r="A132558" i="1" s="1"/>
  <c r="A132559" i="1" s="1"/>
  <c r="A132560" i="1" s="1"/>
  <c r="A132561" i="1" s="1"/>
  <c r="A132562" i="1" s="1"/>
  <c r="A132563" i="1" s="1"/>
  <c r="A132564" i="1" s="1"/>
  <c r="A132565" i="1" s="1"/>
  <c r="A132566" i="1" s="1"/>
  <c r="A132567" i="1" s="1"/>
  <c r="A132568" i="1" s="1"/>
  <c r="A132569" i="1" s="1"/>
  <c r="A132570" i="1" s="1"/>
  <c r="A132571" i="1" s="1"/>
  <c r="A132572" i="1" s="1"/>
  <c r="A132573" i="1" s="1"/>
  <c r="A132574" i="1" s="1"/>
  <c r="A132575" i="1" s="1"/>
  <c r="A132576" i="1" s="1"/>
  <c r="A132577" i="1" s="1"/>
  <c r="A132578" i="1" s="1"/>
  <c r="A132579" i="1" s="1"/>
  <c r="A132580" i="1" s="1"/>
  <c r="A132581" i="1" s="1"/>
  <c r="A132582" i="1" s="1"/>
  <c r="A132583" i="1" s="1"/>
  <c r="A132584" i="1" s="1"/>
  <c r="A132585" i="1" s="1"/>
  <c r="A132586" i="1" s="1"/>
  <c r="A132587" i="1" s="1"/>
  <c r="A132588" i="1" s="1"/>
  <c r="A132589" i="1" s="1"/>
  <c r="A132590" i="1" s="1"/>
  <c r="A132591" i="1" s="1"/>
  <c r="A132592" i="1" s="1"/>
  <c r="A132593" i="1" s="1"/>
  <c r="A132594" i="1" s="1"/>
  <c r="A132595" i="1" s="1"/>
  <c r="A132596" i="1" s="1"/>
  <c r="A132597" i="1" s="1"/>
  <c r="A132598" i="1" s="1"/>
  <c r="A132599" i="1" s="1"/>
  <c r="A132600" i="1" s="1"/>
  <c r="A132601" i="1" s="1"/>
  <c r="A132602" i="1" s="1"/>
  <c r="A132603" i="1" s="1"/>
  <c r="A132604" i="1" s="1"/>
  <c r="A132605" i="1" s="1"/>
  <c r="A132606" i="1" s="1"/>
  <c r="A132607" i="1" s="1"/>
  <c r="A132608" i="1" s="1"/>
  <c r="A132609" i="1" s="1"/>
  <c r="A132610" i="1" s="1"/>
  <c r="A132611" i="1" s="1"/>
  <c r="A132612" i="1" s="1"/>
  <c r="A132613" i="1" s="1"/>
  <c r="A132614" i="1" s="1"/>
  <c r="A132615" i="1" s="1"/>
  <c r="A132616" i="1" s="1"/>
  <c r="A132617" i="1" s="1"/>
  <c r="A132618" i="1" s="1"/>
  <c r="A132619" i="1" s="1"/>
  <c r="A132620" i="1" s="1"/>
  <c r="A132621" i="1" s="1"/>
  <c r="A132622" i="1" s="1"/>
  <c r="A132623" i="1" s="1"/>
  <c r="A132624" i="1" s="1"/>
  <c r="A132625" i="1" s="1"/>
  <c r="A132626" i="1" s="1"/>
  <c r="A132627" i="1" s="1"/>
  <c r="A132628" i="1" s="1"/>
  <c r="A132629" i="1" s="1"/>
  <c r="A132630" i="1" s="1"/>
  <c r="A132631" i="1" s="1"/>
  <c r="A132632" i="1" s="1"/>
  <c r="A132633" i="1" s="1"/>
  <c r="A132634" i="1" s="1"/>
  <c r="A132635" i="1" s="1"/>
  <c r="A132636" i="1" s="1"/>
  <c r="A132637" i="1" s="1"/>
  <c r="A132638" i="1" s="1"/>
  <c r="A132639" i="1" s="1"/>
  <c r="A132640" i="1" s="1"/>
  <c r="A132641" i="1" s="1"/>
  <c r="A132642" i="1" s="1"/>
  <c r="A132643" i="1" s="1"/>
  <c r="A132644" i="1" s="1"/>
  <c r="A132645" i="1" s="1"/>
  <c r="A132646" i="1" s="1"/>
  <c r="A132647" i="1" s="1"/>
  <c r="A132648" i="1" s="1"/>
  <c r="A132649" i="1" s="1"/>
  <c r="A132650" i="1" s="1"/>
  <c r="A132651" i="1" s="1"/>
  <c r="A132652" i="1" s="1"/>
  <c r="A132653" i="1" s="1"/>
  <c r="A132654" i="1" s="1"/>
  <c r="A132655" i="1" s="1"/>
  <c r="A132656" i="1" s="1"/>
  <c r="A132657" i="1" s="1"/>
  <c r="A132658" i="1" s="1"/>
  <c r="A132659" i="1" s="1"/>
  <c r="A132660" i="1" s="1"/>
  <c r="A132661" i="1" s="1"/>
  <c r="A132662" i="1" s="1"/>
  <c r="A132663" i="1" s="1"/>
  <c r="A132664" i="1" s="1"/>
  <c r="A132665" i="1" s="1"/>
  <c r="A132666" i="1" s="1"/>
  <c r="A132667" i="1" s="1"/>
  <c r="A132668" i="1" s="1"/>
  <c r="A132669" i="1" s="1"/>
  <c r="A132670" i="1" s="1"/>
  <c r="A132671" i="1" s="1"/>
  <c r="A132672" i="1" s="1"/>
  <c r="A132673" i="1" s="1"/>
  <c r="A132674" i="1" s="1"/>
  <c r="A132675" i="1" s="1"/>
  <c r="A132676" i="1" s="1"/>
  <c r="A132677" i="1" s="1"/>
  <c r="A132678" i="1" s="1"/>
  <c r="A132679" i="1" s="1"/>
  <c r="A132680" i="1" s="1"/>
  <c r="A132681" i="1" s="1"/>
  <c r="A132682" i="1" s="1"/>
  <c r="A132683" i="1" s="1"/>
  <c r="A132684" i="1" s="1"/>
  <c r="A132685" i="1" s="1"/>
  <c r="A132686" i="1" s="1"/>
  <c r="A132687" i="1" s="1"/>
  <c r="A132688" i="1" s="1"/>
  <c r="A132689" i="1" s="1"/>
  <c r="A132690" i="1" s="1"/>
  <c r="A132691" i="1" s="1"/>
  <c r="A132692" i="1" s="1"/>
  <c r="A132693" i="1" s="1"/>
  <c r="A132694" i="1" s="1"/>
  <c r="A132695" i="1" s="1"/>
  <c r="A132696" i="1" s="1"/>
  <c r="A132697" i="1" s="1"/>
  <c r="A132698" i="1" s="1"/>
  <c r="A132699" i="1" s="1"/>
  <c r="A132700" i="1" s="1"/>
  <c r="A132701" i="1" s="1"/>
  <c r="A132702" i="1" s="1"/>
  <c r="A132703" i="1" s="1"/>
  <c r="A132704" i="1" s="1"/>
  <c r="A132705" i="1" s="1"/>
  <c r="A132706" i="1" s="1"/>
  <c r="A132707" i="1" s="1"/>
  <c r="A132708" i="1" s="1"/>
  <c r="A132709" i="1" s="1"/>
  <c r="A132710" i="1" s="1"/>
  <c r="A132711" i="1" s="1"/>
  <c r="A132712" i="1" s="1"/>
  <c r="A132713" i="1" s="1"/>
  <c r="A132714" i="1" s="1"/>
  <c r="A132715" i="1" s="1"/>
  <c r="A132716" i="1" s="1"/>
  <c r="A132717" i="1" s="1"/>
  <c r="A132718" i="1" s="1"/>
  <c r="A132719" i="1" s="1"/>
  <c r="A132720" i="1" s="1"/>
  <c r="A132721" i="1" s="1"/>
  <c r="A132722" i="1" s="1"/>
  <c r="A132723" i="1" s="1"/>
  <c r="A132724" i="1" s="1"/>
  <c r="A132725" i="1" s="1"/>
  <c r="A132726" i="1" s="1"/>
  <c r="A132727" i="1" s="1"/>
  <c r="A132728" i="1" s="1"/>
  <c r="A132729" i="1" s="1"/>
  <c r="A132730" i="1" s="1"/>
  <c r="A132731" i="1" s="1"/>
  <c r="A132732" i="1" s="1"/>
  <c r="A132733" i="1" s="1"/>
  <c r="A132734" i="1" s="1"/>
  <c r="A132735" i="1" s="1"/>
  <c r="A132736" i="1" s="1"/>
  <c r="A132737" i="1" s="1"/>
  <c r="A132738" i="1" s="1"/>
  <c r="A132739" i="1" s="1"/>
  <c r="A132740" i="1" s="1"/>
  <c r="A132741" i="1" s="1"/>
  <c r="A132742" i="1" s="1"/>
  <c r="A132743" i="1" s="1"/>
  <c r="A132744" i="1" s="1"/>
  <c r="A132745" i="1" s="1"/>
  <c r="A132746" i="1" s="1"/>
  <c r="A132747" i="1" s="1"/>
  <c r="A132748" i="1" s="1"/>
  <c r="A132749" i="1" s="1"/>
  <c r="A132750" i="1" s="1"/>
  <c r="A132751" i="1" s="1"/>
  <c r="A132752" i="1" s="1"/>
  <c r="A132753" i="1" s="1"/>
  <c r="A132754" i="1" s="1"/>
  <c r="A132755" i="1" s="1"/>
  <c r="A132756" i="1" s="1"/>
  <c r="A132757" i="1" s="1"/>
  <c r="A132758" i="1" s="1"/>
  <c r="A132759" i="1" s="1"/>
  <c r="A132760" i="1" s="1"/>
  <c r="A132761" i="1" s="1"/>
  <c r="A132762" i="1" s="1"/>
  <c r="A132763" i="1" s="1"/>
  <c r="A132764" i="1" s="1"/>
  <c r="A132765" i="1" s="1"/>
  <c r="A132766" i="1" s="1"/>
  <c r="A132767" i="1" s="1"/>
  <c r="A132768" i="1" s="1"/>
  <c r="A132769" i="1" s="1"/>
  <c r="A132770" i="1" s="1"/>
  <c r="A132771" i="1" s="1"/>
  <c r="A132772" i="1" s="1"/>
  <c r="A132773" i="1" s="1"/>
  <c r="A132774" i="1" s="1"/>
  <c r="A132775" i="1" s="1"/>
  <c r="A132776" i="1" s="1"/>
  <c r="A132777" i="1" s="1"/>
  <c r="A132778" i="1" s="1"/>
  <c r="A132779" i="1" s="1"/>
  <c r="A132780" i="1" s="1"/>
  <c r="A132781" i="1" s="1"/>
  <c r="A132782" i="1" s="1"/>
  <c r="A132783" i="1" s="1"/>
  <c r="A132784" i="1" s="1"/>
  <c r="A132785" i="1" s="1"/>
  <c r="A132786" i="1" s="1"/>
  <c r="A132787" i="1" s="1"/>
  <c r="A132788" i="1" s="1"/>
  <c r="A132789" i="1" s="1"/>
  <c r="A132790" i="1" s="1"/>
  <c r="A132791" i="1" s="1"/>
  <c r="A132792" i="1" s="1"/>
  <c r="A132793" i="1" s="1"/>
  <c r="A132794" i="1" s="1"/>
  <c r="A132795" i="1" s="1"/>
  <c r="A132796" i="1" s="1"/>
  <c r="A132797" i="1" s="1"/>
  <c r="A132798" i="1" s="1"/>
  <c r="A132799" i="1" s="1"/>
  <c r="A132800" i="1" s="1"/>
  <c r="A132801" i="1" s="1"/>
  <c r="A132802" i="1" s="1"/>
  <c r="A132803" i="1" s="1"/>
  <c r="A132804" i="1" s="1"/>
  <c r="A132805" i="1" s="1"/>
  <c r="A132806" i="1" s="1"/>
  <c r="A132807" i="1" s="1"/>
  <c r="A132808" i="1" s="1"/>
  <c r="A132809" i="1" s="1"/>
  <c r="A132810" i="1" s="1"/>
  <c r="A132811" i="1" s="1"/>
  <c r="A132812" i="1" s="1"/>
  <c r="A132813" i="1" s="1"/>
  <c r="A132814" i="1" s="1"/>
  <c r="A132815" i="1" s="1"/>
  <c r="A132816" i="1" s="1"/>
  <c r="A132817" i="1" s="1"/>
  <c r="A132818" i="1" s="1"/>
  <c r="A132819" i="1" s="1"/>
  <c r="A132820" i="1" s="1"/>
  <c r="A132821" i="1" s="1"/>
  <c r="A132822" i="1" s="1"/>
  <c r="A132823" i="1" s="1"/>
  <c r="A132824" i="1" s="1"/>
  <c r="A132825" i="1" s="1"/>
  <c r="A132826" i="1" s="1"/>
  <c r="A132827" i="1" s="1"/>
  <c r="A132828" i="1" s="1"/>
  <c r="A132829" i="1" s="1"/>
  <c r="A132830" i="1" s="1"/>
  <c r="A132831" i="1" s="1"/>
  <c r="A132832" i="1" s="1"/>
  <c r="A132833" i="1" s="1"/>
  <c r="A132834" i="1" s="1"/>
  <c r="A132835" i="1" s="1"/>
  <c r="A132836" i="1" s="1"/>
  <c r="A132837" i="1" s="1"/>
  <c r="A132838" i="1" s="1"/>
  <c r="A132839" i="1" s="1"/>
  <c r="A132840" i="1" s="1"/>
  <c r="A132841" i="1" s="1"/>
  <c r="A132842" i="1" s="1"/>
  <c r="A132843" i="1" s="1"/>
  <c r="A132844" i="1" s="1"/>
  <c r="A132845" i="1" s="1"/>
  <c r="A132846" i="1" s="1"/>
  <c r="A132847" i="1" s="1"/>
  <c r="A132848" i="1" s="1"/>
  <c r="A132849" i="1" s="1"/>
  <c r="A132850" i="1" s="1"/>
  <c r="A132851" i="1" s="1"/>
  <c r="A132852" i="1" s="1"/>
  <c r="A132853" i="1" s="1"/>
  <c r="A132854" i="1" s="1"/>
  <c r="A132855" i="1" s="1"/>
  <c r="A132856" i="1" s="1"/>
  <c r="A132857" i="1" s="1"/>
  <c r="A132858" i="1" s="1"/>
  <c r="A132859" i="1" s="1"/>
  <c r="A132860" i="1" s="1"/>
  <c r="A132861" i="1" s="1"/>
  <c r="A132862" i="1" s="1"/>
  <c r="A132863" i="1" s="1"/>
  <c r="A132864" i="1" s="1"/>
  <c r="A132865" i="1" s="1"/>
  <c r="A132866" i="1" s="1"/>
  <c r="A132867" i="1" s="1"/>
  <c r="A132868" i="1" s="1"/>
  <c r="A132869" i="1" s="1"/>
  <c r="A132870" i="1" s="1"/>
  <c r="A132871" i="1" s="1"/>
  <c r="A132872" i="1" s="1"/>
  <c r="A132873" i="1" s="1"/>
  <c r="A132874" i="1" s="1"/>
  <c r="A132875" i="1" s="1"/>
  <c r="A132876" i="1" s="1"/>
  <c r="A132877" i="1" s="1"/>
  <c r="A132878" i="1" s="1"/>
  <c r="A132879" i="1" s="1"/>
  <c r="A132880" i="1" s="1"/>
  <c r="A132881" i="1" s="1"/>
  <c r="A132882" i="1" s="1"/>
  <c r="A132883" i="1" s="1"/>
  <c r="A132884" i="1" s="1"/>
  <c r="A132885" i="1" s="1"/>
  <c r="A132886" i="1" s="1"/>
  <c r="A132887" i="1" s="1"/>
  <c r="A132888" i="1" s="1"/>
  <c r="A132889" i="1" s="1"/>
  <c r="A132890" i="1" s="1"/>
  <c r="A132891" i="1" s="1"/>
  <c r="A132892" i="1" s="1"/>
  <c r="A132893" i="1" s="1"/>
  <c r="A132894" i="1" s="1"/>
  <c r="A132895" i="1" s="1"/>
  <c r="A132896" i="1" s="1"/>
  <c r="A132897" i="1" s="1"/>
  <c r="A132898" i="1" s="1"/>
  <c r="A132899" i="1" s="1"/>
  <c r="A132900" i="1" s="1"/>
  <c r="A132901" i="1" s="1"/>
  <c r="A132902" i="1" s="1"/>
  <c r="A132903" i="1" s="1"/>
  <c r="A132904" i="1" s="1"/>
  <c r="A132905" i="1" s="1"/>
  <c r="A132906" i="1" s="1"/>
  <c r="A132907" i="1" s="1"/>
  <c r="A132908" i="1" s="1"/>
  <c r="A132909" i="1" s="1"/>
  <c r="A132910" i="1" s="1"/>
  <c r="A132911" i="1" s="1"/>
  <c r="A132912" i="1" s="1"/>
  <c r="A132913" i="1" s="1"/>
  <c r="A132914" i="1" s="1"/>
  <c r="A132915" i="1" s="1"/>
  <c r="A132916" i="1" s="1"/>
  <c r="A132917" i="1" s="1"/>
  <c r="A132918" i="1" s="1"/>
  <c r="A132919" i="1" s="1"/>
  <c r="A132920" i="1" s="1"/>
  <c r="A132921" i="1" s="1"/>
  <c r="A132922" i="1" s="1"/>
  <c r="A132923" i="1" s="1"/>
  <c r="A132924" i="1" s="1"/>
  <c r="A132925" i="1" s="1"/>
  <c r="A132926" i="1" s="1"/>
  <c r="A132927" i="1" s="1"/>
  <c r="A132928" i="1" s="1"/>
  <c r="A132929" i="1" s="1"/>
  <c r="A132930" i="1" s="1"/>
  <c r="A132931" i="1" s="1"/>
  <c r="A132932" i="1" s="1"/>
  <c r="A132933" i="1" s="1"/>
  <c r="A132934" i="1" s="1"/>
  <c r="A132935" i="1" s="1"/>
  <c r="A132936" i="1" s="1"/>
  <c r="A132937" i="1" s="1"/>
  <c r="A132938" i="1" s="1"/>
  <c r="A132939" i="1" s="1"/>
  <c r="A132940" i="1" s="1"/>
  <c r="A132941" i="1" s="1"/>
  <c r="A132942" i="1" s="1"/>
  <c r="A132943" i="1" s="1"/>
  <c r="A132944" i="1" s="1"/>
  <c r="A132945" i="1" s="1"/>
  <c r="A132946" i="1" s="1"/>
  <c r="A132947" i="1" s="1"/>
  <c r="A132948" i="1" s="1"/>
  <c r="A132949" i="1" s="1"/>
  <c r="A132950" i="1" s="1"/>
  <c r="A132951" i="1" s="1"/>
  <c r="A132952" i="1" s="1"/>
  <c r="A132953" i="1" s="1"/>
  <c r="A132954" i="1" s="1"/>
  <c r="A132955" i="1" s="1"/>
  <c r="A132956" i="1" s="1"/>
  <c r="A132957" i="1" s="1"/>
  <c r="A132958" i="1" s="1"/>
  <c r="A132959" i="1" s="1"/>
  <c r="A132960" i="1" s="1"/>
  <c r="A132961" i="1" s="1"/>
  <c r="A132962" i="1" s="1"/>
  <c r="A132963" i="1" s="1"/>
  <c r="A132964" i="1" s="1"/>
  <c r="A132965" i="1" s="1"/>
  <c r="A132966" i="1" s="1"/>
  <c r="A132967" i="1" s="1"/>
  <c r="A132968" i="1" s="1"/>
  <c r="A132969" i="1" s="1"/>
  <c r="A132970" i="1" s="1"/>
  <c r="A132971" i="1" s="1"/>
  <c r="A132972" i="1" s="1"/>
  <c r="A132973" i="1" s="1"/>
  <c r="A132974" i="1" s="1"/>
  <c r="A132975" i="1" s="1"/>
  <c r="A132976" i="1" s="1"/>
  <c r="A132977" i="1" s="1"/>
  <c r="A132978" i="1" s="1"/>
  <c r="A132979" i="1" s="1"/>
  <c r="A132980" i="1" s="1"/>
  <c r="A132981" i="1" s="1"/>
  <c r="A132982" i="1" s="1"/>
  <c r="A132983" i="1" s="1"/>
  <c r="A132984" i="1" s="1"/>
  <c r="A132985" i="1" s="1"/>
  <c r="A132986" i="1" s="1"/>
  <c r="A132987" i="1" s="1"/>
  <c r="A132988" i="1" s="1"/>
  <c r="A132989" i="1" s="1"/>
  <c r="A132990" i="1" s="1"/>
  <c r="A132991" i="1" s="1"/>
  <c r="A132992" i="1" s="1"/>
  <c r="A132993" i="1" s="1"/>
  <c r="A132994" i="1" s="1"/>
  <c r="A132995" i="1" s="1"/>
  <c r="A132996" i="1" s="1"/>
  <c r="A132997" i="1" s="1"/>
  <c r="A132998" i="1" s="1"/>
  <c r="A132999" i="1" s="1"/>
  <c r="A133000" i="1" s="1"/>
  <c r="A133001" i="1" s="1"/>
  <c r="A133002" i="1" s="1"/>
  <c r="A133003" i="1" s="1"/>
  <c r="A133004" i="1" s="1"/>
  <c r="A133005" i="1" s="1"/>
  <c r="A133006" i="1" s="1"/>
  <c r="A133007" i="1" s="1"/>
  <c r="A133008" i="1" s="1"/>
  <c r="A133009" i="1" s="1"/>
  <c r="A133010" i="1" s="1"/>
  <c r="A133011" i="1" s="1"/>
  <c r="A133012" i="1" s="1"/>
  <c r="A133013" i="1" s="1"/>
  <c r="A133014" i="1" s="1"/>
  <c r="A133015" i="1" s="1"/>
  <c r="A133016" i="1" s="1"/>
  <c r="A133017" i="1" s="1"/>
  <c r="A133018" i="1" s="1"/>
  <c r="A133019" i="1" s="1"/>
  <c r="A133020" i="1" s="1"/>
  <c r="A133021" i="1" s="1"/>
  <c r="A133022" i="1" s="1"/>
  <c r="A133023" i="1" s="1"/>
  <c r="A133024" i="1" s="1"/>
  <c r="A133025" i="1" s="1"/>
  <c r="A133026" i="1" s="1"/>
  <c r="A133027" i="1" s="1"/>
  <c r="A133028" i="1" s="1"/>
  <c r="A133029" i="1" s="1"/>
  <c r="A133030" i="1" s="1"/>
  <c r="A133031" i="1" s="1"/>
  <c r="A133032" i="1" s="1"/>
  <c r="A133033" i="1" s="1"/>
  <c r="A133034" i="1" s="1"/>
  <c r="A133035" i="1" s="1"/>
  <c r="A133036" i="1" s="1"/>
  <c r="A133037" i="1" s="1"/>
  <c r="A133038" i="1" s="1"/>
  <c r="A133039" i="1" s="1"/>
  <c r="A133040" i="1" s="1"/>
  <c r="A133041" i="1" s="1"/>
  <c r="A133042" i="1" s="1"/>
  <c r="A133043" i="1" s="1"/>
  <c r="A133044" i="1" s="1"/>
  <c r="A133045" i="1" s="1"/>
  <c r="A133046" i="1" s="1"/>
  <c r="A133047" i="1" s="1"/>
  <c r="A133048" i="1" s="1"/>
  <c r="A133049" i="1" s="1"/>
  <c r="A133050" i="1" s="1"/>
  <c r="A133051" i="1" s="1"/>
  <c r="A133052" i="1" s="1"/>
  <c r="A133053" i="1" s="1"/>
  <c r="A133054" i="1" s="1"/>
  <c r="A133055" i="1" s="1"/>
  <c r="A133056" i="1" s="1"/>
  <c r="A133057" i="1" s="1"/>
  <c r="A133058" i="1" s="1"/>
  <c r="A133059" i="1" s="1"/>
  <c r="A133060" i="1" s="1"/>
  <c r="A133061" i="1" s="1"/>
  <c r="A133062" i="1" s="1"/>
  <c r="A133063" i="1" s="1"/>
  <c r="A133064" i="1" s="1"/>
  <c r="A133065" i="1" s="1"/>
  <c r="A133066" i="1" s="1"/>
  <c r="A133067" i="1" s="1"/>
  <c r="A133068" i="1" s="1"/>
  <c r="A133069" i="1" s="1"/>
  <c r="A133070" i="1" s="1"/>
  <c r="A133071" i="1" s="1"/>
  <c r="A133072" i="1" s="1"/>
  <c r="A133073" i="1" s="1"/>
  <c r="A133074" i="1" s="1"/>
  <c r="A133075" i="1" s="1"/>
  <c r="A133076" i="1" s="1"/>
  <c r="A133077" i="1" s="1"/>
  <c r="A133078" i="1" s="1"/>
  <c r="A133079" i="1" s="1"/>
  <c r="A133080" i="1" s="1"/>
  <c r="A133081" i="1" s="1"/>
  <c r="A133082" i="1" s="1"/>
  <c r="A133083" i="1" s="1"/>
  <c r="A133084" i="1" s="1"/>
  <c r="A133085" i="1" s="1"/>
  <c r="A133086" i="1" s="1"/>
  <c r="A133087" i="1" s="1"/>
  <c r="A133088" i="1" s="1"/>
  <c r="A133089" i="1" s="1"/>
  <c r="A133090" i="1" s="1"/>
  <c r="A133091" i="1" s="1"/>
  <c r="A133092" i="1" s="1"/>
  <c r="A133093" i="1" s="1"/>
  <c r="A133094" i="1" s="1"/>
  <c r="A133095" i="1" s="1"/>
  <c r="A133096" i="1" s="1"/>
  <c r="A133097" i="1" s="1"/>
  <c r="A133098" i="1" s="1"/>
  <c r="A133099" i="1" s="1"/>
  <c r="A133100" i="1" s="1"/>
  <c r="A133101" i="1" s="1"/>
  <c r="A133102" i="1" s="1"/>
  <c r="A133103" i="1" s="1"/>
  <c r="A133104" i="1" s="1"/>
  <c r="A133105" i="1" s="1"/>
  <c r="A133106" i="1" s="1"/>
  <c r="A133107" i="1" s="1"/>
  <c r="A133108" i="1" s="1"/>
  <c r="A133109" i="1" s="1"/>
  <c r="A133110" i="1" s="1"/>
  <c r="A133111" i="1" s="1"/>
  <c r="A133112" i="1" s="1"/>
  <c r="A133113" i="1" s="1"/>
  <c r="A133114" i="1" s="1"/>
  <c r="A133115" i="1" s="1"/>
  <c r="A133116" i="1" s="1"/>
  <c r="A133117" i="1" s="1"/>
  <c r="A133118" i="1" s="1"/>
  <c r="A133119" i="1" s="1"/>
  <c r="A133120" i="1" s="1"/>
  <c r="A133121" i="1" s="1"/>
  <c r="A133122" i="1" s="1"/>
  <c r="A133123" i="1" s="1"/>
  <c r="A133124" i="1" s="1"/>
  <c r="A133125" i="1" s="1"/>
  <c r="A133126" i="1" s="1"/>
  <c r="A133127" i="1" s="1"/>
  <c r="A133128" i="1" s="1"/>
  <c r="A133129" i="1" s="1"/>
  <c r="A133130" i="1" s="1"/>
  <c r="A133131" i="1" s="1"/>
  <c r="A133132" i="1" s="1"/>
  <c r="A133133" i="1" s="1"/>
  <c r="A133134" i="1" s="1"/>
  <c r="A133135" i="1" s="1"/>
  <c r="A133136" i="1" s="1"/>
  <c r="A133137" i="1" s="1"/>
  <c r="A133138" i="1" s="1"/>
  <c r="A133139" i="1" s="1"/>
  <c r="A133140" i="1" s="1"/>
  <c r="A133141" i="1" s="1"/>
  <c r="A133142" i="1" s="1"/>
  <c r="A133143" i="1" s="1"/>
  <c r="A133144" i="1" s="1"/>
  <c r="A133145" i="1" s="1"/>
  <c r="A133146" i="1" s="1"/>
  <c r="A133147" i="1" s="1"/>
  <c r="A133148" i="1" s="1"/>
  <c r="A133149" i="1" s="1"/>
  <c r="A133150" i="1" s="1"/>
  <c r="A133151" i="1" s="1"/>
  <c r="A133152" i="1" s="1"/>
  <c r="A133153" i="1" s="1"/>
  <c r="A133154" i="1" s="1"/>
  <c r="A133155" i="1" s="1"/>
  <c r="A133156" i="1" s="1"/>
  <c r="A133157" i="1" s="1"/>
  <c r="A133158" i="1" s="1"/>
  <c r="A133159" i="1" s="1"/>
  <c r="A133160" i="1" s="1"/>
  <c r="A133161" i="1" s="1"/>
  <c r="A133162" i="1" s="1"/>
  <c r="A133163" i="1" s="1"/>
  <c r="A133164" i="1" s="1"/>
  <c r="A133165" i="1" s="1"/>
  <c r="A133166" i="1" s="1"/>
  <c r="A133167" i="1" s="1"/>
  <c r="A133168" i="1" s="1"/>
  <c r="A133169" i="1" s="1"/>
  <c r="A133170" i="1" s="1"/>
  <c r="A133171" i="1" s="1"/>
  <c r="A133172" i="1" s="1"/>
  <c r="A133173" i="1" s="1"/>
  <c r="A133174" i="1" s="1"/>
  <c r="A133175" i="1" s="1"/>
  <c r="A133176" i="1" s="1"/>
  <c r="A133177" i="1" s="1"/>
  <c r="A133178" i="1" s="1"/>
  <c r="A133179" i="1" s="1"/>
  <c r="A133180" i="1" s="1"/>
  <c r="A133181" i="1" s="1"/>
  <c r="A133182" i="1" s="1"/>
  <c r="A133183" i="1" s="1"/>
  <c r="A133184" i="1" s="1"/>
  <c r="A133185" i="1" s="1"/>
  <c r="A133186" i="1" s="1"/>
  <c r="A133187" i="1" s="1"/>
  <c r="A133188" i="1" s="1"/>
  <c r="A133189" i="1" s="1"/>
  <c r="A133190" i="1" s="1"/>
  <c r="A133191" i="1" s="1"/>
  <c r="A133192" i="1" s="1"/>
  <c r="A133193" i="1" s="1"/>
  <c r="A133194" i="1" s="1"/>
  <c r="A133195" i="1" s="1"/>
  <c r="A133196" i="1" s="1"/>
  <c r="A133197" i="1" s="1"/>
  <c r="A133198" i="1" s="1"/>
  <c r="A133199" i="1" s="1"/>
  <c r="A133200" i="1" s="1"/>
  <c r="A133201" i="1" s="1"/>
  <c r="A133202" i="1" s="1"/>
  <c r="A133203" i="1" s="1"/>
  <c r="A133204" i="1" s="1"/>
  <c r="A133205" i="1" s="1"/>
  <c r="A133206" i="1" s="1"/>
  <c r="A133207" i="1" s="1"/>
  <c r="A133208" i="1" s="1"/>
  <c r="A133209" i="1" s="1"/>
  <c r="A133210" i="1" s="1"/>
  <c r="A133211" i="1" s="1"/>
  <c r="A133212" i="1" s="1"/>
  <c r="A133213" i="1" s="1"/>
  <c r="A133214" i="1" s="1"/>
  <c r="A133215" i="1" s="1"/>
  <c r="A133216" i="1" s="1"/>
  <c r="A133217" i="1" s="1"/>
  <c r="A133218" i="1" s="1"/>
  <c r="A133219" i="1" s="1"/>
  <c r="A133220" i="1" s="1"/>
  <c r="A133221" i="1" s="1"/>
  <c r="A133222" i="1" s="1"/>
  <c r="A133223" i="1" s="1"/>
  <c r="A133224" i="1" s="1"/>
  <c r="A133225" i="1" s="1"/>
  <c r="A133226" i="1" s="1"/>
  <c r="A133227" i="1" s="1"/>
  <c r="A133228" i="1" s="1"/>
  <c r="A133229" i="1" s="1"/>
  <c r="A133230" i="1" s="1"/>
  <c r="A133231" i="1" s="1"/>
  <c r="A133232" i="1" s="1"/>
  <c r="A133233" i="1" s="1"/>
  <c r="A133234" i="1" s="1"/>
  <c r="A133235" i="1" s="1"/>
  <c r="A133236" i="1" s="1"/>
  <c r="A133237" i="1" s="1"/>
  <c r="A133238" i="1" s="1"/>
  <c r="A133239" i="1" s="1"/>
  <c r="A133240" i="1" s="1"/>
  <c r="A133241" i="1" s="1"/>
  <c r="A133242" i="1" s="1"/>
  <c r="A133243" i="1" s="1"/>
  <c r="A133244" i="1" s="1"/>
  <c r="A133245" i="1" s="1"/>
  <c r="A133246" i="1" s="1"/>
  <c r="A133247" i="1" s="1"/>
  <c r="A133248" i="1" s="1"/>
  <c r="A133249" i="1" s="1"/>
  <c r="A133250" i="1" s="1"/>
  <c r="A133251" i="1" s="1"/>
  <c r="A133252" i="1" s="1"/>
  <c r="A133253" i="1" s="1"/>
  <c r="A133254" i="1" s="1"/>
  <c r="A133255" i="1" s="1"/>
  <c r="A133256" i="1" s="1"/>
  <c r="A133257" i="1" s="1"/>
  <c r="A133258" i="1" s="1"/>
  <c r="A133259" i="1" s="1"/>
  <c r="A133260" i="1" s="1"/>
  <c r="A133261" i="1" s="1"/>
  <c r="A133262" i="1" s="1"/>
  <c r="A133263" i="1" s="1"/>
  <c r="A133264" i="1" s="1"/>
  <c r="A133265" i="1" s="1"/>
  <c r="A133266" i="1" s="1"/>
  <c r="A133267" i="1" s="1"/>
  <c r="A133268" i="1" s="1"/>
  <c r="A133269" i="1" s="1"/>
  <c r="A133270" i="1" s="1"/>
  <c r="A133271" i="1" s="1"/>
  <c r="A133272" i="1" s="1"/>
  <c r="A133273" i="1" s="1"/>
  <c r="A133274" i="1" s="1"/>
  <c r="A133275" i="1" s="1"/>
  <c r="A133276" i="1" s="1"/>
  <c r="A133277" i="1" s="1"/>
  <c r="A133278" i="1" s="1"/>
  <c r="A133279" i="1" s="1"/>
  <c r="A133280" i="1" s="1"/>
  <c r="A133281" i="1" s="1"/>
  <c r="A133282" i="1" s="1"/>
  <c r="A133283" i="1" s="1"/>
  <c r="A133284" i="1" s="1"/>
  <c r="A133285" i="1" s="1"/>
  <c r="A133286" i="1" s="1"/>
  <c r="A133287" i="1" s="1"/>
  <c r="A133288" i="1" s="1"/>
  <c r="A133289" i="1" s="1"/>
  <c r="A133290" i="1" s="1"/>
  <c r="A133291" i="1" s="1"/>
  <c r="A133292" i="1" s="1"/>
  <c r="A133293" i="1" s="1"/>
  <c r="A133294" i="1" s="1"/>
  <c r="A133295" i="1" s="1"/>
  <c r="A133296" i="1" s="1"/>
  <c r="A133297" i="1" s="1"/>
  <c r="A133298" i="1" s="1"/>
  <c r="A133299" i="1" s="1"/>
  <c r="A133300" i="1" s="1"/>
  <c r="A133301" i="1" s="1"/>
  <c r="A133302" i="1" s="1"/>
  <c r="A133303" i="1" s="1"/>
  <c r="A133304" i="1" s="1"/>
  <c r="A133305" i="1" s="1"/>
  <c r="A133306" i="1" s="1"/>
  <c r="A133307" i="1" s="1"/>
  <c r="A133308" i="1" s="1"/>
  <c r="A133309" i="1" s="1"/>
  <c r="A133310" i="1" s="1"/>
  <c r="A133311" i="1" s="1"/>
  <c r="A133312" i="1" s="1"/>
  <c r="A133313" i="1" s="1"/>
  <c r="A133314" i="1" s="1"/>
  <c r="A133315" i="1" s="1"/>
  <c r="A133316" i="1" s="1"/>
  <c r="A133317" i="1" s="1"/>
  <c r="A133318" i="1" s="1"/>
  <c r="A133319" i="1" s="1"/>
  <c r="A133320" i="1" s="1"/>
  <c r="A133321" i="1" s="1"/>
  <c r="A133322" i="1" s="1"/>
  <c r="A133323" i="1" s="1"/>
  <c r="A133324" i="1" s="1"/>
  <c r="A133325" i="1" s="1"/>
  <c r="A133326" i="1" s="1"/>
  <c r="A133327" i="1" s="1"/>
  <c r="A133328" i="1" s="1"/>
  <c r="A133329" i="1" s="1"/>
  <c r="A133330" i="1" s="1"/>
  <c r="A133331" i="1" s="1"/>
  <c r="A133332" i="1" s="1"/>
  <c r="A133333" i="1" s="1"/>
  <c r="A133334" i="1" s="1"/>
  <c r="A133335" i="1" s="1"/>
  <c r="A133336" i="1" s="1"/>
  <c r="A133337" i="1" s="1"/>
  <c r="A133338" i="1" s="1"/>
  <c r="A133339" i="1" s="1"/>
  <c r="A133340" i="1" s="1"/>
  <c r="A133341" i="1" s="1"/>
  <c r="A133342" i="1" s="1"/>
  <c r="A133343" i="1" s="1"/>
  <c r="A133344" i="1" s="1"/>
  <c r="A133345" i="1" s="1"/>
  <c r="A133346" i="1" s="1"/>
  <c r="A133347" i="1" s="1"/>
  <c r="A133348" i="1" s="1"/>
  <c r="A133349" i="1" s="1"/>
  <c r="A133350" i="1" s="1"/>
  <c r="A133351" i="1" s="1"/>
  <c r="A133352" i="1" s="1"/>
  <c r="A133353" i="1" s="1"/>
  <c r="A133354" i="1" s="1"/>
  <c r="A133355" i="1" s="1"/>
  <c r="A133356" i="1" s="1"/>
  <c r="A133357" i="1" s="1"/>
  <c r="A133358" i="1" s="1"/>
  <c r="A133359" i="1" s="1"/>
  <c r="A133360" i="1" s="1"/>
  <c r="A133361" i="1" s="1"/>
  <c r="A133362" i="1" s="1"/>
  <c r="A133363" i="1" s="1"/>
  <c r="A133364" i="1" s="1"/>
  <c r="A133365" i="1" s="1"/>
  <c r="A133366" i="1" s="1"/>
  <c r="A133367" i="1" s="1"/>
  <c r="A133368" i="1" s="1"/>
  <c r="A133369" i="1" s="1"/>
  <c r="A133370" i="1" s="1"/>
  <c r="A133371" i="1" s="1"/>
  <c r="A133372" i="1" s="1"/>
  <c r="A133373" i="1" s="1"/>
  <c r="A133374" i="1" s="1"/>
  <c r="A133375" i="1" s="1"/>
  <c r="A133376" i="1" s="1"/>
  <c r="A133377" i="1" s="1"/>
  <c r="A133378" i="1" s="1"/>
  <c r="A133379" i="1" s="1"/>
  <c r="A133380" i="1" s="1"/>
  <c r="A133381" i="1" s="1"/>
  <c r="A133382" i="1" s="1"/>
  <c r="A133383" i="1" s="1"/>
  <c r="A133384" i="1" s="1"/>
  <c r="A133385" i="1" s="1"/>
  <c r="A133386" i="1" s="1"/>
  <c r="A133387" i="1" s="1"/>
  <c r="A133388" i="1" s="1"/>
  <c r="A133389" i="1" s="1"/>
  <c r="A133390" i="1" s="1"/>
  <c r="A133391" i="1" s="1"/>
  <c r="A133392" i="1" s="1"/>
  <c r="A133393" i="1" s="1"/>
  <c r="A133394" i="1" s="1"/>
  <c r="A133395" i="1" s="1"/>
  <c r="A133396" i="1" s="1"/>
  <c r="A133397" i="1" s="1"/>
  <c r="A133398" i="1" s="1"/>
  <c r="A133399" i="1" s="1"/>
  <c r="A133400" i="1" s="1"/>
  <c r="A133401" i="1" s="1"/>
  <c r="A133402" i="1" s="1"/>
  <c r="A133403" i="1" s="1"/>
  <c r="A133404" i="1" s="1"/>
  <c r="A133405" i="1" s="1"/>
  <c r="A133406" i="1" s="1"/>
  <c r="A133407" i="1" s="1"/>
  <c r="A133408" i="1" s="1"/>
  <c r="A133409" i="1" s="1"/>
  <c r="A133410" i="1" s="1"/>
  <c r="A133411" i="1" s="1"/>
  <c r="A133412" i="1" s="1"/>
  <c r="A133413" i="1" s="1"/>
  <c r="A133414" i="1" s="1"/>
  <c r="A133415" i="1" s="1"/>
  <c r="A133416" i="1" s="1"/>
  <c r="A133417" i="1" s="1"/>
  <c r="A133418" i="1" s="1"/>
  <c r="A133419" i="1" s="1"/>
  <c r="A133420" i="1" s="1"/>
  <c r="A133421" i="1" s="1"/>
  <c r="A133422" i="1" s="1"/>
  <c r="A133423" i="1" s="1"/>
  <c r="A133424" i="1" s="1"/>
  <c r="A133425" i="1" s="1"/>
  <c r="A133426" i="1" s="1"/>
  <c r="A133427" i="1" s="1"/>
  <c r="A133428" i="1" s="1"/>
  <c r="A133429" i="1" s="1"/>
  <c r="A133430" i="1" s="1"/>
  <c r="A133431" i="1" s="1"/>
  <c r="A133432" i="1" s="1"/>
  <c r="A133433" i="1" s="1"/>
  <c r="A133434" i="1" s="1"/>
  <c r="A133435" i="1" s="1"/>
  <c r="A133436" i="1" s="1"/>
  <c r="A133437" i="1" s="1"/>
  <c r="A133438" i="1" s="1"/>
  <c r="A133439" i="1" s="1"/>
  <c r="A133440" i="1" s="1"/>
  <c r="A133441" i="1" s="1"/>
  <c r="A133442" i="1" s="1"/>
  <c r="A133443" i="1" s="1"/>
  <c r="A133444" i="1" s="1"/>
  <c r="A133445" i="1" s="1"/>
  <c r="A133446" i="1" s="1"/>
  <c r="A133447" i="1" s="1"/>
  <c r="A133448" i="1" s="1"/>
  <c r="A133449" i="1" s="1"/>
  <c r="A133450" i="1" s="1"/>
  <c r="A133451" i="1" s="1"/>
  <c r="A133452" i="1" s="1"/>
  <c r="A133453" i="1" s="1"/>
  <c r="A133454" i="1" s="1"/>
  <c r="A133455" i="1" s="1"/>
  <c r="A133456" i="1" s="1"/>
  <c r="A133457" i="1" s="1"/>
  <c r="A133458" i="1" s="1"/>
  <c r="A133459" i="1" s="1"/>
  <c r="A133460" i="1" s="1"/>
  <c r="A133461" i="1" s="1"/>
  <c r="A133462" i="1" s="1"/>
  <c r="A133463" i="1" s="1"/>
  <c r="A133464" i="1" s="1"/>
  <c r="A133465" i="1" s="1"/>
  <c r="A133466" i="1" s="1"/>
  <c r="A133467" i="1" s="1"/>
  <c r="A133468" i="1" s="1"/>
  <c r="A133469" i="1" s="1"/>
  <c r="A133470" i="1" s="1"/>
  <c r="A133471" i="1" s="1"/>
  <c r="A133472" i="1" s="1"/>
  <c r="A133473" i="1" s="1"/>
  <c r="A133474" i="1" s="1"/>
  <c r="A133475" i="1" s="1"/>
  <c r="A133476" i="1" s="1"/>
  <c r="A133477" i="1" s="1"/>
  <c r="A133478" i="1" s="1"/>
  <c r="A133479" i="1" s="1"/>
  <c r="A133480" i="1" s="1"/>
  <c r="A133481" i="1" s="1"/>
  <c r="A133482" i="1" s="1"/>
  <c r="A133483" i="1" s="1"/>
  <c r="A133484" i="1" s="1"/>
  <c r="A133485" i="1" s="1"/>
  <c r="A133486" i="1" s="1"/>
  <c r="A133487" i="1" s="1"/>
  <c r="A133488" i="1" s="1"/>
  <c r="A133489" i="1" s="1"/>
  <c r="A133490" i="1" s="1"/>
  <c r="A133491" i="1" s="1"/>
  <c r="A133492" i="1" s="1"/>
  <c r="A133493" i="1" s="1"/>
  <c r="A133494" i="1" s="1"/>
  <c r="A133495" i="1" s="1"/>
  <c r="A133496" i="1" s="1"/>
  <c r="A133497" i="1" s="1"/>
  <c r="A133498" i="1" s="1"/>
  <c r="A133499" i="1" s="1"/>
  <c r="A133500" i="1" s="1"/>
  <c r="A133501" i="1" s="1"/>
  <c r="A133502" i="1" s="1"/>
  <c r="A133503" i="1" s="1"/>
  <c r="A133504" i="1" s="1"/>
  <c r="A133505" i="1" s="1"/>
  <c r="A133506" i="1" s="1"/>
  <c r="A133507" i="1" s="1"/>
  <c r="A133508" i="1" s="1"/>
  <c r="A133509" i="1" s="1"/>
  <c r="A133510" i="1" s="1"/>
  <c r="A133511" i="1" s="1"/>
  <c r="A133512" i="1" s="1"/>
  <c r="A133513" i="1" s="1"/>
  <c r="A133514" i="1" s="1"/>
  <c r="A133515" i="1" s="1"/>
  <c r="A133516" i="1" s="1"/>
  <c r="A133517" i="1" s="1"/>
  <c r="A133518" i="1" s="1"/>
  <c r="A133519" i="1" s="1"/>
  <c r="A133520" i="1" s="1"/>
  <c r="A133521" i="1" s="1"/>
  <c r="A133522" i="1" s="1"/>
  <c r="A133523" i="1" s="1"/>
  <c r="A133524" i="1" s="1"/>
  <c r="A133525" i="1" s="1"/>
  <c r="A133526" i="1" s="1"/>
  <c r="A133527" i="1" s="1"/>
  <c r="A133528" i="1" s="1"/>
  <c r="A133529" i="1" s="1"/>
  <c r="A133530" i="1" s="1"/>
  <c r="A133531" i="1" s="1"/>
  <c r="A133532" i="1" s="1"/>
  <c r="A133533" i="1" s="1"/>
  <c r="A133534" i="1" s="1"/>
  <c r="A133535" i="1" s="1"/>
  <c r="A133536" i="1" s="1"/>
  <c r="A133537" i="1" s="1"/>
  <c r="A133538" i="1" s="1"/>
  <c r="A133539" i="1" s="1"/>
  <c r="A133540" i="1" s="1"/>
  <c r="A133541" i="1" s="1"/>
  <c r="A133542" i="1" s="1"/>
  <c r="A133543" i="1" s="1"/>
  <c r="A133544" i="1" s="1"/>
  <c r="A133545" i="1" s="1"/>
  <c r="A133546" i="1" s="1"/>
  <c r="A133547" i="1" s="1"/>
  <c r="A133548" i="1" s="1"/>
  <c r="A133549" i="1" s="1"/>
  <c r="A133550" i="1" s="1"/>
  <c r="A133551" i="1" s="1"/>
  <c r="A133552" i="1" s="1"/>
  <c r="A133553" i="1" s="1"/>
  <c r="A133554" i="1" s="1"/>
  <c r="A133555" i="1" s="1"/>
  <c r="A133556" i="1" s="1"/>
  <c r="A133557" i="1" s="1"/>
  <c r="A133558" i="1" s="1"/>
  <c r="A133559" i="1" s="1"/>
  <c r="A133560" i="1" s="1"/>
  <c r="A133561" i="1" s="1"/>
  <c r="A133562" i="1" s="1"/>
  <c r="A133563" i="1" s="1"/>
  <c r="A133564" i="1" s="1"/>
  <c r="A133565" i="1" s="1"/>
  <c r="A133566" i="1" s="1"/>
  <c r="A133567" i="1" s="1"/>
  <c r="A133568" i="1" s="1"/>
  <c r="A133569" i="1" s="1"/>
  <c r="A133570" i="1" s="1"/>
  <c r="A133571" i="1" s="1"/>
  <c r="A133572" i="1" s="1"/>
  <c r="A133573" i="1" s="1"/>
  <c r="A133574" i="1" s="1"/>
  <c r="A133575" i="1" s="1"/>
  <c r="A133576" i="1" s="1"/>
  <c r="A133577" i="1" s="1"/>
  <c r="A133578" i="1" s="1"/>
  <c r="A133579" i="1" s="1"/>
  <c r="A133580" i="1" s="1"/>
  <c r="A133581" i="1" s="1"/>
  <c r="A133582" i="1" s="1"/>
  <c r="A133583" i="1" s="1"/>
  <c r="A133584" i="1" s="1"/>
  <c r="A133585" i="1" s="1"/>
  <c r="A133586" i="1" s="1"/>
  <c r="A133587" i="1" s="1"/>
  <c r="A133588" i="1" s="1"/>
  <c r="A133589" i="1" s="1"/>
  <c r="A133590" i="1" s="1"/>
  <c r="A133591" i="1" s="1"/>
  <c r="A133592" i="1" s="1"/>
  <c r="A133593" i="1" s="1"/>
  <c r="A133594" i="1" s="1"/>
  <c r="A133595" i="1" s="1"/>
  <c r="A133596" i="1" s="1"/>
  <c r="A133597" i="1" s="1"/>
  <c r="A133598" i="1" s="1"/>
  <c r="A133599" i="1" s="1"/>
  <c r="A133600" i="1" s="1"/>
  <c r="A133601" i="1" s="1"/>
  <c r="A133602" i="1" s="1"/>
  <c r="A133603" i="1" s="1"/>
  <c r="A133604" i="1" s="1"/>
  <c r="A133605" i="1" s="1"/>
  <c r="A133606" i="1" s="1"/>
  <c r="A133607" i="1" s="1"/>
  <c r="A133608" i="1" s="1"/>
  <c r="A133609" i="1" s="1"/>
  <c r="A133610" i="1" s="1"/>
  <c r="A133611" i="1" s="1"/>
  <c r="A133612" i="1" s="1"/>
  <c r="A133613" i="1" s="1"/>
  <c r="A133614" i="1" s="1"/>
  <c r="A133615" i="1" s="1"/>
  <c r="A133616" i="1" s="1"/>
  <c r="A133617" i="1" s="1"/>
  <c r="A133618" i="1" s="1"/>
  <c r="A133619" i="1" s="1"/>
  <c r="A133620" i="1" s="1"/>
  <c r="A133621" i="1" s="1"/>
  <c r="A133622" i="1" s="1"/>
  <c r="A133623" i="1" s="1"/>
  <c r="A133624" i="1" s="1"/>
  <c r="A133625" i="1" s="1"/>
  <c r="A133626" i="1" s="1"/>
  <c r="A133627" i="1" s="1"/>
  <c r="A133628" i="1" s="1"/>
  <c r="A133629" i="1" s="1"/>
  <c r="A133630" i="1" s="1"/>
  <c r="A133631" i="1" s="1"/>
  <c r="A133632" i="1" s="1"/>
  <c r="A133633" i="1" s="1"/>
  <c r="A133634" i="1" s="1"/>
  <c r="A133635" i="1" s="1"/>
  <c r="A133636" i="1" s="1"/>
  <c r="A133637" i="1" s="1"/>
  <c r="A133638" i="1" s="1"/>
  <c r="A133639" i="1" s="1"/>
  <c r="A133640" i="1" s="1"/>
  <c r="A133641" i="1" s="1"/>
  <c r="A133642" i="1" s="1"/>
  <c r="A133643" i="1" s="1"/>
  <c r="A133644" i="1" s="1"/>
  <c r="A133645" i="1" s="1"/>
  <c r="A133646" i="1" s="1"/>
  <c r="A133647" i="1" s="1"/>
  <c r="A133648" i="1" s="1"/>
  <c r="A133649" i="1" s="1"/>
  <c r="A133650" i="1" s="1"/>
  <c r="A133651" i="1" s="1"/>
  <c r="A133652" i="1" s="1"/>
  <c r="A133653" i="1" s="1"/>
  <c r="A133654" i="1" s="1"/>
  <c r="A133655" i="1" s="1"/>
  <c r="A133656" i="1" s="1"/>
  <c r="A133657" i="1" s="1"/>
  <c r="A133658" i="1" s="1"/>
  <c r="A133659" i="1" s="1"/>
  <c r="A133660" i="1" s="1"/>
  <c r="A133661" i="1" s="1"/>
  <c r="A133662" i="1" s="1"/>
  <c r="A133663" i="1" s="1"/>
  <c r="A133664" i="1" s="1"/>
  <c r="A133665" i="1" s="1"/>
  <c r="A133666" i="1" s="1"/>
  <c r="A133667" i="1" s="1"/>
  <c r="A133668" i="1" s="1"/>
  <c r="A133669" i="1" s="1"/>
  <c r="A133670" i="1" s="1"/>
  <c r="A133671" i="1" s="1"/>
  <c r="A133672" i="1" s="1"/>
  <c r="A133673" i="1" s="1"/>
  <c r="A133674" i="1" s="1"/>
  <c r="A133675" i="1" s="1"/>
  <c r="A133676" i="1" s="1"/>
  <c r="A133677" i="1" s="1"/>
  <c r="A133678" i="1" s="1"/>
  <c r="A133679" i="1" s="1"/>
  <c r="A133680" i="1" s="1"/>
  <c r="A133681" i="1" s="1"/>
  <c r="A133682" i="1" s="1"/>
  <c r="A133683" i="1" s="1"/>
  <c r="A133684" i="1" s="1"/>
  <c r="A133685" i="1" s="1"/>
  <c r="A133686" i="1" s="1"/>
  <c r="A133687" i="1" s="1"/>
  <c r="A133688" i="1" s="1"/>
  <c r="A133689" i="1" s="1"/>
  <c r="A133690" i="1" s="1"/>
  <c r="A133691" i="1" s="1"/>
  <c r="A133692" i="1" s="1"/>
  <c r="A133693" i="1" s="1"/>
  <c r="A133694" i="1" s="1"/>
  <c r="A133695" i="1" s="1"/>
  <c r="A133696" i="1" s="1"/>
  <c r="A133697" i="1" s="1"/>
  <c r="A133698" i="1" s="1"/>
  <c r="A133699" i="1" s="1"/>
  <c r="A133700" i="1" s="1"/>
  <c r="A133701" i="1" s="1"/>
  <c r="A133702" i="1" s="1"/>
  <c r="A133703" i="1" s="1"/>
  <c r="A133704" i="1" s="1"/>
  <c r="A133705" i="1" s="1"/>
  <c r="A133706" i="1" s="1"/>
  <c r="A133707" i="1" s="1"/>
  <c r="A133708" i="1" s="1"/>
  <c r="A133709" i="1" s="1"/>
  <c r="A133710" i="1" s="1"/>
  <c r="A133711" i="1" s="1"/>
  <c r="A133712" i="1" s="1"/>
  <c r="A133713" i="1" s="1"/>
  <c r="A133714" i="1" s="1"/>
  <c r="A133715" i="1" s="1"/>
  <c r="A133716" i="1" s="1"/>
  <c r="A133717" i="1" s="1"/>
  <c r="A133718" i="1" s="1"/>
  <c r="A133719" i="1" s="1"/>
  <c r="A133720" i="1" s="1"/>
  <c r="A133721" i="1" s="1"/>
  <c r="A133722" i="1" s="1"/>
  <c r="A133723" i="1" s="1"/>
  <c r="A133724" i="1" s="1"/>
  <c r="A133725" i="1" s="1"/>
  <c r="A133726" i="1" s="1"/>
  <c r="A133727" i="1" s="1"/>
  <c r="A133728" i="1" s="1"/>
  <c r="A133729" i="1" s="1"/>
  <c r="A133730" i="1" s="1"/>
  <c r="A133731" i="1" s="1"/>
  <c r="A133732" i="1" s="1"/>
  <c r="A133733" i="1" s="1"/>
  <c r="A133734" i="1" s="1"/>
  <c r="A133735" i="1" s="1"/>
  <c r="A133736" i="1" s="1"/>
  <c r="A133737" i="1" s="1"/>
  <c r="A133738" i="1" s="1"/>
  <c r="A133739" i="1" s="1"/>
  <c r="A133740" i="1" s="1"/>
  <c r="A133741" i="1" s="1"/>
  <c r="A133742" i="1" s="1"/>
  <c r="A133743" i="1" s="1"/>
  <c r="A133744" i="1" s="1"/>
  <c r="A133745" i="1" s="1"/>
  <c r="A133746" i="1" s="1"/>
  <c r="A133747" i="1" s="1"/>
  <c r="A133748" i="1" s="1"/>
  <c r="A133749" i="1" s="1"/>
  <c r="A133750" i="1" s="1"/>
  <c r="A133751" i="1" s="1"/>
  <c r="A133752" i="1" s="1"/>
  <c r="A133753" i="1" s="1"/>
  <c r="A133754" i="1" s="1"/>
  <c r="A133755" i="1" s="1"/>
  <c r="A133756" i="1" s="1"/>
  <c r="A133757" i="1" s="1"/>
  <c r="A133758" i="1" s="1"/>
  <c r="A133759" i="1" s="1"/>
  <c r="A133760" i="1" s="1"/>
  <c r="A133761" i="1" s="1"/>
  <c r="A133762" i="1" s="1"/>
  <c r="A133763" i="1" s="1"/>
  <c r="A133764" i="1" s="1"/>
  <c r="A133765" i="1" s="1"/>
  <c r="A133766" i="1" s="1"/>
  <c r="A133767" i="1" s="1"/>
  <c r="A133768" i="1" s="1"/>
  <c r="A133769" i="1" s="1"/>
  <c r="A133770" i="1" s="1"/>
  <c r="A133771" i="1" s="1"/>
  <c r="A133772" i="1" s="1"/>
  <c r="A133773" i="1" s="1"/>
  <c r="A133774" i="1" s="1"/>
  <c r="A133775" i="1" s="1"/>
  <c r="A133776" i="1" s="1"/>
  <c r="A133777" i="1" s="1"/>
  <c r="A133778" i="1" s="1"/>
  <c r="A133779" i="1" s="1"/>
  <c r="A133780" i="1" s="1"/>
  <c r="A133781" i="1" s="1"/>
  <c r="A133782" i="1" s="1"/>
  <c r="A133783" i="1" s="1"/>
  <c r="A133784" i="1" s="1"/>
  <c r="A133785" i="1" s="1"/>
  <c r="A133786" i="1" s="1"/>
  <c r="A133787" i="1" s="1"/>
  <c r="A133788" i="1" s="1"/>
  <c r="A133789" i="1" s="1"/>
  <c r="A133790" i="1" s="1"/>
  <c r="A133791" i="1" s="1"/>
  <c r="A133792" i="1" s="1"/>
  <c r="A133793" i="1" s="1"/>
  <c r="A133794" i="1" s="1"/>
  <c r="A133795" i="1" s="1"/>
  <c r="A133796" i="1" s="1"/>
  <c r="A133797" i="1" s="1"/>
  <c r="A133798" i="1" s="1"/>
  <c r="A133799" i="1" s="1"/>
  <c r="A133800" i="1" s="1"/>
  <c r="A133801" i="1" s="1"/>
  <c r="A133802" i="1" s="1"/>
  <c r="A133803" i="1" s="1"/>
  <c r="A133804" i="1" s="1"/>
  <c r="A133805" i="1" s="1"/>
  <c r="A133806" i="1" s="1"/>
  <c r="A133807" i="1" s="1"/>
  <c r="A133808" i="1" s="1"/>
  <c r="A133809" i="1" s="1"/>
  <c r="A133810" i="1" s="1"/>
  <c r="A133811" i="1" s="1"/>
  <c r="A133812" i="1" s="1"/>
  <c r="A133813" i="1" s="1"/>
  <c r="A133814" i="1" s="1"/>
  <c r="A133815" i="1" s="1"/>
  <c r="A133816" i="1" s="1"/>
  <c r="A133817" i="1" s="1"/>
  <c r="A133818" i="1" s="1"/>
  <c r="A133819" i="1" s="1"/>
  <c r="A133820" i="1" s="1"/>
  <c r="A133821" i="1" s="1"/>
  <c r="A133822" i="1" s="1"/>
  <c r="A133823" i="1" s="1"/>
  <c r="A133824" i="1" s="1"/>
  <c r="A133825" i="1" s="1"/>
  <c r="A133826" i="1" s="1"/>
  <c r="A133827" i="1" s="1"/>
  <c r="A133828" i="1" s="1"/>
  <c r="A133829" i="1" s="1"/>
  <c r="A133830" i="1" s="1"/>
  <c r="A133831" i="1" s="1"/>
  <c r="A133832" i="1" s="1"/>
  <c r="A133833" i="1" s="1"/>
  <c r="A133834" i="1" s="1"/>
  <c r="A133835" i="1" s="1"/>
  <c r="A133836" i="1" s="1"/>
  <c r="A133837" i="1" s="1"/>
  <c r="A133838" i="1" s="1"/>
  <c r="A133839" i="1" s="1"/>
  <c r="A133840" i="1" s="1"/>
  <c r="A133841" i="1" s="1"/>
  <c r="A133842" i="1" s="1"/>
  <c r="A133843" i="1" s="1"/>
  <c r="A133844" i="1" s="1"/>
  <c r="A133845" i="1" s="1"/>
  <c r="A133846" i="1" s="1"/>
  <c r="A133847" i="1" s="1"/>
  <c r="A133848" i="1" s="1"/>
  <c r="A133849" i="1" s="1"/>
  <c r="A133850" i="1" s="1"/>
  <c r="A133851" i="1" s="1"/>
  <c r="A133852" i="1" s="1"/>
  <c r="A133853" i="1" s="1"/>
  <c r="A133854" i="1" s="1"/>
  <c r="A133855" i="1" s="1"/>
  <c r="A133856" i="1" s="1"/>
  <c r="A133857" i="1" s="1"/>
  <c r="A133858" i="1" s="1"/>
  <c r="A133859" i="1" s="1"/>
  <c r="A133860" i="1" s="1"/>
  <c r="A133861" i="1" s="1"/>
  <c r="A133862" i="1" s="1"/>
  <c r="A133863" i="1" s="1"/>
  <c r="A133864" i="1" s="1"/>
  <c r="A133865" i="1" s="1"/>
  <c r="A133866" i="1" s="1"/>
  <c r="A133867" i="1" s="1"/>
  <c r="A133868" i="1" s="1"/>
  <c r="A133869" i="1" s="1"/>
  <c r="A133870" i="1" s="1"/>
  <c r="A133871" i="1" s="1"/>
  <c r="A133872" i="1" s="1"/>
  <c r="A133873" i="1" s="1"/>
  <c r="A133874" i="1" s="1"/>
  <c r="A133875" i="1" s="1"/>
  <c r="A133876" i="1" s="1"/>
  <c r="A133877" i="1" s="1"/>
  <c r="A133878" i="1" s="1"/>
  <c r="A133879" i="1" s="1"/>
  <c r="A133880" i="1" s="1"/>
  <c r="A133881" i="1" s="1"/>
  <c r="A133882" i="1" s="1"/>
  <c r="A133883" i="1" s="1"/>
  <c r="A133884" i="1" s="1"/>
  <c r="A133885" i="1" s="1"/>
  <c r="A133886" i="1" s="1"/>
  <c r="A133887" i="1" s="1"/>
  <c r="A133888" i="1" s="1"/>
  <c r="A133889" i="1" s="1"/>
  <c r="A133890" i="1" s="1"/>
  <c r="A133891" i="1" s="1"/>
  <c r="A133892" i="1" s="1"/>
  <c r="A133893" i="1" s="1"/>
  <c r="A133894" i="1" s="1"/>
  <c r="A133895" i="1" s="1"/>
  <c r="A133896" i="1" s="1"/>
  <c r="A133897" i="1" s="1"/>
  <c r="A133898" i="1" s="1"/>
  <c r="A133899" i="1" s="1"/>
  <c r="A133900" i="1" s="1"/>
  <c r="A133901" i="1" s="1"/>
  <c r="A133902" i="1" s="1"/>
  <c r="A133903" i="1" s="1"/>
  <c r="A133904" i="1" s="1"/>
  <c r="A133905" i="1" s="1"/>
  <c r="A133906" i="1" s="1"/>
  <c r="A133907" i="1" s="1"/>
  <c r="A133908" i="1" s="1"/>
  <c r="A133909" i="1" s="1"/>
  <c r="A133910" i="1" s="1"/>
  <c r="A133911" i="1" s="1"/>
  <c r="A133912" i="1" s="1"/>
  <c r="A133913" i="1" s="1"/>
  <c r="A133914" i="1" s="1"/>
  <c r="A133915" i="1" s="1"/>
  <c r="A133916" i="1" s="1"/>
  <c r="A133917" i="1" s="1"/>
  <c r="A133918" i="1" s="1"/>
  <c r="A133919" i="1" s="1"/>
  <c r="A133920" i="1" s="1"/>
  <c r="A133921" i="1" s="1"/>
  <c r="A133922" i="1" s="1"/>
  <c r="A133923" i="1" s="1"/>
  <c r="A133924" i="1" s="1"/>
  <c r="A133925" i="1" s="1"/>
  <c r="A133926" i="1" s="1"/>
  <c r="A133927" i="1" s="1"/>
  <c r="A133928" i="1" s="1"/>
  <c r="A133929" i="1" s="1"/>
  <c r="A133930" i="1" s="1"/>
  <c r="A133931" i="1" s="1"/>
  <c r="A133932" i="1" s="1"/>
  <c r="A133933" i="1" s="1"/>
  <c r="A133934" i="1" s="1"/>
  <c r="A133935" i="1" s="1"/>
  <c r="A133936" i="1" s="1"/>
  <c r="A133937" i="1" s="1"/>
  <c r="A133938" i="1" s="1"/>
  <c r="A133939" i="1" s="1"/>
  <c r="A133940" i="1" s="1"/>
  <c r="A133941" i="1" s="1"/>
  <c r="A133942" i="1" s="1"/>
  <c r="A133943" i="1" s="1"/>
  <c r="A133944" i="1" s="1"/>
  <c r="A133945" i="1" s="1"/>
  <c r="A133946" i="1" s="1"/>
  <c r="A133947" i="1" s="1"/>
  <c r="A133948" i="1" s="1"/>
  <c r="A133949" i="1" s="1"/>
  <c r="A133950" i="1" s="1"/>
  <c r="A133951" i="1" s="1"/>
  <c r="A133952" i="1" s="1"/>
  <c r="A133953" i="1" s="1"/>
  <c r="A133954" i="1" s="1"/>
  <c r="A133955" i="1" s="1"/>
  <c r="A133956" i="1" s="1"/>
  <c r="A133957" i="1" s="1"/>
  <c r="A133958" i="1" s="1"/>
  <c r="A133959" i="1" s="1"/>
  <c r="A133960" i="1" s="1"/>
  <c r="A133961" i="1" s="1"/>
  <c r="A133962" i="1" s="1"/>
  <c r="A133963" i="1" s="1"/>
  <c r="A133964" i="1" s="1"/>
  <c r="A133965" i="1" s="1"/>
  <c r="A133966" i="1" s="1"/>
  <c r="A133967" i="1" s="1"/>
  <c r="A133968" i="1" s="1"/>
  <c r="A133969" i="1" s="1"/>
  <c r="A133970" i="1" s="1"/>
  <c r="A133971" i="1" s="1"/>
  <c r="A133972" i="1" s="1"/>
  <c r="A133973" i="1" s="1"/>
  <c r="A133974" i="1" s="1"/>
  <c r="A133975" i="1" s="1"/>
  <c r="A133976" i="1" s="1"/>
  <c r="A133977" i="1" s="1"/>
  <c r="A133978" i="1" s="1"/>
  <c r="A133979" i="1" s="1"/>
  <c r="A133980" i="1" s="1"/>
  <c r="A133981" i="1" s="1"/>
  <c r="A133982" i="1" s="1"/>
  <c r="A133983" i="1" s="1"/>
  <c r="A133984" i="1" s="1"/>
  <c r="A133985" i="1" s="1"/>
  <c r="A133986" i="1" s="1"/>
  <c r="A133987" i="1" s="1"/>
  <c r="A133988" i="1" s="1"/>
  <c r="A133989" i="1" s="1"/>
  <c r="A133990" i="1" s="1"/>
  <c r="A133991" i="1" s="1"/>
  <c r="A133992" i="1" s="1"/>
  <c r="A133993" i="1" s="1"/>
  <c r="A133994" i="1" s="1"/>
  <c r="A133995" i="1" s="1"/>
  <c r="A133996" i="1" s="1"/>
  <c r="A133997" i="1" s="1"/>
  <c r="A133998" i="1" s="1"/>
  <c r="A133999" i="1" s="1"/>
  <c r="A134000" i="1" s="1"/>
  <c r="A134001" i="1" s="1"/>
  <c r="A134002" i="1" s="1"/>
  <c r="A134003" i="1" s="1"/>
  <c r="A134004" i="1" s="1"/>
  <c r="A134005" i="1" s="1"/>
  <c r="A134006" i="1" s="1"/>
  <c r="A134007" i="1" s="1"/>
  <c r="A134008" i="1" s="1"/>
  <c r="A134009" i="1" s="1"/>
  <c r="A134010" i="1" s="1"/>
  <c r="A134011" i="1" s="1"/>
  <c r="A134012" i="1" s="1"/>
  <c r="A134013" i="1" s="1"/>
  <c r="A134014" i="1" s="1"/>
  <c r="A134015" i="1" s="1"/>
  <c r="A134016" i="1" s="1"/>
  <c r="A134017" i="1" s="1"/>
  <c r="A134018" i="1" s="1"/>
  <c r="A134019" i="1" s="1"/>
  <c r="A134020" i="1" s="1"/>
  <c r="A134021" i="1" s="1"/>
  <c r="A134022" i="1" s="1"/>
  <c r="A134023" i="1" s="1"/>
  <c r="A134024" i="1" s="1"/>
  <c r="A134025" i="1" s="1"/>
  <c r="A134026" i="1" s="1"/>
  <c r="A134027" i="1" s="1"/>
  <c r="A134028" i="1" s="1"/>
  <c r="A134029" i="1" s="1"/>
  <c r="A134030" i="1" s="1"/>
  <c r="A134031" i="1" s="1"/>
  <c r="A134032" i="1" s="1"/>
  <c r="A134033" i="1" s="1"/>
  <c r="A134034" i="1" s="1"/>
  <c r="A134035" i="1" s="1"/>
  <c r="A134036" i="1" s="1"/>
  <c r="A134037" i="1" s="1"/>
  <c r="A134038" i="1" s="1"/>
  <c r="A134039" i="1" s="1"/>
  <c r="A134040" i="1" s="1"/>
  <c r="A134041" i="1" s="1"/>
  <c r="A134042" i="1" s="1"/>
  <c r="A134043" i="1" s="1"/>
  <c r="A134044" i="1" s="1"/>
  <c r="A134045" i="1" s="1"/>
  <c r="A134046" i="1" s="1"/>
  <c r="A134047" i="1" s="1"/>
  <c r="A134048" i="1" s="1"/>
  <c r="A134049" i="1" s="1"/>
  <c r="A134050" i="1" s="1"/>
  <c r="A134051" i="1" s="1"/>
  <c r="A134052" i="1" s="1"/>
  <c r="A134053" i="1" s="1"/>
  <c r="A134054" i="1" s="1"/>
  <c r="A134055" i="1" s="1"/>
  <c r="A134056" i="1" s="1"/>
  <c r="A134057" i="1" s="1"/>
  <c r="A134058" i="1" s="1"/>
  <c r="A134059" i="1" s="1"/>
  <c r="A134060" i="1" s="1"/>
  <c r="A134061" i="1" s="1"/>
  <c r="A134062" i="1" s="1"/>
  <c r="A134063" i="1" s="1"/>
  <c r="A134064" i="1" s="1"/>
  <c r="A134065" i="1" s="1"/>
  <c r="A134066" i="1" s="1"/>
  <c r="A134067" i="1" s="1"/>
  <c r="A134068" i="1" s="1"/>
  <c r="A134069" i="1" s="1"/>
  <c r="A134070" i="1" s="1"/>
  <c r="A134071" i="1" s="1"/>
  <c r="A134072" i="1" s="1"/>
  <c r="A134073" i="1" s="1"/>
  <c r="A134074" i="1" s="1"/>
  <c r="A134075" i="1" s="1"/>
  <c r="A134076" i="1" s="1"/>
  <c r="A134077" i="1" s="1"/>
  <c r="A134078" i="1" s="1"/>
  <c r="A134079" i="1" s="1"/>
  <c r="A134080" i="1" s="1"/>
  <c r="A134081" i="1" s="1"/>
  <c r="A134082" i="1" s="1"/>
  <c r="A134083" i="1" s="1"/>
  <c r="A134084" i="1" s="1"/>
  <c r="A134085" i="1" s="1"/>
  <c r="A134086" i="1" s="1"/>
  <c r="A134087" i="1" s="1"/>
  <c r="A134088" i="1" s="1"/>
  <c r="A134089" i="1" s="1"/>
  <c r="A134090" i="1" s="1"/>
  <c r="A134091" i="1" s="1"/>
  <c r="A134092" i="1" s="1"/>
  <c r="A134093" i="1" s="1"/>
  <c r="A134094" i="1" s="1"/>
  <c r="A134095" i="1" s="1"/>
  <c r="A134096" i="1" s="1"/>
  <c r="A134097" i="1" s="1"/>
  <c r="A134098" i="1" s="1"/>
  <c r="A134099" i="1" s="1"/>
  <c r="A134100" i="1" s="1"/>
  <c r="A134101" i="1" s="1"/>
  <c r="A134102" i="1" s="1"/>
  <c r="A134103" i="1" s="1"/>
  <c r="A134104" i="1" s="1"/>
  <c r="A134105" i="1" s="1"/>
  <c r="A134106" i="1" s="1"/>
  <c r="A134107" i="1" s="1"/>
  <c r="A134108" i="1" s="1"/>
  <c r="A134109" i="1" s="1"/>
  <c r="A134110" i="1" s="1"/>
  <c r="A134111" i="1" s="1"/>
  <c r="A134112" i="1" s="1"/>
  <c r="A134113" i="1" s="1"/>
  <c r="A134114" i="1" s="1"/>
  <c r="A134115" i="1" s="1"/>
  <c r="A134116" i="1" s="1"/>
  <c r="A134117" i="1" s="1"/>
  <c r="A134118" i="1" s="1"/>
  <c r="A134119" i="1" s="1"/>
  <c r="A134120" i="1" s="1"/>
  <c r="A134121" i="1" s="1"/>
  <c r="A134122" i="1" s="1"/>
  <c r="A134123" i="1" s="1"/>
  <c r="A134124" i="1" s="1"/>
  <c r="A134125" i="1" s="1"/>
  <c r="A134126" i="1" s="1"/>
  <c r="A134127" i="1" s="1"/>
  <c r="A134128" i="1" s="1"/>
  <c r="A134129" i="1" s="1"/>
  <c r="A134130" i="1" s="1"/>
  <c r="A134131" i="1" s="1"/>
  <c r="A134132" i="1" s="1"/>
  <c r="A134133" i="1" s="1"/>
  <c r="A134134" i="1" s="1"/>
  <c r="A134135" i="1" s="1"/>
  <c r="A134136" i="1" s="1"/>
  <c r="A134137" i="1" s="1"/>
  <c r="A134138" i="1" s="1"/>
  <c r="A134139" i="1" s="1"/>
  <c r="A134140" i="1" s="1"/>
  <c r="A134141" i="1" s="1"/>
  <c r="A134142" i="1" s="1"/>
  <c r="A134143" i="1" s="1"/>
  <c r="A134144" i="1" s="1"/>
  <c r="A134145" i="1" s="1"/>
  <c r="A134146" i="1" s="1"/>
  <c r="A134147" i="1" s="1"/>
  <c r="A134148" i="1" s="1"/>
  <c r="A134149" i="1" s="1"/>
  <c r="A134150" i="1" s="1"/>
  <c r="A134151" i="1" s="1"/>
  <c r="A134152" i="1" s="1"/>
  <c r="A134153" i="1" s="1"/>
  <c r="A134154" i="1" s="1"/>
  <c r="A134155" i="1" s="1"/>
  <c r="A134156" i="1" s="1"/>
  <c r="A134157" i="1" s="1"/>
  <c r="A134158" i="1" s="1"/>
  <c r="A134159" i="1" s="1"/>
  <c r="A134160" i="1" s="1"/>
  <c r="A134161" i="1" s="1"/>
  <c r="A134162" i="1" s="1"/>
  <c r="A134163" i="1" s="1"/>
  <c r="A134164" i="1" s="1"/>
  <c r="A134165" i="1" s="1"/>
  <c r="A134166" i="1" s="1"/>
  <c r="A134167" i="1" s="1"/>
  <c r="A134168" i="1" s="1"/>
  <c r="A134169" i="1" s="1"/>
  <c r="A134170" i="1" s="1"/>
  <c r="A134171" i="1" s="1"/>
  <c r="A134172" i="1" s="1"/>
  <c r="A134173" i="1" s="1"/>
  <c r="A134174" i="1" s="1"/>
  <c r="A134175" i="1" s="1"/>
  <c r="A134176" i="1" s="1"/>
  <c r="A134177" i="1" s="1"/>
  <c r="A134178" i="1" s="1"/>
  <c r="A134179" i="1" s="1"/>
  <c r="A134180" i="1" s="1"/>
  <c r="A134181" i="1" s="1"/>
  <c r="A134182" i="1" s="1"/>
  <c r="A134183" i="1" s="1"/>
  <c r="A134184" i="1" s="1"/>
  <c r="A134185" i="1" s="1"/>
  <c r="A134186" i="1" s="1"/>
  <c r="A134187" i="1" s="1"/>
  <c r="A134188" i="1" s="1"/>
  <c r="A134189" i="1" s="1"/>
  <c r="A134190" i="1" s="1"/>
  <c r="A134191" i="1" s="1"/>
  <c r="A134192" i="1" s="1"/>
  <c r="A134193" i="1" s="1"/>
  <c r="A134194" i="1" s="1"/>
  <c r="A134195" i="1" s="1"/>
  <c r="A134196" i="1" s="1"/>
  <c r="A134197" i="1" s="1"/>
  <c r="A134198" i="1" s="1"/>
  <c r="A134199" i="1" s="1"/>
  <c r="A134200" i="1" s="1"/>
  <c r="A134201" i="1" s="1"/>
  <c r="A134202" i="1" s="1"/>
  <c r="A134203" i="1" s="1"/>
  <c r="A134204" i="1" s="1"/>
  <c r="A134205" i="1" s="1"/>
  <c r="A134206" i="1" s="1"/>
  <c r="A134207" i="1" s="1"/>
  <c r="A134208" i="1" s="1"/>
  <c r="A134209" i="1" s="1"/>
  <c r="A134210" i="1" s="1"/>
  <c r="A134211" i="1" s="1"/>
  <c r="A134212" i="1" s="1"/>
  <c r="A134213" i="1" s="1"/>
  <c r="A134214" i="1" s="1"/>
  <c r="A134215" i="1" s="1"/>
  <c r="A134216" i="1" s="1"/>
  <c r="A134217" i="1" s="1"/>
  <c r="A134218" i="1" s="1"/>
  <c r="A134219" i="1" s="1"/>
  <c r="A134220" i="1" s="1"/>
  <c r="A134221" i="1" s="1"/>
  <c r="A134222" i="1" s="1"/>
  <c r="A134223" i="1" s="1"/>
  <c r="A134224" i="1" s="1"/>
  <c r="A134225" i="1" s="1"/>
  <c r="A134226" i="1" s="1"/>
  <c r="A134227" i="1" s="1"/>
  <c r="A134228" i="1" s="1"/>
  <c r="A134229" i="1" s="1"/>
  <c r="A134230" i="1" s="1"/>
  <c r="A134231" i="1" s="1"/>
  <c r="A134232" i="1" s="1"/>
  <c r="A134233" i="1" s="1"/>
  <c r="A134234" i="1" s="1"/>
  <c r="A134235" i="1" s="1"/>
  <c r="A134236" i="1" s="1"/>
  <c r="A134237" i="1" s="1"/>
  <c r="A134238" i="1" s="1"/>
  <c r="A134239" i="1" s="1"/>
  <c r="A134240" i="1" s="1"/>
  <c r="A134241" i="1" s="1"/>
  <c r="A134242" i="1" s="1"/>
  <c r="A134243" i="1" s="1"/>
  <c r="A134244" i="1" s="1"/>
  <c r="A134245" i="1" s="1"/>
  <c r="A134246" i="1" s="1"/>
  <c r="A134247" i="1" s="1"/>
  <c r="A134248" i="1" s="1"/>
  <c r="A134249" i="1" s="1"/>
  <c r="A134250" i="1" s="1"/>
  <c r="A134251" i="1" s="1"/>
  <c r="A134252" i="1" s="1"/>
  <c r="A134253" i="1" s="1"/>
  <c r="A134254" i="1" s="1"/>
  <c r="A134255" i="1" s="1"/>
  <c r="A134256" i="1" s="1"/>
  <c r="A134257" i="1" s="1"/>
  <c r="A134258" i="1" s="1"/>
  <c r="A134259" i="1" s="1"/>
  <c r="A134260" i="1" s="1"/>
  <c r="A134261" i="1" s="1"/>
  <c r="A134262" i="1" s="1"/>
  <c r="A134263" i="1" s="1"/>
  <c r="A134264" i="1" s="1"/>
  <c r="A134265" i="1" s="1"/>
  <c r="A134266" i="1" s="1"/>
  <c r="A134267" i="1" s="1"/>
  <c r="A134268" i="1" s="1"/>
  <c r="A134269" i="1" s="1"/>
  <c r="A134270" i="1" s="1"/>
  <c r="A134271" i="1" s="1"/>
  <c r="A134272" i="1" s="1"/>
  <c r="A134273" i="1" s="1"/>
  <c r="A134274" i="1" s="1"/>
  <c r="A134275" i="1" s="1"/>
  <c r="A134276" i="1" s="1"/>
  <c r="A134277" i="1" s="1"/>
  <c r="A134278" i="1" s="1"/>
  <c r="A134279" i="1" s="1"/>
  <c r="A134280" i="1" s="1"/>
  <c r="A134281" i="1" s="1"/>
  <c r="A134282" i="1" s="1"/>
  <c r="A134283" i="1" s="1"/>
  <c r="A134284" i="1" s="1"/>
  <c r="A134285" i="1" s="1"/>
  <c r="A134286" i="1" s="1"/>
  <c r="A134287" i="1" s="1"/>
  <c r="A134288" i="1" s="1"/>
  <c r="A134289" i="1" s="1"/>
  <c r="A134290" i="1" s="1"/>
  <c r="A134291" i="1" s="1"/>
  <c r="A134292" i="1" s="1"/>
  <c r="A134293" i="1" s="1"/>
  <c r="A134294" i="1" s="1"/>
  <c r="A134295" i="1" s="1"/>
  <c r="A134296" i="1" s="1"/>
  <c r="A134297" i="1" s="1"/>
  <c r="A134298" i="1" s="1"/>
  <c r="A134299" i="1" s="1"/>
  <c r="A134300" i="1" s="1"/>
  <c r="A134301" i="1" s="1"/>
  <c r="A134302" i="1" s="1"/>
  <c r="A134303" i="1" s="1"/>
  <c r="A134304" i="1" s="1"/>
  <c r="A134305" i="1" s="1"/>
  <c r="A134306" i="1" s="1"/>
  <c r="A134307" i="1" s="1"/>
  <c r="A134308" i="1" s="1"/>
  <c r="A134309" i="1" s="1"/>
  <c r="A134310" i="1" s="1"/>
  <c r="A134311" i="1" s="1"/>
  <c r="A134312" i="1" s="1"/>
  <c r="A134313" i="1" s="1"/>
  <c r="A134314" i="1" s="1"/>
  <c r="A134315" i="1" s="1"/>
  <c r="A134316" i="1" s="1"/>
  <c r="A134317" i="1" s="1"/>
  <c r="A134318" i="1" s="1"/>
  <c r="A134319" i="1" s="1"/>
  <c r="A134320" i="1" s="1"/>
  <c r="A134321" i="1" s="1"/>
  <c r="A134322" i="1" s="1"/>
  <c r="A134323" i="1" s="1"/>
  <c r="A134324" i="1" s="1"/>
  <c r="A134325" i="1" s="1"/>
  <c r="A134326" i="1" s="1"/>
  <c r="A134327" i="1" s="1"/>
  <c r="A134328" i="1" s="1"/>
  <c r="A134329" i="1" s="1"/>
  <c r="A134330" i="1" s="1"/>
  <c r="A134331" i="1" s="1"/>
  <c r="A134332" i="1" s="1"/>
  <c r="A134333" i="1" s="1"/>
  <c r="A134334" i="1" s="1"/>
  <c r="A134335" i="1" s="1"/>
  <c r="A134336" i="1" s="1"/>
  <c r="A134337" i="1" s="1"/>
  <c r="A134338" i="1" s="1"/>
  <c r="A134339" i="1" s="1"/>
  <c r="A134340" i="1" s="1"/>
  <c r="A134341" i="1" s="1"/>
  <c r="A134342" i="1" s="1"/>
  <c r="A134343" i="1" s="1"/>
  <c r="A134344" i="1" s="1"/>
  <c r="A134345" i="1" s="1"/>
  <c r="A134346" i="1" s="1"/>
  <c r="A134347" i="1" s="1"/>
  <c r="A134348" i="1" s="1"/>
  <c r="A134349" i="1" s="1"/>
  <c r="A134350" i="1" s="1"/>
  <c r="A134351" i="1" s="1"/>
  <c r="A134352" i="1" s="1"/>
  <c r="A134353" i="1" s="1"/>
  <c r="A134354" i="1" s="1"/>
  <c r="A134355" i="1" s="1"/>
  <c r="A134356" i="1" s="1"/>
  <c r="A134357" i="1" s="1"/>
  <c r="A134358" i="1" s="1"/>
  <c r="A134359" i="1" s="1"/>
  <c r="A134360" i="1" s="1"/>
  <c r="A134361" i="1" s="1"/>
  <c r="A134362" i="1" s="1"/>
  <c r="A134363" i="1" s="1"/>
  <c r="A134364" i="1" s="1"/>
  <c r="A134365" i="1" s="1"/>
  <c r="A134366" i="1" s="1"/>
  <c r="A134367" i="1" s="1"/>
  <c r="A134368" i="1" s="1"/>
  <c r="A134369" i="1" s="1"/>
  <c r="A134370" i="1" s="1"/>
  <c r="A134371" i="1" s="1"/>
  <c r="A134372" i="1" s="1"/>
  <c r="A134373" i="1" s="1"/>
  <c r="A134374" i="1" s="1"/>
  <c r="A134375" i="1" s="1"/>
  <c r="A134376" i="1" s="1"/>
  <c r="A134377" i="1" s="1"/>
  <c r="A134378" i="1" s="1"/>
  <c r="A134379" i="1" s="1"/>
  <c r="A134380" i="1" s="1"/>
  <c r="A134381" i="1" s="1"/>
  <c r="A134382" i="1" s="1"/>
  <c r="A134383" i="1" s="1"/>
  <c r="A134384" i="1" s="1"/>
  <c r="A134385" i="1" s="1"/>
  <c r="A134386" i="1" s="1"/>
  <c r="A134387" i="1" s="1"/>
  <c r="A134388" i="1" s="1"/>
  <c r="A134389" i="1" s="1"/>
  <c r="A134390" i="1" s="1"/>
  <c r="A134391" i="1" s="1"/>
  <c r="A134392" i="1" s="1"/>
  <c r="A134393" i="1" s="1"/>
  <c r="A134394" i="1" s="1"/>
  <c r="A134395" i="1" s="1"/>
  <c r="A134396" i="1" s="1"/>
  <c r="A134397" i="1" s="1"/>
  <c r="A134398" i="1" s="1"/>
  <c r="A134399" i="1" s="1"/>
  <c r="A134400" i="1" s="1"/>
  <c r="A134401" i="1" s="1"/>
  <c r="A134402" i="1" s="1"/>
  <c r="A134403" i="1" s="1"/>
  <c r="A134404" i="1" s="1"/>
  <c r="A134405" i="1" s="1"/>
  <c r="A134406" i="1" s="1"/>
  <c r="A134407" i="1" s="1"/>
  <c r="A134408" i="1" s="1"/>
  <c r="A134409" i="1" s="1"/>
  <c r="A134410" i="1" s="1"/>
  <c r="A134411" i="1" s="1"/>
  <c r="A134412" i="1" s="1"/>
  <c r="A134413" i="1" s="1"/>
  <c r="A134414" i="1" s="1"/>
  <c r="A134415" i="1" s="1"/>
  <c r="A134416" i="1" s="1"/>
  <c r="A134417" i="1" s="1"/>
  <c r="A134418" i="1" s="1"/>
  <c r="A134419" i="1" s="1"/>
  <c r="A134420" i="1" s="1"/>
  <c r="A134421" i="1" s="1"/>
  <c r="A134422" i="1" s="1"/>
  <c r="A134423" i="1" s="1"/>
  <c r="A134424" i="1" s="1"/>
  <c r="A134425" i="1" s="1"/>
  <c r="A134426" i="1" s="1"/>
  <c r="A134427" i="1" s="1"/>
  <c r="A134428" i="1" s="1"/>
  <c r="A134429" i="1" s="1"/>
  <c r="A134430" i="1" s="1"/>
  <c r="A134431" i="1" s="1"/>
  <c r="A134432" i="1" s="1"/>
  <c r="A134433" i="1" s="1"/>
  <c r="A134434" i="1" s="1"/>
  <c r="A134435" i="1" s="1"/>
  <c r="A134436" i="1" s="1"/>
  <c r="A134437" i="1" s="1"/>
  <c r="A134438" i="1" s="1"/>
  <c r="A134439" i="1" s="1"/>
  <c r="A134440" i="1" s="1"/>
  <c r="A134441" i="1" s="1"/>
  <c r="A134442" i="1" s="1"/>
  <c r="A134443" i="1" s="1"/>
  <c r="A134444" i="1" s="1"/>
  <c r="A134445" i="1" s="1"/>
  <c r="A134446" i="1" s="1"/>
  <c r="A134447" i="1" s="1"/>
  <c r="A134448" i="1" s="1"/>
  <c r="A134449" i="1" s="1"/>
  <c r="A134450" i="1" s="1"/>
  <c r="A134451" i="1" s="1"/>
  <c r="A134452" i="1" s="1"/>
  <c r="A134453" i="1" s="1"/>
  <c r="A134454" i="1" s="1"/>
  <c r="A134455" i="1" s="1"/>
  <c r="A134456" i="1" s="1"/>
  <c r="A134457" i="1" s="1"/>
  <c r="A134458" i="1" s="1"/>
  <c r="A134459" i="1" s="1"/>
  <c r="A134460" i="1" s="1"/>
  <c r="A134461" i="1" s="1"/>
  <c r="A134462" i="1" s="1"/>
  <c r="A134463" i="1" s="1"/>
  <c r="A134464" i="1" s="1"/>
  <c r="A134465" i="1" s="1"/>
  <c r="A134466" i="1" s="1"/>
  <c r="A134467" i="1" s="1"/>
  <c r="A134468" i="1" s="1"/>
  <c r="A134469" i="1" s="1"/>
  <c r="A134470" i="1" s="1"/>
  <c r="A134471" i="1" s="1"/>
  <c r="A134472" i="1" s="1"/>
  <c r="A134473" i="1" s="1"/>
  <c r="A134474" i="1" s="1"/>
  <c r="A134475" i="1" s="1"/>
  <c r="A134476" i="1" s="1"/>
  <c r="A134477" i="1" s="1"/>
  <c r="A134478" i="1" s="1"/>
  <c r="A134479" i="1" s="1"/>
  <c r="A134480" i="1" s="1"/>
  <c r="A134481" i="1" s="1"/>
  <c r="A134482" i="1" s="1"/>
  <c r="A134483" i="1" s="1"/>
  <c r="A134484" i="1" s="1"/>
  <c r="A134485" i="1" s="1"/>
  <c r="A134486" i="1" s="1"/>
  <c r="A134487" i="1" s="1"/>
  <c r="A134488" i="1" s="1"/>
  <c r="A134489" i="1" s="1"/>
  <c r="A134490" i="1" s="1"/>
  <c r="A134491" i="1" s="1"/>
  <c r="A134492" i="1" s="1"/>
  <c r="A134493" i="1" s="1"/>
  <c r="A134494" i="1" s="1"/>
  <c r="A134495" i="1" s="1"/>
  <c r="A134496" i="1" s="1"/>
  <c r="A134497" i="1" s="1"/>
  <c r="A134498" i="1" s="1"/>
  <c r="A134499" i="1" s="1"/>
  <c r="A134500" i="1" s="1"/>
  <c r="A134501" i="1" s="1"/>
  <c r="A134502" i="1" s="1"/>
  <c r="A134503" i="1" s="1"/>
  <c r="A134504" i="1" s="1"/>
  <c r="A134505" i="1" s="1"/>
  <c r="A134506" i="1" s="1"/>
  <c r="A134507" i="1" s="1"/>
  <c r="A134508" i="1" s="1"/>
  <c r="A134509" i="1" s="1"/>
  <c r="A134510" i="1" s="1"/>
  <c r="A134511" i="1" s="1"/>
  <c r="A134512" i="1" s="1"/>
  <c r="A134513" i="1" s="1"/>
  <c r="A134514" i="1" s="1"/>
  <c r="A134515" i="1" s="1"/>
  <c r="A134516" i="1" s="1"/>
  <c r="A134517" i="1" s="1"/>
  <c r="A134518" i="1" s="1"/>
  <c r="A134519" i="1" s="1"/>
  <c r="A134520" i="1" s="1"/>
  <c r="A134521" i="1" s="1"/>
  <c r="A134522" i="1" s="1"/>
  <c r="A134523" i="1" s="1"/>
  <c r="A134524" i="1" s="1"/>
  <c r="A134525" i="1" s="1"/>
  <c r="A134526" i="1" s="1"/>
  <c r="A134527" i="1" s="1"/>
  <c r="A134528" i="1" s="1"/>
  <c r="A134529" i="1" s="1"/>
  <c r="A134530" i="1" s="1"/>
  <c r="A134531" i="1" s="1"/>
  <c r="A134532" i="1" s="1"/>
  <c r="A134533" i="1" s="1"/>
  <c r="A134534" i="1" s="1"/>
  <c r="A134535" i="1" s="1"/>
  <c r="A134536" i="1" s="1"/>
  <c r="A134537" i="1" s="1"/>
  <c r="A134538" i="1" s="1"/>
  <c r="A134539" i="1" s="1"/>
  <c r="A134540" i="1" s="1"/>
  <c r="A134541" i="1" s="1"/>
  <c r="A134542" i="1" s="1"/>
  <c r="A134543" i="1" s="1"/>
  <c r="A134544" i="1" s="1"/>
  <c r="A134545" i="1" s="1"/>
  <c r="A134546" i="1" s="1"/>
  <c r="A134547" i="1" s="1"/>
  <c r="A134548" i="1" s="1"/>
  <c r="A134549" i="1" s="1"/>
  <c r="A134550" i="1" s="1"/>
  <c r="A134551" i="1" s="1"/>
  <c r="A134552" i="1" s="1"/>
  <c r="A134553" i="1" s="1"/>
  <c r="A134554" i="1" s="1"/>
  <c r="A134555" i="1" s="1"/>
  <c r="A134556" i="1" s="1"/>
  <c r="A134557" i="1" s="1"/>
  <c r="A134558" i="1" s="1"/>
  <c r="A134559" i="1" s="1"/>
  <c r="A134560" i="1" s="1"/>
  <c r="A134561" i="1" s="1"/>
  <c r="A134562" i="1" s="1"/>
  <c r="A134563" i="1" s="1"/>
  <c r="A134564" i="1" s="1"/>
  <c r="A134565" i="1" s="1"/>
  <c r="A134566" i="1" s="1"/>
  <c r="A134567" i="1" s="1"/>
  <c r="A134568" i="1" s="1"/>
  <c r="A134569" i="1" s="1"/>
  <c r="A134570" i="1" s="1"/>
  <c r="A134571" i="1" s="1"/>
  <c r="A134572" i="1" s="1"/>
  <c r="A134573" i="1" s="1"/>
  <c r="A134574" i="1" s="1"/>
  <c r="A134575" i="1" s="1"/>
  <c r="A134576" i="1" s="1"/>
  <c r="A134577" i="1" s="1"/>
  <c r="A134578" i="1" s="1"/>
  <c r="A134579" i="1" s="1"/>
  <c r="A134580" i="1" s="1"/>
  <c r="A134581" i="1" s="1"/>
  <c r="A134582" i="1" s="1"/>
  <c r="A134583" i="1" s="1"/>
  <c r="A134584" i="1" s="1"/>
  <c r="A134585" i="1" s="1"/>
  <c r="A134586" i="1" s="1"/>
  <c r="A134587" i="1" s="1"/>
  <c r="A134588" i="1" s="1"/>
  <c r="A134589" i="1" s="1"/>
  <c r="A134590" i="1" s="1"/>
  <c r="A134591" i="1" s="1"/>
  <c r="A134592" i="1" s="1"/>
  <c r="A134593" i="1" s="1"/>
  <c r="A134594" i="1" s="1"/>
  <c r="A134595" i="1" s="1"/>
  <c r="A134596" i="1" s="1"/>
  <c r="A134597" i="1" s="1"/>
  <c r="A134598" i="1" s="1"/>
  <c r="A134599" i="1" s="1"/>
  <c r="A134600" i="1" s="1"/>
  <c r="A134601" i="1" s="1"/>
  <c r="A134602" i="1" s="1"/>
  <c r="A134603" i="1" s="1"/>
  <c r="A134604" i="1" s="1"/>
  <c r="A134605" i="1" s="1"/>
  <c r="A134606" i="1" s="1"/>
  <c r="A134607" i="1" s="1"/>
  <c r="A134608" i="1" s="1"/>
  <c r="A134609" i="1" s="1"/>
  <c r="A134610" i="1" s="1"/>
  <c r="A134611" i="1" s="1"/>
  <c r="A134612" i="1" s="1"/>
  <c r="A134613" i="1" s="1"/>
  <c r="A134614" i="1" s="1"/>
  <c r="A134615" i="1" s="1"/>
  <c r="A134616" i="1" s="1"/>
  <c r="A134617" i="1" s="1"/>
  <c r="A134618" i="1" s="1"/>
  <c r="A134619" i="1" s="1"/>
  <c r="A134620" i="1" s="1"/>
  <c r="A134621" i="1" s="1"/>
  <c r="A134622" i="1" s="1"/>
  <c r="A134623" i="1" s="1"/>
  <c r="A134624" i="1" s="1"/>
  <c r="A134625" i="1" s="1"/>
  <c r="A134626" i="1" s="1"/>
  <c r="A134627" i="1" s="1"/>
  <c r="A134628" i="1" s="1"/>
  <c r="A134629" i="1" s="1"/>
  <c r="A134630" i="1" s="1"/>
  <c r="A134631" i="1" s="1"/>
  <c r="A134632" i="1" s="1"/>
  <c r="A134633" i="1" s="1"/>
  <c r="A134634" i="1" s="1"/>
  <c r="A134635" i="1" s="1"/>
  <c r="A134636" i="1" s="1"/>
  <c r="A134637" i="1" s="1"/>
  <c r="A134638" i="1" s="1"/>
  <c r="A134639" i="1" s="1"/>
  <c r="A134640" i="1" s="1"/>
  <c r="A134641" i="1" s="1"/>
  <c r="A134642" i="1" s="1"/>
  <c r="A134643" i="1" s="1"/>
  <c r="A134644" i="1" s="1"/>
  <c r="A134645" i="1" s="1"/>
  <c r="A134646" i="1" s="1"/>
  <c r="A134647" i="1" s="1"/>
  <c r="A134648" i="1" s="1"/>
  <c r="A134649" i="1" s="1"/>
  <c r="A134650" i="1" s="1"/>
  <c r="A134651" i="1" s="1"/>
  <c r="A134652" i="1" s="1"/>
  <c r="A134653" i="1" s="1"/>
  <c r="A134654" i="1" s="1"/>
  <c r="A134655" i="1" s="1"/>
  <c r="A134656" i="1" s="1"/>
  <c r="A134657" i="1" s="1"/>
  <c r="A134658" i="1" s="1"/>
  <c r="A134659" i="1" s="1"/>
  <c r="A134660" i="1" s="1"/>
  <c r="A134661" i="1" s="1"/>
  <c r="A134662" i="1" s="1"/>
  <c r="A134663" i="1" s="1"/>
  <c r="A134664" i="1" s="1"/>
  <c r="A134665" i="1" s="1"/>
  <c r="A134666" i="1" s="1"/>
  <c r="A134667" i="1" s="1"/>
  <c r="A134668" i="1" s="1"/>
  <c r="A134669" i="1" s="1"/>
  <c r="A134670" i="1" s="1"/>
  <c r="A134671" i="1" s="1"/>
  <c r="A134672" i="1" s="1"/>
  <c r="A134673" i="1" s="1"/>
  <c r="A134674" i="1" s="1"/>
  <c r="A134675" i="1" s="1"/>
  <c r="A134676" i="1" s="1"/>
  <c r="A134677" i="1" s="1"/>
  <c r="A134678" i="1" s="1"/>
  <c r="A134679" i="1" s="1"/>
  <c r="A134680" i="1" s="1"/>
  <c r="A134681" i="1" s="1"/>
  <c r="A134682" i="1" s="1"/>
  <c r="A134683" i="1" s="1"/>
  <c r="A134684" i="1" s="1"/>
  <c r="A134685" i="1" s="1"/>
  <c r="A134686" i="1" s="1"/>
  <c r="A134687" i="1" s="1"/>
  <c r="A134688" i="1" s="1"/>
  <c r="A134689" i="1" s="1"/>
  <c r="A134690" i="1" s="1"/>
  <c r="A134691" i="1" s="1"/>
  <c r="A134692" i="1" s="1"/>
  <c r="A134693" i="1" s="1"/>
  <c r="A134694" i="1" s="1"/>
  <c r="A134695" i="1" s="1"/>
  <c r="A134696" i="1" s="1"/>
  <c r="A134697" i="1" s="1"/>
  <c r="A134698" i="1" s="1"/>
  <c r="A134699" i="1" s="1"/>
  <c r="A134700" i="1" s="1"/>
  <c r="A134701" i="1" s="1"/>
  <c r="A134702" i="1" s="1"/>
  <c r="A134703" i="1" s="1"/>
  <c r="A134704" i="1" s="1"/>
  <c r="A134705" i="1" s="1"/>
  <c r="A134706" i="1" s="1"/>
  <c r="A134707" i="1" s="1"/>
  <c r="A134708" i="1" s="1"/>
  <c r="A134709" i="1" s="1"/>
  <c r="A134710" i="1" s="1"/>
  <c r="A134711" i="1" s="1"/>
  <c r="A134712" i="1" s="1"/>
  <c r="A134713" i="1" s="1"/>
  <c r="A134714" i="1" s="1"/>
  <c r="A134715" i="1" s="1"/>
  <c r="A134716" i="1" s="1"/>
  <c r="A134717" i="1" s="1"/>
  <c r="A134718" i="1" s="1"/>
  <c r="A134719" i="1" s="1"/>
  <c r="A134720" i="1" s="1"/>
  <c r="A134721" i="1" s="1"/>
  <c r="A134722" i="1" s="1"/>
  <c r="A134723" i="1" s="1"/>
  <c r="A134724" i="1" s="1"/>
  <c r="A134725" i="1" s="1"/>
  <c r="A134726" i="1" s="1"/>
  <c r="A134727" i="1" s="1"/>
  <c r="A134728" i="1" s="1"/>
  <c r="A134729" i="1" s="1"/>
  <c r="A134730" i="1" s="1"/>
  <c r="A134731" i="1" s="1"/>
  <c r="A134732" i="1" s="1"/>
  <c r="A134733" i="1" s="1"/>
  <c r="A134734" i="1" s="1"/>
  <c r="A134735" i="1" s="1"/>
  <c r="A134736" i="1" s="1"/>
  <c r="A134737" i="1" s="1"/>
  <c r="A134738" i="1" s="1"/>
  <c r="A134739" i="1" s="1"/>
  <c r="A134740" i="1" s="1"/>
  <c r="A134741" i="1" s="1"/>
  <c r="A134742" i="1" s="1"/>
  <c r="A134743" i="1" s="1"/>
  <c r="A134744" i="1" s="1"/>
  <c r="A134745" i="1" s="1"/>
  <c r="A134746" i="1" s="1"/>
  <c r="A134747" i="1" s="1"/>
  <c r="A134748" i="1" s="1"/>
  <c r="A134749" i="1" s="1"/>
  <c r="A134750" i="1" s="1"/>
  <c r="A134751" i="1" s="1"/>
  <c r="A134752" i="1" s="1"/>
  <c r="A134753" i="1" s="1"/>
  <c r="A134754" i="1" s="1"/>
  <c r="A134755" i="1" s="1"/>
  <c r="A134756" i="1" s="1"/>
  <c r="A134757" i="1" s="1"/>
  <c r="A134758" i="1" s="1"/>
  <c r="A134759" i="1" s="1"/>
  <c r="A134760" i="1" s="1"/>
  <c r="A134761" i="1" s="1"/>
  <c r="A134762" i="1" s="1"/>
  <c r="A134763" i="1" s="1"/>
  <c r="A134764" i="1" s="1"/>
  <c r="A134765" i="1" s="1"/>
  <c r="A134766" i="1" s="1"/>
  <c r="A134767" i="1" s="1"/>
  <c r="A134768" i="1" s="1"/>
  <c r="A134769" i="1" s="1"/>
  <c r="A134770" i="1" s="1"/>
  <c r="A134771" i="1" s="1"/>
  <c r="A134772" i="1" s="1"/>
  <c r="A134773" i="1" s="1"/>
  <c r="A134774" i="1" s="1"/>
  <c r="A134775" i="1" s="1"/>
  <c r="A134776" i="1" s="1"/>
  <c r="A134777" i="1" s="1"/>
  <c r="A134778" i="1" s="1"/>
  <c r="A134779" i="1" s="1"/>
  <c r="A134780" i="1" s="1"/>
  <c r="A134781" i="1" s="1"/>
  <c r="A134782" i="1" s="1"/>
  <c r="A134783" i="1" s="1"/>
  <c r="A134784" i="1" s="1"/>
  <c r="A134785" i="1" s="1"/>
  <c r="A134786" i="1" s="1"/>
  <c r="A134787" i="1" s="1"/>
  <c r="A134788" i="1" s="1"/>
  <c r="A134789" i="1" s="1"/>
  <c r="A134790" i="1" s="1"/>
  <c r="A134791" i="1" s="1"/>
  <c r="A134792" i="1" s="1"/>
  <c r="A134793" i="1" s="1"/>
  <c r="A134794" i="1" s="1"/>
  <c r="A134795" i="1" s="1"/>
  <c r="A134796" i="1" s="1"/>
  <c r="A134797" i="1" s="1"/>
  <c r="A134798" i="1" s="1"/>
  <c r="A134799" i="1" s="1"/>
  <c r="A134800" i="1" s="1"/>
  <c r="A134801" i="1" s="1"/>
  <c r="A134802" i="1" s="1"/>
  <c r="A134803" i="1" s="1"/>
  <c r="A134804" i="1" s="1"/>
  <c r="A134805" i="1" s="1"/>
  <c r="A134806" i="1" s="1"/>
  <c r="A134807" i="1" s="1"/>
  <c r="A134808" i="1" s="1"/>
  <c r="A134809" i="1" s="1"/>
  <c r="A134810" i="1" s="1"/>
  <c r="A134811" i="1" s="1"/>
  <c r="A134812" i="1" s="1"/>
  <c r="A134813" i="1" s="1"/>
  <c r="A134814" i="1" s="1"/>
  <c r="A134815" i="1" s="1"/>
  <c r="A134816" i="1" s="1"/>
  <c r="A134817" i="1" s="1"/>
  <c r="A134818" i="1" s="1"/>
  <c r="A134819" i="1" s="1"/>
  <c r="A134820" i="1" s="1"/>
  <c r="A134821" i="1" s="1"/>
  <c r="A134822" i="1" s="1"/>
  <c r="A134823" i="1" s="1"/>
  <c r="A134824" i="1" s="1"/>
  <c r="A134825" i="1" s="1"/>
  <c r="A134826" i="1" s="1"/>
  <c r="A134827" i="1" s="1"/>
  <c r="A134828" i="1" s="1"/>
  <c r="A134829" i="1" s="1"/>
  <c r="A134830" i="1" s="1"/>
  <c r="A134831" i="1" s="1"/>
  <c r="A134832" i="1" s="1"/>
  <c r="A134833" i="1" s="1"/>
  <c r="A134834" i="1" s="1"/>
  <c r="A134835" i="1" s="1"/>
  <c r="A134836" i="1" s="1"/>
  <c r="A134837" i="1" s="1"/>
  <c r="A134838" i="1" s="1"/>
  <c r="A134839" i="1" s="1"/>
  <c r="A134840" i="1" s="1"/>
  <c r="A134841" i="1" s="1"/>
  <c r="A134842" i="1" s="1"/>
  <c r="A134843" i="1" s="1"/>
  <c r="A134844" i="1" s="1"/>
  <c r="A134845" i="1" s="1"/>
  <c r="A134846" i="1" s="1"/>
  <c r="A134847" i="1" s="1"/>
  <c r="A134848" i="1" s="1"/>
  <c r="A134849" i="1" s="1"/>
  <c r="A134850" i="1" s="1"/>
  <c r="A134851" i="1" s="1"/>
  <c r="A134852" i="1" s="1"/>
  <c r="A134853" i="1" s="1"/>
  <c r="A134854" i="1" s="1"/>
  <c r="A134855" i="1" s="1"/>
  <c r="A134856" i="1" s="1"/>
  <c r="A134857" i="1" s="1"/>
  <c r="A134858" i="1" s="1"/>
  <c r="A134859" i="1" s="1"/>
  <c r="A134860" i="1" s="1"/>
  <c r="A134861" i="1" s="1"/>
  <c r="A134862" i="1" s="1"/>
  <c r="A134863" i="1" s="1"/>
  <c r="A134864" i="1" s="1"/>
  <c r="A134865" i="1" s="1"/>
  <c r="A134866" i="1" s="1"/>
  <c r="A134867" i="1" s="1"/>
  <c r="A134868" i="1" s="1"/>
  <c r="A134869" i="1" s="1"/>
  <c r="A134870" i="1" s="1"/>
  <c r="A134871" i="1" s="1"/>
  <c r="A134872" i="1" s="1"/>
  <c r="A134873" i="1" s="1"/>
  <c r="A134874" i="1" s="1"/>
  <c r="A134875" i="1" s="1"/>
  <c r="A134876" i="1" s="1"/>
  <c r="A134877" i="1" s="1"/>
  <c r="A134878" i="1" s="1"/>
  <c r="A134879" i="1" s="1"/>
  <c r="A134880" i="1" s="1"/>
  <c r="A134881" i="1" s="1"/>
  <c r="A134882" i="1" s="1"/>
  <c r="A134883" i="1" s="1"/>
  <c r="A134884" i="1" s="1"/>
  <c r="A134885" i="1" s="1"/>
  <c r="A134886" i="1" s="1"/>
  <c r="A134887" i="1" s="1"/>
  <c r="A134888" i="1" s="1"/>
  <c r="A134889" i="1" s="1"/>
  <c r="A134890" i="1" s="1"/>
  <c r="A134891" i="1" s="1"/>
  <c r="A134892" i="1" s="1"/>
  <c r="A134893" i="1" s="1"/>
  <c r="A134894" i="1" s="1"/>
  <c r="A134895" i="1" s="1"/>
  <c r="A134896" i="1" s="1"/>
  <c r="A134897" i="1" s="1"/>
  <c r="A134898" i="1" s="1"/>
  <c r="A134899" i="1" s="1"/>
  <c r="A134900" i="1" s="1"/>
  <c r="A134901" i="1" s="1"/>
  <c r="A134902" i="1" s="1"/>
  <c r="A134903" i="1" s="1"/>
  <c r="A134904" i="1" s="1"/>
  <c r="A134905" i="1" s="1"/>
  <c r="A134906" i="1" s="1"/>
  <c r="A134907" i="1" s="1"/>
  <c r="A134908" i="1" s="1"/>
  <c r="A134909" i="1" s="1"/>
  <c r="A134910" i="1" s="1"/>
  <c r="A134911" i="1" s="1"/>
  <c r="A134912" i="1" s="1"/>
  <c r="A134913" i="1" s="1"/>
  <c r="A134914" i="1" s="1"/>
  <c r="A134915" i="1" s="1"/>
  <c r="A134916" i="1" s="1"/>
  <c r="A134917" i="1" s="1"/>
  <c r="A134918" i="1" s="1"/>
  <c r="A134919" i="1" s="1"/>
  <c r="A134920" i="1" s="1"/>
  <c r="A134921" i="1" s="1"/>
  <c r="A134922" i="1" s="1"/>
  <c r="A134923" i="1" s="1"/>
  <c r="A134924" i="1" s="1"/>
  <c r="A134925" i="1" s="1"/>
  <c r="A134926" i="1" s="1"/>
  <c r="A134927" i="1" s="1"/>
  <c r="A134928" i="1" s="1"/>
  <c r="A134929" i="1" s="1"/>
  <c r="A134930" i="1" s="1"/>
  <c r="A134931" i="1" s="1"/>
  <c r="A134932" i="1" s="1"/>
  <c r="A134933" i="1" s="1"/>
  <c r="A134934" i="1" s="1"/>
  <c r="A134935" i="1" s="1"/>
  <c r="A134936" i="1" s="1"/>
  <c r="A134937" i="1" s="1"/>
  <c r="A134938" i="1" s="1"/>
  <c r="A134939" i="1" s="1"/>
  <c r="A134940" i="1" s="1"/>
  <c r="A134941" i="1" s="1"/>
  <c r="A134942" i="1" s="1"/>
  <c r="A134943" i="1" s="1"/>
  <c r="A134944" i="1" s="1"/>
  <c r="A134945" i="1" s="1"/>
  <c r="A134946" i="1" s="1"/>
  <c r="A134947" i="1" s="1"/>
  <c r="A134948" i="1" s="1"/>
  <c r="A134949" i="1" s="1"/>
  <c r="A134950" i="1" s="1"/>
  <c r="A134951" i="1" s="1"/>
  <c r="A134952" i="1" s="1"/>
  <c r="A134953" i="1" s="1"/>
  <c r="A134954" i="1" s="1"/>
  <c r="A134955" i="1" s="1"/>
  <c r="A134956" i="1" s="1"/>
  <c r="A134957" i="1" s="1"/>
  <c r="A134958" i="1" s="1"/>
  <c r="A134959" i="1" s="1"/>
  <c r="A134960" i="1" s="1"/>
  <c r="A134961" i="1" s="1"/>
  <c r="A134962" i="1" s="1"/>
  <c r="A134963" i="1" s="1"/>
  <c r="A134964" i="1" s="1"/>
  <c r="A134965" i="1" s="1"/>
  <c r="A134966" i="1" s="1"/>
  <c r="A134967" i="1" s="1"/>
  <c r="A134968" i="1" s="1"/>
  <c r="A134969" i="1" s="1"/>
  <c r="A134970" i="1" s="1"/>
  <c r="A134971" i="1" s="1"/>
  <c r="A134972" i="1" s="1"/>
  <c r="A134973" i="1" s="1"/>
  <c r="A134974" i="1" s="1"/>
  <c r="A134975" i="1" s="1"/>
  <c r="A134976" i="1" s="1"/>
  <c r="A134977" i="1" s="1"/>
  <c r="A134978" i="1" s="1"/>
  <c r="A134979" i="1" s="1"/>
  <c r="A134980" i="1" s="1"/>
  <c r="A134981" i="1" s="1"/>
  <c r="A134982" i="1" s="1"/>
  <c r="A134983" i="1" s="1"/>
  <c r="A134984" i="1" s="1"/>
  <c r="A134985" i="1" s="1"/>
  <c r="A134986" i="1" s="1"/>
  <c r="A134987" i="1" s="1"/>
  <c r="A134988" i="1" s="1"/>
  <c r="A134989" i="1" s="1"/>
  <c r="A134990" i="1" s="1"/>
  <c r="A134991" i="1" s="1"/>
  <c r="A134992" i="1" s="1"/>
  <c r="A134993" i="1" s="1"/>
  <c r="A134994" i="1" s="1"/>
  <c r="A134995" i="1" s="1"/>
  <c r="A134996" i="1" s="1"/>
  <c r="A134997" i="1" s="1"/>
  <c r="A134998" i="1" s="1"/>
  <c r="A134999" i="1" s="1"/>
  <c r="A135000" i="1" s="1"/>
  <c r="A135001" i="1" s="1"/>
  <c r="A135002" i="1" s="1"/>
  <c r="A135003" i="1" s="1"/>
  <c r="A135004" i="1" s="1"/>
  <c r="A135005" i="1" s="1"/>
  <c r="A135006" i="1" s="1"/>
  <c r="A135007" i="1" s="1"/>
  <c r="A135008" i="1" s="1"/>
  <c r="A135009" i="1" s="1"/>
  <c r="A135010" i="1" s="1"/>
  <c r="A135011" i="1" s="1"/>
  <c r="A135012" i="1" s="1"/>
  <c r="A135013" i="1" s="1"/>
  <c r="A135014" i="1" s="1"/>
  <c r="A135015" i="1" s="1"/>
  <c r="A135016" i="1" s="1"/>
  <c r="A135017" i="1" s="1"/>
  <c r="A135018" i="1" s="1"/>
  <c r="A135019" i="1" s="1"/>
  <c r="A135020" i="1" s="1"/>
  <c r="A135021" i="1" s="1"/>
  <c r="A135022" i="1" s="1"/>
  <c r="A135023" i="1" s="1"/>
  <c r="A135024" i="1" s="1"/>
  <c r="A135025" i="1" s="1"/>
  <c r="A135026" i="1" s="1"/>
  <c r="A135027" i="1" s="1"/>
  <c r="A135028" i="1" s="1"/>
  <c r="A135029" i="1" s="1"/>
  <c r="A135030" i="1" s="1"/>
  <c r="A135031" i="1" s="1"/>
  <c r="A135032" i="1" s="1"/>
  <c r="A135033" i="1" s="1"/>
  <c r="A135034" i="1" s="1"/>
  <c r="A135035" i="1" s="1"/>
  <c r="A135036" i="1" s="1"/>
  <c r="A135037" i="1" s="1"/>
  <c r="A135038" i="1" s="1"/>
  <c r="A135039" i="1" s="1"/>
  <c r="A135040" i="1" s="1"/>
  <c r="A135041" i="1" s="1"/>
  <c r="A135042" i="1" s="1"/>
  <c r="A135043" i="1" s="1"/>
  <c r="A135044" i="1" s="1"/>
  <c r="A135045" i="1" s="1"/>
  <c r="A135046" i="1" s="1"/>
  <c r="A135047" i="1" s="1"/>
  <c r="A135048" i="1" s="1"/>
  <c r="A135049" i="1" s="1"/>
  <c r="A135050" i="1" s="1"/>
  <c r="A135051" i="1" s="1"/>
  <c r="A135052" i="1" s="1"/>
  <c r="A135053" i="1" s="1"/>
  <c r="A135054" i="1" s="1"/>
  <c r="A135055" i="1" s="1"/>
  <c r="A135056" i="1" s="1"/>
  <c r="A135057" i="1" s="1"/>
  <c r="A135058" i="1" s="1"/>
  <c r="A135059" i="1" s="1"/>
  <c r="A135060" i="1" s="1"/>
  <c r="A135061" i="1" s="1"/>
  <c r="A135062" i="1" s="1"/>
  <c r="A135063" i="1" s="1"/>
  <c r="A135064" i="1" s="1"/>
  <c r="A135065" i="1" s="1"/>
  <c r="A135066" i="1" s="1"/>
  <c r="A135067" i="1" s="1"/>
  <c r="A135068" i="1" s="1"/>
  <c r="A135069" i="1" s="1"/>
  <c r="A135070" i="1" s="1"/>
  <c r="A135071" i="1" s="1"/>
  <c r="A135072" i="1" s="1"/>
  <c r="A135073" i="1" s="1"/>
  <c r="A135074" i="1" s="1"/>
  <c r="A135075" i="1" s="1"/>
  <c r="A135076" i="1" s="1"/>
  <c r="A135077" i="1" s="1"/>
  <c r="A135078" i="1" s="1"/>
  <c r="A135079" i="1" s="1"/>
  <c r="A135080" i="1" s="1"/>
  <c r="A135081" i="1" s="1"/>
  <c r="A135082" i="1" s="1"/>
  <c r="A135083" i="1" s="1"/>
  <c r="A135084" i="1" s="1"/>
  <c r="A135085" i="1" s="1"/>
  <c r="A135086" i="1" s="1"/>
  <c r="A135087" i="1" s="1"/>
  <c r="A135088" i="1" s="1"/>
  <c r="A135089" i="1" s="1"/>
  <c r="A135090" i="1" s="1"/>
  <c r="A135091" i="1" s="1"/>
  <c r="A135092" i="1" s="1"/>
  <c r="A135093" i="1" s="1"/>
  <c r="A135094" i="1" s="1"/>
  <c r="A135095" i="1" s="1"/>
  <c r="A135096" i="1" s="1"/>
  <c r="A135097" i="1" s="1"/>
  <c r="A135098" i="1" s="1"/>
  <c r="A135099" i="1" s="1"/>
  <c r="A135100" i="1" s="1"/>
  <c r="A135101" i="1" s="1"/>
  <c r="A135102" i="1" s="1"/>
  <c r="A135103" i="1" s="1"/>
  <c r="A135104" i="1" s="1"/>
  <c r="A135105" i="1" s="1"/>
  <c r="A135106" i="1" s="1"/>
  <c r="A135107" i="1" s="1"/>
  <c r="A135108" i="1" s="1"/>
  <c r="A135109" i="1" s="1"/>
  <c r="A135110" i="1" s="1"/>
  <c r="A135111" i="1" s="1"/>
  <c r="A135112" i="1" s="1"/>
  <c r="A135113" i="1" s="1"/>
  <c r="A135114" i="1" s="1"/>
  <c r="A135115" i="1" s="1"/>
  <c r="A135116" i="1" s="1"/>
  <c r="A135117" i="1" s="1"/>
  <c r="A135118" i="1" s="1"/>
  <c r="A135119" i="1" s="1"/>
  <c r="A135120" i="1" s="1"/>
  <c r="A135121" i="1" s="1"/>
  <c r="A135122" i="1" s="1"/>
  <c r="A135123" i="1" s="1"/>
  <c r="A135124" i="1" s="1"/>
  <c r="A135125" i="1" s="1"/>
  <c r="A135126" i="1" s="1"/>
  <c r="A135127" i="1" s="1"/>
  <c r="A135128" i="1" s="1"/>
  <c r="A135129" i="1" s="1"/>
  <c r="A135130" i="1" s="1"/>
  <c r="A135131" i="1" s="1"/>
  <c r="A135132" i="1" s="1"/>
  <c r="A135133" i="1" s="1"/>
  <c r="A135134" i="1" s="1"/>
  <c r="A135135" i="1" s="1"/>
  <c r="A135136" i="1" s="1"/>
  <c r="A135137" i="1" s="1"/>
  <c r="A135138" i="1" s="1"/>
  <c r="A135139" i="1" s="1"/>
  <c r="A135140" i="1" s="1"/>
  <c r="A135141" i="1" s="1"/>
  <c r="A135142" i="1" s="1"/>
  <c r="A135143" i="1" s="1"/>
  <c r="A135144" i="1" s="1"/>
  <c r="A135145" i="1" s="1"/>
  <c r="A135146" i="1" s="1"/>
  <c r="A135147" i="1" s="1"/>
  <c r="A135148" i="1" s="1"/>
  <c r="A135149" i="1" s="1"/>
  <c r="A135150" i="1" s="1"/>
  <c r="A135151" i="1" s="1"/>
  <c r="A135152" i="1" s="1"/>
  <c r="A135153" i="1" s="1"/>
  <c r="A135154" i="1" s="1"/>
  <c r="A135155" i="1" s="1"/>
  <c r="A135156" i="1" s="1"/>
  <c r="A135157" i="1" s="1"/>
  <c r="A135158" i="1" s="1"/>
  <c r="A135159" i="1" s="1"/>
  <c r="A135160" i="1" s="1"/>
  <c r="A135161" i="1" s="1"/>
  <c r="A135162" i="1" s="1"/>
  <c r="A135163" i="1" s="1"/>
  <c r="A135164" i="1" s="1"/>
  <c r="A135165" i="1" s="1"/>
  <c r="A135166" i="1" s="1"/>
  <c r="A135167" i="1" s="1"/>
  <c r="A135168" i="1" s="1"/>
  <c r="A135169" i="1" s="1"/>
  <c r="A135170" i="1" s="1"/>
  <c r="A135171" i="1" s="1"/>
  <c r="A135172" i="1" s="1"/>
  <c r="A135173" i="1" s="1"/>
  <c r="A135174" i="1" s="1"/>
  <c r="A135175" i="1" s="1"/>
  <c r="A135176" i="1" s="1"/>
  <c r="A135177" i="1" s="1"/>
  <c r="A135178" i="1" s="1"/>
  <c r="A135179" i="1" s="1"/>
  <c r="A135180" i="1" s="1"/>
  <c r="A135181" i="1" s="1"/>
  <c r="A135182" i="1" s="1"/>
  <c r="A135183" i="1" s="1"/>
  <c r="A135184" i="1" s="1"/>
  <c r="A135185" i="1" s="1"/>
  <c r="A135186" i="1" s="1"/>
  <c r="A135187" i="1" s="1"/>
  <c r="A135188" i="1" s="1"/>
  <c r="A135189" i="1" s="1"/>
  <c r="A135190" i="1" s="1"/>
  <c r="A135191" i="1" s="1"/>
  <c r="A135192" i="1" s="1"/>
  <c r="A135193" i="1" s="1"/>
  <c r="A135194" i="1" s="1"/>
  <c r="A135195" i="1" s="1"/>
  <c r="A135196" i="1" s="1"/>
  <c r="A135197" i="1" s="1"/>
  <c r="A135198" i="1" s="1"/>
  <c r="A135199" i="1" s="1"/>
  <c r="A135200" i="1" s="1"/>
  <c r="A135201" i="1" s="1"/>
  <c r="A135202" i="1" s="1"/>
  <c r="A135203" i="1" s="1"/>
  <c r="A135204" i="1" s="1"/>
  <c r="A135205" i="1" s="1"/>
  <c r="A135206" i="1" s="1"/>
  <c r="A135207" i="1" s="1"/>
  <c r="A135208" i="1" s="1"/>
  <c r="A135209" i="1" s="1"/>
  <c r="A135210" i="1" s="1"/>
  <c r="A135211" i="1" s="1"/>
  <c r="A135212" i="1" s="1"/>
  <c r="A135213" i="1" s="1"/>
  <c r="A135214" i="1" s="1"/>
  <c r="A135215" i="1" s="1"/>
  <c r="A135216" i="1" s="1"/>
  <c r="A135217" i="1" s="1"/>
  <c r="A135218" i="1" s="1"/>
  <c r="A135219" i="1" s="1"/>
  <c r="A135220" i="1" s="1"/>
  <c r="A135221" i="1" s="1"/>
  <c r="A135222" i="1" s="1"/>
  <c r="A135223" i="1" s="1"/>
  <c r="A135224" i="1" s="1"/>
  <c r="A135225" i="1" s="1"/>
  <c r="A135226" i="1" s="1"/>
  <c r="A135227" i="1" s="1"/>
  <c r="A135228" i="1" s="1"/>
  <c r="A135229" i="1" s="1"/>
  <c r="A135230" i="1" s="1"/>
  <c r="A135231" i="1" s="1"/>
  <c r="A135232" i="1" s="1"/>
  <c r="A135233" i="1" s="1"/>
  <c r="A135234" i="1" s="1"/>
  <c r="A135235" i="1" s="1"/>
  <c r="A135236" i="1" s="1"/>
  <c r="A135237" i="1" s="1"/>
  <c r="A135238" i="1" s="1"/>
  <c r="A135239" i="1" s="1"/>
  <c r="A135240" i="1" s="1"/>
  <c r="A135241" i="1" s="1"/>
  <c r="A135242" i="1" s="1"/>
  <c r="A135243" i="1" s="1"/>
  <c r="A135244" i="1" s="1"/>
  <c r="A135245" i="1" s="1"/>
  <c r="A135246" i="1" s="1"/>
  <c r="A135247" i="1" s="1"/>
  <c r="A135248" i="1" s="1"/>
  <c r="A135249" i="1" s="1"/>
  <c r="A135250" i="1" s="1"/>
  <c r="A135251" i="1" s="1"/>
  <c r="A135252" i="1" s="1"/>
  <c r="A135253" i="1" s="1"/>
  <c r="A135254" i="1" s="1"/>
  <c r="A135255" i="1" s="1"/>
  <c r="A135256" i="1" s="1"/>
  <c r="A135257" i="1" s="1"/>
  <c r="A135258" i="1" s="1"/>
  <c r="A135259" i="1" s="1"/>
  <c r="A135260" i="1" s="1"/>
  <c r="A135261" i="1" s="1"/>
  <c r="A135262" i="1" s="1"/>
  <c r="A135263" i="1" s="1"/>
  <c r="A135264" i="1" s="1"/>
  <c r="A135265" i="1" s="1"/>
  <c r="A135266" i="1" s="1"/>
  <c r="A135267" i="1" s="1"/>
  <c r="A135268" i="1" s="1"/>
  <c r="A135269" i="1" s="1"/>
  <c r="A135270" i="1" s="1"/>
  <c r="A135271" i="1" s="1"/>
  <c r="A135272" i="1" s="1"/>
  <c r="A135273" i="1" s="1"/>
  <c r="A135274" i="1" s="1"/>
  <c r="A135275" i="1" s="1"/>
  <c r="A135276" i="1" s="1"/>
  <c r="A135277" i="1" s="1"/>
  <c r="A135278" i="1" s="1"/>
  <c r="A135279" i="1" s="1"/>
  <c r="A135280" i="1" s="1"/>
  <c r="A135281" i="1" s="1"/>
  <c r="A135282" i="1" s="1"/>
  <c r="A135283" i="1" s="1"/>
  <c r="A135284" i="1" s="1"/>
  <c r="A135285" i="1" s="1"/>
  <c r="A135286" i="1" s="1"/>
  <c r="A135287" i="1" s="1"/>
  <c r="A135288" i="1" s="1"/>
  <c r="A135289" i="1" s="1"/>
  <c r="A135290" i="1" s="1"/>
  <c r="A135291" i="1" s="1"/>
  <c r="A135292" i="1" s="1"/>
  <c r="A135293" i="1" s="1"/>
  <c r="A135294" i="1" s="1"/>
  <c r="A135295" i="1" s="1"/>
  <c r="A135296" i="1" s="1"/>
  <c r="A135297" i="1" s="1"/>
  <c r="A135298" i="1" s="1"/>
  <c r="A135299" i="1" s="1"/>
  <c r="A135300" i="1" s="1"/>
  <c r="A135301" i="1" s="1"/>
  <c r="A135302" i="1" s="1"/>
  <c r="A135303" i="1" s="1"/>
  <c r="A135304" i="1" s="1"/>
  <c r="A135305" i="1" s="1"/>
  <c r="A135306" i="1" s="1"/>
  <c r="A135307" i="1" s="1"/>
  <c r="A135308" i="1" s="1"/>
  <c r="A135309" i="1" s="1"/>
  <c r="A135310" i="1" s="1"/>
  <c r="A135311" i="1" s="1"/>
  <c r="A135312" i="1" s="1"/>
  <c r="A135313" i="1" s="1"/>
  <c r="A135314" i="1" s="1"/>
  <c r="A135315" i="1" s="1"/>
  <c r="A135316" i="1" s="1"/>
  <c r="A135317" i="1" s="1"/>
  <c r="A135318" i="1" s="1"/>
  <c r="A135319" i="1" s="1"/>
  <c r="A135320" i="1" s="1"/>
  <c r="A135321" i="1" s="1"/>
  <c r="A135322" i="1" s="1"/>
  <c r="A135323" i="1" s="1"/>
  <c r="A135324" i="1" s="1"/>
  <c r="A135325" i="1" s="1"/>
  <c r="A135326" i="1" s="1"/>
  <c r="A135327" i="1" s="1"/>
  <c r="A135328" i="1" s="1"/>
  <c r="A135329" i="1" s="1"/>
  <c r="A135330" i="1" s="1"/>
  <c r="A135331" i="1" s="1"/>
  <c r="A135332" i="1" s="1"/>
  <c r="A135333" i="1" s="1"/>
  <c r="A135334" i="1" s="1"/>
  <c r="A135335" i="1" s="1"/>
  <c r="A135336" i="1" s="1"/>
  <c r="A135337" i="1" s="1"/>
  <c r="A135338" i="1" s="1"/>
  <c r="A135339" i="1" s="1"/>
  <c r="A135340" i="1" s="1"/>
  <c r="A135341" i="1" s="1"/>
  <c r="A135342" i="1" s="1"/>
  <c r="A135343" i="1" s="1"/>
  <c r="A135344" i="1" s="1"/>
  <c r="A135345" i="1" s="1"/>
  <c r="A135346" i="1" s="1"/>
  <c r="A135347" i="1" s="1"/>
  <c r="A135348" i="1" s="1"/>
  <c r="A135349" i="1" s="1"/>
  <c r="A135350" i="1" s="1"/>
  <c r="A135351" i="1" s="1"/>
  <c r="A135352" i="1" s="1"/>
  <c r="A135353" i="1" s="1"/>
  <c r="A135354" i="1" s="1"/>
  <c r="A135355" i="1" s="1"/>
  <c r="A135356" i="1" s="1"/>
  <c r="A135357" i="1" s="1"/>
  <c r="A135358" i="1" s="1"/>
  <c r="A135359" i="1" s="1"/>
  <c r="A135360" i="1" s="1"/>
  <c r="A135361" i="1" s="1"/>
  <c r="A135362" i="1" s="1"/>
  <c r="A135363" i="1" s="1"/>
  <c r="A135364" i="1" s="1"/>
  <c r="A135365" i="1" s="1"/>
  <c r="A135366" i="1" s="1"/>
  <c r="A135367" i="1" s="1"/>
  <c r="A135368" i="1" s="1"/>
  <c r="A135369" i="1" s="1"/>
  <c r="A135370" i="1" s="1"/>
  <c r="A135371" i="1" s="1"/>
  <c r="A135372" i="1" s="1"/>
  <c r="A135373" i="1" s="1"/>
  <c r="A135374" i="1" s="1"/>
  <c r="A135375" i="1" s="1"/>
  <c r="A135376" i="1" s="1"/>
  <c r="A135377" i="1" s="1"/>
  <c r="A135378" i="1" s="1"/>
  <c r="A135379" i="1" s="1"/>
  <c r="A135380" i="1" s="1"/>
  <c r="A135381" i="1" s="1"/>
  <c r="A135382" i="1" s="1"/>
  <c r="A135383" i="1" s="1"/>
  <c r="A135384" i="1" s="1"/>
  <c r="A135385" i="1" s="1"/>
  <c r="A135386" i="1" s="1"/>
  <c r="A135387" i="1" s="1"/>
  <c r="A135388" i="1" s="1"/>
  <c r="A135389" i="1" s="1"/>
  <c r="A135390" i="1" s="1"/>
  <c r="A135391" i="1" s="1"/>
  <c r="A135392" i="1" s="1"/>
  <c r="A135393" i="1" s="1"/>
  <c r="A135394" i="1" s="1"/>
  <c r="A135395" i="1" s="1"/>
  <c r="A135396" i="1" s="1"/>
  <c r="A135397" i="1" s="1"/>
  <c r="A135398" i="1" s="1"/>
  <c r="A135399" i="1" s="1"/>
  <c r="A135400" i="1" s="1"/>
  <c r="A135401" i="1" s="1"/>
  <c r="A135402" i="1" s="1"/>
  <c r="A135403" i="1" s="1"/>
  <c r="A135404" i="1" s="1"/>
  <c r="A135405" i="1" s="1"/>
  <c r="A135406" i="1" s="1"/>
  <c r="A135407" i="1" s="1"/>
  <c r="A135408" i="1" s="1"/>
  <c r="A135409" i="1" s="1"/>
  <c r="A135410" i="1" s="1"/>
  <c r="A135411" i="1" s="1"/>
  <c r="A135412" i="1" s="1"/>
  <c r="A135413" i="1" s="1"/>
  <c r="A135414" i="1" s="1"/>
  <c r="A135415" i="1" s="1"/>
  <c r="A135416" i="1" s="1"/>
  <c r="A135417" i="1" s="1"/>
  <c r="A135418" i="1" s="1"/>
  <c r="A135419" i="1" s="1"/>
  <c r="A135420" i="1" s="1"/>
  <c r="A135421" i="1" s="1"/>
  <c r="A135422" i="1" s="1"/>
  <c r="A135423" i="1" s="1"/>
  <c r="A135424" i="1" s="1"/>
  <c r="A135425" i="1" s="1"/>
  <c r="A135426" i="1" s="1"/>
  <c r="A135427" i="1" s="1"/>
  <c r="A135428" i="1" s="1"/>
  <c r="A135429" i="1" s="1"/>
  <c r="A135430" i="1" s="1"/>
  <c r="A135431" i="1" s="1"/>
  <c r="A135432" i="1" s="1"/>
  <c r="A135433" i="1" s="1"/>
  <c r="A135434" i="1" s="1"/>
  <c r="A135435" i="1" s="1"/>
  <c r="A135436" i="1" s="1"/>
  <c r="A135437" i="1" s="1"/>
  <c r="A135438" i="1" s="1"/>
  <c r="A135439" i="1" s="1"/>
  <c r="A135440" i="1" s="1"/>
  <c r="A135441" i="1" s="1"/>
  <c r="A135442" i="1" s="1"/>
  <c r="A135443" i="1" s="1"/>
  <c r="A135444" i="1" s="1"/>
  <c r="A135445" i="1" s="1"/>
  <c r="A135446" i="1" s="1"/>
  <c r="A135447" i="1" s="1"/>
  <c r="A135448" i="1" s="1"/>
  <c r="A135449" i="1" s="1"/>
  <c r="A135450" i="1" s="1"/>
  <c r="A135451" i="1" s="1"/>
  <c r="A135452" i="1" s="1"/>
  <c r="A135453" i="1" s="1"/>
  <c r="A135454" i="1" s="1"/>
  <c r="A135455" i="1" s="1"/>
  <c r="A135456" i="1" s="1"/>
  <c r="A135457" i="1" s="1"/>
  <c r="A135458" i="1" s="1"/>
  <c r="A135459" i="1" s="1"/>
  <c r="A135460" i="1" s="1"/>
  <c r="A135461" i="1" s="1"/>
  <c r="A135462" i="1" s="1"/>
  <c r="A135463" i="1" s="1"/>
  <c r="A135464" i="1" s="1"/>
  <c r="A135465" i="1" s="1"/>
  <c r="A135466" i="1" s="1"/>
  <c r="A135467" i="1" s="1"/>
  <c r="A135468" i="1" s="1"/>
  <c r="A135469" i="1" s="1"/>
  <c r="A135470" i="1" s="1"/>
  <c r="A135471" i="1" s="1"/>
  <c r="A135472" i="1" s="1"/>
  <c r="A135473" i="1" s="1"/>
  <c r="A135474" i="1" s="1"/>
  <c r="A135475" i="1" s="1"/>
  <c r="A135476" i="1" s="1"/>
  <c r="A135477" i="1" s="1"/>
  <c r="A135478" i="1" s="1"/>
  <c r="A135479" i="1" s="1"/>
  <c r="A135480" i="1" s="1"/>
  <c r="A135481" i="1" s="1"/>
  <c r="A135482" i="1" s="1"/>
  <c r="A135483" i="1" s="1"/>
  <c r="A135484" i="1" s="1"/>
  <c r="A135485" i="1" s="1"/>
  <c r="A135486" i="1" s="1"/>
  <c r="A135487" i="1" s="1"/>
  <c r="A135488" i="1" s="1"/>
  <c r="A135489" i="1" s="1"/>
  <c r="A135490" i="1" s="1"/>
  <c r="A135491" i="1" s="1"/>
  <c r="A135492" i="1" s="1"/>
  <c r="A135493" i="1" s="1"/>
  <c r="A135494" i="1" s="1"/>
  <c r="A135495" i="1" s="1"/>
  <c r="A135496" i="1" s="1"/>
  <c r="A135497" i="1" s="1"/>
  <c r="A135498" i="1" s="1"/>
  <c r="A135499" i="1" s="1"/>
  <c r="A135500" i="1" s="1"/>
  <c r="A135501" i="1" s="1"/>
  <c r="A135502" i="1" s="1"/>
  <c r="A135503" i="1" s="1"/>
  <c r="A135504" i="1" s="1"/>
  <c r="A135505" i="1" s="1"/>
  <c r="A135506" i="1" s="1"/>
  <c r="A135507" i="1" s="1"/>
  <c r="A135508" i="1" s="1"/>
  <c r="A135509" i="1" s="1"/>
  <c r="A135510" i="1" s="1"/>
  <c r="A135511" i="1" s="1"/>
  <c r="A135512" i="1" s="1"/>
  <c r="A135513" i="1" s="1"/>
  <c r="A135514" i="1" s="1"/>
  <c r="A135515" i="1" s="1"/>
  <c r="A135516" i="1" s="1"/>
  <c r="A135517" i="1" s="1"/>
  <c r="A135518" i="1" s="1"/>
  <c r="A135519" i="1" s="1"/>
  <c r="A135520" i="1" s="1"/>
  <c r="A135521" i="1" s="1"/>
  <c r="A135522" i="1" s="1"/>
  <c r="A135523" i="1" s="1"/>
  <c r="A135524" i="1" s="1"/>
  <c r="A135525" i="1" s="1"/>
  <c r="A135526" i="1" s="1"/>
  <c r="A135527" i="1" s="1"/>
  <c r="A135528" i="1" s="1"/>
  <c r="A135529" i="1" s="1"/>
  <c r="A135530" i="1" s="1"/>
  <c r="A135531" i="1" s="1"/>
  <c r="A135532" i="1" s="1"/>
  <c r="A135533" i="1" s="1"/>
  <c r="A135534" i="1" s="1"/>
  <c r="A135535" i="1" s="1"/>
  <c r="A135536" i="1" s="1"/>
  <c r="A135537" i="1" s="1"/>
  <c r="A135538" i="1" s="1"/>
  <c r="A135539" i="1" s="1"/>
  <c r="A135540" i="1" s="1"/>
  <c r="A135541" i="1" s="1"/>
  <c r="A135542" i="1" s="1"/>
  <c r="A135543" i="1" s="1"/>
  <c r="A135544" i="1" s="1"/>
  <c r="A135545" i="1" s="1"/>
  <c r="A135546" i="1" s="1"/>
  <c r="A135547" i="1" s="1"/>
  <c r="A135548" i="1" s="1"/>
  <c r="A135549" i="1" s="1"/>
  <c r="A135550" i="1" s="1"/>
  <c r="A135551" i="1" s="1"/>
  <c r="A135552" i="1" s="1"/>
  <c r="A135553" i="1" s="1"/>
  <c r="A135554" i="1" s="1"/>
  <c r="A135555" i="1" s="1"/>
  <c r="A135556" i="1" s="1"/>
  <c r="A135557" i="1" s="1"/>
  <c r="A135558" i="1" s="1"/>
  <c r="A135559" i="1" s="1"/>
  <c r="A135560" i="1" s="1"/>
  <c r="A135561" i="1" s="1"/>
  <c r="A135562" i="1" s="1"/>
  <c r="A135563" i="1" s="1"/>
  <c r="A135564" i="1" s="1"/>
  <c r="A135565" i="1" s="1"/>
  <c r="A135566" i="1" s="1"/>
  <c r="A135567" i="1" s="1"/>
  <c r="A135568" i="1" s="1"/>
  <c r="A135569" i="1" s="1"/>
  <c r="A135570" i="1" s="1"/>
  <c r="A135571" i="1" s="1"/>
  <c r="A135572" i="1" s="1"/>
  <c r="A135573" i="1" s="1"/>
  <c r="A135574" i="1" s="1"/>
  <c r="A135575" i="1" s="1"/>
  <c r="A135576" i="1" s="1"/>
  <c r="A135577" i="1" s="1"/>
  <c r="A135578" i="1" s="1"/>
  <c r="A135579" i="1" s="1"/>
  <c r="A135580" i="1" s="1"/>
  <c r="A135581" i="1" s="1"/>
  <c r="A135582" i="1" s="1"/>
  <c r="A135583" i="1" s="1"/>
  <c r="A135584" i="1" s="1"/>
  <c r="A135585" i="1" s="1"/>
  <c r="A135586" i="1" s="1"/>
  <c r="A135587" i="1" s="1"/>
  <c r="A135588" i="1" s="1"/>
  <c r="A135589" i="1" s="1"/>
  <c r="A135590" i="1" s="1"/>
  <c r="A135591" i="1" s="1"/>
  <c r="A135592" i="1" s="1"/>
  <c r="A135593" i="1" s="1"/>
  <c r="A135594" i="1" s="1"/>
  <c r="A135595" i="1" s="1"/>
  <c r="A135596" i="1" s="1"/>
  <c r="A135597" i="1" s="1"/>
  <c r="A135598" i="1" s="1"/>
  <c r="A135599" i="1" s="1"/>
  <c r="A135600" i="1" s="1"/>
  <c r="A135601" i="1" s="1"/>
  <c r="A135602" i="1" s="1"/>
  <c r="A135603" i="1" s="1"/>
  <c r="A135604" i="1" s="1"/>
  <c r="A135605" i="1" s="1"/>
  <c r="A135606" i="1" s="1"/>
  <c r="A135607" i="1" s="1"/>
  <c r="A135608" i="1" s="1"/>
  <c r="A135609" i="1" s="1"/>
  <c r="A135610" i="1" s="1"/>
  <c r="A135611" i="1" s="1"/>
  <c r="A135612" i="1" s="1"/>
  <c r="A135613" i="1" s="1"/>
  <c r="A135614" i="1" s="1"/>
  <c r="A135615" i="1" s="1"/>
  <c r="A135616" i="1" s="1"/>
  <c r="A135617" i="1" s="1"/>
  <c r="A135618" i="1" s="1"/>
  <c r="A135619" i="1" s="1"/>
  <c r="A135620" i="1" s="1"/>
  <c r="A135621" i="1" s="1"/>
  <c r="A135622" i="1" s="1"/>
  <c r="A135623" i="1" s="1"/>
  <c r="A135624" i="1" s="1"/>
  <c r="A135625" i="1" s="1"/>
  <c r="A135626" i="1" s="1"/>
  <c r="A135627" i="1" s="1"/>
  <c r="A135628" i="1" s="1"/>
  <c r="A135629" i="1" s="1"/>
  <c r="A135630" i="1" s="1"/>
  <c r="A135631" i="1" s="1"/>
  <c r="A135632" i="1" s="1"/>
  <c r="A135633" i="1" s="1"/>
  <c r="A135634" i="1" s="1"/>
  <c r="A135635" i="1" s="1"/>
  <c r="A135636" i="1" s="1"/>
  <c r="A135637" i="1" s="1"/>
  <c r="A135638" i="1" s="1"/>
  <c r="A135639" i="1" s="1"/>
  <c r="A135640" i="1" s="1"/>
  <c r="A135641" i="1" s="1"/>
  <c r="A135642" i="1" s="1"/>
  <c r="A135643" i="1" s="1"/>
  <c r="A135644" i="1" s="1"/>
  <c r="A135645" i="1" s="1"/>
  <c r="A135646" i="1" s="1"/>
  <c r="A135647" i="1" s="1"/>
  <c r="A135648" i="1" s="1"/>
  <c r="A135649" i="1" s="1"/>
  <c r="A135650" i="1" s="1"/>
  <c r="A135651" i="1" s="1"/>
  <c r="A135652" i="1" s="1"/>
  <c r="A135653" i="1" s="1"/>
  <c r="A135654" i="1" s="1"/>
  <c r="A135655" i="1" s="1"/>
  <c r="A135656" i="1" s="1"/>
  <c r="A135657" i="1" s="1"/>
  <c r="A135658" i="1" s="1"/>
  <c r="A135659" i="1" s="1"/>
  <c r="A135660" i="1" s="1"/>
  <c r="A135661" i="1" s="1"/>
  <c r="A135662" i="1" s="1"/>
  <c r="A135663" i="1" s="1"/>
  <c r="A135664" i="1" s="1"/>
  <c r="A135665" i="1" s="1"/>
  <c r="A135666" i="1" s="1"/>
  <c r="A135667" i="1" s="1"/>
  <c r="A135668" i="1" s="1"/>
  <c r="A135669" i="1" s="1"/>
  <c r="A135670" i="1" s="1"/>
  <c r="A135671" i="1" s="1"/>
  <c r="A135672" i="1" s="1"/>
  <c r="A135673" i="1" s="1"/>
  <c r="A135674" i="1" s="1"/>
  <c r="A135675" i="1" s="1"/>
  <c r="A135676" i="1" s="1"/>
  <c r="A135677" i="1" s="1"/>
  <c r="A135678" i="1" s="1"/>
  <c r="A135679" i="1" s="1"/>
  <c r="A135680" i="1" s="1"/>
  <c r="A135681" i="1" s="1"/>
  <c r="A135682" i="1" s="1"/>
  <c r="A135683" i="1" s="1"/>
  <c r="A135684" i="1" s="1"/>
  <c r="A135685" i="1" s="1"/>
  <c r="A135686" i="1" s="1"/>
  <c r="A135687" i="1" s="1"/>
  <c r="A135688" i="1" s="1"/>
  <c r="A135689" i="1" s="1"/>
  <c r="A135690" i="1" s="1"/>
  <c r="A135691" i="1" s="1"/>
  <c r="A135692" i="1" s="1"/>
  <c r="A135693" i="1" s="1"/>
  <c r="A135694" i="1" s="1"/>
  <c r="A135695" i="1" s="1"/>
  <c r="A135696" i="1" s="1"/>
  <c r="A135697" i="1" s="1"/>
  <c r="A135698" i="1" s="1"/>
  <c r="A135699" i="1" s="1"/>
  <c r="A135700" i="1" s="1"/>
  <c r="A135701" i="1" s="1"/>
  <c r="A135702" i="1" s="1"/>
  <c r="A135703" i="1" s="1"/>
  <c r="A135704" i="1" s="1"/>
  <c r="A135705" i="1" s="1"/>
  <c r="A135706" i="1" s="1"/>
  <c r="A135707" i="1" s="1"/>
  <c r="A135708" i="1" s="1"/>
  <c r="A135709" i="1" s="1"/>
  <c r="A135710" i="1" s="1"/>
  <c r="A135711" i="1" s="1"/>
  <c r="A135712" i="1" s="1"/>
  <c r="A135713" i="1" s="1"/>
  <c r="A135714" i="1" s="1"/>
  <c r="A135715" i="1" s="1"/>
  <c r="A135716" i="1" s="1"/>
  <c r="A135717" i="1" s="1"/>
  <c r="A135718" i="1" s="1"/>
  <c r="A135719" i="1" s="1"/>
  <c r="A135720" i="1" s="1"/>
  <c r="A135721" i="1" s="1"/>
  <c r="A135722" i="1" s="1"/>
  <c r="A135723" i="1" s="1"/>
  <c r="A135724" i="1" s="1"/>
  <c r="A135725" i="1" s="1"/>
  <c r="A135726" i="1" s="1"/>
  <c r="A135727" i="1" s="1"/>
  <c r="A135728" i="1" s="1"/>
  <c r="A135729" i="1" s="1"/>
  <c r="A135730" i="1" s="1"/>
  <c r="A135731" i="1" s="1"/>
  <c r="A135732" i="1" s="1"/>
  <c r="A135733" i="1" s="1"/>
  <c r="A135734" i="1" s="1"/>
  <c r="A135735" i="1" s="1"/>
  <c r="A135736" i="1" s="1"/>
  <c r="A135737" i="1" s="1"/>
  <c r="A135738" i="1" s="1"/>
  <c r="A135739" i="1" s="1"/>
  <c r="A135740" i="1" s="1"/>
  <c r="A135741" i="1" s="1"/>
  <c r="A135742" i="1" s="1"/>
  <c r="A135743" i="1" s="1"/>
  <c r="A135744" i="1" s="1"/>
  <c r="A135745" i="1" s="1"/>
  <c r="A135746" i="1" s="1"/>
  <c r="A135747" i="1" s="1"/>
  <c r="A135748" i="1" s="1"/>
  <c r="A135749" i="1" s="1"/>
  <c r="A135750" i="1" s="1"/>
  <c r="A135751" i="1" s="1"/>
  <c r="A135752" i="1" s="1"/>
  <c r="A135753" i="1" s="1"/>
  <c r="A135754" i="1" s="1"/>
  <c r="A135755" i="1" s="1"/>
  <c r="A135756" i="1" s="1"/>
  <c r="A135757" i="1" s="1"/>
  <c r="A135758" i="1" s="1"/>
  <c r="A135759" i="1" s="1"/>
  <c r="A135760" i="1" s="1"/>
  <c r="A135761" i="1" s="1"/>
  <c r="A135762" i="1" s="1"/>
  <c r="A135763" i="1" s="1"/>
  <c r="A135764" i="1" s="1"/>
  <c r="A135765" i="1" s="1"/>
  <c r="A135766" i="1" s="1"/>
  <c r="A135767" i="1" s="1"/>
  <c r="A135768" i="1" s="1"/>
  <c r="A135769" i="1" s="1"/>
  <c r="A135770" i="1" s="1"/>
  <c r="A135771" i="1" s="1"/>
  <c r="A135772" i="1" s="1"/>
  <c r="A135773" i="1" s="1"/>
  <c r="A135774" i="1" s="1"/>
  <c r="A135775" i="1" s="1"/>
  <c r="A135776" i="1" s="1"/>
  <c r="A135777" i="1" s="1"/>
  <c r="A135778" i="1" s="1"/>
  <c r="A135779" i="1" s="1"/>
  <c r="A135780" i="1" s="1"/>
  <c r="A135781" i="1" s="1"/>
  <c r="A135782" i="1" s="1"/>
  <c r="A135783" i="1" s="1"/>
  <c r="A135784" i="1" s="1"/>
  <c r="A135785" i="1" s="1"/>
  <c r="A135786" i="1" s="1"/>
  <c r="A135787" i="1" s="1"/>
  <c r="A135788" i="1" s="1"/>
  <c r="A135789" i="1" s="1"/>
  <c r="A135790" i="1" s="1"/>
  <c r="A135791" i="1" s="1"/>
  <c r="A135792" i="1" s="1"/>
  <c r="A135793" i="1" s="1"/>
  <c r="A135794" i="1" s="1"/>
  <c r="A135795" i="1" s="1"/>
  <c r="A135796" i="1" s="1"/>
  <c r="A135797" i="1" s="1"/>
  <c r="A135798" i="1" s="1"/>
  <c r="A135799" i="1" s="1"/>
  <c r="A135800" i="1" s="1"/>
  <c r="A135801" i="1" s="1"/>
  <c r="A135802" i="1" s="1"/>
  <c r="A135803" i="1" s="1"/>
  <c r="A135804" i="1" s="1"/>
  <c r="A135805" i="1" s="1"/>
  <c r="A135806" i="1" s="1"/>
  <c r="A135807" i="1" s="1"/>
  <c r="A135808" i="1" s="1"/>
  <c r="A135809" i="1" s="1"/>
  <c r="A135810" i="1" s="1"/>
  <c r="A135811" i="1" s="1"/>
  <c r="A135812" i="1" s="1"/>
  <c r="A135813" i="1" s="1"/>
  <c r="A135814" i="1" s="1"/>
  <c r="A135815" i="1" s="1"/>
  <c r="A135816" i="1" s="1"/>
  <c r="A135817" i="1" s="1"/>
  <c r="A135818" i="1" s="1"/>
  <c r="A135819" i="1" s="1"/>
  <c r="A135820" i="1" s="1"/>
  <c r="A135821" i="1" s="1"/>
  <c r="A135822" i="1" s="1"/>
  <c r="A135823" i="1" s="1"/>
  <c r="A135824" i="1" s="1"/>
  <c r="A135825" i="1" s="1"/>
  <c r="A135826" i="1" s="1"/>
  <c r="A135827" i="1" s="1"/>
  <c r="A135828" i="1" s="1"/>
  <c r="A135829" i="1" s="1"/>
  <c r="A135830" i="1" s="1"/>
  <c r="A135831" i="1" s="1"/>
  <c r="A135832" i="1" s="1"/>
  <c r="A135833" i="1" s="1"/>
  <c r="A135834" i="1" s="1"/>
  <c r="A135835" i="1" s="1"/>
  <c r="A135836" i="1" s="1"/>
  <c r="A135837" i="1" s="1"/>
  <c r="A135838" i="1" s="1"/>
  <c r="A135839" i="1" s="1"/>
  <c r="A135840" i="1" s="1"/>
  <c r="A135841" i="1" s="1"/>
  <c r="A135842" i="1" s="1"/>
  <c r="A135843" i="1" s="1"/>
  <c r="A135844" i="1" s="1"/>
  <c r="A135845" i="1" s="1"/>
  <c r="A135846" i="1" s="1"/>
  <c r="A135847" i="1" s="1"/>
  <c r="A135848" i="1" s="1"/>
  <c r="A135849" i="1" s="1"/>
  <c r="A135850" i="1" s="1"/>
  <c r="A135851" i="1" s="1"/>
  <c r="A135852" i="1" s="1"/>
  <c r="A135853" i="1" s="1"/>
  <c r="A135854" i="1" s="1"/>
  <c r="A135855" i="1" s="1"/>
  <c r="A135856" i="1" s="1"/>
  <c r="A135857" i="1" s="1"/>
  <c r="A135858" i="1" s="1"/>
  <c r="A135859" i="1" s="1"/>
  <c r="A135860" i="1" s="1"/>
  <c r="A135861" i="1" s="1"/>
  <c r="A135862" i="1" s="1"/>
  <c r="A135863" i="1" s="1"/>
  <c r="A135864" i="1" s="1"/>
  <c r="A135865" i="1" s="1"/>
  <c r="A135866" i="1" s="1"/>
  <c r="A135867" i="1" s="1"/>
  <c r="A135868" i="1" s="1"/>
  <c r="A135869" i="1" s="1"/>
  <c r="A135870" i="1" s="1"/>
  <c r="A135871" i="1" s="1"/>
  <c r="A135872" i="1" s="1"/>
  <c r="A135873" i="1" s="1"/>
  <c r="A135874" i="1" s="1"/>
  <c r="A135875" i="1" s="1"/>
  <c r="A135876" i="1" s="1"/>
  <c r="A135877" i="1" s="1"/>
  <c r="A135878" i="1" s="1"/>
  <c r="A135879" i="1" s="1"/>
  <c r="A135880" i="1" s="1"/>
  <c r="A135881" i="1" s="1"/>
  <c r="A135882" i="1" s="1"/>
  <c r="A135883" i="1" s="1"/>
  <c r="A135884" i="1" s="1"/>
  <c r="A135885" i="1" s="1"/>
  <c r="A135886" i="1" s="1"/>
  <c r="A135887" i="1" s="1"/>
  <c r="A135888" i="1" s="1"/>
  <c r="A135889" i="1" s="1"/>
  <c r="A135890" i="1" s="1"/>
  <c r="A135891" i="1" s="1"/>
  <c r="A135892" i="1" s="1"/>
  <c r="A135893" i="1" s="1"/>
  <c r="A135894" i="1" s="1"/>
  <c r="A135895" i="1" s="1"/>
  <c r="A135896" i="1" s="1"/>
  <c r="A135897" i="1" s="1"/>
  <c r="A135898" i="1" s="1"/>
  <c r="A135899" i="1" s="1"/>
  <c r="A135900" i="1" s="1"/>
  <c r="A135901" i="1" s="1"/>
  <c r="A135902" i="1" s="1"/>
  <c r="A135903" i="1" s="1"/>
  <c r="A135904" i="1" s="1"/>
  <c r="A135905" i="1" s="1"/>
  <c r="A135906" i="1" s="1"/>
  <c r="A135907" i="1" s="1"/>
  <c r="A135908" i="1" s="1"/>
  <c r="A135909" i="1" s="1"/>
  <c r="A135910" i="1" s="1"/>
  <c r="A135911" i="1" s="1"/>
  <c r="A135912" i="1" s="1"/>
  <c r="A135913" i="1" s="1"/>
  <c r="A135914" i="1" s="1"/>
  <c r="A135915" i="1" s="1"/>
  <c r="A135916" i="1" s="1"/>
  <c r="A135917" i="1" s="1"/>
  <c r="A135918" i="1" s="1"/>
  <c r="A135919" i="1" s="1"/>
  <c r="A135920" i="1" s="1"/>
  <c r="A135921" i="1" s="1"/>
  <c r="A135922" i="1" s="1"/>
  <c r="A135923" i="1" s="1"/>
  <c r="A135924" i="1" s="1"/>
  <c r="A135925" i="1" s="1"/>
  <c r="A135926" i="1" s="1"/>
  <c r="A135927" i="1" s="1"/>
  <c r="A135928" i="1" s="1"/>
  <c r="A135929" i="1" s="1"/>
  <c r="A135930" i="1" s="1"/>
  <c r="A135931" i="1" s="1"/>
  <c r="A135932" i="1" s="1"/>
  <c r="A135933" i="1" s="1"/>
  <c r="A135934" i="1" s="1"/>
  <c r="A135935" i="1" s="1"/>
  <c r="A135936" i="1" s="1"/>
  <c r="A135937" i="1" s="1"/>
  <c r="A135938" i="1" s="1"/>
  <c r="A135939" i="1" s="1"/>
  <c r="A135940" i="1" s="1"/>
  <c r="A135941" i="1" s="1"/>
  <c r="A135942" i="1" s="1"/>
  <c r="A135943" i="1" s="1"/>
  <c r="A135944" i="1" s="1"/>
  <c r="A135945" i="1" s="1"/>
  <c r="A135946" i="1" s="1"/>
  <c r="A135947" i="1" s="1"/>
  <c r="A135948" i="1" s="1"/>
  <c r="A135949" i="1" s="1"/>
  <c r="A135950" i="1" s="1"/>
  <c r="A135951" i="1" s="1"/>
  <c r="A135952" i="1" s="1"/>
  <c r="A135953" i="1" s="1"/>
  <c r="A135954" i="1" s="1"/>
  <c r="A135955" i="1" s="1"/>
  <c r="A135956" i="1" s="1"/>
  <c r="A135957" i="1" s="1"/>
  <c r="A135958" i="1" s="1"/>
  <c r="A135959" i="1" s="1"/>
  <c r="A135960" i="1" s="1"/>
  <c r="A135961" i="1" s="1"/>
  <c r="A135962" i="1" s="1"/>
  <c r="A135963" i="1" s="1"/>
  <c r="A135964" i="1" s="1"/>
  <c r="A135965" i="1" s="1"/>
  <c r="A135966" i="1" s="1"/>
  <c r="A135967" i="1" s="1"/>
  <c r="A135968" i="1" s="1"/>
  <c r="A135969" i="1" s="1"/>
  <c r="A135970" i="1" s="1"/>
  <c r="A135971" i="1" s="1"/>
  <c r="A135972" i="1" s="1"/>
  <c r="A135973" i="1" s="1"/>
  <c r="A135974" i="1" s="1"/>
  <c r="A135975" i="1" s="1"/>
  <c r="A135976" i="1" s="1"/>
  <c r="A135977" i="1" s="1"/>
  <c r="A135978" i="1" s="1"/>
  <c r="A135979" i="1" s="1"/>
  <c r="A135980" i="1" s="1"/>
  <c r="A135981" i="1" s="1"/>
  <c r="A135982" i="1" s="1"/>
  <c r="A135983" i="1" s="1"/>
  <c r="A135984" i="1" s="1"/>
  <c r="A135985" i="1" s="1"/>
  <c r="A135986" i="1" s="1"/>
  <c r="A135987" i="1" s="1"/>
  <c r="A135988" i="1" s="1"/>
  <c r="A135989" i="1" s="1"/>
  <c r="A135990" i="1" s="1"/>
  <c r="A135991" i="1" s="1"/>
  <c r="A135992" i="1" s="1"/>
  <c r="A135993" i="1" s="1"/>
  <c r="A135994" i="1" s="1"/>
  <c r="A135995" i="1" s="1"/>
  <c r="A135996" i="1" s="1"/>
  <c r="A135997" i="1" s="1"/>
  <c r="A135998" i="1" s="1"/>
  <c r="A135999" i="1" s="1"/>
  <c r="A136000" i="1" s="1"/>
  <c r="A136001" i="1" s="1"/>
  <c r="A136002" i="1" s="1"/>
  <c r="A136003" i="1" s="1"/>
  <c r="A136004" i="1" s="1"/>
  <c r="A136005" i="1" s="1"/>
  <c r="A136006" i="1" s="1"/>
  <c r="A136007" i="1" s="1"/>
  <c r="A136008" i="1" s="1"/>
  <c r="A136009" i="1" s="1"/>
  <c r="A136010" i="1" s="1"/>
  <c r="A136011" i="1" s="1"/>
  <c r="A136012" i="1" s="1"/>
  <c r="A136013" i="1" s="1"/>
  <c r="A136014" i="1" s="1"/>
  <c r="A136015" i="1" s="1"/>
  <c r="A136016" i="1" s="1"/>
  <c r="A136017" i="1" s="1"/>
  <c r="A136018" i="1" s="1"/>
  <c r="A136019" i="1" s="1"/>
  <c r="A136020" i="1" s="1"/>
  <c r="A136021" i="1" s="1"/>
  <c r="A136022" i="1" s="1"/>
  <c r="A136023" i="1" s="1"/>
  <c r="A136024" i="1" s="1"/>
  <c r="A136025" i="1" s="1"/>
  <c r="A136026" i="1" s="1"/>
  <c r="A136027" i="1" s="1"/>
  <c r="A136028" i="1" s="1"/>
  <c r="A136029" i="1" s="1"/>
  <c r="A136030" i="1" s="1"/>
  <c r="A136031" i="1" s="1"/>
  <c r="A136032" i="1" s="1"/>
  <c r="A136033" i="1" s="1"/>
  <c r="A136034" i="1" s="1"/>
  <c r="A136035" i="1" s="1"/>
  <c r="A136036" i="1" s="1"/>
  <c r="A136037" i="1" s="1"/>
  <c r="A136038" i="1" s="1"/>
  <c r="A136039" i="1" s="1"/>
  <c r="A136040" i="1" s="1"/>
  <c r="A136041" i="1" s="1"/>
  <c r="A136042" i="1" s="1"/>
  <c r="A136043" i="1" s="1"/>
  <c r="A136044" i="1" s="1"/>
  <c r="A136045" i="1" s="1"/>
  <c r="A136046" i="1" s="1"/>
  <c r="A136047" i="1" s="1"/>
  <c r="A136048" i="1" s="1"/>
  <c r="A136049" i="1" s="1"/>
  <c r="A136050" i="1" s="1"/>
  <c r="A136051" i="1" s="1"/>
  <c r="A136052" i="1" s="1"/>
  <c r="A136053" i="1" s="1"/>
  <c r="A136054" i="1" s="1"/>
  <c r="A136055" i="1" s="1"/>
  <c r="A136056" i="1" s="1"/>
  <c r="A136057" i="1" s="1"/>
  <c r="A136058" i="1" s="1"/>
  <c r="A136059" i="1" s="1"/>
  <c r="A136060" i="1" s="1"/>
  <c r="A136061" i="1" s="1"/>
  <c r="A136062" i="1" s="1"/>
  <c r="A136063" i="1" s="1"/>
  <c r="A136064" i="1" s="1"/>
  <c r="A136065" i="1" s="1"/>
  <c r="A136066" i="1" s="1"/>
  <c r="A136067" i="1" s="1"/>
  <c r="A136068" i="1" s="1"/>
  <c r="A136069" i="1" s="1"/>
  <c r="A136070" i="1" s="1"/>
  <c r="A136071" i="1" s="1"/>
  <c r="A136072" i="1" s="1"/>
  <c r="A136073" i="1" s="1"/>
  <c r="A136074" i="1" s="1"/>
  <c r="A136075" i="1" s="1"/>
  <c r="A136076" i="1" s="1"/>
  <c r="A136077" i="1" s="1"/>
  <c r="A136078" i="1" s="1"/>
  <c r="A136079" i="1" s="1"/>
  <c r="A136080" i="1" s="1"/>
  <c r="A136081" i="1" s="1"/>
  <c r="A136082" i="1" s="1"/>
  <c r="A136083" i="1" s="1"/>
  <c r="A136084" i="1" s="1"/>
  <c r="A136085" i="1" s="1"/>
  <c r="A136086" i="1" s="1"/>
  <c r="A136087" i="1" s="1"/>
  <c r="A136088" i="1" s="1"/>
  <c r="A136089" i="1" s="1"/>
  <c r="A136090" i="1" s="1"/>
  <c r="A136091" i="1" s="1"/>
  <c r="A136092" i="1" s="1"/>
  <c r="A136093" i="1" s="1"/>
  <c r="A136094" i="1" s="1"/>
  <c r="A136095" i="1" s="1"/>
  <c r="A136096" i="1" s="1"/>
  <c r="A136097" i="1" s="1"/>
  <c r="A136098" i="1" s="1"/>
  <c r="A136099" i="1" s="1"/>
  <c r="A136100" i="1" s="1"/>
  <c r="A136101" i="1" s="1"/>
  <c r="A136102" i="1" s="1"/>
  <c r="A136103" i="1" s="1"/>
  <c r="A136104" i="1" s="1"/>
  <c r="A136105" i="1" s="1"/>
  <c r="A136106" i="1" s="1"/>
  <c r="A136107" i="1" s="1"/>
  <c r="A136108" i="1" s="1"/>
  <c r="A136109" i="1" s="1"/>
  <c r="A136110" i="1" s="1"/>
  <c r="A136111" i="1" s="1"/>
  <c r="A136112" i="1" s="1"/>
  <c r="A136113" i="1" s="1"/>
  <c r="A136114" i="1" s="1"/>
  <c r="A136115" i="1" s="1"/>
  <c r="A136116" i="1" s="1"/>
  <c r="A136117" i="1" s="1"/>
  <c r="A136118" i="1" s="1"/>
  <c r="A136119" i="1" s="1"/>
  <c r="A136120" i="1" s="1"/>
  <c r="A136121" i="1" s="1"/>
  <c r="A136122" i="1" s="1"/>
  <c r="A136123" i="1" s="1"/>
  <c r="A136124" i="1" s="1"/>
  <c r="A136125" i="1" s="1"/>
  <c r="A136126" i="1" s="1"/>
  <c r="A136127" i="1" s="1"/>
  <c r="A136128" i="1" s="1"/>
  <c r="A136129" i="1" s="1"/>
  <c r="A136130" i="1" s="1"/>
  <c r="A136131" i="1" s="1"/>
  <c r="A136132" i="1" s="1"/>
  <c r="A136133" i="1" s="1"/>
  <c r="A136134" i="1" s="1"/>
  <c r="A136135" i="1" s="1"/>
  <c r="A136136" i="1" s="1"/>
  <c r="A136137" i="1" s="1"/>
  <c r="A136138" i="1" s="1"/>
  <c r="A136139" i="1" s="1"/>
  <c r="A136140" i="1" s="1"/>
  <c r="A136141" i="1" s="1"/>
  <c r="A136142" i="1" s="1"/>
  <c r="A136143" i="1" s="1"/>
  <c r="A136144" i="1" s="1"/>
  <c r="A136145" i="1" s="1"/>
  <c r="A136146" i="1" s="1"/>
  <c r="A136147" i="1" s="1"/>
  <c r="A136148" i="1" s="1"/>
  <c r="A136149" i="1" s="1"/>
  <c r="A136150" i="1" s="1"/>
  <c r="A136151" i="1" s="1"/>
  <c r="A136152" i="1" s="1"/>
  <c r="A136153" i="1" s="1"/>
  <c r="A136154" i="1" s="1"/>
  <c r="A136155" i="1" s="1"/>
  <c r="A136156" i="1" s="1"/>
  <c r="A136157" i="1" s="1"/>
  <c r="A136158" i="1" s="1"/>
  <c r="A136159" i="1" s="1"/>
  <c r="A136160" i="1" s="1"/>
  <c r="A136161" i="1" s="1"/>
  <c r="A136162" i="1" s="1"/>
  <c r="A136163" i="1" s="1"/>
  <c r="A136164" i="1" s="1"/>
  <c r="A136165" i="1" s="1"/>
  <c r="A136166" i="1" s="1"/>
  <c r="A136167" i="1" s="1"/>
  <c r="A136168" i="1" s="1"/>
  <c r="A136169" i="1" s="1"/>
  <c r="A136170" i="1" s="1"/>
  <c r="A136171" i="1" s="1"/>
  <c r="A136172" i="1" s="1"/>
  <c r="A136173" i="1" s="1"/>
  <c r="A136174" i="1" s="1"/>
  <c r="A136175" i="1" s="1"/>
  <c r="A136176" i="1" s="1"/>
  <c r="A136177" i="1" s="1"/>
  <c r="A136178" i="1" s="1"/>
  <c r="A136179" i="1" s="1"/>
  <c r="A136180" i="1" s="1"/>
  <c r="A136181" i="1" s="1"/>
  <c r="A136182" i="1" s="1"/>
  <c r="A136183" i="1" s="1"/>
  <c r="A136184" i="1" s="1"/>
  <c r="A136185" i="1" s="1"/>
  <c r="A136186" i="1" s="1"/>
  <c r="A136187" i="1" s="1"/>
  <c r="A136188" i="1" s="1"/>
  <c r="A136189" i="1" s="1"/>
  <c r="A136190" i="1" s="1"/>
  <c r="A136191" i="1" s="1"/>
  <c r="A136192" i="1" s="1"/>
  <c r="A136193" i="1" s="1"/>
  <c r="A136194" i="1" s="1"/>
  <c r="A136195" i="1" s="1"/>
  <c r="A136196" i="1" s="1"/>
  <c r="A136197" i="1" s="1"/>
  <c r="A136198" i="1" s="1"/>
  <c r="A136199" i="1" s="1"/>
  <c r="A136200" i="1" s="1"/>
  <c r="A136201" i="1" s="1"/>
  <c r="A136202" i="1" s="1"/>
  <c r="A136203" i="1" s="1"/>
  <c r="A136204" i="1" s="1"/>
  <c r="A136205" i="1" s="1"/>
  <c r="A136206" i="1" s="1"/>
  <c r="A136207" i="1" s="1"/>
  <c r="A136208" i="1" s="1"/>
  <c r="A136209" i="1" s="1"/>
  <c r="A136210" i="1" s="1"/>
  <c r="A136211" i="1" s="1"/>
  <c r="A136212" i="1" s="1"/>
  <c r="A136213" i="1" s="1"/>
  <c r="A136214" i="1" s="1"/>
  <c r="A136215" i="1" s="1"/>
  <c r="A136216" i="1" s="1"/>
  <c r="A136217" i="1" s="1"/>
  <c r="A136218" i="1" s="1"/>
  <c r="A136219" i="1" s="1"/>
  <c r="A136220" i="1" s="1"/>
  <c r="A136221" i="1" s="1"/>
  <c r="A136222" i="1" s="1"/>
  <c r="A136223" i="1" s="1"/>
  <c r="A136224" i="1" s="1"/>
  <c r="A136225" i="1" s="1"/>
  <c r="A136226" i="1" s="1"/>
  <c r="A136227" i="1" s="1"/>
  <c r="A136228" i="1" s="1"/>
  <c r="A136229" i="1" s="1"/>
  <c r="A136230" i="1" s="1"/>
  <c r="A136231" i="1" s="1"/>
  <c r="A136232" i="1" s="1"/>
  <c r="A136233" i="1" s="1"/>
  <c r="A136234" i="1" s="1"/>
  <c r="A136235" i="1" s="1"/>
  <c r="A136236" i="1" s="1"/>
  <c r="A136237" i="1" s="1"/>
  <c r="A136238" i="1" s="1"/>
  <c r="A136239" i="1" s="1"/>
  <c r="A136240" i="1" s="1"/>
  <c r="A136241" i="1" s="1"/>
  <c r="A136242" i="1" s="1"/>
  <c r="A136243" i="1" s="1"/>
  <c r="A136244" i="1" s="1"/>
  <c r="A136245" i="1" s="1"/>
  <c r="A136246" i="1" s="1"/>
  <c r="A136247" i="1" s="1"/>
  <c r="A136248" i="1" s="1"/>
  <c r="A136249" i="1" s="1"/>
  <c r="A136250" i="1" s="1"/>
  <c r="A136251" i="1" s="1"/>
  <c r="A136252" i="1" s="1"/>
  <c r="A136253" i="1" s="1"/>
  <c r="A136254" i="1" s="1"/>
  <c r="A136255" i="1" s="1"/>
  <c r="A136256" i="1" s="1"/>
  <c r="A136257" i="1" s="1"/>
  <c r="A136258" i="1" s="1"/>
  <c r="A136259" i="1" s="1"/>
  <c r="A136260" i="1" s="1"/>
  <c r="A136261" i="1" s="1"/>
  <c r="A136262" i="1" s="1"/>
  <c r="A136263" i="1" s="1"/>
  <c r="A136264" i="1" s="1"/>
  <c r="A136265" i="1" s="1"/>
  <c r="A136266" i="1" s="1"/>
  <c r="A136267" i="1" s="1"/>
  <c r="A136268" i="1" s="1"/>
  <c r="A136269" i="1" s="1"/>
  <c r="A136270" i="1" s="1"/>
  <c r="A136271" i="1" s="1"/>
  <c r="A136272" i="1" s="1"/>
  <c r="A136273" i="1" s="1"/>
  <c r="A136274" i="1" s="1"/>
  <c r="A136275" i="1" s="1"/>
  <c r="A136276" i="1" s="1"/>
  <c r="A136277" i="1" s="1"/>
  <c r="A136278" i="1" s="1"/>
  <c r="A136279" i="1" s="1"/>
  <c r="A136280" i="1" s="1"/>
  <c r="A136281" i="1" s="1"/>
  <c r="A136282" i="1" s="1"/>
  <c r="A136283" i="1" s="1"/>
  <c r="A136284" i="1" s="1"/>
  <c r="A136285" i="1" s="1"/>
  <c r="A136286" i="1" s="1"/>
  <c r="A136287" i="1" s="1"/>
  <c r="A136288" i="1" s="1"/>
  <c r="A136289" i="1" s="1"/>
  <c r="A136290" i="1" s="1"/>
  <c r="A136291" i="1" s="1"/>
  <c r="A136292" i="1" s="1"/>
  <c r="A136293" i="1" s="1"/>
  <c r="A136294" i="1" s="1"/>
  <c r="A136295" i="1" s="1"/>
  <c r="A136296" i="1" s="1"/>
  <c r="A136297" i="1" s="1"/>
  <c r="A136298" i="1" s="1"/>
  <c r="A136299" i="1" s="1"/>
  <c r="A136300" i="1" s="1"/>
  <c r="A136301" i="1" s="1"/>
  <c r="A136302" i="1" s="1"/>
  <c r="A136303" i="1" s="1"/>
  <c r="A136304" i="1" s="1"/>
  <c r="A136305" i="1" s="1"/>
  <c r="A136306" i="1" s="1"/>
  <c r="A136307" i="1" s="1"/>
  <c r="A136308" i="1" s="1"/>
  <c r="A136309" i="1" s="1"/>
  <c r="A136310" i="1" s="1"/>
  <c r="A136311" i="1" s="1"/>
  <c r="A136312" i="1" s="1"/>
  <c r="A136313" i="1" s="1"/>
  <c r="A136314" i="1" s="1"/>
  <c r="A136315" i="1" s="1"/>
  <c r="A136316" i="1" s="1"/>
  <c r="A136317" i="1" s="1"/>
  <c r="A136318" i="1" s="1"/>
  <c r="A136319" i="1" s="1"/>
  <c r="A136320" i="1" s="1"/>
  <c r="A136321" i="1" s="1"/>
  <c r="A136322" i="1" s="1"/>
  <c r="A136323" i="1" s="1"/>
  <c r="A136324" i="1" s="1"/>
  <c r="A136325" i="1" s="1"/>
  <c r="A136326" i="1" s="1"/>
  <c r="A136327" i="1" s="1"/>
  <c r="A136328" i="1" s="1"/>
  <c r="A136329" i="1" s="1"/>
  <c r="A136330" i="1" s="1"/>
  <c r="A136331" i="1" s="1"/>
  <c r="A136332" i="1" s="1"/>
  <c r="A136333" i="1" s="1"/>
  <c r="A136334" i="1" s="1"/>
  <c r="A136335" i="1" s="1"/>
  <c r="A136336" i="1" s="1"/>
  <c r="A136337" i="1" s="1"/>
  <c r="A136338" i="1" s="1"/>
  <c r="A136339" i="1" s="1"/>
  <c r="A136340" i="1" s="1"/>
  <c r="A136341" i="1" s="1"/>
  <c r="A136342" i="1" s="1"/>
  <c r="A136343" i="1" s="1"/>
  <c r="A136344" i="1" s="1"/>
  <c r="A136345" i="1" s="1"/>
  <c r="A136346" i="1" s="1"/>
  <c r="A136347" i="1" s="1"/>
  <c r="A136348" i="1" s="1"/>
  <c r="A136349" i="1" s="1"/>
  <c r="A136350" i="1" s="1"/>
  <c r="A136351" i="1" s="1"/>
  <c r="A136352" i="1" s="1"/>
  <c r="A136353" i="1" s="1"/>
  <c r="A136354" i="1" s="1"/>
  <c r="A136355" i="1" s="1"/>
  <c r="A136356" i="1" s="1"/>
  <c r="A136357" i="1" s="1"/>
  <c r="A136358" i="1" s="1"/>
  <c r="A136359" i="1" s="1"/>
  <c r="A136360" i="1" s="1"/>
  <c r="A136361" i="1" s="1"/>
  <c r="A136362" i="1" s="1"/>
  <c r="A136363" i="1" s="1"/>
  <c r="A136364" i="1" s="1"/>
  <c r="A136365" i="1" s="1"/>
  <c r="A136366" i="1" s="1"/>
  <c r="A136367" i="1" s="1"/>
  <c r="A136368" i="1" s="1"/>
  <c r="A136369" i="1" s="1"/>
  <c r="A136370" i="1" s="1"/>
  <c r="A136371" i="1" s="1"/>
  <c r="A136372" i="1" s="1"/>
  <c r="A136373" i="1" s="1"/>
  <c r="A136374" i="1" s="1"/>
  <c r="A136375" i="1" s="1"/>
  <c r="A136376" i="1" s="1"/>
  <c r="A136377" i="1" s="1"/>
  <c r="A136378" i="1" s="1"/>
  <c r="A136379" i="1" s="1"/>
  <c r="A136380" i="1" s="1"/>
  <c r="A136381" i="1" s="1"/>
  <c r="A136382" i="1" s="1"/>
  <c r="A136383" i="1" s="1"/>
  <c r="A136384" i="1" s="1"/>
  <c r="A136385" i="1" s="1"/>
  <c r="A136386" i="1" s="1"/>
  <c r="A136387" i="1" s="1"/>
  <c r="A136388" i="1" s="1"/>
  <c r="A136389" i="1" s="1"/>
  <c r="A136390" i="1" s="1"/>
  <c r="A136391" i="1" s="1"/>
  <c r="A136392" i="1" s="1"/>
  <c r="A136393" i="1" s="1"/>
  <c r="A136394" i="1" s="1"/>
  <c r="A136395" i="1" s="1"/>
  <c r="A136396" i="1" s="1"/>
  <c r="A136397" i="1" s="1"/>
  <c r="A136398" i="1" s="1"/>
  <c r="A136399" i="1" s="1"/>
  <c r="A136400" i="1" s="1"/>
  <c r="A136401" i="1" s="1"/>
  <c r="A136402" i="1" s="1"/>
  <c r="A136403" i="1" s="1"/>
  <c r="A136404" i="1" s="1"/>
  <c r="A136405" i="1" s="1"/>
  <c r="A136406" i="1" s="1"/>
  <c r="A136407" i="1" s="1"/>
  <c r="A136408" i="1" s="1"/>
  <c r="A136409" i="1" s="1"/>
  <c r="A136410" i="1" s="1"/>
  <c r="A136411" i="1" s="1"/>
  <c r="A136412" i="1" s="1"/>
  <c r="A136413" i="1" s="1"/>
  <c r="A136414" i="1" s="1"/>
  <c r="A136415" i="1" s="1"/>
  <c r="A136416" i="1" s="1"/>
  <c r="A136417" i="1" s="1"/>
  <c r="A136418" i="1" s="1"/>
  <c r="A136419" i="1" s="1"/>
  <c r="A136420" i="1" s="1"/>
  <c r="A136421" i="1" s="1"/>
  <c r="A136422" i="1" s="1"/>
  <c r="A136423" i="1" s="1"/>
  <c r="A136424" i="1" s="1"/>
  <c r="A136425" i="1" s="1"/>
  <c r="A136426" i="1" s="1"/>
  <c r="A136427" i="1" s="1"/>
  <c r="A136428" i="1" s="1"/>
  <c r="A136429" i="1" s="1"/>
  <c r="A136430" i="1" s="1"/>
  <c r="A136431" i="1" s="1"/>
  <c r="A136432" i="1" s="1"/>
  <c r="A136433" i="1" s="1"/>
  <c r="A136434" i="1" s="1"/>
  <c r="A136435" i="1" s="1"/>
  <c r="A136436" i="1" s="1"/>
  <c r="A136437" i="1" s="1"/>
  <c r="A136438" i="1" s="1"/>
  <c r="A136439" i="1" s="1"/>
  <c r="A136440" i="1" s="1"/>
  <c r="A136441" i="1" s="1"/>
  <c r="A136442" i="1" s="1"/>
  <c r="A136443" i="1" s="1"/>
  <c r="A136444" i="1" s="1"/>
  <c r="A136445" i="1" s="1"/>
  <c r="A136446" i="1" s="1"/>
  <c r="A136447" i="1" s="1"/>
  <c r="A136448" i="1" s="1"/>
  <c r="A136449" i="1" s="1"/>
  <c r="A136450" i="1" s="1"/>
  <c r="A136451" i="1" s="1"/>
  <c r="A136452" i="1" s="1"/>
  <c r="A136453" i="1" s="1"/>
  <c r="A136454" i="1" s="1"/>
  <c r="A136455" i="1" s="1"/>
  <c r="A136456" i="1" s="1"/>
  <c r="A136457" i="1" s="1"/>
  <c r="A136458" i="1" s="1"/>
  <c r="A136459" i="1" s="1"/>
  <c r="A136460" i="1" s="1"/>
  <c r="A136461" i="1" s="1"/>
  <c r="A136462" i="1" s="1"/>
  <c r="A136463" i="1" s="1"/>
  <c r="A136464" i="1" s="1"/>
  <c r="A136465" i="1" s="1"/>
  <c r="A136466" i="1" s="1"/>
  <c r="A136467" i="1" s="1"/>
  <c r="A136468" i="1" s="1"/>
  <c r="A136469" i="1" s="1"/>
  <c r="A136470" i="1" s="1"/>
  <c r="A136471" i="1" s="1"/>
  <c r="A136472" i="1" s="1"/>
  <c r="A136473" i="1" s="1"/>
  <c r="A136474" i="1" s="1"/>
  <c r="A136475" i="1" s="1"/>
  <c r="A136476" i="1" s="1"/>
  <c r="A136477" i="1" s="1"/>
  <c r="A136478" i="1" s="1"/>
  <c r="A136479" i="1" s="1"/>
  <c r="A136480" i="1" s="1"/>
  <c r="A136481" i="1" s="1"/>
  <c r="A136482" i="1" s="1"/>
  <c r="A136483" i="1" s="1"/>
  <c r="A136484" i="1" s="1"/>
  <c r="A136485" i="1" s="1"/>
  <c r="A136486" i="1" s="1"/>
  <c r="A136487" i="1" s="1"/>
  <c r="A136488" i="1" s="1"/>
  <c r="A136489" i="1" s="1"/>
  <c r="A136490" i="1" s="1"/>
  <c r="A136491" i="1" s="1"/>
  <c r="A136492" i="1" s="1"/>
  <c r="A136493" i="1" s="1"/>
  <c r="A136494" i="1" s="1"/>
  <c r="A136495" i="1" s="1"/>
  <c r="A136496" i="1" s="1"/>
  <c r="A136497" i="1" s="1"/>
  <c r="A136498" i="1" s="1"/>
  <c r="A136499" i="1" s="1"/>
  <c r="A136500" i="1" s="1"/>
  <c r="A136501" i="1" s="1"/>
  <c r="A136502" i="1" s="1"/>
  <c r="A136503" i="1" s="1"/>
  <c r="A136504" i="1" s="1"/>
  <c r="A136505" i="1" s="1"/>
  <c r="A136506" i="1" s="1"/>
  <c r="A136507" i="1" s="1"/>
  <c r="A136508" i="1" s="1"/>
  <c r="A136509" i="1" s="1"/>
  <c r="A136510" i="1" s="1"/>
  <c r="A136511" i="1" s="1"/>
  <c r="A136512" i="1" s="1"/>
  <c r="A136513" i="1" s="1"/>
  <c r="A136514" i="1" s="1"/>
  <c r="A136515" i="1" s="1"/>
  <c r="A136516" i="1" s="1"/>
  <c r="A136517" i="1" s="1"/>
  <c r="A136518" i="1" s="1"/>
  <c r="A136519" i="1" s="1"/>
  <c r="A136520" i="1" s="1"/>
  <c r="A136521" i="1" s="1"/>
  <c r="A136522" i="1" s="1"/>
  <c r="A136523" i="1" s="1"/>
  <c r="A136524" i="1" s="1"/>
  <c r="A136525" i="1" s="1"/>
  <c r="A136526" i="1" s="1"/>
  <c r="A136527" i="1" s="1"/>
  <c r="A136528" i="1" s="1"/>
  <c r="A136529" i="1" s="1"/>
  <c r="A136530" i="1" s="1"/>
  <c r="A136531" i="1" s="1"/>
  <c r="A136532" i="1" s="1"/>
  <c r="A136533" i="1" s="1"/>
  <c r="A136534" i="1" s="1"/>
  <c r="A136535" i="1" s="1"/>
  <c r="A136536" i="1" s="1"/>
  <c r="A136537" i="1" s="1"/>
  <c r="A136538" i="1" s="1"/>
  <c r="A136539" i="1" s="1"/>
  <c r="A136540" i="1" s="1"/>
  <c r="A136541" i="1" s="1"/>
  <c r="A136542" i="1" s="1"/>
  <c r="A136543" i="1" s="1"/>
  <c r="A136544" i="1" s="1"/>
  <c r="A136545" i="1" s="1"/>
  <c r="A136546" i="1" s="1"/>
  <c r="A136547" i="1" s="1"/>
  <c r="A136548" i="1" s="1"/>
  <c r="A136549" i="1" s="1"/>
  <c r="A136550" i="1" s="1"/>
  <c r="A136551" i="1" s="1"/>
  <c r="A136552" i="1" s="1"/>
  <c r="A136553" i="1" s="1"/>
  <c r="A136554" i="1" s="1"/>
  <c r="A136555" i="1" s="1"/>
  <c r="A136556" i="1" s="1"/>
  <c r="A136557" i="1" s="1"/>
  <c r="A136558" i="1" s="1"/>
  <c r="A136559" i="1" s="1"/>
  <c r="A136560" i="1" s="1"/>
  <c r="A136561" i="1" s="1"/>
  <c r="A136562" i="1" s="1"/>
  <c r="A136563" i="1" s="1"/>
  <c r="A136564" i="1" s="1"/>
  <c r="A136565" i="1" s="1"/>
  <c r="A136566" i="1" s="1"/>
  <c r="A136567" i="1" s="1"/>
  <c r="A136568" i="1" s="1"/>
  <c r="A136569" i="1" s="1"/>
  <c r="A136570" i="1" s="1"/>
  <c r="A136571" i="1" s="1"/>
  <c r="A136572" i="1" s="1"/>
  <c r="A136573" i="1" s="1"/>
  <c r="A136574" i="1" s="1"/>
  <c r="A136575" i="1" s="1"/>
  <c r="A136576" i="1" s="1"/>
  <c r="A136577" i="1" s="1"/>
  <c r="A136578" i="1" s="1"/>
  <c r="A136579" i="1" s="1"/>
  <c r="A136580" i="1" s="1"/>
  <c r="A136581" i="1" s="1"/>
  <c r="A136582" i="1" s="1"/>
  <c r="A136583" i="1" s="1"/>
  <c r="A136584" i="1" s="1"/>
  <c r="A136585" i="1" s="1"/>
  <c r="A136586" i="1" s="1"/>
  <c r="A136587" i="1" s="1"/>
  <c r="A136588" i="1" s="1"/>
  <c r="A136589" i="1" s="1"/>
  <c r="A136590" i="1" s="1"/>
  <c r="A136591" i="1" s="1"/>
  <c r="A136592" i="1" s="1"/>
  <c r="A136593" i="1" s="1"/>
  <c r="A136594" i="1" s="1"/>
  <c r="A136595" i="1" s="1"/>
  <c r="A136596" i="1" s="1"/>
  <c r="A136597" i="1" s="1"/>
  <c r="A136598" i="1" s="1"/>
  <c r="A136599" i="1" s="1"/>
  <c r="A136600" i="1" s="1"/>
  <c r="A136601" i="1" s="1"/>
  <c r="A136602" i="1" s="1"/>
  <c r="A136603" i="1" s="1"/>
  <c r="A136604" i="1" s="1"/>
  <c r="A136605" i="1" s="1"/>
  <c r="A136606" i="1" s="1"/>
  <c r="A136607" i="1" s="1"/>
  <c r="A136608" i="1" s="1"/>
  <c r="A136609" i="1" s="1"/>
  <c r="A136610" i="1" s="1"/>
  <c r="A136611" i="1" s="1"/>
  <c r="A136612" i="1" s="1"/>
  <c r="A136613" i="1" s="1"/>
  <c r="A136614" i="1" s="1"/>
  <c r="A136615" i="1" s="1"/>
  <c r="A136616" i="1" s="1"/>
  <c r="A136617" i="1" s="1"/>
  <c r="A136618" i="1" s="1"/>
  <c r="A136619" i="1" s="1"/>
  <c r="A136620" i="1" s="1"/>
  <c r="A136621" i="1" s="1"/>
  <c r="A136622" i="1" s="1"/>
  <c r="A136623" i="1" s="1"/>
  <c r="A136624" i="1" s="1"/>
  <c r="A136625" i="1" s="1"/>
  <c r="A136626" i="1" s="1"/>
  <c r="A136627" i="1" s="1"/>
  <c r="A136628" i="1" s="1"/>
  <c r="A136629" i="1" s="1"/>
  <c r="A136630" i="1" s="1"/>
  <c r="A136631" i="1" s="1"/>
  <c r="A136632" i="1" s="1"/>
  <c r="A136633" i="1" s="1"/>
  <c r="A136634" i="1" s="1"/>
  <c r="A136635" i="1" s="1"/>
  <c r="A136636" i="1" s="1"/>
  <c r="A136637" i="1" s="1"/>
  <c r="A136638" i="1" s="1"/>
  <c r="A136639" i="1" s="1"/>
  <c r="A136640" i="1" s="1"/>
  <c r="A136641" i="1" s="1"/>
  <c r="A136642" i="1" s="1"/>
  <c r="A136643" i="1" s="1"/>
  <c r="A136644" i="1" s="1"/>
  <c r="A136645" i="1" s="1"/>
  <c r="A136646" i="1" s="1"/>
  <c r="A136647" i="1" s="1"/>
  <c r="A136648" i="1" s="1"/>
  <c r="A136649" i="1" s="1"/>
  <c r="A136650" i="1" s="1"/>
  <c r="A136651" i="1" s="1"/>
  <c r="A136652" i="1" s="1"/>
  <c r="A136653" i="1" s="1"/>
  <c r="A136654" i="1" s="1"/>
  <c r="A136655" i="1" s="1"/>
  <c r="A136656" i="1" s="1"/>
  <c r="A136657" i="1" s="1"/>
  <c r="A136658" i="1" s="1"/>
  <c r="A136659" i="1" s="1"/>
  <c r="A136660" i="1" s="1"/>
  <c r="A136661" i="1" s="1"/>
  <c r="A136662" i="1" s="1"/>
  <c r="A136663" i="1" s="1"/>
  <c r="A136664" i="1" s="1"/>
  <c r="A136665" i="1" s="1"/>
  <c r="A136666" i="1" s="1"/>
  <c r="A136667" i="1" s="1"/>
  <c r="A136668" i="1" s="1"/>
  <c r="A136669" i="1" s="1"/>
  <c r="A136670" i="1" s="1"/>
  <c r="A136671" i="1" s="1"/>
  <c r="A136672" i="1" s="1"/>
  <c r="A136673" i="1" s="1"/>
  <c r="A136674" i="1" s="1"/>
  <c r="A136675" i="1" s="1"/>
  <c r="A136676" i="1" s="1"/>
  <c r="A136677" i="1" s="1"/>
  <c r="A136678" i="1" s="1"/>
  <c r="A136679" i="1" s="1"/>
  <c r="A136680" i="1" s="1"/>
  <c r="A136681" i="1" s="1"/>
  <c r="A136682" i="1" s="1"/>
  <c r="A136683" i="1" s="1"/>
  <c r="A136684" i="1" s="1"/>
  <c r="A136685" i="1" s="1"/>
  <c r="A136686" i="1" s="1"/>
  <c r="A136687" i="1" s="1"/>
  <c r="A136688" i="1" s="1"/>
  <c r="A136689" i="1" s="1"/>
  <c r="A136690" i="1" s="1"/>
  <c r="A136691" i="1" s="1"/>
  <c r="A136692" i="1" s="1"/>
  <c r="A136693" i="1" s="1"/>
  <c r="A136694" i="1" s="1"/>
  <c r="A136695" i="1" s="1"/>
  <c r="A136696" i="1" s="1"/>
  <c r="A136697" i="1" s="1"/>
  <c r="A136698" i="1" s="1"/>
  <c r="A136699" i="1" s="1"/>
  <c r="A136700" i="1" s="1"/>
  <c r="A136701" i="1" s="1"/>
  <c r="A136702" i="1" s="1"/>
  <c r="A136703" i="1" s="1"/>
  <c r="A136704" i="1" s="1"/>
  <c r="A136705" i="1" s="1"/>
  <c r="A136706" i="1" s="1"/>
  <c r="A136707" i="1" s="1"/>
  <c r="A136708" i="1" s="1"/>
  <c r="A136709" i="1" s="1"/>
  <c r="A136710" i="1" s="1"/>
  <c r="A136711" i="1" s="1"/>
  <c r="A136712" i="1" s="1"/>
  <c r="A136713" i="1" s="1"/>
  <c r="A136714" i="1" s="1"/>
  <c r="A136715" i="1" s="1"/>
  <c r="A136716" i="1" s="1"/>
  <c r="A136717" i="1" s="1"/>
  <c r="A136718" i="1" s="1"/>
  <c r="A136719" i="1" s="1"/>
  <c r="A136720" i="1" s="1"/>
  <c r="A136721" i="1" s="1"/>
  <c r="A136722" i="1" s="1"/>
  <c r="A136723" i="1" s="1"/>
  <c r="A136724" i="1" s="1"/>
  <c r="A136725" i="1" s="1"/>
  <c r="A136726" i="1" s="1"/>
  <c r="A136727" i="1" s="1"/>
  <c r="A136728" i="1" s="1"/>
  <c r="A136729" i="1" s="1"/>
  <c r="A136730" i="1" s="1"/>
  <c r="A136731" i="1" s="1"/>
  <c r="A136732" i="1" s="1"/>
  <c r="A136733" i="1" s="1"/>
  <c r="A136734" i="1" s="1"/>
  <c r="A136735" i="1" s="1"/>
  <c r="A136736" i="1" s="1"/>
  <c r="A136737" i="1" s="1"/>
  <c r="A136738" i="1" s="1"/>
  <c r="A136739" i="1" s="1"/>
  <c r="A136740" i="1" s="1"/>
  <c r="A136741" i="1" s="1"/>
  <c r="A136742" i="1" s="1"/>
  <c r="A136743" i="1" s="1"/>
  <c r="A136744" i="1" s="1"/>
  <c r="A136745" i="1" s="1"/>
  <c r="A136746" i="1" s="1"/>
  <c r="A136747" i="1" s="1"/>
  <c r="A136748" i="1" s="1"/>
  <c r="A136749" i="1" s="1"/>
  <c r="A136750" i="1" s="1"/>
  <c r="A136751" i="1" s="1"/>
  <c r="A136752" i="1" s="1"/>
  <c r="A136753" i="1" s="1"/>
  <c r="A136754" i="1" s="1"/>
  <c r="A136755" i="1" s="1"/>
  <c r="A136756" i="1" s="1"/>
  <c r="A136757" i="1" s="1"/>
  <c r="A136758" i="1" s="1"/>
  <c r="A136759" i="1" s="1"/>
  <c r="A136760" i="1" s="1"/>
  <c r="A136761" i="1" s="1"/>
  <c r="A136762" i="1" s="1"/>
  <c r="A136763" i="1" s="1"/>
  <c r="A136764" i="1" s="1"/>
  <c r="A136765" i="1" s="1"/>
  <c r="A136766" i="1" s="1"/>
  <c r="A136767" i="1" s="1"/>
  <c r="A136768" i="1" s="1"/>
  <c r="A136769" i="1" s="1"/>
  <c r="A136770" i="1" s="1"/>
  <c r="A136771" i="1" s="1"/>
  <c r="A136772" i="1" s="1"/>
  <c r="A136773" i="1" s="1"/>
  <c r="A136774" i="1" s="1"/>
  <c r="A136775" i="1" s="1"/>
  <c r="A136776" i="1" s="1"/>
  <c r="A136777" i="1" s="1"/>
  <c r="A136778" i="1" s="1"/>
  <c r="A136779" i="1" s="1"/>
  <c r="A136780" i="1" s="1"/>
  <c r="A136781" i="1" s="1"/>
  <c r="A136782" i="1" s="1"/>
  <c r="A136783" i="1" s="1"/>
  <c r="A136784" i="1" s="1"/>
  <c r="A136785" i="1" s="1"/>
  <c r="A136786" i="1" s="1"/>
  <c r="A136787" i="1" s="1"/>
  <c r="A136788" i="1" s="1"/>
  <c r="A136789" i="1" s="1"/>
  <c r="A136790" i="1" s="1"/>
  <c r="A136791" i="1" s="1"/>
  <c r="A136792" i="1" s="1"/>
  <c r="A136793" i="1" s="1"/>
  <c r="A136794" i="1" s="1"/>
  <c r="A136795" i="1" s="1"/>
  <c r="A136796" i="1" s="1"/>
  <c r="A136797" i="1" s="1"/>
  <c r="A136798" i="1" s="1"/>
  <c r="A136799" i="1" s="1"/>
  <c r="A136800" i="1" s="1"/>
  <c r="A136801" i="1" s="1"/>
  <c r="A136802" i="1" s="1"/>
  <c r="A136803" i="1" s="1"/>
  <c r="A136804" i="1" s="1"/>
  <c r="A136805" i="1" s="1"/>
  <c r="A136806" i="1" s="1"/>
  <c r="A136807" i="1" s="1"/>
  <c r="A136808" i="1" s="1"/>
  <c r="A136809" i="1" s="1"/>
  <c r="A136810" i="1" s="1"/>
  <c r="A136811" i="1" s="1"/>
  <c r="A136812" i="1" s="1"/>
  <c r="A136813" i="1" s="1"/>
  <c r="A136814" i="1" s="1"/>
  <c r="A136815" i="1" s="1"/>
  <c r="A136816" i="1" s="1"/>
  <c r="A136817" i="1" s="1"/>
  <c r="A136818" i="1" s="1"/>
  <c r="A136819" i="1" s="1"/>
  <c r="A136820" i="1" s="1"/>
  <c r="A136821" i="1" s="1"/>
  <c r="A136822" i="1" s="1"/>
  <c r="A136823" i="1" s="1"/>
  <c r="A136824" i="1" s="1"/>
  <c r="A136825" i="1" s="1"/>
  <c r="A136826" i="1" s="1"/>
  <c r="A136827" i="1" s="1"/>
  <c r="A136828" i="1" s="1"/>
  <c r="A136829" i="1" s="1"/>
  <c r="A136830" i="1" s="1"/>
  <c r="A136831" i="1" s="1"/>
  <c r="A136832" i="1" s="1"/>
  <c r="A136833" i="1" s="1"/>
  <c r="A136834" i="1" s="1"/>
  <c r="A136835" i="1" s="1"/>
  <c r="A136836" i="1" s="1"/>
  <c r="A136837" i="1" s="1"/>
  <c r="A136838" i="1" s="1"/>
  <c r="A136839" i="1" s="1"/>
  <c r="A136840" i="1" s="1"/>
  <c r="A136841" i="1" s="1"/>
  <c r="A136842" i="1" s="1"/>
  <c r="A136843" i="1" s="1"/>
  <c r="A136844" i="1" s="1"/>
  <c r="A136845" i="1" s="1"/>
  <c r="A136846" i="1" s="1"/>
  <c r="A136847" i="1" s="1"/>
  <c r="A136848" i="1" s="1"/>
  <c r="A136849" i="1" s="1"/>
  <c r="A136850" i="1" s="1"/>
  <c r="A136851" i="1" s="1"/>
  <c r="A136852" i="1" s="1"/>
  <c r="A136853" i="1" s="1"/>
  <c r="A136854" i="1" s="1"/>
  <c r="A136855" i="1" s="1"/>
  <c r="A136856" i="1" s="1"/>
  <c r="A136857" i="1" s="1"/>
  <c r="A136858" i="1" s="1"/>
  <c r="A136859" i="1" s="1"/>
  <c r="A136860" i="1" s="1"/>
  <c r="A136861" i="1" s="1"/>
  <c r="A136862" i="1" s="1"/>
  <c r="A136863" i="1" s="1"/>
  <c r="A136864" i="1" s="1"/>
  <c r="A136865" i="1" s="1"/>
  <c r="A136866" i="1" s="1"/>
  <c r="A136867" i="1" s="1"/>
  <c r="A136868" i="1" s="1"/>
  <c r="A136869" i="1" s="1"/>
  <c r="A136870" i="1" s="1"/>
  <c r="A136871" i="1" s="1"/>
  <c r="A136872" i="1" s="1"/>
  <c r="A136873" i="1" s="1"/>
  <c r="A136874" i="1" s="1"/>
  <c r="A136875" i="1" s="1"/>
  <c r="A136876" i="1" s="1"/>
  <c r="A136877" i="1" s="1"/>
  <c r="A136878" i="1" s="1"/>
  <c r="A136879" i="1" s="1"/>
  <c r="A136880" i="1" s="1"/>
  <c r="A136881" i="1" s="1"/>
  <c r="A136882" i="1" s="1"/>
  <c r="A136883" i="1" s="1"/>
  <c r="A136884" i="1" s="1"/>
  <c r="A136885" i="1" s="1"/>
  <c r="A136886" i="1" s="1"/>
  <c r="A136887" i="1" s="1"/>
  <c r="A136888" i="1" s="1"/>
  <c r="A136889" i="1" s="1"/>
  <c r="A136890" i="1" s="1"/>
  <c r="A136891" i="1" s="1"/>
  <c r="A136892" i="1" s="1"/>
  <c r="A136893" i="1" s="1"/>
  <c r="A136894" i="1" s="1"/>
  <c r="A136895" i="1" s="1"/>
  <c r="A136896" i="1" s="1"/>
  <c r="A136897" i="1" s="1"/>
  <c r="A136898" i="1" s="1"/>
  <c r="A136899" i="1" s="1"/>
  <c r="A136900" i="1" s="1"/>
  <c r="A136901" i="1" s="1"/>
  <c r="A136902" i="1" s="1"/>
  <c r="A136903" i="1" s="1"/>
  <c r="A136904" i="1" s="1"/>
  <c r="A136905" i="1" s="1"/>
  <c r="A136906" i="1" s="1"/>
  <c r="A136907" i="1" s="1"/>
  <c r="A136908" i="1" s="1"/>
  <c r="A136909" i="1" s="1"/>
  <c r="A136910" i="1" s="1"/>
  <c r="A136911" i="1" s="1"/>
  <c r="A136912" i="1" s="1"/>
  <c r="A136913" i="1" s="1"/>
  <c r="A136914" i="1" s="1"/>
  <c r="A136915" i="1" s="1"/>
  <c r="A136916" i="1" s="1"/>
  <c r="A136917" i="1" s="1"/>
  <c r="A136918" i="1" s="1"/>
  <c r="A136919" i="1" s="1"/>
  <c r="A136920" i="1" s="1"/>
  <c r="A136921" i="1" s="1"/>
  <c r="A136922" i="1" s="1"/>
  <c r="A136923" i="1" s="1"/>
  <c r="A136924" i="1" s="1"/>
  <c r="A136925" i="1" s="1"/>
  <c r="A136926" i="1" s="1"/>
  <c r="A136927" i="1" s="1"/>
  <c r="A136928" i="1" s="1"/>
  <c r="A136929" i="1" s="1"/>
  <c r="A136930" i="1" s="1"/>
  <c r="A136931" i="1" s="1"/>
  <c r="A136932" i="1" s="1"/>
  <c r="A136933" i="1" s="1"/>
  <c r="A136934" i="1" s="1"/>
  <c r="A136935" i="1" s="1"/>
  <c r="A136936" i="1" s="1"/>
  <c r="A136937" i="1" s="1"/>
  <c r="A136938" i="1" s="1"/>
  <c r="A136939" i="1" s="1"/>
  <c r="A136940" i="1" s="1"/>
  <c r="A136941" i="1" s="1"/>
  <c r="A136942" i="1" s="1"/>
  <c r="A136943" i="1" s="1"/>
  <c r="A136944" i="1" s="1"/>
  <c r="A136945" i="1" s="1"/>
  <c r="A136946" i="1" s="1"/>
  <c r="A136947" i="1" s="1"/>
  <c r="A136948" i="1" s="1"/>
  <c r="A136949" i="1" s="1"/>
  <c r="A136950" i="1" s="1"/>
  <c r="A136951" i="1" s="1"/>
  <c r="A136952" i="1" s="1"/>
  <c r="A136953" i="1" s="1"/>
  <c r="A136954" i="1" s="1"/>
  <c r="A136955" i="1" s="1"/>
  <c r="A136956" i="1" s="1"/>
  <c r="A136957" i="1" s="1"/>
  <c r="A136958" i="1" s="1"/>
  <c r="A136959" i="1" s="1"/>
  <c r="A136960" i="1" s="1"/>
  <c r="A136961" i="1" s="1"/>
  <c r="A136962" i="1" s="1"/>
  <c r="A136963" i="1" s="1"/>
  <c r="A136964" i="1" s="1"/>
  <c r="A136965" i="1" s="1"/>
  <c r="A136966" i="1" s="1"/>
  <c r="A136967" i="1" s="1"/>
  <c r="A136968" i="1" s="1"/>
  <c r="A136969" i="1" s="1"/>
  <c r="A136970" i="1" s="1"/>
  <c r="A136971" i="1" s="1"/>
  <c r="A136972" i="1" s="1"/>
  <c r="A136973" i="1" s="1"/>
  <c r="A136974" i="1" s="1"/>
  <c r="A136975" i="1" s="1"/>
  <c r="A136976" i="1" s="1"/>
  <c r="A136977" i="1" s="1"/>
  <c r="A136978" i="1" s="1"/>
  <c r="A136979" i="1" s="1"/>
  <c r="A136980" i="1" s="1"/>
  <c r="A136981" i="1" s="1"/>
  <c r="A136982" i="1" s="1"/>
  <c r="A136983" i="1" s="1"/>
  <c r="A136984" i="1" s="1"/>
  <c r="A136985" i="1" s="1"/>
  <c r="A136986" i="1" s="1"/>
  <c r="A136987" i="1" s="1"/>
  <c r="A136988" i="1" s="1"/>
  <c r="A136989" i="1" s="1"/>
  <c r="A136990" i="1" s="1"/>
  <c r="A136991" i="1" s="1"/>
  <c r="A136992" i="1" s="1"/>
  <c r="A136993" i="1" s="1"/>
  <c r="A136994" i="1" s="1"/>
  <c r="A136995" i="1" s="1"/>
  <c r="A136996" i="1" s="1"/>
  <c r="A136997" i="1" s="1"/>
  <c r="A136998" i="1" s="1"/>
  <c r="A136999" i="1" s="1"/>
  <c r="A137000" i="1" s="1"/>
  <c r="A137001" i="1" s="1"/>
  <c r="A137002" i="1" s="1"/>
  <c r="A137003" i="1" s="1"/>
  <c r="A137004" i="1" s="1"/>
  <c r="A137005" i="1" s="1"/>
  <c r="A137006" i="1" s="1"/>
  <c r="A137007" i="1" s="1"/>
  <c r="A137008" i="1" s="1"/>
  <c r="A137009" i="1" s="1"/>
  <c r="A137010" i="1" s="1"/>
  <c r="A137011" i="1" s="1"/>
  <c r="A137012" i="1" s="1"/>
  <c r="A137013" i="1" s="1"/>
  <c r="A137014" i="1" s="1"/>
  <c r="A137015" i="1" s="1"/>
  <c r="A137016" i="1" s="1"/>
  <c r="A137017" i="1" s="1"/>
  <c r="A137018" i="1" s="1"/>
  <c r="A137019" i="1" s="1"/>
  <c r="A137020" i="1" s="1"/>
  <c r="A137021" i="1" s="1"/>
  <c r="A137022" i="1" s="1"/>
  <c r="A137023" i="1" s="1"/>
  <c r="A137024" i="1" s="1"/>
  <c r="A137025" i="1" s="1"/>
  <c r="A137026" i="1" s="1"/>
  <c r="A137027" i="1" s="1"/>
  <c r="A137028" i="1" s="1"/>
  <c r="A137029" i="1" s="1"/>
  <c r="A137030" i="1" s="1"/>
  <c r="A137031" i="1" s="1"/>
  <c r="A137032" i="1" s="1"/>
  <c r="A137033" i="1" s="1"/>
  <c r="A137034" i="1" s="1"/>
  <c r="A137035" i="1" s="1"/>
  <c r="A137036" i="1" s="1"/>
  <c r="A137037" i="1" s="1"/>
  <c r="A137038" i="1" s="1"/>
  <c r="A137039" i="1" s="1"/>
  <c r="A137040" i="1" s="1"/>
  <c r="A137041" i="1" s="1"/>
  <c r="A137042" i="1" s="1"/>
  <c r="A137043" i="1" s="1"/>
  <c r="A137044" i="1" s="1"/>
  <c r="A137045" i="1" s="1"/>
  <c r="A137046" i="1" s="1"/>
  <c r="A137047" i="1" s="1"/>
  <c r="A137048" i="1" s="1"/>
  <c r="A137049" i="1" s="1"/>
  <c r="A137050" i="1" s="1"/>
  <c r="A137051" i="1" s="1"/>
  <c r="A137052" i="1" s="1"/>
  <c r="A137053" i="1" s="1"/>
  <c r="A137054" i="1" s="1"/>
  <c r="A137055" i="1" s="1"/>
  <c r="A137056" i="1" s="1"/>
  <c r="A137057" i="1" s="1"/>
  <c r="A137058" i="1" s="1"/>
  <c r="A137059" i="1" s="1"/>
  <c r="A137060" i="1" s="1"/>
  <c r="A137061" i="1" s="1"/>
  <c r="A137062" i="1" s="1"/>
  <c r="A137063" i="1" s="1"/>
  <c r="A137064" i="1" s="1"/>
  <c r="A137065" i="1" s="1"/>
  <c r="A137066" i="1" s="1"/>
  <c r="A137067" i="1" s="1"/>
  <c r="A137068" i="1" s="1"/>
  <c r="A137069" i="1" s="1"/>
  <c r="A137070" i="1" s="1"/>
  <c r="A137071" i="1" s="1"/>
  <c r="A137072" i="1" s="1"/>
  <c r="A137073" i="1" s="1"/>
  <c r="A137074" i="1" s="1"/>
  <c r="A137075" i="1" s="1"/>
  <c r="A137076" i="1" s="1"/>
  <c r="A137077" i="1" s="1"/>
  <c r="A137078" i="1" s="1"/>
  <c r="A137079" i="1" s="1"/>
  <c r="A137080" i="1" s="1"/>
  <c r="A137081" i="1" s="1"/>
  <c r="A137082" i="1" s="1"/>
  <c r="A137083" i="1" s="1"/>
  <c r="A137084" i="1" s="1"/>
  <c r="A137085" i="1" s="1"/>
  <c r="A137086" i="1" s="1"/>
  <c r="A137087" i="1" s="1"/>
  <c r="A137088" i="1" s="1"/>
  <c r="A137089" i="1" s="1"/>
  <c r="A137090" i="1" s="1"/>
  <c r="A137091" i="1" s="1"/>
  <c r="A137092" i="1" s="1"/>
  <c r="A137093" i="1" s="1"/>
  <c r="A137094" i="1" s="1"/>
  <c r="A137095" i="1" s="1"/>
  <c r="A137096" i="1" s="1"/>
  <c r="A137097" i="1" s="1"/>
  <c r="A137098" i="1" s="1"/>
  <c r="A137099" i="1" s="1"/>
  <c r="A137100" i="1" s="1"/>
  <c r="A137101" i="1" s="1"/>
  <c r="A137102" i="1" s="1"/>
  <c r="A137103" i="1" s="1"/>
  <c r="A137104" i="1" s="1"/>
  <c r="A137105" i="1" s="1"/>
  <c r="A137106" i="1" s="1"/>
  <c r="A137107" i="1" s="1"/>
  <c r="A137108" i="1" s="1"/>
  <c r="A137109" i="1" s="1"/>
  <c r="A137110" i="1" s="1"/>
  <c r="A137111" i="1" s="1"/>
  <c r="A137112" i="1" s="1"/>
  <c r="A137113" i="1" s="1"/>
  <c r="A137114" i="1" s="1"/>
  <c r="A137115" i="1" s="1"/>
  <c r="A137116" i="1" s="1"/>
  <c r="A137117" i="1" s="1"/>
  <c r="A137118" i="1" s="1"/>
  <c r="A137119" i="1" s="1"/>
  <c r="A137120" i="1" s="1"/>
  <c r="A137121" i="1" s="1"/>
  <c r="A137122" i="1" s="1"/>
  <c r="A137123" i="1" s="1"/>
  <c r="A137124" i="1" s="1"/>
  <c r="A137125" i="1" s="1"/>
  <c r="A137126" i="1" s="1"/>
  <c r="A137127" i="1" s="1"/>
  <c r="A137128" i="1" s="1"/>
  <c r="A137129" i="1" s="1"/>
  <c r="A137130" i="1" s="1"/>
  <c r="A137131" i="1" s="1"/>
  <c r="A137132" i="1" s="1"/>
  <c r="A137133" i="1" s="1"/>
  <c r="A137134" i="1" s="1"/>
  <c r="A137135" i="1" s="1"/>
  <c r="A137136" i="1" s="1"/>
  <c r="A137137" i="1" s="1"/>
  <c r="A137138" i="1" s="1"/>
  <c r="A137139" i="1" s="1"/>
  <c r="A137140" i="1" s="1"/>
  <c r="A137141" i="1" s="1"/>
  <c r="A137142" i="1" s="1"/>
  <c r="A137143" i="1" s="1"/>
  <c r="A137144" i="1" s="1"/>
  <c r="A137145" i="1" s="1"/>
  <c r="A137146" i="1" s="1"/>
  <c r="A137147" i="1" s="1"/>
  <c r="A137148" i="1" s="1"/>
  <c r="A137149" i="1" s="1"/>
  <c r="A137150" i="1" s="1"/>
  <c r="A137151" i="1" s="1"/>
  <c r="A137152" i="1" s="1"/>
  <c r="A137153" i="1" s="1"/>
  <c r="A137154" i="1" s="1"/>
  <c r="A137155" i="1" s="1"/>
  <c r="A137156" i="1" s="1"/>
  <c r="A137157" i="1" s="1"/>
  <c r="A137158" i="1" s="1"/>
  <c r="A137159" i="1" s="1"/>
  <c r="A137160" i="1" s="1"/>
  <c r="A137161" i="1" s="1"/>
  <c r="A137162" i="1" s="1"/>
  <c r="A137163" i="1" s="1"/>
  <c r="A137164" i="1" s="1"/>
  <c r="A137165" i="1" s="1"/>
  <c r="A137166" i="1" s="1"/>
  <c r="A137167" i="1" s="1"/>
  <c r="A137168" i="1" s="1"/>
  <c r="A137169" i="1" s="1"/>
  <c r="A137170" i="1" s="1"/>
  <c r="A137171" i="1" s="1"/>
  <c r="A137172" i="1" s="1"/>
  <c r="A137173" i="1" s="1"/>
  <c r="A137174" i="1" s="1"/>
  <c r="A137175" i="1" s="1"/>
  <c r="A137176" i="1" s="1"/>
  <c r="A137177" i="1" s="1"/>
  <c r="A137178" i="1" s="1"/>
  <c r="A137179" i="1" s="1"/>
  <c r="A137180" i="1" s="1"/>
  <c r="A137181" i="1" s="1"/>
  <c r="A137182" i="1" s="1"/>
  <c r="A137183" i="1" s="1"/>
  <c r="A137184" i="1" s="1"/>
  <c r="A137185" i="1" s="1"/>
  <c r="A137186" i="1" s="1"/>
  <c r="A137187" i="1" s="1"/>
  <c r="A137188" i="1" s="1"/>
  <c r="A137189" i="1" s="1"/>
  <c r="A137190" i="1" s="1"/>
  <c r="A137191" i="1" s="1"/>
  <c r="A137192" i="1" s="1"/>
  <c r="A137193" i="1" s="1"/>
  <c r="A137194" i="1" s="1"/>
  <c r="A137195" i="1" s="1"/>
  <c r="A137196" i="1" s="1"/>
  <c r="A137197" i="1" s="1"/>
  <c r="A137198" i="1" s="1"/>
  <c r="A137199" i="1" s="1"/>
  <c r="A137200" i="1" s="1"/>
  <c r="A137201" i="1" s="1"/>
  <c r="A137202" i="1" s="1"/>
  <c r="A137203" i="1" s="1"/>
  <c r="A137204" i="1" s="1"/>
  <c r="A137205" i="1" s="1"/>
  <c r="A137206" i="1" s="1"/>
  <c r="A137207" i="1" s="1"/>
  <c r="A137208" i="1" s="1"/>
  <c r="A137209" i="1" s="1"/>
  <c r="A137210" i="1" s="1"/>
  <c r="A137211" i="1" s="1"/>
  <c r="A137212" i="1" s="1"/>
  <c r="A137213" i="1" s="1"/>
  <c r="A137214" i="1" s="1"/>
  <c r="A137215" i="1" s="1"/>
  <c r="A137216" i="1" s="1"/>
  <c r="A137217" i="1" s="1"/>
  <c r="A137218" i="1" s="1"/>
  <c r="A137219" i="1" s="1"/>
  <c r="A137220" i="1" s="1"/>
  <c r="A137221" i="1" s="1"/>
  <c r="A137222" i="1" s="1"/>
  <c r="A137223" i="1" s="1"/>
  <c r="A137224" i="1" s="1"/>
  <c r="A137225" i="1" s="1"/>
  <c r="A137226" i="1" s="1"/>
  <c r="A137227" i="1" s="1"/>
  <c r="A137228" i="1" s="1"/>
  <c r="A137229" i="1" s="1"/>
  <c r="A137230" i="1" s="1"/>
  <c r="A137231" i="1" s="1"/>
  <c r="A137232" i="1" s="1"/>
  <c r="A137233" i="1" s="1"/>
  <c r="A137234" i="1" s="1"/>
  <c r="A137235" i="1" s="1"/>
  <c r="A137236" i="1" s="1"/>
  <c r="A137237" i="1" s="1"/>
  <c r="A137238" i="1" s="1"/>
  <c r="A137239" i="1" s="1"/>
  <c r="A137240" i="1" s="1"/>
  <c r="A137241" i="1" s="1"/>
  <c r="A137242" i="1" s="1"/>
  <c r="A137243" i="1" s="1"/>
  <c r="A137244" i="1" s="1"/>
  <c r="A137245" i="1" s="1"/>
  <c r="A137246" i="1" s="1"/>
  <c r="A137247" i="1" s="1"/>
  <c r="A137248" i="1" s="1"/>
  <c r="A137249" i="1" s="1"/>
  <c r="A137250" i="1" s="1"/>
  <c r="A137251" i="1" s="1"/>
  <c r="A137252" i="1" s="1"/>
  <c r="A137253" i="1" s="1"/>
  <c r="A137254" i="1" s="1"/>
  <c r="A137255" i="1" s="1"/>
  <c r="A137256" i="1" s="1"/>
  <c r="A137257" i="1" s="1"/>
  <c r="A137258" i="1" s="1"/>
  <c r="A137259" i="1" s="1"/>
  <c r="A137260" i="1" s="1"/>
  <c r="A137261" i="1" s="1"/>
  <c r="A137262" i="1" s="1"/>
  <c r="A137263" i="1" s="1"/>
  <c r="A137264" i="1" s="1"/>
  <c r="A137265" i="1" s="1"/>
  <c r="A137266" i="1" s="1"/>
  <c r="A137267" i="1" s="1"/>
  <c r="A137268" i="1" s="1"/>
  <c r="A137269" i="1" s="1"/>
  <c r="A137270" i="1" s="1"/>
  <c r="A137271" i="1" s="1"/>
  <c r="A137272" i="1" s="1"/>
  <c r="A137273" i="1" s="1"/>
  <c r="A137274" i="1" s="1"/>
  <c r="A137275" i="1" s="1"/>
  <c r="A137276" i="1" s="1"/>
  <c r="A137277" i="1" s="1"/>
  <c r="A137278" i="1" s="1"/>
  <c r="A137279" i="1" s="1"/>
  <c r="A137280" i="1" s="1"/>
  <c r="A137281" i="1" s="1"/>
  <c r="A137282" i="1" s="1"/>
  <c r="A137283" i="1" s="1"/>
  <c r="A137284" i="1" s="1"/>
  <c r="A137285" i="1" s="1"/>
  <c r="A137286" i="1" s="1"/>
  <c r="A137287" i="1" s="1"/>
  <c r="A137288" i="1" s="1"/>
  <c r="A137289" i="1" s="1"/>
  <c r="A137290" i="1" s="1"/>
  <c r="A137291" i="1" s="1"/>
  <c r="A137292" i="1" s="1"/>
  <c r="A137293" i="1" s="1"/>
  <c r="A137294" i="1" s="1"/>
  <c r="A137295" i="1" s="1"/>
  <c r="A137296" i="1" s="1"/>
  <c r="A137297" i="1" s="1"/>
  <c r="A137298" i="1" s="1"/>
  <c r="A137299" i="1" s="1"/>
  <c r="A137300" i="1" s="1"/>
  <c r="A137301" i="1" s="1"/>
  <c r="A137302" i="1" s="1"/>
  <c r="A137303" i="1" s="1"/>
  <c r="A137304" i="1" s="1"/>
  <c r="A137305" i="1" s="1"/>
  <c r="A137306" i="1" s="1"/>
  <c r="A137307" i="1" s="1"/>
  <c r="A137308" i="1" s="1"/>
  <c r="A137309" i="1" s="1"/>
  <c r="A137310" i="1" s="1"/>
  <c r="A137311" i="1" s="1"/>
  <c r="A137312" i="1" s="1"/>
  <c r="A137313" i="1" s="1"/>
  <c r="A137314" i="1" s="1"/>
  <c r="A137315" i="1" s="1"/>
  <c r="A137316" i="1" s="1"/>
  <c r="A137317" i="1" s="1"/>
  <c r="A137318" i="1" s="1"/>
  <c r="A137319" i="1" s="1"/>
  <c r="A137320" i="1" s="1"/>
  <c r="A137321" i="1" s="1"/>
  <c r="A137322" i="1" s="1"/>
  <c r="A137323" i="1" s="1"/>
  <c r="A137324" i="1" s="1"/>
  <c r="A137325" i="1" s="1"/>
  <c r="A137326" i="1" s="1"/>
  <c r="A137327" i="1" s="1"/>
  <c r="A137328" i="1" s="1"/>
  <c r="A137329" i="1" s="1"/>
  <c r="A137330" i="1" s="1"/>
  <c r="A137331" i="1" s="1"/>
  <c r="A137332" i="1" s="1"/>
  <c r="A137333" i="1" s="1"/>
  <c r="A137334" i="1" s="1"/>
  <c r="A137335" i="1" s="1"/>
  <c r="A137336" i="1" s="1"/>
  <c r="A137337" i="1" s="1"/>
  <c r="A137338" i="1" s="1"/>
  <c r="A137339" i="1" s="1"/>
  <c r="A137340" i="1" s="1"/>
  <c r="A137341" i="1" s="1"/>
  <c r="A137342" i="1" s="1"/>
  <c r="A137343" i="1" s="1"/>
  <c r="A137344" i="1" s="1"/>
  <c r="A137345" i="1" s="1"/>
  <c r="A137346" i="1" s="1"/>
  <c r="A137347" i="1" s="1"/>
  <c r="A137348" i="1" s="1"/>
  <c r="A137349" i="1" s="1"/>
  <c r="A137350" i="1" s="1"/>
  <c r="A137351" i="1" s="1"/>
  <c r="A137352" i="1" s="1"/>
  <c r="A137353" i="1" s="1"/>
  <c r="A137354" i="1" s="1"/>
  <c r="A137355" i="1" s="1"/>
  <c r="A137356" i="1" s="1"/>
  <c r="A137357" i="1" s="1"/>
  <c r="A137358" i="1" s="1"/>
  <c r="A137359" i="1" s="1"/>
  <c r="A137360" i="1" s="1"/>
  <c r="A137361" i="1" s="1"/>
  <c r="A137362" i="1" s="1"/>
  <c r="A137363" i="1" s="1"/>
  <c r="A137364" i="1" s="1"/>
  <c r="A137365" i="1" s="1"/>
  <c r="A137366" i="1" s="1"/>
  <c r="A137367" i="1" s="1"/>
  <c r="A137368" i="1" s="1"/>
  <c r="A137369" i="1" s="1"/>
  <c r="A137370" i="1" s="1"/>
  <c r="A137371" i="1" s="1"/>
  <c r="A137372" i="1" s="1"/>
  <c r="A137373" i="1" s="1"/>
  <c r="A137374" i="1" s="1"/>
  <c r="A137375" i="1" s="1"/>
  <c r="A137376" i="1" s="1"/>
  <c r="A137377" i="1" s="1"/>
  <c r="A137378" i="1" s="1"/>
  <c r="A137379" i="1" s="1"/>
  <c r="A137380" i="1" s="1"/>
  <c r="A137381" i="1" s="1"/>
  <c r="A137382" i="1" s="1"/>
  <c r="A137383" i="1" s="1"/>
  <c r="A137384" i="1" s="1"/>
  <c r="A137385" i="1" s="1"/>
  <c r="A137386" i="1" s="1"/>
  <c r="A137387" i="1" s="1"/>
  <c r="A137388" i="1" s="1"/>
  <c r="A137389" i="1" s="1"/>
  <c r="A137390" i="1" s="1"/>
  <c r="A137391" i="1" s="1"/>
  <c r="A137392" i="1" s="1"/>
  <c r="A137393" i="1" s="1"/>
  <c r="A137394" i="1" s="1"/>
  <c r="A137395" i="1" s="1"/>
  <c r="A137396" i="1" s="1"/>
  <c r="A137397" i="1" s="1"/>
  <c r="A137398" i="1" s="1"/>
  <c r="A137399" i="1" s="1"/>
  <c r="A137400" i="1" s="1"/>
  <c r="A137401" i="1" s="1"/>
  <c r="A137402" i="1" s="1"/>
  <c r="A137403" i="1" s="1"/>
  <c r="A137404" i="1" s="1"/>
  <c r="A137405" i="1" s="1"/>
  <c r="A137406" i="1" s="1"/>
  <c r="A137407" i="1" s="1"/>
  <c r="A137408" i="1" s="1"/>
  <c r="A137409" i="1" s="1"/>
  <c r="A137410" i="1" s="1"/>
  <c r="A137411" i="1" s="1"/>
  <c r="A137412" i="1" s="1"/>
  <c r="A137413" i="1" s="1"/>
  <c r="A137414" i="1" s="1"/>
  <c r="A137415" i="1" s="1"/>
  <c r="A137416" i="1" s="1"/>
  <c r="A137417" i="1" s="1"/>
  <c r="A137418" i="1" s="1"/>
  <c r="A137419" i="1" s="1"/>
  <c r="A137420" i="1" s="1"/>
  <c r="A137421" i="1" s="1"/>
  <c r="A137422" i="1" s="1"/>
  <c r="A137423" i="1" s="1"/>
  <c r="A137424" i="1" s="1"/>
  <c r="A137425" i="1" s="1"/>
  <c r="A137426" i="1" s="1"/>
  <c r="A137427" i="1" s="1"/>
  <c r="A137428" i="1" s="1"/>
  <c r="A137429" i="1" s="1"/>
  <c r="A137430" i="1" s="1"/>
  <c r="A137431" i="1" s="1"/>
  <c r="A137432" i="1" s="1"/>
  <c r="A137433" i="1" s="1"/>
  <c r="A137434" i="1" s="1"/>
  <c r="A137435" i="1" s="1"/>
  <c r="A137436" i="1" s="1"/>
  <c r="A137437" i="1" s="1"/>
  <c r="A137438" i="1" s="1"/>
  <c r="A137439" i="1" s="1"/>
  <c r="A137440" i="1" s="1"/>
  <c r="A137441" i="1" s="1"/>
  <c r="A137442" i="1" s="1"/>
  <c r="A137443" i="1" s="1"/>
  <c r="A137444" i="1" s="1"/>
  <c r="A137445" i="1" s="1"/>
  <c r="A137446" i="1" s="1"/>
  <c r="A137447" i="1" s="1"/>
  <c r="A137448" i="1" s="1"/>
  <c r="A137449" i="1" s="1"/>
  <c r="A137450" i="1" s="1"/>
  <c r="A137451" i="1" s="1"/>
  <c r="A137452" i="1" s="1"/>
  <c r="A137453" i="1" s="1"/>
  <c r="A137454" i="1" s="1"/>
  <c r="A137455" i="1" s="1"/>
  <c r="A137456" i="1" s="1"/>
  <c r="A137457" i="1" s="1"/>
  <c r="A137458" i="1" s="1"/>
  <c r="A137459" i="1" s="1"/>
  <c r="A137460" i="1" s="1"/>
  <c r="A137461" i="1" s="1"/>
  <c r="A137462" i="1" s="1"/>
  <c r="A137463" i="1" s="1"/>
  <c r="A137464" i="1" s="1"/>
  <c r="A137465" i="1" s="1"/>
  <c r="A137466" i="1" s="1"/>
  <c r="A137467" i="1" s="1"/>
  <c r="A137468" i="1" s="1"/>
  <c r="A137469" i="1" s="1"/>
  <c r="A137470" i="1" s="1"/>
  <c r="A137471" i="1" s="1"/>
  <c r="A137472" i="1" s="1"/>
  <c r="A137473" i="1" s="1"/>
  <c r="A137474" i="1" s="1"/>
  <c r="A137475" i="1" s="1"/>
  <c r="A137476" i="1" s="1"/>
  <c r="A137477" i="1" s="1"/>
  <c r="A137478" i="1" s="1"/>
  <c r="A137479" i="1" s="1"/>
  <c r="A137480" i="1" s="1"/>
  <c r="A137481" i="1" s="1"/>
  <c r="A137482" i="1" s="1"/>
  <c r="A137483" i="1" s="1"/>
  <c r="A137484" i="1" s="1"/>
  <c r="A137485" i="1" s="1"/>
  <c r="A137486" i="1" s="1"/>
  <c r="A137487" i="1" s="1"/>
  <c r="A137488" i="1" s="1"/>
  <c r="A137489" i="1" s="1"/>
  <c r="A137490" i="1" s="1"/>
  <c r="A137491" i="1" s="1"/>
  <c r="A137492" i="1" s="1"/>
  <c r="A137493" i="1" s="1"/>
  <c r="A137494" i="1" s="1"/>
  <c r="A137495" i="1" s="1"/>
  <c r="A137496" i="1" s="1"/>
  <c r="A137497" i="1" s="1"/>
  <c r="A137498" i="1" s="1"/>
  <c r="A137499" i="1" s="1"/>
  <c r="A137500" i="1" s="1"/>
  <c r="A137501" i="1" s="1"/>
  <c r="A137502" i="1" s="1"/>
  <c r="A137503" i="1" s="1"/>
  <c r="A137504" i="1" s="1"/>
  <c r="A137505" i="1" s="1"/>
  <c r="A137506" i="1" s="1"/>
  <c r="A137507" i="1" s="1"/>
  <c r="A137508" i="1" s="1"/>
  <c r="A137509" i="1" s="1"/>
  <c r="A137510" i="1" s="1"/>
  <c r="A137511" i="1" s="1"/>
  <c r="A137512" i="1" s="1"/>
  <c r="A137513" i="1" s="1"/>
  <c r="A137514" i="1" s="1"/>
  <c r="A137515" i="1" s="1"/>
  <c r="A137516" i="1" s="1"/>
  <c r="A137517" i="1" s="1"/>
  <c r="A137518" i="1" s="1"/>
  <c r="A137519" i="1" s="1"/>
  <c r="A137520" i="1" s="1"/>
  <c r="A137521" i="1" s="1"/>
  <c r="A137522" i="1" s="1"/>
  <c r="A137523" i="1" s="1"/>
  <c r="A137524" i="1" s="1"/>
  <c r="A137525" i="1" s="1"/>
  <c r="A137526" i="1" s="1"/>
  <c r="A137527" i="1" s="1"/>
  <c r="A137528" i="1" s="1"/>
  <c r="A137529" i="1" s="1"/>
  <c r="A137530" i="1" s="1"/>
  <c r="A137531" i="1" s="1"/>
  <c r="A137532" i="1" s="1"/>
  <c r="A137533" i="1" s="1"/>
  <c r="A137534" i="1" s="1"/>
  <c r="A137535" i="1" s="1"/>
  <c r="A137536" i="1" s="1"/>
  <c r="A137537" i="1" s="1"/>
  <c r="A137538" i="1" s="1"/>
  <c r="A137539" i="1" s="1"/>
  <c r="A137540" i="1" s="1"/>
  <c r="A137541" i="1" s="1"/>
  <c r="A137542" i="1" s="1"/>
  <c r="A137543" i="1" s="1"/>
  <c r="A137544" i="1" s="1"/>
  <c r="A137545" i="1" s="1"/>
  <c r="A137546" i="1" s="1"/>
  <c r="A137547" i="1" s="1"/>
  <c r="A137548" i="1" s="1"/>
  <c r="A137549" i="1" s="1"/>
  <c r="A137550" i="1" s="1"/>
  <c r="A137551" i="1" s="1"/>
  <c r="A137552" i="1" s="1"/>
  <c r="A137553" i="1" s="1"/>
  <c r="A137554" i="1" s="1"/>
  <c r="A137555" i="1" s="1"/>
  <c r="A137556" i="1" s="1"/>
  <c r="A137557" i="1" s="1"/>
  <c r="A137558" i="1" s="1"/>
  <c r="A137559" i="1" s="1"/>
  <c r="A137560" i="1" s="1"/>
  <c r="A137561" i="1" s="1"/>
  <c r="A137562" i="1" s="1"/>
  <c r="A137563" i="1" s="1"/>
  <c r="A137564" i="1" s="1"/>
  <c r="A137565" i="1" s="1"/>
  <c r="A137566" i="1" s="1"/>
  <c r="A137567" i="1" s="1"/>
  <c r="A137568" i="1" s="1"/>
  <c r="A137569" i="1" s="1"/>
  <c r="A137570" i="1" s="1"/>
  <c r="A137571" i="1" s="1"/>
  <c r="A137572" i="1" s="1"/>
  <c r="A137573" i="1" s="1"/>
  <c r="A137574" i="1" s="1"/>
  <c r="A137575" i="1" s="1"/>
  <c r="A137576" i="1" s="1"/>
  <c r="A137577" i="1" s="1"/>
  <c r="A137578" i="1" s="1"/>
  <c r="A137579" i="1" s="1"/>
  <c r="A137580" i="1" s="1"/>
  <c r="A137581" i="1" s="1"/>
  <c r="A137582" i="1" s="1"/>
  <c r="A137583" i="1" s="1"/>
  <c r="A137584" i="1" s="1"/>
  <c r="A137585" i="1" s="1"/>
  <c r="A137586" i="1" s="1"/>
  <c r="A137587" i="1" s="1"/>
  <c r="A137588" i="1" s="1"/>
  <c r="A137589" i="1" s="1"/>
  <c r="A137590" i="1" s="1"/>
  <c r="A137591" i="1" s="1"/>
  <c r="A137592" i="1" s="1"/>
  <c r="A137593" i="1" s="1"/>
  <c r="A137594" i="1" s="1"/>
  <c r="A137595" i="1" s="1"/>
  <c r="A137596" i="1" s="1"/>
  <c r="A137597" i="1" s="1"/>
  <c r="A137598" i="1" s="1"/>
  <c r="A137599" i="1" s="1"/>
  <c r="A137600" i="1" s="1"/>
  <c r="A137601" i="1" s="1"/>
  <c r="A137602" i="1" s="1"/>
  <c r="A137603" i="1" s="1"/>
  <c r="A137604" i="1" s="1"/>
  <c r="A137605" i="1" s="1"/>
  <c r="A137606" i="1" s="1"/>
  <c r="A137607" i="1" s="1"/>
  <c r="A137608" i="1" s="1"/>
  <c r="A137609" i="1" s="1"/>
  <c r="A137610" i="1" s="1"/>
  <c r="A137611" i="1" s="1"/>
  <c r="A137612" i="1" s="1"/>
  <c r="A137613" i="1" s="1"/>
  <c r="A137614" i="1" s="1"/>
  <c r="A137615" i="1" s="1"/>
  <c r="A137616" i="1" s="1"/>
  <c r="A137617" i="1" s="1"/>
  <c r="A137618" i="1" s="1"/>
  <c r="A137619" i="1" s="1"/>
  <c r="A137620" i="1" s="1"/>
  <c r="A137621" i="1" s="1"/>
  <c r="A137622" i="1" s="1"/>
  <c r="A137623" i="1" s="1"/>
  <c r="A137624" i="1" s="1"/>
  <c r="A137625" i="1" s="1"/>
  <c r="A137626" i="1" s="1"/>
  <c r="A137627" i="1" s="1"/>
  <c r="A137628" i="1" s="1"/>
  <c r="A137629" i="1" s="1"/>
  <c r="A137630" i="1" s="1"/>
  <c r="A137631" i="1" s="1"/>
  <c r="A137632" i="1" s="1"/>
  <c r="A137633" i="1" s="1"/>
  <c r="A137634" i="1" s="1"/>
  <c r="A137635" i="1" s="1"/>
  <c r="A137636" i="1" s="1"/>
  <c r="A137637" i="1" s="1"/>
  <c r="A137638" i="1" s="1"/>
  <c r="A137639" i="1" s="1"/>
  <c r="A137640" i="1" s="1"/>
  <c r="A137641" i="1" s="1"/>
  <c r="A137642" i="1" s="1"/>
  <c r="A137643" i="1" s="1"/>
  <c r="A137644" i="1" s="1"/>
  <c r="A137645" i="1" s="1"/>
  <c r="A137646" i="1" s="1"/>
  <c r="A137647" i="1" s="1"/>
  <c r="A137648" i="1" s="1"/>
  <c r="A137649" i="1" s="1"/>
  <c r="A137650" i="1" s="1"/>
  <c r="A137651" i="1" s="1"/>
  <c r="A137652" i="1" s="1"/>
  <c r="A137653" i="1" s="1"/>
  <c r="A137654" i="1" s="1"/>
  <c r="A137655" i="1" s="1"/>
  <c r="A137656" i="1" s="1"/>
  <c r="A137657" i="1" s="1"/>
  <c r="A137658" i="1" s="1"/>
  <c r="A137659" i="1" s="1"/>
  <c r="A137660" i="1" s="1"/>
  <c r="A137661" i="1" s="1"/>
  <c r="A137662" i="1" s="1"/>
  <c r="A137663" i="1" s="1"/>
  <c r="A137664" i="1" s="1"/>
  <c r="A137665" i="1" s="1"/>
  <c r="A137666" i="1" s="1"/>
  <c r="A137667" i="1" s="1"/>
  <c r="A137668" i="1" s="1"/>
  <c r="A137669" i="1" s="1"/>
  <c r="A137670" i="1" s="1"/>
  <c r="A137671" i="1" s="1"/>
  <c r="A137672" i="1" s="1"/>
  <c r="A137673" i="1" s="1"/>
  <c r="A137674" i="1" s="1"/>
  <c r="A137675" i="1" s="1"/>
  <c r="A137676" i="1" s="1"/>
  <c r="A137677" i="1" s="1"/>
  <c r="A137678" i="1" s="1"/>
  <c r="A137679" i="1" s="1"/>
  <c r="A137680" i="1" s="1"/>
  <c r="A137681" i="1" s="1"/>
  <c r="A137682" i="1" s="1"/>
  <c r="A137683" i="1" s="1"/>
  <c r="A137684" i="1" s="1"/>
  <c r="A137685" i="1" s="1"/>
  <c r="A137686" i="1" s="1"/>
  <c r="A137687" i="1" s="1"/>
  <c r="A137688" i="1" s="1"/>
  <c r="A137689" i="1" s="1"/>
  <c r="A137690" i="1" s="1"/>
  <c r="A137691" i="1" s="1"/>
  <c r="A137692" i="1" s="1"/>
  <c r="A137693" i="1" s="1"/>
  <c r="A137694" i="1" s="1"/>
  <c r="A137695" i="1" s="1"/>
  <c r="A137696" i="1" s="1"/>
  <c r="A137697" i="1" s="1"/>
  <c r="A137698" i="1" s="1"/>
  <c r="A137699" i="1" s="1"/>
  <c r="A137700" i="1" s="1"/>
  <c r="A137701" i="1" s="1"/>
  <c r="A137702" i="1" s="1"/>
  <c r="A137703" i="1" s="1"/>
  <c r="A137704" i="1" s="1"/>
  <c r="A137705" i="1" s="1"/>
  <c r="A137706" i="1" s="1"/>
  <c r="A137707" i="1" s="1"/>
  <c r="A137708" i="1" s="1"/>
  <c r="A137709" i="1" s="1"/>
  <c r="A137710" i="1" s="1"/>
  <c r="A137711" i="1" s="1"/>
  <c r="A137712" i="1" s="1"/>
  <c r="A137713" i="1" s="1"/>
  <c r="A137714" i="1" s="1"/>
  <c r="A137715" i="1" s="1"/>
  <c r="A137716" i="1" s="1"/>
  <c r="A137717" i="1" s="1"/>
  <c r="A137718" i="1" s="1"/>
  <c r="A137719" i="1" s="1"/>
  <c r="A137720" i="1" s="1"/>
  <c r="A137721" i="1" s="1"/>
  <c r="A137722" i="1" s="1"/>
  <c r="A137723" i="1" s="1"/>
  <c r="A137724" i="1" s="1"/>
  <c r="A137725" i="1" s="1"/>
  <c r="A137726" i="1" s="1"/>
  <c r="A137727" i="1" s="1"/>
  <c r="A137728" i="1" s="1"/>
  <c r="A137729" i="1" s="1"/>
  <c r="A137730" i="1" s="1"/>
  <c r="A137731" i="1" s="1"/>
  <c r="A137732" i="1" s="1"/>
  <c r="A137733" i="1" s="1"/>
  <c r="A137734" i="1" s="1"/>
  <c r="A137735" i="1" s="1"/>
  <c r="A137736" i="1" s="1"/>
  <c r="A137737" i="1" s="1"/>
  <c r="A137738" i="1" s="1"/>
  <c r="A137739" i="1" s="1"/>
  <c r="A137740" i="1" s="1"/>
  <c r="A137741" i="1" s="1"/>
  <c r="A137742" i="1" s="1"/>
  <c r="A137743" i="1" s="1"/>
  <c r="A137744" i="1" s="1"/>
  <c r="A137745" i="1" s="1"/>
  <c r="A137746" i="1" s="1"/>
  <c r="A137747" i="1" s="1"/>
  <c r="A137748" i="1" s="1"/>
  <c r="A137749" i="1" s="1"/>
  <c r="A137750" i="1" s="1"/>
  <c r="A137751" i="1" s="1"/>
  <c r="A137752" i="1" s="1"/>
  <c r="A137753" i="1" s="1"/>
  <c r="A137754" i="1" s="1"/>
  <c r="A137755" i="1" s="1"/>
  <c r="A137756" i="1" s="1"/>
  <c r="A137757" i="1" s="1"/>
  <c r="A137758" i="1" s="1"/>
  <c r="A137759" i="1" s="1"/>
  <c r="A137760" i="1" s="1"/>
  <c r="A137761" i="1" s="1"/>
  <c r="A137762" i="1" s="1"/>
  <c r="A137763" i="1" s="1"/>
  <c r="A137764" i="1" s="1"/>
  <c r="A137765" i="1" s="1"/>
  <c r="A137766" i="1" s="1"/>
  <c r="A137767" i="1" s="1"/>
  <c r="A137768" i="1" s="1"/>
  <c r="A137769" i="1" s="1"/>
  <c r="A137770" i="1" s="1"/>
  <c r="A137771" i="1" s="1"/>
  <c r="A137772" i="1" s="1"/>
  <c r="A137773" i="1" s="1"/>
  <c r="A137774" i="1" s="1"/>
  <c r="A137775" i="1" s="1"/>
  <c r="A137776" i="1" s="1"/>
  <c r="A137777" i="1" s="1"/>
  <c r="A137778" i="1" s="1"/>
  <c r="A137779" i="1" s="1"/>
  <c r="A137780" i="1" s="1"/>
  <c r="A137781" i="1" s="1"/>
  <c r="A137782" i="1" s="1"/>
  <c r="A137783" i="1" s="1"/>
  <c r="A137784" i="1" s="1"/>
  <c r="A137785" i="1" s="1"/>
  <c r="A137786" i="1" s="1"/>
  <c r="A137787" i="1" s="1"/>
  <c r="A137788" i="1" s="1"/>
  <c r="A137789" i="1" s="1"/>
  <c r="A137790" i="1" s="1"/>
  <c r="A137791" i="1" s="1"/>
  <c r="A137792" i="1" s="1"/>
  <c r="A137793" i="1" s="1"/>
  <c r="A137794" i="1" s="1"/>
  <c r="A137795" i="1" s="1"/>
  <c r="A137796" i="1" s="1"/>
  <c r="A137797" i="1" s="1"/>
  <c r="A137798" i="1" s="1"/>
  <c r="A137799" i="1" s="1"/>
  <c r="A137800" i="1" s="1"/>
  <c r="A137801" i="1" s="1"/>
  <c r="A137802" i="1" s="1"/>
  <c r="A137803" i="1" s="1"/>
  <c r="A137804" i="1" s="1"/>
  <c r="A137805" i="1" s="1"/>
  <c r="A137806" i="1" s="1"/>
  <c r="A137807" i="1" s="1"/>
  <c r="A137808" i="1" s="1"/>
  <c r="A137809" i="1" s="1"/>
  <c r="A137810" i="1" s="1"/>
  <c r="A137811" i="1" s="1"/>
  <c r="A137812" i="1" s="1"/>
  <c r="A137813" i="1" s="1"/>
  <c r="A137814" i="1" s="1"/>
  <c r="A137815" i="1" s="1"/>
  <c r="A137816" i="1" s="1"/>
  <c r="A137817" i="1" s="1"/>
  <c r="A137818" i="1" s="1"/>
  <c r="A137819" i="1" s="1"/>
  <c r="A137820" i="1" s="1"/>
  <c r="A137821" i="1" s="1"/>
  <c r="A137822" i="1" s="1"/>
  <c r="A137823" i="1" s="1"/>
  <c r="A137824" i="1" s="1"/>
  <c r="A137825" i="1" s="1"/>
  <c r="A137826" i="1" s="1"/>
  <c r="A137827" i="1" s="1"/>
  <c r="A137828" i="1" s="1"/>
  <c r="A137829" i="1" s="1"/>
  <c r="A137830" i="1" s="1"/>
  <c r="A137831" i="1" s="1"/>
  <c r="A137832" i="1" s="1"/>
  <c r="A137833" i="1" s="1"/>
  <c r="A137834" i="1" s="1"/>
  <c r="A137835" i="1" s="1"/>
  <c r="A137836" i="1" s="1"/>
  <c r="A137837" i="1" s="1"/>
  <c r="A137838" i="1" s="1"/>
  <c r="A137839" i="1" s="1"/>
  <c r="A137840" i="1" s="1"/>
  <c r="A137841" i="1" s="1"/>
  <c r="A137842" i="1" s="1"/>
  <c r="A137843" i="1" s="1"/>
  <c r="A137844" i="1" s="1"/>
  <c r="A137845" i="1" s="1"/>
  <c r="A137846" i="1" s="1"/>
  <c r="A137847" i="1" s="1"/>
  <c r="A137848" i="1" s="1"/>
  <c r="A137849" i="1" s="1"/>
  <c r="A137850" i="1" s="1"/>
  <c r="A137851" i="1" s="1"/>
  <c r="A137852" i="1" s="1"/>
  <c r="A137853" i="1" s="1"/>
  <c r="A137854" i="1" s="1"/>
  <c r="A137855" i="1" s="1"/>
  <c r="A137856" i="1" s="1"/>
  <c r="A137857" i="1" s="1"/>
  <c r="A137858" i="1" s="1"/>
  <c r="A137859" i="1" s="1"/>
  <c r="A137860" i="1" s="1"/>
  <c r="A137861" i="1" s="1"/>
  <c r="A137862" i="1" s="1"/>
  <c r="A137863" i="1" s="1"/>
  <c r="A137864" i="1" s="1"/>
  <c r="A137865" i="1" s="1"/>
  <c r="A137866" i="1" s="1"/>
  <c r="A137867" i="1" s="1"/>
  <c r="A137868" i="1" s="1"/>
  <c r="A137869" i="1" s="1"/>
  <c r="A137870" i="1" s="1"/>
  <c r="A137871" i="1" s="1"/>
  <c r="A137872" i="1" s="1"/>
  <c r="A137873" i="1" s="1"/>
  <c r="A137874" i="1" s="1"/>
  <c r="A137875" i="1" s="1"/>
  <c r="A137876" i="1" s="1"/>
  <c r="A137877" i="1" s="1"/>
  <c r="A137878" i="1" s="1"/>
  <c r="A137879" i="1" s="1"/>
  <c r="A137880" i="1" s="1"/>
  <c r="A137881" i="1" s="1"/>
  <c r="A137882" i="1" s="1"/>
  <c r="A137883" i="1" s="1"/>
  <c r="A137884" i="1" s="1"/>
  <c r="A137885" i="1" s="1"/>
  <c r="A137886" i="1" s="1"/>
  <c r="A137887" i="1" s="1"/>
  <c r="A137888" i="1" s="1"/>
  <c r="A137889" i="1" s="1"/>
  <c r="A137890" i="1" s="1"/>
  <c r="A137891" i="1" s="1"/>
  <c r="A137892" i="1" s="1"/>
  <c r="A137893" i="1" s="1"/>
  <c r="A137894" i="1" s="1"/>
  <c r="A137895" i="1" s="1"/>
  <c r="A137896" i="1" s="1"/>
  <c r="A137897" i="1" s="1"/>
  <c r="A137898" i="1" s="1"/>
  <c r="A137899" i="1" s="1"/>
  <c r="A137900" i="1" s="1"/>
  <c r="A137901" i="1" s="1"/>
  <c r="A137902" i="1" s="1"/>
  <c r="A137903" i="1" s="1"/>
  <c r="A137904" i="1" s="1"/>
  <c r="A137905" i="1" s="1"/>
  <c r="A137906" i="1" s="1"/>
  <c r="A137907" i="1" s="1"/>
  <c r="A137908" i="1" s="1"/>
  <c r="A137909" i="1" s="1"/>
  <c r="A137910" i="1" s="1"/>
  <c r="A137911" i="1" s="1"/>
  <c r="A137912" i="1" s="1"/>
  <c r="A137913" i="1" s="1"/>
  <c r="A137914" i="1" s="1"/>
  <c r="A137915" i="1" s="1"/>
  <c r="A137916" i="1" s="1"/>
  <c r="A137917" i="1" s="1"/>
  <c r="A137918" i="1" s="1"/>
  <c r="A137919" i="1" s="1"/>
  <c r="A137920" i="1" s="1"/>
  <c r="A137921" i="1" s="1"/>
  <c r="A137922" i="1" s="1"/>
  <c r="A137923" i="1" s="1"/>
  <c r="A137924" i="1" s="1"/>
  <c r="A137925" i="1" s="1"/>
  <c r="A137926" i="1" s="1"/>
  <c r="A137927" i="1" s="1"/>
  <c r="A137928" i="1" s="1"/>
  <c r="A137929" i="1" s="1"/>
  <c r="A137930" i="1" s="1"/>
  <c r="A137931" i="1" s="1"/>
  <c r="A137932" i="1" s="1"/>
  <c r="A137933" i="1" s="1"/>
  <c r="A137934" i="1" s="1"/>
  <c r="A137935" i="1" s="1"/>
  <c r="A137936" i="1" s="1"/>
  <c r="A137937" i="1" s="1"/>
  <c r="A137938" i="1" s="1"/>
  <c r="A137939" i="1" s="1"/>
  <c r="A137940" i="1" s="1"/>
  <c r="A137941" i="1" s="1"/>
  <c r="A137942" i="1" s="1"/>
  <c r="A137943" i="1" s="1"/>
  <c r="A137944" i="1" s="1"/>
  <c r="A137945" i="1" s="1"/>
  <c r="A137946" i="1" s="1"/>
  <c r="A137947" i="1" s="1"/>
  <c r="A137948" i="1" s="1"/>
  <c r="A137949" i="1" s="1"/>
  <c r="A137950" i="1" s="1"/>
  <c r="A137951" i="1" s="1"/>
  <c r="A137952" i="1" s="1"/>
  <c r="A137953" i="1" s="1"/>
  <c r="A137954" i="1" s="1"/>
  <c r="A137955" i="1" s="1"/>
  <c r="A137956" i="1" s="1"/>
  <c r="A137957" i="1" s="1"/>
  <c r="A137958" i="1" s="1"/>
  <c r="A137959" i="1" s="1"/>
  <c r="A137960" i="1" s="1"/>
  <c r="A137961" i="1" s="1"/>
  <c r="A137962" i="1" s="1"/>
  <c r="A137963" i="1" s="1"/>
  <c r="A137964" i="1" s="1"/>
  <c r="A137965" i="1" s="1"/>
  <c r="A137966" i="1" s="1"/>
  <c r="A137967" i="1" s="1"/>
  <c r="A137968" i="1" s="1"/>
  <c r="A137969" i="1" s="1"/>
  <c r="A137970" i="1" s="1"/>
  <c r="A137971" i="1" s="1"/>
  <c r="A137972" i="1" s="1"/>
  <c r="A137973" i="1" s="1"/>
  <c r="A137974" i="1" s="1"/>
  <c r="A137975" i="1" s="1"/>
  <c r="A137976" i="1" s="1"/>
  <c r="A137977" i="1" s="1"/>
  <c r="A137978" i="1" s="1"/>
  <c r="A137979" i="1" s="1"/>
  <c r="A137980" i="1" s="1"/>
  <c r="A137981" i="1" s="1"/>
  <c r="A137982" i="1" s="1"/>
  <c r="A137983" i="1" s="1"/>
  <c r="A137984" i="1" s="1"/>
  <c r="A137985" i="1" s="1"/>
  <c r="A137986" i="1" s="1"/>
  <c r="A137987" i="1" s="1"/>
  <c r="A137988" i="1" s="1"/>
  <c r="A137989" i="1" s="1"/>
  <c r="A137990" i="1" s="1"/>
  <c r="A137991" i="1" s="1"/>
  <c r="A137992" i="1" s="1"/>
  <c r="A137993" i="1" s="1"/>
  <c r="A137994" i="1" s="1"/>
  <c r="A137995" i="1" s="1"/>
  <c r="A137996" i="1" s="1"/>
  <c r="A137997" i="1" s="1"/>
  <c r="A137998" i="1" s="1"/>
  <c r="A137999" i="1" s="1"/>
  <c r="A138000" i="1" s="1"/>
  <c r="A138001" i="1" s="1"/>
  <c r="A138002" i="1" s="1"/>
  <c r="A138003" i="1" s="1"/>
  <c r="A138004" i="1" s="1"/>
  <c r="A138005" i="1" s="1"/>
  <c r="A138006" i="1" s="1"/>
  <c r="A138007" i="1" s="1"/>
  <c r="A138008" i="1" s="1"/>
  <c r="A138009" i="1" s="1"/>
  <c r="A138010" i="1" s="1"/>
  <c r="A138011" i="1" s="1"/>
  <c r="A138012" i="1" s="1"/>
  <c r="A138013" i="1" s="1"/>
  <c r="A138014" i="1" s="1"/>
  <c r="A138015" i="1" s="1"/>
  <c r="A138016" i="1" s="1"/>
  <c r="A138017" i="1" s="1"/>
  <c r="A138018" i="1" s="1"/>
  <c r="A138019" i="1" s="1"/>
  <c r="A138020" i="1" s="1"/>
  <c r="A138021" i="1" s="1"/>
  <c r="A138022" i="1" s="1"/>
  <c r="A138023" i="1" s="1"/>
  <c r="A138024" i="1" s="1"/>
  <c r="A138025" i="1" s="1"/>
  <c r="A138026" i="1" s="1"/>
  <c r="A138027" i="1" s="1"/>
  <c r="A138028" i="1" s="1"/>
  <c r="A138029" i="1" s="1"/>
  <c r="A138030" i="1" s="1"/>
  <c r="A138031" i="1" s="1"/>
  <c r="A138032" i="1" s="1"/>
  <c r="A138033" i="1" s="1"/>
  <c r="A138034" i="1" s="1"/>
  <c r="A138035" i="1" s="1"/>
  <c r="A138036" i="1" s="1"/>
  <c r="A138037" i="1" s="1"/>
  <c r="A138038" i="1" s="1"/>
  <c r="A138039" i="1" s="1"/>
  <c r="A138040" i="1" s="1"/>
  <c r="A138041" i="1" s="1"/>
  <c r="A138042" i="1" s="1"/>
  <c r="A138043" i="1" s="1"/>
  <c r="A138044" i="1" s="1"/>
  <c r="A138045" i="1" s="1"/>
  <c r="A138046" i="1" s="1"/>
  <c r="A138047" i="1" s="1"/>
  <c r="A138048" i="1" s="1"/>
  <c r="A138049" i="1" s="1"/>
  <c r="A138050" i="1" s="1"/>
  <c r="A138051" i="1" s="1"/>
  <c r="A138052" i="1" s="1"/>
  <c r="A138053" i="1" s="1"/>
  <c r="A138054" i="1" s="1"/>
  <c r="A138055" i="1" s="1"/>
  <c r="A138056" i="1" s="1"/>
  <c r="A138057" i="1" s="1"/>
  <c r="A138058" i="1" s="1"/>
  <c r="A138059" i="1" s="1"/>
  <c r="A138060" i="1" s="1"/>
  <c r="A138061" i="1" s="1"/>
  <c r="A138062" i="1" s="1"/>
  <c r="A138063" i="1" s="1"/>
  <c r="A138064" i="1" s="1"/>
  <c r="A138065" i="1" s="1"/>
  <c r="A138066" i="1" s="1"/>
  <c r="A138067" i="1" s="1"/>
  <c r="A138068" i="1" s="1"/>
  <c r="A138069" i="1" s="1"/>
  <c r="A138070" i="1" s="1"/>
  <c r="A138071" i="1" s="1"/>
  <c r="A138072" i="1" s="1"/>
  <c r="A138073" i="1" s="1"/>
  <c r="A138074" i="1" s="1"/>
  <c r="A138075" i="1" s="1"/>
  <c r="A138076" i="1" s="1"/>
  <c r="A138077" i="1" s="1"/>
  <c r="A138078" i="1" s="1"/>
  <c r="A138079" i="1" s="1"/>
  <c r="A138080" i="1" s="1"/>
  <c r="A138081" i="1" s="1"/>
  <c r="A138082" i="1" s="1"/>
  <c r="A138083" i="1" s="1"/>
  <c r="A138084" i="1" s="1"/>
  <c r="A138085" i="1" s="1"/>
  <c r="A138086" i="1" s="1"/>
  <c r="A138087" i="1" s="1"/>
  <c r="A138088" i="1" s="1"/>
  <c r="A138089" i="1" s="1"/>
  <c r="A138090" i="1" s="1"/>
  <c r="A138091" i="1" s="1"/>
  <c r="A138092" i="1" s="1"/>
  <c r="A138093" i="1" s="1"/>
  <c r="A138094" i="1" s="1"/>
  <c r="A138095" i="1" s="1"/>
  <c r="A138096" i="1" s="1"/>
  <c r="A138097" i="1" s="1"/>
  <c r="A138098" i="1" s="1"/>
  <c r="A138099" i="1" s="1"/>
  <c r="A138100" i="1" s="1"/>
  <c r="A138101" i="1" s="1"/>
  <c r="A138102" i="1" s="1"/>
  <c r="A138103" i="1" s="1"/>
  <c r="A138104" i="1" s="1"/>
  <c r="A138105" i="1" s="1"/>
  <c r="A138106" i="1" s="1"/>
  <c r="A138107" i="1" s="1"/>
  <c r="A138108" i="1" s="1"/>
  <c r="A138109" i="1" s="1"/>
  <c r="A138110" i="1" s="1"/>
  <c r="A138111" i="1" s="1"/>
  <c r="A138112" i="1" s="1"/>
  <c r="A138113" i="1" s="1"/>
  <c r="A138114" i="1" s="1"/>
  <c r="A138115" i="1" s="1"/>
  <c r="A138116" i="1" s="1"/>
  <c r="A138117" i="1" s="1"/>
  <c r="A138118" i="1" s="1"/>
  <c r="A138119" i="1" s="1"/>
  <c r="A138120" i="1" s="1"/>
  <c r="A138121" i="1" s="1"/>
  <c r="A138122" i="1" s="1"/>
  <c r="A138123" i="1" s="1"/>
  <c r="A138124" i="1" s="1"/>
  <c r="A138125" i="1" s="1"/>
  <c r="A138126" i="1" s="1"/>
  <c r="A138127" i="1" s="1"/>
  <c r="A138128" i="1" s="1"/>
  <c r="A138129" i="1" s="1"/>
  <c r="A138130" i="1" s="1"/>
  <c r="A138131" i="1" s="1"/>
  <c r="A138132" i="1" s="1"/>
  <c r="A138133" i="1" s="1"/>
  <c r="A138134" i="1" s="1"/>
  <c r="A138135" i="1" s="1"/>
  <c r="A138136" i="1" s="1"/>
  <c r="A138137" i="1" s="1"/>
  <c r="A138138" i="1" s="1"/>
  <c r="A138139" i="1" s="1"/>
  <c r="A138140" i="1" s="1"/>
  <c r="A138141" i="1" s="1"/>
  <c r="A138142" i="1" s="1"/>
  <c r="A138143" i="1" s="1"/>
  <c r="A138144" i="1" s="1"/>
  <c r="A138145" i="1" s="1"/>
  <c r="A138146" i="1" s="1"/>
  <c r="A138147" i="1" s="1"/>
  <c r="A138148" i="1" s="1"/>
  <c r="A138149" i="1" s="1"/>
  <c r="A138150" i="1" s="1"/>
  <c r="A138151" i="1" s="1"/>
  <c r="A138152" i="1" s="1"/>
  <c r="A138153" i="1" s="1"/>
  <c r="A138154" i="1" s="1"/>
  <c r="A138155" i="1" s="1"/>
  <c r="A138156" i="1" s="1"/>
  <c r="A138157" i="1" s="1"/>
  <c r="A138158" i="1" s="1"/>
  <c r="A138159" i="1" s="1"/>
  <c r="A138160" i="1" s="1"/>
  <c r="A138161" i="1" s="1"/>
  <c r="A138162" i="1" s="1"/>
  <c r="A138163" i="1" s="1"/>
  <c r="A138164" i="1" s="1"/>
  <c r="A138165" i="1" s="1"/>
  <c r="A138166" i="1" s="1"/>
  <c r="A138167" i="1" s="1"/>
  <c r="A138168" i="1" s="1"/>
  <c r="A138169" i="1" s="1"/>
  <c r="A138170" i="1" s="1"/>
  <c r="A138171" i="1" s="1"/>
  <c r="A138172" i="1" s="1"/>
  <c r="A138173" i="1" s="1"/>
  <c r="A138174" i="1" s="1"/>
  <c r="A138175" i="1" s="1"/>
  <c r="A138176" i="1" s="1"/>
  <c r="A138177" i="1" s="1"/>
  <c r="A138178" i="1" s="1"/>
  <c r="A138179" i="1" s="1"/>
  <c r="A138180" i="1" s="1"/>
  <c r="A138181" i="1" s="1"/>
  <c r="A138182" i="1" s="1"/>
  <c r="A138183" i="1" s="1"/>
  <c r="A138184" i="1" s="1"/>
  <c r="A138185" i="1" s="1"/>
  <c r="A138186" i="1" s="1"/>
  <c r="A138187" i="1" s="1"/>
  <c r="A138188" i="1" s="1"/>
  <c r="A138189" i="1" s="1"/>
  <c r="A138190" i="1" s="1"/>
  <c r="A138191" i="1" s="1"/>
  <c r="A138192" i="1" s="1"/>
  <c r="A138193" i="1" s="1"/>
  <c r="A138194" i="1" s="1"/>
  <c r="A138195" i="1" s="1"/>
  <c r="A138196" i="1" s="1"/>
  <c r="A138197" i="1" s="1"/>
  <c r="A138198" i="1" s="1"/>
  <c r="A138199" i="1" s="1"/>
  <c r="A138200" i="1" s="1"/>
  <c r="A138201" i="1" s="1"/>
  <c r="A138202" i="1" s="1"/>
  <c r="A138203" i="1" s="1"/>
  <c r="A138204" i="1" s="1"/>
  <c r="A138205" i="1" s="1"/>
  <c r="A138206" i="1" s="1"/>
  <c r="A138207" i="1" s="1"/>
  <c r="A138208" i="1" s="1"/>
  <c r="A138209" i="1" s="1"/>
  <c r="A138210" i="1" s="1"/>
  <c r="A138211" i="1" s="1"/>
  <c r="A138212" i="1" s="1"/>
  <c r="A138213" i="1" s="1"/>
  <c r="A138214" i="1" s="1"/>
  <c r="A138215" i="1" s="1"/>
  <c r="A138216" i="1" s="1"/>
  <c r="A138217" i="1" s="1"/>
  <c r="A138218" i="1" s="1"/>
  <c r="A138219" i="1" s="1"/>
  <c r="A138220" i="1" s="1"/>
  <c r="A138221" i="1" s="1"/>
  <c r="A138222" i="1" s="1"/>
  <c r="A138223" i="1" s="1"/>
  <c r="A138224" i="1" s="1"/>
  <c r="A138225" i="1" s="1"/>
  <c r="A138226" i="1" s="1"/>
  <c r="A138227" i="1" s="1"/>
  <c r="A138228" i="1" s="1"/>
  <c r="A138229" i="1" s="1"/>
  <c r="A138230" i="1" s="1"/>
  <c r="A138231" i="1" s="1"/>
  <c r="A138232" i="1" s="1"/>
  <c r="A138233" i="1" s="1"/>
  <c r="A138234" i="1" s="1"/>
  <c r="A138235" i="1" s="1"/>
  <c r="A138236" i="1" s="1"/>
  <c r="A138237" i="1" s="1"/>
  <c r="A138238" i="1" s="1"/>
  <c r="A138239" i="1" s="1"/>
  <c r="A138240" i="1" s="1"/>
  <c r="A138241" i="1" s="1"/>
  <c r="A138242" i="1" s="1"/>
  <c r="A138243" i="1" s="1"/>
  <c r="A138244" i="1" s="1"/>
  <c r="A138245" i="1" s="1"/>
  <c r="A138246" i="1" s="1"/>
  <c r="A138247" i="1" s="1"/>
  <c r="A138248" i="1" s="1"/>
  <c r="A138249" i="1" s="1"/>
  <c r="A138250" i="1" s="1"/>
  <c r="A138251" i="1" s="1"/>
  <c r="A138252" i="1" s="1"/>
  <c r="A138253" i="1" s="1"/>
  <c r="A138254" i="1" s="1"/>
  <c r="A138255" i="1" s="1"/>
  <c r="A138256" i="1" s="1"/>
  <c r="A138257" i="1" s="1"/>
  <c r="A138258" i="1" s="1"/>
  <c r="A138259" i="1" s="1"/>
  <c r="A138260" i="1" s="1"/>
  <c r="A138261" i="1" s="1"/>
  <c r="A138262" i="1" s="1"/>
  <c r="A138263" i="1" s="1"/>
  <c r="A138264" i="1" s="1"/>
  <c r="A138265" i="1" s="1"/>
  <c r="A138266" i="1" s="1"/>
  <c r="A138267" i="1" s="1"/>
  <c r="A138268" i="1" s="1"/>
  <c r="A138269" i="1" s="1"/>
  <c r="A138270" i="1" s="1"/>
  <c r="A138271" i="1" s="1"/>
  <c r="A138272" i="1" s="1"/>
  <c r="A138273" i="1" s="1"/>
  <c r="A138274" i="1" s="1"/>
  <c r="A138275" i="1" s="1"/>
  <c r="A138276" i="1" s="1"/>
  <c r="A138277" i="1" s="1"/>
  <c r="A138278" i="1" s="1"/>
  <c r="A138279" i="1" s="1"/>
  <c r="A138280" i="1" s="1"/>
  <c r="A138281" i="1" s="1"/>
  <c r="A138282" i="1" s="1"/>
  <c r="A138283" i="1" s="1"/>
  <c r="A138284" i="1" s="1"/>
  <c r="A138285" i="1" s="1"/>
  <c r="A138286" i="1" s="1"/>
  <c r="A138287" i="1" s="1"/>
  <c r="A138288" i="1" s="1"/>
  <c r="A138289" i="1" s="1"/>
  <c r="A138290" i="1" s="1"/>
  <c r="A138291" i="1" s="1"/>
  <c r="A138292" i="1" s="1"/>
  <c r="A138293" i="1" s="1"/>
  <c r="A138294" i="1" s="1"/>
  <c r="A138295" i="1" s="1"/>
  <c r="A138296" i="1" s="1"/>
  <c r="A138297" i="1" s="1"/>
  <c r="A138298" i="1" s="1"/>
  <c r="A138299" i="1" s="1"/>
  <c r="A138300" i="1" s="1"/>
  <c r="A138301" i="1" s="1"/>
  <c r="A138302" i="1" s="1"/>
  <c r="A138303" i="1" s="1"/>
  <c r="A138304" i="1" s="1"/>
  <c r="A138305" i="1" s="1"/>
  <c r="A138306" i="1" s="1"/>
  <c r="A138307" i="1" s="1"/>
  <c r="A138308" i="1" s="1"/>
  <c r="A138309" i="1" s="1"/>
  <c r="A138310" i="1" s="1"/>
  <c r="A138311" i="1" s="1"/>
  <c r="A138312" i="1" s="1"/>
  <c r="A138313" i="1" s="1"/>
  <c r="A138314" i="1" s="1"/>
  <c r="A138315" i="1" s="1"/>
  <c r="A138316" i="1" s="1"/>
  <c r="A138317" i="1" s="1"/>
  <c r="A138318" i="1" s="1"/>
  <c r="A138319" i="1" s="1"/>
  <c r="A138320" i="1" s="1"/>
  <c r="A138321" i="1" s="1"/>
  <c r="A138322" i="1" s="1"/>
  <c r="A138323" i="1" s="1"/>
  <c r="A138324" i="1" s="1"/>
  <c r="A138325" i="1" s="1"/>
  <c r="A138326" i="1" s="1"/>
  <c r="A138327" i="1" s="1"/>
  <c r="A138328" i="1" s="1"/>
  <c r="A138329" i="1" s="1"/>
  <c r="A138330" i="1" s="1"/>
  <c r="A138331" i="1" s="1"/>
  <c r="A138332" i="1" s="1"/>
  <c r="A138333" i="1" s="1"/>
  <c r="A138334" i="1" s="1"/>
  <c r="A138335" i="1" s="1"/>
  <c r="A138336" i="1" s="1"/>
  <c r="A138337" i="1" s="1"/>
  <c r="A138338" i="1" s="1"/>
  <c r="A138339" i="1" s="1"/>
  <c r="A138340" i="1" s="1"/>
  <c r="A138341" i="1" s="1"/>
  <c r="A138342" i="1" s="1"/>
  <c r="A138343" i="1" s="1"/>
  <c r="A138344" i="1" s="1"/>
  <c r="A138345" i="1" s="1"/>
  <c r="A138346" i="1" s="1"/>
  <c r="A138347" i="1" s="1"/>
  <c r="A138348" i="1" s="1"/>
  <c r="A138349" i="1" s="1"/>
  <c r="A138350" i="1" s="1"/>
  <c r="A138351" i="1" s="1"/>
  <c r="A138352" i="1" s="1"/>
  <c r="A138353" i="1" s="1"/>
  <c r="A138354" i="1" s="1"/>
  <c r="A138355" i="1" s="1"/>
  <c r="A138356" i="1" s="1"/>
  <c r="A138357" i="1" s="1"/>
  <c r="A138358" i="1" s="1"/>
  <c r="A138359" i="1" s="1"/>
  <c r="A138360" i="1" s="1"/>
  <c r="A138361" i="1" s="1"/>
  <c r="A138362" i="1" s="1"/>
  <c r="A138363" i="1" s="1"/>
  <c r="A138364" i="1" s="1"/>
  <c r="A138365" i="1" s="1"/>
  <c r="A138366" i="1" s="1"/>
  <c r="A138367" i="1" s="1"/>
  <c r="A138368" i="1" s="1"/>
  <c r="A138369" i="1" s="1"/>
  <c r="A138370" i="1" s="1"/>
  <c r="A138371" i="1" s="1"/>
  <c r="A138372" i="1" s="1"/>
  <c r="A138373" i="1" s="1"/>
  <c r="A138374" i="1" s="1"/>
  <c r="A138375" i="1" s="1"/>
  <c r="A138376" i="1" s="1"/>
  <c r="A138377" i="1" s="1"/>
  <c r="A138378" i="1" s="1"/>
  <c r="A138379" i="1" s="1"/>
  <c r="A138380" i="1" s="1"/>
  <c r="A138381" i="1" s="1"/>
  <c r="A138382" i="1" s="1"/>
  <c r="A138383" i="1" s="1"/>
  <c r="A138384" i="1" s="1"/>
  <c r="A138385" i="1" s="1"/>
  <c r="A138386" i="1" s="1"/>
  <c r="A138387" i="1" s="1"/>
  <c r="A138388" i="1" s="1"/>
  <c r="A138389" i="1" s="1"/>
  <c r="A138390" i="1" s="1"/>
  <c r="A138391" i="1" s="1"/>
  <c r="A138392" i="1" s="1"/>
  <c r="A138393" i="1" s="1"/>
  <c r="A138394" i="1" s="1"/>
  <c r="A138395" i="1" s="1"/>
  <c r="A138396" i="1" s="1"/>
  <c r="A138397" i="1" s="1"/>
  <c r="A138398" i="1" s="1"/>
  <c r="A138399" i="1" s="1"/>
  <c r="A138400" i="1" s="1"/>
  <c r="A138401" i="1" s="1"/>
  <c r="A138402" i="1" s="1"/>
  <c r="A138403" i="1" s="1"/>
  <c r="A138404" i="1" s="1"/>
  <c r="A138405" i="1" s="1"/>
  <c r="A138406" i="1" s="1"/>
  <c r="A138407" i="1" s="1"/>
  <c r="A138408" i="1" s="1"/>
  <c r="A138409" i="1" s="1"/>
  <c r="A138410" i="1" s="1"/>
  <c r="A138411" i="1" s="1"/>
  <c r="A138412" i="1" s="1"/>
  <c r="A138413" i="1" s="1"/>
  <c r="A138414" i="1" s="1"/>
  <c r="A138415" i="1" s="1"/>
  <c r="A138416" i="1" s="1"/>
  <c r="A138417" i="1" s="1"/>
  <c r="A138418" i="1" s="1"/>
  <c r="A138419" i="1" s="1"/>
  <c r="A138420" i="1" s="1"/>
  <c r="A138421" i="1" s="1"/>
  <c r="A138422" i="1" s="1"/>
  <c r="A138423" i="1" s="1"/>
  <c r="A138424" i="1" s="1"/>
  <c r="A138425" i="1" s="1"/>
  <c r="A138426" i="1" s="1"/>
  <c r="A138427" i="1" s="1"/>
  <c r="A138428" i="1" s="1"/>
  <c r="A138429" i="1" s="1"/>
  <c r="A138430" i="1" s="1"/>
  <c r="A138431" i="1" s="1"/>
  <c r="A138432" i="1" s="1"/>
  <c r="A138433" i="1" s="1"/>
  <c r="A138434" i="1" s="1"/>
  <c r="A138435" i="1" s="1"/>
  <c r="A138436" i="1" s="1"/>
  <c r="A138437" i="1" s="1"/>
  <c r="A138438" i="1" s="1"/>
  <c r="A138439" i="1" s="1"/>
  <c r="A138440" i="1" s="1"/>
  <c r="A138441" i="1" s="1"/>
  <c r="A138442" i="1" s="1"/>
  <c r="A138443" i="1" s="1"/>
  <c r="A138444" i="1" s="1"/>
  <c r="A138445" i="1" s="1"/>
  <c r="A138446" i="1" s="1"/>
  <c r="A138447" i="1" s="1"/>
  <c r="A138448" i="1" s="1"/>
  <c r="A138449" i="1" s="1"/>
  <c r="A138450" i="1" s="1"/>
  <c r="A138451" i="1" s="1"/>
  <c r="A138452" i="1" s="1"/>
  <c r="A138453" i="1" s="1"/>
  <c r="A138454" i="1" s="1"/>
  <c r="A138455" i="1" s="1"/>
  <c r="A138456" i="1" s="1"/>
  <c r="A138457" i="1" s="1"/>
  <c r="A138458" i="1" s="1"/>
  <c r="A138459" i="1" s="1"/>
  <c r="A138460" i="1" s="1"/>
  <c r="A138461" i="1" s="1"/>
  <c r="A138462" i="1" s="1"/>
  <c r="A138463" i="1" s="1"/>
  <c r="A138464" i="1" s="1"/>
  <c r="A138465" i="1" s="1"/>
  <c r="A138466" i="1" s="1"/>
  <c r="A138467" i="1" s="1"/>
  <c r="A138468" i="1" s="1"/>
  <c r="A138469" i="1" s="1"/>
  <c r="A138470" i="1" s="1"/>
  <c r="A138471" i="1" s="1"/>
  <c r="A138472" i="1" s="1"/>
  <c r="A138473" i="1" s="1"/>
  <c r="A138474" i="1" s="1"/>
  <c r="A138475" i="1" s="1"/>
  <c r="A138476" i="1" s="1"/>
  <c r="A138477" i="1" s="1"/>
  <c r="A138478" i="1" s="1"/>
  <c r="A138479" i="1" s="1"/>
  <c r="A138480" i="1" s="1"/>
  <c r="A138481" i="1" s="1"/>
  <c r="A138482" i="1" s="1"/>
  <c r="A138483" i="1" s="1"/>
  <c r="A138484" i="1" s="1"/>
  <c r="A138485" i="1" s="1"/>
  <c r="A138486" i="1" s="1"/>
  <c r="A138487" i="1" s="1"/>
  <c r="A138488" i="1" s="1"/>
  <c r="A138489" i="1" s="1"/>
  <c r="A138490" i="1" s="1"/>
  <c r="A138491" i="1" s="1"/>
  <c r="A138492" i="1" s="1"/>
  <c r="A138493" i="1" s="1"/>
  <c r="A138494" i="1" s="1"/>
  <c r="A138495" i="1" s="1"/>
  <c r="A138496" i="1" s="1"/>
  <c r="A138497" i="1" s="1"/>
  <c r="A138498" i="1" s="1"/>
  <c r="A138499" i="1" s="1"/>
  <c r="A138500" i="1" s="1"/>
  <c r="A138501" i="1" s="1"/>
  <c r="A138502" i="1" s="1"/>
  <c r="A138503" i="1" s="1"/>
  <c r="A138504" i="1" s="1"/>
  <c r="A138505" i="1" s="1"/>
  <c r="A138506" i="1" s="1"/>
  <c r="A138507" i="1" s="1"/>
  <c r="A138508" i="1" s="1"/>
  <c r="A138509" i="1" s="1"/>
  <c r="A138510" i="1" s="1"/>
  <c r="A138511" i="1" s="1"/>
  <c r="A138512" i="1" s="1"/>
  <c r="A138513" i="1" s="1"/>
  <c r="A138514" i="1" s="1"/>
  <c r="A138515" i="1" s="1"/>
  <c r="A138516" i="1" s="1"/>
  <c r="A138517" i="1" s="1"/>
  <c r="A138518" i="1" s="1"/>
  <c r="A138519" i="1" s="1"/>
  <c r="A138520" i="1" s="1"/>
  <c r="A138521" i="1" s="1"/>
  <c r="A138522" i="1" s="1"/>
  <c r="A138523" i="1" s="1"/>
  <c r="A138524" i="1" s="1"/>
  <c r="A138525" i="1" s="1"/>
  <c r="A138526" i="1" s="1"/>
  <c r="A138527" i="1" s="1"/>
  <c r="A138528" i="1" s="1"/>
  <c r="A138529" i="1" s="1"/>
  <c r="A138530" i="1" s="1"/>
  <c r="A138531" i="1" s="1"/>
  <c r="A138532" i="1" s="1"/>
  <c r="A138533" i="1" s="1"/>
  <c r="A138534" i="1" s="1"/>
  <c r="A138535" i="1" s="1"/>
  <c r="A138536" i="1" s="1"/>
  <c r="A138537" i="1" s="1"/>
  <c r="A138538" i="1" s="1"/>
  <c r="A138539" i="1" s="1"/>
  <c r="A138540" i="1" s="1"/>
  <c r="A138541" i="1" s="1"/>
  <c r="A138542" i="1" s="1"/>
  <c r="A138543" i="1" s="1"/>
  <c r="A138544" i="1" s="1"/>
  <c r="A138545" i="1" s="1"/>
  <c r="A138546" i="1" s="1"/>
  <c r="A138547" i="1" s="1"/>
  <c r="A138548" i="1" s="1"/>
  <c r="A138549" i="1" s="1"/>
  <c r="A138550" i="1" s="1"/>
  <c r="A138551" i="1" s="1"/>
  <c r="A138552" i="1" s="1"/>
  <c r="A138553" i="1" s="1"/>
  <c r="A138554" i="1" s="1"/>
  <c r="A138555" i="1" s="1"/>
  <c r="A138556" i="1" s="1"/>
  <c r="A138557" i="1" s="1"/>
  <c r="A138558" i="1" s="1"/>
  <c r="A138559" i="1" s="1"/>
  <c r="A138560" i="1" s="1"/>
  <c r="A138561" i="1" s="1"/>
  <c r="A138562" i="1" s="1"/>
  <c r="A138563" i="1" s="1"/>
  <c r="A138564" i="1" s="1"/>
  <c r="A138565" i="1" s="1"/>
  <c r="A138566" i="1" s="1"/>
  <c r="A138567" i="1" s="1"/>
  <c r="A138568" i="1" s="1"/>
  <c r="A138569" i="1" s="1"/>
  <c r="A138570" i="1" s="1"/>
  <c r="A138571" i="1" s="1"/>
  <c r="A138572" i="1" s="1"/>
  <c r="A138573" i="1" s="1"/>
  <c r="A138574" i="1" s="1"/>
  <c r="A138575" i="1" s="1"/>
  <c r="A138576" i="1" s="1"/>
  <c r="A138577" i="1" s="1"/>
  <c r="A138578" i="1" s="1"/>
  <c r="A138579" i="1" s="1"/>
  <c r="A138580" i="1" s="1"/>
  <c r="A138581" i="1" s="1"/>
  <c r="A138582" i="1" s="1"/>
  <c r="A138583" i="1" s="1"/>
  <c r="A138584" i="1" s="1"/>
  <c r="A138585" i="1" s="1"/>
  <c r="A138586" i="1" s="1"/>
  <c r="A138587" i="1" s="1"/>
  <c r="A138588" i="1" s="1"/>
  <c r="A138589" i="1" s="1"/>
  <c r="A138590" i="1" s="1"/>
  <c r="A138591" i="1" s="1"/>
  <c r="A138592" i="1" s="1"/>
  <c r="A138593" i="1" s="1"/>
  <c r="A138594" i="1" s="1"/>
  <c r="A138595" i="1" s="1"/>
  <c r="A138596" i="1" s="1"/>
  <c r="A138597" i="1" s="1"/>
  <c r="A138598" i="1" s="1"/>
  <c r="A138599" i="1" s="1"/>
  <c r="A138600" i="1" s="1"/>
  <c r="A138601" i="1" s="1"/>
  <c r="A138602" i="1" s="1"/>
  <c r="A138603" i="1" s="1"/>
  <c r="A138604" i="1" s="1"/>
  <c r="A138605" i="1" s="1"/>
  <c r="A138606" i="1" s="1"/>
  <c r="A138607" i="1" s="1"/>
  <c r="A138608" i="1" s="1"/>
  <c r="A138609" i="1" s="1"/>
  <c r="A138610" i="1" s="1"/>
  <c r="A138611" i="1" s="1"/>
  <c r="A138612" i="1" s="1"/>
  <c r="A138613" i="1" s="1"/>
  <c r="A138614" i="1" s="1"/>
  <c r="A138615" i="1" s="1"/>
  <c r="A138616" i="1" s="1"/>
  <c r="A138617" i="1" s="1"/>
  <c r="A138618" i="1" s="1"/>
  <c r="A138619" i="1" s="1"/>
  <c r="A138620" i="1" s="1"/>
  <c r="A138621" i="1" s="1"/>
  <c r="A138622" i="1" s="1"/>
  <c r="A138623" i="1" s="1"/>
  <c r="A138624" i="1" s="1"/>
  <c r="A138625" i="1" s="1"/>
  <c r="A138626" i="1" s="1"/>
  <c r="A138627" i="1" s="1"/>
  <c r="A138628" i="1" s="1"/>
  <c r="A138629" i="1" s="1"/>
  <c r="A138630" i="1" s="1"/>
  <c r="A138631" i="1" s="1"/>
  <c r="A138632" i="1" s="1"/>
  <c r="A138633" i="1" s="1"/>
  <c r="A138634" i="1" s="1"/>
  <c r="A138635" i="1" s="1"/>
  <c r="A138636" i="1" s="1"/>
  <c r="A138637" i="1" s="1"/>
  <c r="A138638" i="1" s="1"/>
  <c r="A138639" i="1" s="1"/>
  <c r="A138640" i="1" s="1"/>
  <c r="A138641" i="1" s="1"/>
  <c r="A138642" i="1" s="1"/>
  <c r="A138643" i="1" s="1"/>
  <c r="A138644" i="1" s="1"/>
  <c r="A138645" i="1" s="1"/>
  <c r="A138646" i="1" s="1"/>
  <c r="A138647" i="1" s="1"/>
  <c r="A138648" i="1" s="1"/>
  <c r="A138649" i="1" s="1"/>
  <c r="A138650" i="1" s="1"/>
  <c r="A138651" i="1" s="1"/>
  <c r="A138652" i="1" s="1"/>
  <c r="A138653" i="1" s="1"/>
  <c r="A138654" i="1" s="1"/>
  <c r="A138655" i="1" s="1"/>
  <c r="A138656" i="1" s="1"/>
  <c r="A138657" i="1" s="1"/>
  <c r="A138658" i="1" s="1"/>
  <c r="A138659" i="1" s="1"/>
  <c r="A138660" i="1" s="1"/>
  <c r="A138661" i="1" s="1"/>
  <c r="A138662" i="1" s="1"/>
  <c r="A138663" i="1" s="1"/>
  <c r="A138664" i="1" s="1"/>
  <c r="A138665" i="1" s="1"/>
  <c r="A138666" i="1" s="1"/>
  <c r="A138667" i="1" s="1"/>
  <c r="A138668" i="1" s="1"/>
  <c r="A138669" i="1" s="1"/>
  <c r="A138670" i="1" s="1"/>
  <c r="A138671" i="1" s="1"/>
  <c r="A138672" i="1" s="1"/>
  <c r="A138673" i="1" s="1"/>
  <c r="A138674" i="1" s="1"/>
  <c r="A138675" i="1" s="1"/>
  <c r="A138676" i="1" s="1"/>
  <c r="A138677" i="1" s="1"/>
  <c r="A138678" i="1" s="1"/>
  <c r="A138679" i="1" s="1"/>
  <c r="A138680" i="1" s="1"/>
  <c r="A138681" i="1" s="1"/>
  <c r="A138682" i="1" s="1"/>
  <c r="A138683" i="1" s="1"/>
  <c r="A138684" i="1" s="1"/>
  <c r="A138685" i="1" s="1"/>
  <c r="A138686" i="1" s="1"/>
  <c r="A138687" i="1" s="1"/>
  <c r="A138688" i="1" s="1"/>
  <c r="A138689" i="1" s="1"/>
  <c r="A138690" i="1" s="1"/>
  <c r="A138691" i="1" s="1"/>
  <c r="A138692" i="1" s="1"/>
  <c r="A138693" i="1" s="1"/>
  <c r="A138694" i="1" s="1"/>
  <c r="A138695" i="1" s="1"/>
  <c r="A138696" i="1" s="1"/>
  <c r="A138697" i="1" s="1"/>
  <c r="A138698" i="1" s="1"/>
  <c r="A138699" i="1" s="1"/>
  <c r="A138700" i="1" s="1"/>
  <c r="A138701" i="1" s="1"/>
  <c r="A138702" i="1" s="1"/>
  <c r="A138703" i="1" s="1"/>
  <c r="A138704" i="1" s="1"/>
  <c r="A138705" i="1" s="1"/>
  <c r="A138706" i="1" s="1"/>
  <c r="A138707" i="1" s="1"/>
  <c r="A138708" i="1" s="1"/>
  <c r="A138709" i="1" s="1"/>
  <c r="A138710" i="1" s="1"/>
  <c r="A138711" i="1" s="1"/>
  <c r="A138712" i="1" s="1"/>
  <c r="A138713" i="1" s="1"/>
  <c r="A138714" i="1" s="1"/>
  <c r="A138715" i="1" s="1"/>
  <c r="A138716" i="1" s="1"/>
  <c r="A138717" i="1" s="1"/>
  <c r="A138718" i="1" s="1"/>
  <c r="A138719" i="1" s="1"/>
  <c r="A138720" i="1" s="1"/>
  <c r="A138721" i="1" s="1"/>
  <c r="A138722" i="1" s="1"/>
  <c r="A138723" i="1" s="1"/>
  <c r="A138724" i="1" s="1"/>
  <c r="A138725" i="1" s="1"/>
  <c r="A138726" i="1" s="1"/>
  <c r="A138727" i="1" s="1"/>
  <c r="A138728" i="1" s="1"/>
  <c r="A138729" i="1" s="1"/>
  <c r="A138730" i="1" s="1"/>
  <c r="A138731" i="1" s="1"/>
  <c r="A138732" i="1" s="1"/>
  <c r="A138733" i="1" s="1"/>
  <c r="A138734" i="1" s="1"/>
  <c r="A138735" i="1" s="1"/>
  <c r="A138736" i="1" s="1"/>
  <c r="A138737" i="1" s="1"/>
  <c r="A138738" i="1" s="1"/>
  <c r="A138739" i="1" s="1"/>
  <c r="A138740" i="1" s="1"/>
  <c r="A138741" i="1" s="1"/>
  <c r="A138742" i="1" s="1"/>
  <c r="A138743" i="1" s="1"/>
  <c r="A138744" i="1" s="1"/>
  <c r="A138745" i="1" s="1"/>
  <c r="A138746" i="1" s="1"/>
  <c r="A138747" i="1" s="1"/>
  <c r="A138748" i="1" s="1"/>
  <c r="A138749" i="1" s="1"/>
  <c r="A138750" i="1" s="1"/>
  <c r="A138751" i="1" s="1"/>
  <c r="A138752" i="1" s="1"/>
  <c r="A138753" i="1" s="1"/>
  <c r="A138754" i="1" s="1"/>
  <c r="A138755" i="1" s="1"/>
  <c r="A138756" i="1" s="1"/>
  <c r="A138757" i="1" s="1"/>
  <c r="A138758" i="1" s="1"/>
  <c r="A138759" i="1" s="1"/>
  <c r="A138760" i="1" s="1"/>
  <c r="A138761" i="1" s="1"/>
  <c r="A138762" i="1" s="1"/>
  <c r="A138763" i="1" s="1"/>
  <c r="A138764" i="1" s="1"/>
  <c r="A138765" i="1" s="1"/>
  <c r="A138766" i="1" s="1"/>
  <c r="A138767" i="1" s="1"/>
  <c r="A138768" i="1" s="1"/>
  <c r="A138769" i="1" s="1"/>
  <c r="A138770" i="1" s="1"/>
  <c r="A138771" i="1" s="1"/>
  <c r="A138772" i="1" s="1"/>
  <c r="A138773" i="1" s="1"/>
  <c r="A138774" i="1" s="1"/>
  <c r="A138775" i="1" s="1"/>
  <c r="A138776" i="1" s="1"/>
  <c r="A138777" i="1" s="1"/>
  <c r="A138778" i="1" s="1"/>
  <c r="A138779" i="1" s="1"/>
  <c r="A138780" i="1" s="1"/>
  <c r="A138781" i="1" s="1"/>
  <c r="A138782" i="1" s="1"/>
  <c r="A138783" i="1" s="1"/>
  <c r="A138784" i="1" s="1"/>
  <c r="A138785" i="1" s="1"/>
  <c r="A138786" i="1" s="1"/>
  <c r="A138787" i="1" s="1"/>
  <c r="A138788" i="1" s="1"/>
  <c r="A138789" i="1" s="1"/>
  <c r="A138790" i="1" s="1"/>
  <c r="A138791" i="1" s="1"/>
  <c r="A138792" i="1" s="1"/>
  <c r="A138793" i="1" s="1"/>
  <c r="A138794" i="1" s="1"/>
  <c r="A138795" i="1" s="1"/>
  <c r="A138796" i="1" s="1"/>
  <c r="A138797" i="1" s="1"/>
  <c r="A138798" i="1" s="1"/>
  <c r="A138799" i="1" s="1"/>
  <c r="A138800" i="1" s="1"/>
  <c r="A138801" i="1" s="1"/>
  <c r="A138802" i="1" s="1"/>
  <c r="A138803" i="1" s="1"/>
  <c r="A138804" i="1" s="1"/>
  <c r="A138805" i="1" s="1"/>
  <c r="A138806" i="1" s="1"/>
  <c r="A138807" i="1" s="1"/>
  <c r="A138808" i="1" s="1"/>
  <c r="A138809" i="1" s="1"/>
  <c r="A138810" i="1" s="1"/>
  <c r="A138811" i="1" s="1"/>
  <c r="A138812" i="1" s="1"/>
  <c r="A138813" i="1" s="1"/>
  <c r="A138814" i="1" s="1"/>
  <c r="A138815" i="1" s="1"/>
  <c r="A138816" i="1" s="1"/>
  <c r="A138817" i="1" s="1"/>
  <c r="A138818" i="1" s="1"/>
  <c r="A138819" i="1" s="1"/>
  <c r="A138820" i="1" s="1"/>
  <c r="A138821" i="1" s="1"/>
  <c r="A138822" i="1" s="1"/>
  <c r="A138823" i="1" s="1"/>
  <c r="A138824" i="1" s="1"/>
  <c r="A138825" i="1" s="1"/>
  <c r="A138826" i="1" s="1"/>
  <c r="A138827" i="1" s="1"/>
  <c r="A138828" i="1" s="1"/>
  <c r="A138829" i="1" s="1"/>
  <c r="A138830" i="1" s="1"/>
  <c r="A138831" i="1" s="1"/>
  <c r="A138832" i="1" s="1"/>
  <c r="A138833" i="1" s="1"/>
  <c r="A138834" i="1" s="1"/>
  <c r="A138835" i="1" s="1"/>
  <c r="A138836" i="1" s="1"/>
  <c r="A138837" i="1" s="1"/>
  <c r="A138838" i="1" s="1"/>
  <c r="A138839" i="1" s="1"/>
  <c r="A138840" i="1" s="1"/>
  <c r="A138841" i="1" s="1"/>
  <c r="A138842" i="1" s="1"/>
  <c r="A138843" i="1" s="1"/>
  <c r="A138844" i="1" s="1"/>
  <c r="A138845" i="1" s="1"/>
  <c r="A138846" i="1" s="1"/>
  <c r="A138847" i="1" s="1"/>
  <c r="A138848" i="1" s="1"/>
  <c r="A138849" i="1" s="1"/>
  <c r="A138850" i="1" s="1"/>
  <c r="A138851" i="1" s="1"/>
  <c r="A138852" i="1" s="1"/>
  <c r="A138853" i="1" s="1"/>
  <c r="A138854" i="1" s="1"/>
  <c r="A138855" i="1" s="1"/>
  <c r="A138856" i="1" s="1"/>
  <c r="A138857" i="1" s="1"/>
  <c r="A138858" i="1" s="1"/>
  <c r="A138859" i="1" s="1"/>
  <c r="A138860" i="1" s="1"/>
  <c r="A138861" i="1" s="1"/>
  <c r="A138862" i="1" s="1"/>
  <c r="A138863" i="1" s="1"/>
  <c r="A138864" i="1" s="1"/>
  <c r="A138865" i="1" s="1"/>
  <c r="A138866" i="1" s="1"/>
  <c r="A138867" i="1" s="1"/>
  <c r="A138868" i="1" s="1"/>
  <c r="A138869" i="1" s="1"/>
  <c r="A138870" i="1" s="1"/>
  <c r="A138871" i="1" s="1"/>
  <c r="A138872" i="1" s="1"/>
  <c r="A138873" i="1" s="1"/>
  <c r="A138874" i="1" s="1"/>
  <c r="A138875" i="1" s="1"/>
  <c r="A138876" i="1" s="1"/>
  <c r="A138877" i="1" s="1"/>
  <c r="A138878" i="1" s="1"/>
  <c r="A138879" i="1" s="1"/>
  <c r="A138880" i="1" s="1"/>
  <c r="A138881" i="1" s="1"/>
  <c r="A138882" i="1" s="1"/>
  <c r="A138883" i="1" s="1"/>
  <c r="A138884" i="1" s="1"/>
  <c r="A138885" i="1" s="1"/>
  <c r="A138886" i="1" s="1"/>
  <c r="A138887" i="1" s="1"/>
  <c r="A138888" i="1" s="1"/>
  <c r="A138889" i="1" s="1"/>
  <c r="A138890" i="1" s="1"/>
  <c r="A138891" i="1" s="1"/>
  <c r="A138892" i="1" s="1"/>
  <c r="A138893" i="1" s="1"/>
  <c r="A138894" i="1" s="1"/>
  <c r="A138895" i="1" s="1"/>
  <c r="A138896" i="1" s="1"/>
  <c r="A138897" i="1" s="1"/>
  <c r="A138898" i="1" s="1"/>
  <c r="A138899" i="1" s="1"/>
  <c r="A138900" i="1" s="1"/>
  <c r="A138901" i="1" s="1"/>
  <c r="A138902" i="1" s="1"/>
  <c r="A138903" i="1" s="1"/>
  <c r="A138904" i="1" s="1"/>
  <c r="A138905" i="1" s="1"/>
  <c r="A138906" i="1" s="1"/>
  <c r="A138907" i="1" s="1"/>
  <c r="A138908" i="1" s="1"/>
  <c r="A138909" i="1" s="1"/>
  <c r="A138910" i="1" s="1"/>
  <c r="A138911" i="1" s="1"/>
  <c r="A138912" i="1" s="1"/>
  <c r="A138913" i="1" s="1"/>
  <c r="A138914" i="1" s="1"/>
  <c r="A138915" i="1" s="1"/>
  <c r="A138916" i="1" s="1"/>
  <c r="A138917" i="1" s="1"/>
  <c r="A138918" i="1" s="1"/>
  <c r="A138919" i="1" s="1"/>
  <c r="A138920" i="1" s="1"/>
  <c r="A138921" i="1" s="1"/>
  <c r="A138922" i="1" s="1"/>
  <c r="A138923" i="1" s="1"/>
  <c r="A138924" i="1" s="1"/>
  <c r="A138925" i="1" s="1"/>
  <c r="A138926" i="1" s="1"/>
  <c r="A138927" i="1" s="1"/>
  <c r="A138928" i="1" s="1"/>
  <c r="A138929" i="1" s="1"/>
  <c r="A138930" i="1" s="1"/>
  <c r="A138931" i="1" s="1"/>
  <c r="A138932" i="1" s="1"/>
  <c r="A138933" i="1" s="1"/>
  <c r="A138934" i="1" s="1"/>
  <c r="A138935" i="1" s="1"/>
  <c r="A138936" i="1" s="1"/>
  <c r="A138937" i="1" s="1"/>
  <c r="A138938" i="1" s="1"/>
  <c r="A138939" i="1" s="1"/>
  <c r="A138940" i="1" s="1"/>
  <c r="A138941" i="1" s="1"/>
  <c r="A138942" i="1" s="1"/>
  <c r="A138943" i="1" s="1"/>
  <c r="A138944" i="1" s="1"/>
  <c r="A138945" i="1" s="1"/>
  <c r="A138946" i="1" s="1"/>
  <c r="A138947" i="1" s="1"/>
  <c r="A138948" i="1" s="1"/>
  <c r="A138949" i="1" s="1"/>
  <c r="A138950" i="1" s="1"/>
  <c r="A138951" i="1" s="1"/>
  <c r="A138952" i="1" s="1"/>
  <c r="A138953" i="1" s="1"/>
  <c r="A138954" i="1" s="1"/>
  <c r="A138955" i="1" s="1"/>
  <c r="A138956" i="1" s="1"/>
  <c r="A138957" i="1" s="1"/>
  <c r="A138958" i="1" s="1"/>
  <c r="A138959" i="1" s="1"/>
  <c r="A138960" i="1" s="1"/>
  <c r="A138961" i="1" s="1"/>
  <c r="A138962" i="1" s="1"/>
  <c r="A138963" i="1" s="1"/>
  <c r="A138964" i="1" s="1"/>
  <c r="A138965" i="1" s="1"/>
  <c r="A138966" i="1" s="1"/>
  <c r="A138967" i="1" s="1"/>
  <c r="A138968" i="1" s="1"/>
  <c r="A138969" i="1" s="1"/>
  <c r="A138970" i="1" s="1"/>
  <c r="A138971" i="1" s="1"/>
  <c r="A138972" i="1" s="1"/>
  <c r="A138973" i="1" s="1"/>
  <c r="A138974" i="1" s="1"/>
  <c r="A138975" i="1" s="1"/>
  <c r="A138976" i="1" s="1"/>
  <c r="A138977" i="1" s="1"/>
  <c r="A138978" i="1" s="1"/>
  <c r="A138979" i="1" s="1"/>
  <c r="A138980" i="1" s="1"/>
  <c r="A138981" i="1" s="1"/>
  <c r="A138982" i="1" s="1"/>
  <c r="A138983" i="1" s="1"/>
  <c r="A138984" i="1" s="1"/>
  <c r="A138985" i="1" s="1"/>
  <c r="A138986" i="1" s="1"/>
  <c r="A138987" i="1" s="1"/>
  <c r="A138988" i="1" s="1"/>
  <c r="A138989" i="1" s="1"/>
  <c r="A138990" i="1" s="1"/>
  <c r="A138991" i="1" s="1"/>
  <c r="A138992" i="1" s="1"/>
  <c r="A138993" i="1" s="1"/>
  <c r="A138994" i="1" s="1"/>
  <c r="A138995" i="1" s="1"/>
  <c r="A138996" i="1" s="1"/>
  <c r="A138997" i="1" s="1"/>
  <c r="A138998" i="1" s="1"/>
  <c r="A138999" i="1" s="1"/>
  <c r="A139000" i="1" s="1"/>
  <c r="A139001" i="1" s="1"/>
  <c r="A139002" i="1" s="1"/>
  <c r="A139003" i="1" s="1"/>
  <c r="A139004" i="1" s="1"/>
  <c r="A139005" i="1" s="1"/>
  <c r="A139006" i="1" s="1"/>
  <c r="A139007" i="1" s="1"/>
  <c r="A139008" i="1" s="1"/>
  <c r="A139009" i="1" s="1"/>
  <c r="A139010" i="1" s="1"/>
  <c r="A139011" i="1" s="1"/>
  <c r="A139012" i="1" s="1"/>
  <c r="A139013" i="1" s="1"/>
  <c r="A139014" i="1" s="1"/>
  <c r="A139015" i="1" s="1"/>
  <c r="A139016" i="1" s="1"/>
  <c r="A139017" i="1" s="1"/>
  <c r="A139018" i="1" s="1"/>
  <c r="A139019" i="1" s="1"/>
  <c r="A139020" i="1" s="1"/>
  <c r="A139021" i="1" s="1"/>
  <c r="A139022" i="1" s="1"/>
  <c r="A139023" i="1" s="1"/>
  <c r="A139024" i="1" s="1"/>
  <c r="A139025" i="1" s="1"/>
  <c r="A139026" i="1" s="1"/>
  <c r="A139027" i="1" s="1"/>
  <c r="A139028" i="1" s="1"/>
  <c r="A139029" i="1" s="1"/>
  <c r="A139030" i="1" s="1"/>
  <c r="A139031" i="1" s="1"/>
  <c r="A139032" i="1" s="1"/>
  <c r="A139033" i="1" s="1"/>
  <c r="A139034" i="1" s="1"/>
  <c r="A139035" i="1" s="1"/>
  <c r="A139036" i="1" s="1"/>
  <c r="A139037" i="1" s="1"/>
  <c r="A139038" i="1" s="1"/>
  <c r="A139039" i="1" s="1"/>
  <c r="A139040" i="1" s="1"/>
  <c r="A139041" i="1" s="1"/>
  <c r="A139042" i="1" s="1"/>
  <c r="A139043" i="1" s="1"/>
  <c r="A139044" i="1" s="1"/>
  <c r="A139045" i="1" s="1"/>
  <c r="A139046" i="1" s="1"/>
  <c r="A139047" i="1" s="1"/>
  <c r="A139048" i="1" s="1"/>
  <c r="A139049" i="1" s="1"/>
  <c r="A139050" i="1" s="1"/>
  <c r="A139051" i="1" s="1"/>
  <c r="A139052" i="1" s="1"/>
  <c r="A139053" i="1" s="1"/>
  <c r="A139054" i="1" s="1"/>
  <c r="A139055" i="1" s="1"/>
  <c r="A139056" i="1" s="1"/>
  <c r="A139057" i="1" s="1"/>
  <c r="A139058" i="1" s="1"/>
  <c r="A139059" i="1" s="1"/>
  <c r="A139060" i="1" s="1"/>
  <c r="A139061" i="1" s="1"/>
  <c r="A139062" i="1" s="1"/>
  <c r="A139063" i="1" s="1"/>
  <c r="A139064" i="1" s="1"/>
  <c r="A139065" i="1" s="1"/>
  <c r="A139066" i="1" s="1"/>
  <c r="A139067" i="1" s="1"/>
  <c r="A139068" i="1" s="1"/>
  <c r="A139069" i="1" s="1"/>
  <c r="A139070" i="1" s="1"/>
  <c r="A139071" i="1" s="1"/>
  <c r="A139072" i="1" s="1"/>
  <c r="A139073" i="1" s="1"/>
  <c r="A139074" i="1" s="1"/>
  <c r="A139075" i="1" s="1"/>
  <c r="A139076" i="1" s="1"/>
  <c r="A139077" i="1" s="1"/>
  <c r="A139078" i="1" s="1"/>
  <c r="A139079" i="1" s="1"/>
  <c r="A139080" i="1" s="1"/>
  <c r="A139081" i="1" s="1"/>
  <c r="A139082" i="1" s="1"/>
  <c r="A139083" i="1" s="1"/>
  <c r="A139084" i="1" s="1"/>
  <c r="A139085" i="1" s="1"/>
  <c r="A139086" i="1" s="1"/>
  <c r="A139087" i="1" s="1"/>
  <c r="A139088" i="1" s="1"/>
  <c r="A139089" i="1" s="1"/>
  <c r="A139090" i="1" s="1"/>
  <c r="A139091" i="1" s="1"/>
  <c r="A139092" i="1" s="1"/>
  <c r="A139093" i="1" s="1"/>
  <c r="A139094" i="1" s="1"/>
  <c r="A139095" i="1" s="1"/>
  <c r="A139096" i="1" s="1"/>
  <c r="A139097" i="1" s="1"/>
  <c r="A139098" i="1" s="1"/>
  <c r="A139099" i="1" s="1"/>
  <c r="A139100" i="1" s="1"/>
  <c r="A139101" i="1" s="1"/>
  <c r="A139102" i="1" s="1"/>
  <c r="A139103" i="1" s="1"/>
  <c r="A139104" i="1" s="1"/>
  <c r="A139105" i="1" s="1"/>
  <c r="A139106" i="1" s="1"/>
  <c r="A139107" i="1" s="1"/>
  <c r="A139108" i="1" s="1"/>
  <c r="A139109" i="1" s="1"/>
  <c r="A139110" i="1" s="1"/>
  <c r="A139111" i="1" s="1"/>
  <c r="A139112" i="1" s="1"/>
  <c r="A139113" i="1" s="1"/>
  <c r="A139114" i="1" s="1"/>
  <c r="A139115" i="1" s="1"/>
  <c r="A139116" i="1" s="1"/>
  <c r="A139117" i="1" s="1"/>
  <c r="A139118" i="1" s="1"/>
  <c r="A139119" i="1" s="1"/>
  <c r="A139120" i="1" s="1"/>
  <c r="A139121" i="1" s="1"/>
  <c r="A139122" i="1" s="1"/>
  <c r="A139123" i="1" s="1"/>
  <c r="A139124" i="1" s="1"/>
  <c r="A139125" i="1" s="1"/>
  <c r="A139126" i="1" s="1"/>
  <c r="A139127" i="1" s="1"/>
  <c r="A139128" i="1" s="1"/>
  <c r="A139129" i="1" s="1"/>
  <c r="A139130" i="1" s="1"/>
  <c r="A139131" i="1" s="1"/>
  <c r="A139132" i="1" s="1"/>
  <c r="A139133" i="1" s="1"/>
  <c r="A139134" i="1" s="1"/>
  <c r="A139135" i="1" s="1"/>
  <c r="A139136" i="1" s="1"/>
  <c r="A139137" i="1" s="1"/>
  <c r="A139138" i="1" s="1"/>
  <c r="A139139" i="1" s="1"/>
  <c r="A139140" i="1" s="1"/>
  <c r="A139141" i="1" s="1"/>
  <c r="A139142" i="1" s="1"/>
  <c r="A139143" i="1" s="1"/>
  <c r="A139144" i="1" s="1"/>
  <c r="A139145" i="1" s="1"/>
  <c r="A139146" i="1" s="1"/>
  <c r="A139147" i="1" s="1"/>
  <c r="A139148" i="1" s="1"/>
  <c r="A139149" i="1" s="1"/>
  <c r="A139150" i="1" s="1"/>
  <c r="A139151" i="1" s="1"/>
  <c r="A139152" i="1" s="1"/>
  <c r="A139153" i="1" s="1"/>
  <c r="A139154" i="1" s="1"/>
  <c r="A139155" i="1" s="1"/>
  <c r="A139156" i="1" s="1"/>
  <c r="A139157" i="1" s="1"/>
  <c r="A139158" i="1" s="1"/>
  <c r="A139159" i="1" s="1"/>
  <c r="A139160" i="1" s="1"/>
  <c r="A139161" i="1" s="1"/>
  <c r="A139162" i="1" s="1"/>
  <c r="A139163" i="1" s="1"/>
  <c r="A139164" i="1" s="1"/>
  <c r="A139165" i="1" s="1"/>
  <c r="A139166" i="1" s="1"/>
  <c r="A139167" i="1" s="1"/>
  <c r="A139168" i="1" s="1"/>
  <c r="A139169" i="1" s="1"/>
  <c r="A139170" i="1" s="1"/>
  <c r="A139171" i="1" s="1"/>
  <c r="A139172" i="1" s="1"/>
  <c r="A139173" i="1" s="1"/>
  <c r="A139174" i="1" s="1"/>
  <c r="A139175" i="1" s="1"/>
  <c r="A139176" i="1" s="1"/>
  <c r="A139177" i="1" s="1"/>
  <c r="A139178" i="1" s="1"/>
  <c r="A139179" i="1" s="1"/>
  <c r="A139180" i="1" s="1"/>
  <c r="A139181" i="1" s="1"/>
  <c r="A139182" i="1" s="1"/>
  <c r="A139183" i="1" s="1"/>
  <c r="A139184" i="1" s="1"/>
  <c r="A139185" i="1" s="1"/>
  <c r="A139186" i="1" s="1"/>
  <c r="A139187" i="1" s="1"/>
  <c r="A139188" i="1" s="1"/>
  <c r="A139189" i="1" s="1"/>
  <c r="A139190" i="1" s="1"/>
  <c r="A139191" i="1" s="1"/>
  <c r="A139192" i="1" s="1"/>
  <c r="A139193" i="1" s="1"/>
  <c r="A139194" i="1" s="1"/>
  <c r="A139195" i="1" s="1"/>
  <c r="A139196" i="1" s="1"/>
  <c r="A139197" i="1" s="1"/>
  <c r="A139198" i="1" s="1"/>
  <c r="A139199" i="1" s="1"/>
  <c r="A139200" i="1" s="1"/>
  <c r="A139201" i="1" s="1"/>
  <c r="A139202" i="1" s="1"/>
  <c r="A139203" i="1" s="1"/>
  <c r="A139204" i="1" s="1"/>
  <c r="A139205" i="1" s="1"/>
  <c r="A139206" i="1" s="1"/>
  <c r="A139207" i="1" s="1"/>
  <c r="A139208" i="1" s="1"/>
  <c r="A139209" i="1" s="1"/>
  <c r="A139210" i="1" s="1"/>
  <c r="A139211" i="1" s="1"/>
  <c r="A139212" i="1" s="1"/>
  <c r="A139213" i="1" s="1"/>
  <c r="A139214" i="1" s="1"/>
  <c r="A139215" i="1" s="1"/>
  <c r="A139216" i="1" s="1"/>
  <c r="A139217" i="1" s="1"/>
  <c r="A139218" i="1" s="1"/>
  <c r="A139219" i="1" s="1"/>
  <c r="A139220" i="1" s="1"/>
  <c r="A139221" i="1" s="1"/>
  <c r="A139222" i="1" s="1"/>
  <c r="A139223" i="1" s="1"/>
  <c r="A139224" i="1" s="1"/>
  <c r="A139225" i="1" s="1"/>
  <c r="A139226" i="1" s="1"/>
  <c r="A139227" i="1" s="1"/>
  <c r="A139228" i="1" s="1"/>
  <c r="A139229" i="1" s="1"/>
  <c r="A139230" i="1" s="1"/>
  <c r="A139231" i="1" s="1"/>
  <c r="A139232" i="1" s="1"/>
  <c r="A139233" i="1" s="1"/>
  <c r="A139234" i="1" s="1"/>
  <c r="A139235" i="1" s="1"/>
  <c r="A139236" i="1" s="1"/>
  <c r="A139237" i="1" s="1"/>
  <c r="A139238" i="1" s="1"/>
  <c r="A139239" i="1" s="1"/>
  <c r="A139240" i="1" s="1"/>
  <c r="A139241" i="1" s="1"/>
  <c r="A139242" i="1" s="1"/>
  <c r="A139243" i="1" s="1"/>
  <c r="A139244" i="1" s="1"/>
  <c r="A139245" i="1" s="1"/>
  <c r="A139246" i="1" s="1"/>
  <c r="A139247" i="1" s="1"/>
  <c r="A139248" i="1" s="1"/>
  <c r="A139249" i="1" s="1"/>
  <c r="A139250" i="1" s="1"/>
  <c r="A139251" i="1" s="1"/>
  <c r="A139252" i="1" s="1"/>
  <c r="A139253" i="1" s="1"/>
  <c r="A139254" i="1" s="1"/>
  <c r="A139255" i="1" s="1"/>
  <c r="A139256" i="1" s="1"/>
  <c r="A139257" i="1" s="1"/>
  <c r="A139258" i="1" s="1"/>
  <c r="A139259" i="1" s="1"/>
  <c r="A139260" i="1" s="1"/>
  <c r="A139261" i="1" s="1"/>
  <c r="A139262" i="1" s="1"/>
  <c r="A139263" i="1" s="1"/>
  <c r="A139264" i="1" s="1"/>
  <c r="A139265" i="1" s="1"/>
  <c r="A139266" i="1" s="1"/>
  <c r="A139267" i="1" s="1"/>
  <c r="A139268" i="1" s="1"/>
  <c r="A139269" i="1" s="1"/>
  <c r="A139270" i="1" s="1"/>
  <c r="A139271" i="1" s="1"/>
  <c r="A139272" i="1" s="1"/>
  <c r="A139273" i="1" s="1"/>
  <c r="A139274" i="1" s="1"/>
  <c r="A139275" i="1" s="1"/>
  <c r="A139276" i="1" s="1"/>
  <c r="A139277" i="1" s="1"/>
  <c r="A139278" i="1" s="1"/>
  <c r="A139279" i="1" s="1"/>
  <c r="A139280" i="1" s="1"/>
  <c r="A139281" i="1" s="1"/>
  <c r="A139282" i="1" s="1"/>
  <c r="A139283" i="1" s="1"/>
  <c r="A139284" i="1" s="1"/>
  <c r="A139285" i="1" s="1"/>
  <c r="A139286" i="1" s="1"/>
  <c r="A139287" i="1" s="1"/>
  <c r="A139288" i="1" s="1"/>
  <c r="A139289" i="1" s="1"/>
  <c r="A139290" i="1" s="1"/>
  <c r="A139291" i="1" s="1"/>
  <c r="A139292" i="1" s="1"/>
  <c r="A139293" i="1" s="1"/>
  <c r="A139294" i="1" s="1"/>
  <c r="A139295" i="1" s="1"/>
  <c r="A139296" i="1" s="1"/>
  <c r="A139297" i="1" s="1"/>
  <c r="A139298" i="1" s="1"/>
  <c r="A139299" i="1" s="1"/>
  <c r="A139300" i="1" s="1"/>
  <c r="A139301" i="1" s="1"/>
  <c r="A139302" i="1" s="1"/>
  <c r="A139303" i="1" s="1"/>
  <c r="A139304" i="1" s="1"/>
  <c r="A139305" i="1" s="1"/>
  <c r="A139306" i="1" s="1"/>
  <c r="A139307" i="1" s="1"/>
  <c r="A139308" i="1" s="1"/>
  <c r="A139309" i="1" s="1"/>
  <c r="A139310" i="1" s="1"/>
  <c r="A139311" i="1" s="1"/>
  <c r="A139312" i="1" s="1"/>
  <c r="A139313" i="1" s="1"/>
  <c r="A139314" i="1" s="1"/>
  <c r="A139315" i="1" s="1"/>
  <c r="A139316" i="1" s="1"/>
  <c r="A139317" i="1" s="1"/>
  <c r="A139318" i="1" s="1"/>
  <c r="A139319" i="1" s="1"/>
  <c r="A139320" i="1" s="1"/>
  <c r="A139321" i="1" s="1"/>
  <c r="A139322" i="1" s="1"/>
  <c r="A139323" i="1" s="1"/>
  <c r="A139324" i="1" s="1"/>
  <c r="A139325" i="1" s="1"/>
  <c r="A139326" i="1" s="1"/>
  <c r="A139327" i="1" s="1"/>
  <c r="A139328" i="1" s="1"/>
  <c r="A139329" i="1" s="1"/>
  <c r="A139330" i="1" s="1"/>
  <c r="A139331" i="1" s="1"/>
  <c r="A139332" i="1" s="1"/>
  <c r="A139333" i="1" s="1"/>
  <c r="A139334" i="1" s="1"/>
  <c r="A139335" i="1" s="1"/>
  <c r="A139336" i="1" s="1"/>
  <c r="A139337" i="1" s="1"/>
  <c r="A139338" i="1" s="1"/>
  <c r="A139339" i="1" s="1"/>
  <c r="A139340" i="1" s="1"/>
  <c r="A139341" i="1" s="1"/>
  <c r="A139342" i="1" s="1"/>
  <c r="A139343" i="1" s="1"/>
  <c r="A139344" i="1" s="1"/>
  <c r="A139345" i="1" s="1"/>
  <c r="A139346" i="1" s="1"/>
  <c r="A139347" i="1" s="1"/>
  <c r="A139348" i="1" s="1"/>
  <c r="A139349" i="1" s="1"/>
  <c r="A139350" i="1" s="1"/>
  <c r="A139351" i="1" s="1"/>
  <c r="A139352" i="1" s="1"/>
  <c r="A139353" i="1" s="1"/>
  <c r="A139354" i="1" s="1"/>
  <c r="A139355" i="1" s="1"/>
  <c r="A139356" i="1" s="1"/>
  <c r="A139357" i="1" s="1"/>
  <c r="A139358" i="1" s="1"/>
  <c r="A139359" i="1" s="1"/>
  <c r="A139360" i="1" s="1"/>
  <c r="A139361" i="1" s="1"/>
  <c r="A139362" i="1" s="1"/>
  <c r="A139363" i="1" s="1"/>
  <c r="A139364" i="1" s="1"/>
  <c r="A139365" i="1" s="1"/>
  <c r="A139366" i="1" s="1"/>
  <c r="A139367" i="1" s="1"/>
  <c r="A139368" i="1" s="1"/>
  <c r="A139369" i="1" s="1"/>
  <c r="A139370" i="1" s="1"/>
  <c r="A139371" i="1" s="1"/>
  <c r="A139372" i="1" s="1"/>
  <c r="A139373" i="1" s="1"/>
  <c r="A139374" i="1" s="1"/>
  <c r="A139375" i="1" s="1"/>
  <c r="A139376" i="1" s="1"/>
  <c r="A139377" i="1" s="1"/>
  <c r="A139378" i="1" s="1"/>
  <c r="A139379" i="1" s="1"/>
  <c r="A139380" i="1" s="1"/>
  <c r="A139381" i="1" s="1"/>
  <c r="A139382" i="1" s="1"/>
  <c r="A139383" i="1" s="1"/>
  <c r="A139384" i="1" s="1"/>
  <c r="A139385" i="1" s="1"/>
  <c r="A139386" i="1" s="1"/>
  <c r="A139387" i="1" s="1"/>
  <c r="A139388" i="1" s="1"/>
  <c r="A139389" i="1" s="1"/>
  <c r="A139390" i="1" s="1"/>
  <c r="A139391" i="1" s="1"/>
  <c r="A139392" i="1" s="1"/>
  <c r="A139393" i="1" s="1"/>
  <c r="A139394" i="1" s="1"/>
  <c r="A139395" i="1" s="1"/>
  <c r="A139396" i="1" s="1"/>
  <c r="A139397" i="1" s="1"/>
  <c r="A139398" i="1" s="1"/>
  <c r="A139399" i="1" s="1"/>
  <c r="A139400" i="1" s="1"/>
  <c r="A139401" i="1" s="1"/>
  <c r="A139402" i="1" s="1"/>
  <c r="A139403" i="1" s="1"/>
  <c r="A139404" i="1" s="1"/>
  <c r="A139405" i="1" s="1"/>
  <c r="A139406" i="1" s="1"/>
  <c r="A139407" i="1" s="1"/>
  <c r="A139408" i="1" s="1"/>
  <c r="A139409" i="1" s="1"/>
  <c r="A139410" i="1" s="1"/>
  <c r="A139411" i="1" s="1"/>
  <c r="A139412" i="1" s="1"/>
  <c r="A139413" i="1" s="1"/>
  <c r="A139414" i="1" s="1"/>
  <c r="A139415" i="1" s="1"/>
  <c r="A139416" i="1" s="1"/>
  <c r="A139417" i="1" s="1"/>
  <c r="A139418" i="1" s="1"/>
  <c r="A139419" i="1" s="1"/>
  <c r="A139420" i="1" s="1"/>
  <c r="A139421" i="1" s="1"/>
  <c r="A139422" i="1" s="1"/>
  <c r="A139423" i="1" s="1"/>
  <c r="A139424" i="1" s="1"/>
  <c r="A139425" i="1" s="1"/>
  <c r="A139426" i="1" s="1"/>
  <c r="A139427" i="1" s="1"/>
  <c r="A139428" i="1" s="1"/>
  <c r="A139429" i="1" s="1"/>
  <c r="A139430" i="1" s="1"/>
  <c r="A139431" i="1" s="1"/>
  <c r="A139432" i="1" s="1"/>
  <c r="A139433" i="1" s="1"/>
  <c r="A139434" i="1" s="1"/>
  <c r="A139435" i="1" s="1"/>
  <c r="A139436" i="1" s="1"/>
  <c r="A139437" i="1" s="1"/>
  <c r="A139438" i="1" s="1"/>
  <c r="A139439" i="1" s="1"/>
  <c r="A139440" i="1" s="1"/>
  <c r="A139441" i="1" s="1"/>
  <c r="A139442" i="1" s="1"/>
  <c r="A139443" i="1" s="1"/>
  <c r="A139444" i="1" s="1"/>
  <c r="A139445" i="1" s="1"/>
  <c r="A139446" i="1" s="1"/>
  <c r="A139447" i="1" s="1"/>
  <c r="A139448" i="1" s="1"/>
  <c r="A139449" i="1" s="1"/>
  <c r="A139450" i="1" s="1"/>
  <c r="A139451" i="1" s="1"/>
  <c r="A139452" i="1" s="1"/>
  <c r="A139453" i="1" s="1"/>
  <c r="A139454" i="1" s="1"/>
  <c r="A139455" i="1" s="1"/>
  <c r="A139456" i="1" s="1"/>
  <c r="A139457" i="1" s="1"/>
  <c r="A139458" i="1" s="1"/>
  <c r="A139459" i="1" s="1"/>
  <c r="A139460" i="1" s="1"/>
  <c r="A139461" i="1" s="1"/>
  <c r="A139462" i="1" s="1"/>
  <c r="A139463" i="1" s="1"/>
  <c r="A139464" i="1" s="1"/>
  <c r="A139465" i="1" s="1"/>
  <c r="A139466" i="1" s="1"/>
  <c r="A139467" i="1" s="1"/>
  <c r="A139468" i="1" s="1"/>
  <c r="A139469" i="1" s="1"/>
  <c r="A139470" i="1" s="1"/>
  <c r="A139471" i="1" s="1"/>
  <c r="A139472" i="1" s="1"/>
  <c r="A139473" i="1" s="1"/>
  <c r="A139474" i="1" s="1"/>
  <c r="A139475" i="1" s="1"/>
  <c r="A139476" i="1" s="1"/>
  <c r="A139477" i="1" s="1"/>
  <c r="A139478" i="1" s="1"/>
  <c r="A139479" i="1" s="1"/>
  <c r="A139480" i="1" s="1"/>
  <c r="A139481" i="1" s="1"/>
  <c r="A139482" i="1" s="1"/>
  <c r="A139483" i="1" s="1"/>
  <c r="A139484" i="1" s="1"/>
  <c r="A139485" i="1" s="1"/>
  <c r="A139486" i="1" s="1"/>
  <c r="A139487" i="1" s="1"/>
  <c r="A139488" i="1" s="1"/>
  <c r="A139489" i="1" s="1"/>
  <c r="A139490" i="1" s="1"/>
  <c r="A139491" i="1" s="1"/>
  <c r="A139492" i="1" s="1"/>
  <c r="A139493" i="1" s="1"/>
  <c r="A139494" i="1" s="1"/>
  <c r="A139495" i="1" s="1"/>
  <c r="A139496" i="1" s="1"/>
  <c r="A139497" i="1" s="1"/>
  <c r="A139498" i="1" s="1"/>
  <c r="A139499" i="1" s="1"/>
  <c r="A139500" i="1" s="1"/>
  <c r="A139501" i="1" s="1"/>
  <c r="A139502" i="1" s="1"/>
  <c r="A139503" i="1" s="1"/>
  <c r="A139504" i="1" s="1"/>
  <c r="A139505" i="1" s="1"/>
  <c r="A139506" i="1" s="1"/>
  <c r="A139507" i="1" s="1"/>
  <c r="A139508" i="1" s="1"/>
  <c r="A139509" i="1" s="1"/>
  <c r="A139510" i="1" s="1"/>
  <c r="A139511" i="1" s="1"/>
  <c r="A139512" i="1" s="1"/>
  <c r="A139513" i="1" s="1"/>
  <c r="A139514" i="1" s="1"/>
  <c r="A139515" i="1" s="1"/>
  <c r="A139516" i="1" s="1"/>
  <c r="A139517" i="1" s="1"/>
  <c r="A139518" i="1" s="1"/>
  <c r="A139519" i="1" s="1"/>
  <c r="A139520" i="1" s="1"/>
  <c r="A139521" i="1" s="1"/>
  <c r="A139522" i="1" s="1"/>
  <c r="A139523" i="1" s="1"/>
  <c r="A139524" i="1" s="1"/>
  <c r="A139525" i="1" s="1"/>
  <c r="A139526" i="1" s="1"/>
  <c r="A139527" i="1" s="1"/>
  <c r="A139528" i="1" s="1"/>
  <c r="A139529" i="1" s="1"/>
  <c r="A139530" i="1" s="1"/>
  <c r="A139531" i="1" s="1"/>
  <c r="A139532" i="1" s="1"/>
  <c r="A139533" i="1" s="1"/>
  <c r="A139534" i="1" s="1"/>
  <c r="A139535" i="1" s="1"/>
  <c r="A139536" i="1" s="1"/>
  <c r="A139537" i="1" s="1"/>
  <c r="A139538" i="1" s="1"/>
  <c r="A139539" i="1" s="1"/>
  <c r="A139540" i="1" s="1"/>
  <c r="A139541" i="1" s="1"/>
  <c r="A139542" i="1" s="1"/>
  <c r="A139543" i="1" s="1"/>
  <c r="A139544" i="1" s="1"/>
  <c r="A139545" i="1" s="1"/>
  <c r="A139546" i="1" s="1"/>
  <c r="A139547" i="1" s="1"/>
  <c r="A139548" i="1" s="1"/>
  <c r="A139549" i="1" s="1"/>
  <c r="A139550" i="1" s="1"/>
  <c r="A139551" i="1" s="1"/>
  <c r="A139552" i="1" s="1"/>
  <c r="A139553" i="1" s="1"/>
  <c r="A139554" i="1" s="1"/>
  <c r="A139555" i="1" s="1"/>
  <c r="A139556" i="1" s="1"/>
  <c r="A139557" i="1" s="1"/>
  <c r="A139558" i="1" s="1"/>
  <c r="A139559" i="1" s="1"/>
  <c r="A139560" i="1" s="1"/>
  <c r="A139561" i="1" s="1"/>
  <c r="A139562" i="1" s="1"/>
  <c r="A139563" i="1" s="1"/>
  <c r="A139564" i="1" s="1"/>
  <c r="A139565" i="1" s="1"/>
  <c r="A139566" i="1" s="1"/>
  <c r="A139567" i="1" s="1"/>
  <c r="A139568" i="1" s="1"/>
  <c r="A139569" i="1" s="1"/>
  <c r="A139570" i="1" s="1"/>
  <c r="A139571" i="1" s="1"/>
  <c r="A139572" i="1" s="1"/>
  <c r="A139573" i="1" s="1"/>
  <c r="A139574" i="1" s="1"/>
  <c r="A139575" i="1" s="1"/>
  <c r="A139576" i="1" s="1"/>
  <c r="A139577" i="1" s="1"/>
  <c r="A139578" i="1" s="1"/>
  <c r="A139579" i="1" s="1"/>
  <c r="A139580" i="1" s="1"/>
  <c r="A139581" i="1" s="1"/>
  <c r="A139582" i="1" s="1"/>
  <c r="A139583" i="1" s="1"/>
  <c r="A139584" i="1" s="1"/>
  <c r="A139585" i="1" s="1"/>
  <c r="A139586" i="1" s="1"/>
  <c r="A139587" i="1" s="1"/>
  <c r="A139588" i="1" s="1"/>
  <c r="A139589" i="1" s="1"/>
  <c r="A139590" i="1" s="1"/>
  <c r="A139591" i="1" s="1"/>
  <c r="A139592" i="1" s="1"/>
  <c r="A139593" i="1" s="1"/>
  <c r="A139594" i="1" s="1"/>
  <c r="A139595" i="1" s="1"/>
  <c r="A139596" i="1" s="1"/>
  <c r="A139597" i="1" s="1"/>
  <c r="A139598" i="1" s="1"/>
  <c r="A139599" i="1" s="1"/>
  <c r="A139600" i="1" s="1"/>
  <c r="A139601" i="1" s="1"/>
  <c r="A139602" i="1" s="1"/>
  <c r="A139603" i="1" s="1"/>
  <c r="A139604" i="1" s="1"/>
  <c r="A139605" i="1" s="1"/>
  <c r="A139606" i="1" s="1"/>
  <c r="A139607" i="1" s="1"/>
  <c r="A139608" i="1" s="1"/>
  <c r="A139609" i="1" s="1"/>
  <c r="A139610" i="1" s="1"/>
  <c r="A139611" i="1" s="1"/>
  <c r="A139612" i="1" s="1"/>
  <c r="A139613" i="1" s="1"/>
  <c r="A139614" i="1" s="1"/>
  <c r="A139615" i="1" s="1"/>
  <c r="A139616" i="1" s="1"/>
  <c r="A139617" i="1" s="1"/>
  <c r="A139618" i="1" s="1"/>
  <c r="A139619" i="1" s="1"/>
  <c r="A139620" i="1" s="1"/>
  <c r="A139621" i="1" s="1"/>
  <c r="A139622" i="1" s="1"/>
  <c r="A139623" i="1" s="1"/>
  <c r="A139624" i="1" s="1"/>
  <c r="A139625" i="1" s="1"/>
  <c r="A139626" i="1" s="1"/>
  <c r="A139627" i="1" s="1"/>
  <c r="A139628" i="1" s="1"/>
  <c r="A139629" i="1" s="1"/>
  <c r="A139630" i="1" s="1"/>
  <c r="A139631" i="1" s="1"/>
  <c r="A139632" i="1" s="1"/>
  <c r="A139633" i="1" s="1"/>
  <c r="A139634" i="1" s="1"/>
  <c r="A139635" i="1" s="1"/>
  <c r="A139636" i="1" s="1"/>
  <c r="A139637" i="1" s="1"/>
  <c r="A139638" i="1" s="1"/>
  <c r="A139639" i="1" s="1"/>
  <c r="A139640" i="1" s="1"/>
  <c r="A139641" i="1" s="1"/>
  <c r="A139642" i="1" s="1"/>
  <c r="A139643" i="1" s="1"/>
  <c r="A139644" i="1" s="1"/>
  <c r="A139645" i="1" s="1"/>
  <c r="A139646" i="1" s="1"/>
  <c r="A139647" i="1" s="1"/>
  <c r="A139648" i="1" s="1"/>
  <c r="A139649" i="1" s="1"/>
  <c r="A139650" i="1" s="1"/>
  <c r="A139651" i="1" s="1"/>
  <c r="A139652" i="1" s="1"/>
  <c r="A139653" i="1" s="1"/>
  <c r="A139654" i="1" s="1"/>
  <c r="A139655" i="1" s="1"/>
  <c r="A139656" i="1" s="1"/>
  <c r="A139657" i="1" s="1"/>
  <c r="A139658" i="1" s="1"/>
  <c r="A139659" i="1" s="1"/>
  <c r="A139660" i="1" s="1"/>
  <c r="A139661" i="1" s="1"/>
  <c r="A139662" i="1" s="1"/>
  <c r="A139663" i="1" s="1"/>
  <c r="A139664" i="1" s="1"/>
  <c r="A139665" i="1" s="1"/>
  <c r="A139666" i="1" s="1"/>
  <c r="A139667" i="1" s="1"/>
  <c r="A139668" i="1" s="1"/>
  <c r="A139669" i="1" s="1"/>
  <c r="A139670" i="1" s="1"/>
  <c r="A139671" i="1" s="1"/>
  <c r="A139672" i="1" s="1"/>
  <c r="A139673" i="1" s="1"/>
  <c r="A139674" i="1" s="1"/>
  <c r="A139675" i="1" s="1"/>
  <c r="A139676" i="1" s="1"/>
  <c r="A139677" i="1" s="1"/>
  <c r="A139678" i="1" s="1"/>
  <c r="A139679" i="1" s="1"/>
  <c r="A139680" i="1" s="1"/>
  <c r="A139681" i="1" s="1"/>
  <c r="A139682" i="1" s="1"/>
  <c r="A139683" i="1" s="1"/>
  <c r="A139684" i="1" s="1"/>
  <c r="A139685" i="1" s="1"/>
  <c r="A139686" i="1" s="1"/>
  <c r="A139687" i="1" s="1"/>
  <c r="A139688" i="1" s="1"/>
  <c r="A139689" i="1" s="1"/>
  <c r="A139690" i="1" s="1"/>
  <c r="A139691" i="1" s="1"/>
  <c r="A139692" i="1" s="1"/>
  <c r="A139693" i="1" s="1"/>
  <c r="A139694" i="1" s="1"/>
  <c r="A139695" i="1" s="1"/>
  <c r="A139696" i="1" s="1"/>
  <c r="A139697" i="1" s="1"/>
  <c r="A139698" i="1" s="1"/>
  <c r="A139699" i="1" s="1"/>
  <c r="A139700" i="1" s="1"/>
  <c r="A139701" i="1" s="1"/>
  <c r="A139702" i="1" s="1"/>
  <c r="A139703" i="1" s="1"/>
  <c r="A139704" i="1" s="1"/>
  <c r="A139705" i="1" s="1"/>
  <c r="A139706" i="1" s="1"/>
  <c r="A139707" i="1" s="1"/>
  <c r="A139708" i="1" s="1"/>
  <c r="A139709" i="1" s="1"/>
  <c r="A139710" i="1" s="1"/>
  <c r="A139711" i="1" s="1"/>
  <c r="A139712" i="1" s="1"/>
  <c r="A139713" i="1" s="1"/>
  <c r="A139714" i="1" s="1"/>
  <c r="A139715" i="1" s="1"/>
  <c r="A139716" i="1" s="1"/>
  <c r="A139717" i="1" s="1"/>
  <c r="A139718" i="1" s="1"/>
  <c r="A139719" i="1" s="1"/>
  <c r="A139720" i="1" s="1"/>
  <c r="A139721" i="1" s="1"/>
  <c r="A139722" i="1" s="1"/>
  <c r="A139723" i="1" s="1"/>
  <c r="A139724" i="1" s="1"/>
  <c r="A139725" i="1" s="1"/>
  <c r="A139726" i="1" s="1"/>
  <c r="A139727" i="1" s="1"/>
  <c r="A139728" i="1" s="1"/>
  <c r="A139729" i="1" s="1"/>
  <c r="A139730" i="1" s="1"/>
  <c r="A139731" i="1" s="1"/>
  <c r="A139732" i="1" s="1"/>
  <c r="A139733" i="1" s="1"/>
  <c r="A139734" i="1" s="1"/>
  <c r="A139735" i="1" s="1"/>
  <c r="A139736" i="1" s="1"/>
  <c r="A139737" i="1" s="1"/>
  <c r="A139738" i="1" s="1"/>
  <c r="A139739" i="1" s="1"/>
  <c r="A139740" i="1" s="1"/>
  <c r="A139741" i="1" s="1"/>
  <c r="A139742" i="1" s="1"/>
  <c r="A139743" i="1" s="1"/>
  <c r="A139744" i="1" s="1"/>
  <c r="A139745" i="1" s="1"/>
  <c r="A139746" i="1" s="1"/>
  <c r="A139747" i="1" s="1"/>
  <c r="A139748" i="1" s="1"/>
  <c r="A139749" i="1" s="1"/>
  <c r="A139750" i="1" s="1"/>
  <c r="A139751" i="1" s="1"/>
  <c r="A139752" i="1" s="1"/>
  <c r="A139753" i="1" s="1"/>
  <c r="A139754" i="1" s="1"/>
  <c r="A139755" i="1" s="1"/>
  <c r="A139756" i="1" s="1"/>
  <c r="A139757" i="1" s="1"/>
  <c r="A139758" i="1" s="1"/>
  <c r="A139759" i="1" s="1"/>
  <c r="A139760" i="1" s="1"/>
  <c r="A139761" i="1" s="1"/>
  <c r="A139762" i="1" s="1"/>
  <c r="A139763" i="1" s="1"/>
  <c r="A139764" i="1" s="1"/>
  <c r="A139765" i="1" s="1"/>
  <c r="A139766" i="1" s="1"/>
  <c r="A139767" i="1" s="1"/>
  <c r="A139768" i="1" s="1"/>
  <c r="A139769" i="1" s="1"/>
  <c r="A139770" i="1" s="1"/>
  <c r="A139771" i="1" s="1"/>
  <c r="A139772" i="1" s="1"/>
  <c r="A139773" i="1" s="1"/>
  <c r="A139774" i="1" s="1"/>
  <c r="A139775" i="1" s="1"/>
  <c r="A139776" i="1" s="1"/>
  <c r="A139777" i="1" s="1"/>
  <c r="A139778" i="1" s="1"/>
  <c r="A139779" i="1" s="1"/>
  <c r="A139780" i="1" s="1"/>
  <c r="A139781" i="1" s="1"/>
  <c r="A139782" i="1" s="1"/>
  <c r="A139783" i="1" s="1"/>
  <c r="A139784" i="1" s="1"/>
  <c r="A139785" i="1" s="1"/>
  <c r="A139786" i="1" s="1"/>
  <c r="A139787" i="1" s="1"/>
  <c r="A139788" i="1" s="1"/>
  <c r="A139789" i="1" s="1"/>
  <c r="A139790" i="1" s="1"/>
  <c r="A139791" i="1" s="1"/>
  <c r="A139792" i="1" s="1"/>
  <c r="A139793" i="1" s="1"/>
  <c r="A139794" i="1" s="1"/>
  <c r="A139795" i="1" s="1"/>
  <c r="A139796" i="1" s="1"/>
  <c r="A139797" i="1" s="1"/>
  <c r="A139798" i="1" s="1"/>
  <c r="A139799" i="1" s="1"/>
  <c r="A139800" i="1" s="1"/>
  <c r="A139801" i="1" s="1"/>
  <c r="A139802" i="1" s="1"/>
  <c r="A139803" i="1" s="1"/>
  <c r="A139804" i="1" s="1"/>
  <c r="A139805" i="1" s="1"/>
  <c r="A139806" i="1" s="1"/>
  <c r="A139807" i="1" s="1"/>
  <c r="A139808" i="1" s="1"/>
  <c r="A139809" i="1" s="1"/>
  <c r="A139810" i="1" s="1"/>
  <c r="A139811" i="1" s="1"/>
  <c r="A139812" i="1" s="1"/>
  <c r="A139813" i="1" s="1"/>
  <c r="A139814" i="1" s="1"/>
  <c r="A139815" i="1" s="1"/>
  <c r="A139816" i="1" s="1"/>
  <c r="A139817" i="1" s="1"/>
  <c r="A139818" i="1" s="1"/>
  <c r="A139819" i="1" s="1"/>
  <c r="A139820" i="1" s="1"/>
  <c r="A139821" i="1" s="1"/>
  <c r="A139822" i="1" s="1"/>
  <c r="A139823" i="1" s="1"/>
  <c r="A139824" i="1" s="1"/>
  <c r="A139825" i="1" s="1"/>
  <c r="A139826" i="1" s="1"/>
  <c r="A139827" i="1" s="1"/>
  <c r="A139828" i="1" s="1"/>
  <c r="A139829" i="1" s="1"/>
  <c r="A139830" i="1" s="1"/>
  <c r="A139831" i="1" s="1"/>
  <c r="A139832" i="1" s="1"/>
  <c r="A139833" i="1" s="1"/>
  <c r="A139834" i="1" s="1"/>
  <c r="A139835" i="1" s="1"/>
  <c r="A139836" i="1" s="1"/>
  <c r="A139837" i="1" s="1"/>
  <c r="A139838" i="1" s="1"/>
  <c r="A139839" i="1" s="1"/>
  <c r="A139840" i="1" s="1"/>
  <c r="A139841" i="1" s="1"/>
  <c r="A139842" i="1" s="1"/>
  <c r="A139843" i="1" s="1"/>
  <c r="A139844" i="1" s="1"/>
  <c r="A139845" i="1" s="1"/>
  <c r="A139846" i="1" s="1"/>
  <c r="A139847" i="1" s="1"/>
  <c r="A139848" i="1" s="1"/>
  <c r="A139849" i="1" s="1"/>
  <c r="A139850" i="1" s="1"/>
  <c r="A139851" i="1" s="1"/>
  <c r="A139852" i="1" s="1"/>
  <c r="A139853" i="1" s="1"/>
  <c r="A139854" i="1" s="1"/>
  <c r="A139855" i="1" s="1"/>
  <c r="A139856" i="1" s="1"/>
  <c r="A139857" i="1" s="1"/>
  <c r="A139858" i="1" s="1"/>
  <c r="A139859" i="1" s="1"/>
  <c r="A139860" i="1" s="1"/>
  <c r="A139861" i="1" s="1"/>
  <c r="A139862" i="1" s="1"/>
  <c r="A139863" i="1" s="1"/>
  <c r="A139864" i="1" s="1"/>
  <c r="A139865" i="1" s="1"/>
  <c r="A139866" i="1" s="1"/>
  <c r="A139867" i="1" s="1"/>
  <c r="A139868" i="1" s="1"/>
  <c r="A139869" i="1" s="1"/>
  <c r="A139870" i="1" s="1"/>
  <c r="A139871" i="1" s="1"/>
  <c r="A139872" i="1" s="1"/>
  <c r="A139873" i="1" s="1"/>
  <c r="A139874" i="1" s="1"/>
  <c r="A139875" i="1" s="1"/>
  <c r="A139876" i="1" s="1"/>
  <c r="A139877" i="1" s="1"/>
  <c r="A139878" i="1" s="1"/>
  <c r="A139879" i="1" s="1"/>
  <c r="A139880" i="1" s="1"/>
  <c r="A139881" i="1" s="1"/>
  <c r="A139882" i="1" s="1"/>
  <c r="A139883" i="1" s="1"/>
  <c r="A139884" i="1" s="1"/>
  <c r="A139885" i="1" s="1"/>
  <c r="A139886" i="1" s="1"/>
  <c r="A139887" i="1" s="1"/>
  <c r="A139888" i="1" s="1"/>
  <c r="A139889" i="1" s="1"/>
  <c r="A139890" i="1" s="1"/>
  <c r="A139891" i="1" s="1"/>
  <c r="A139892" i="1" s="1"/>
  <c r="A139893" i="1" s="1"/>
  <c r="A139894" i="1" s="1"/>
  <c r="A139895" i="1" s="1"/>
  <c r="A139896" i="1" s="1"/>
  <c r="A139897" i="1" s="1"/>
  <c r="A139898" i="1" s="1"/>
  <c r="A139899" i="1" s="1"/>
  <c r="A139900" i="1" s="1"/>
  <c r="A139901" i="1" s="1"/>
  <c r="A139902" i="1" s="1"/>
  <c r="A139903" i="1" s="1"/>
  <c r="A139904" i="1" s="1"/>
  <c r="A139905" i="1" s="1"/>
  <c r="A139906" i="1" s="1"/>
  <c r="A139907" i="1" s="1"/>
  <c r="A139908" i="1" s="1"/>
  <c r="A139909" i="1" s="1"/>
  <c r="A139910" i="1" s="1"/>
  <c r="A139911" i="1" s="1"/>
  <c r="A139912" i="1" s="1"/>
  <c r="A139913" i="1" s="1"/>
  <c r="A139914" i="1" s="1"/>
  <c r="A139915" i="1" s="1"/>
  <c r="A139916" i="1" s="1"/>
  <c r="A139917" i="1" s="1"/>
  <c r="A139918" i="1" s="1"/>
  <c r="A139919" i="1" s="1"/>
  <c r="A139920" i="1" s="1"/>
  <c r="A139921" i="1" s="1"/>
  <c r="A139922" i="1" s="1"/>
  <c r="A139923" i="1" s="1"/>
  <c r="A139924" i="1" s="1"/>
  <c r="A139925" i="1" s="1"/>
  <c r="A139926" i="1" s="1"/>
  <c r="A139927" i="1" s="1"/>
  <c r="A139928" i="1" s="1"/>
  <c r="A139929" i="1" s="1"/>
  <c r="A139930" i="1" s="1"/>
  <c r="A139931" i="1" s="1"/>
  <c r="A139932" i="1" s="1"/>
  <c r="A139933" i="1" s="1"/>
  <c r="A139934" i="1" s="1"/>
  <c r="A139935" i="1" s="1"/>
  <c r="A139936" i="1" s="1"/>
  <c r="A139937" i="1" s="1"/>
  <c r="A139938" i="1" s="1"/>
  <c r="A139939" i="1" s="1"/>
  <c r="A139940" i="1" s="1"/>
  <c r="A139941" i="1" s="1"/>
  <c r="A139942" i="1" s="1"/>
  <c r="A139943" i="1" s="1"/>
  <c r="A139944" i="1" s="1"/>
  <c r="A139945" i="1" s="1"/>
  <c r="A139946" i="1" s="1"/>
  <c r="A139947" i="1" s="1"/>
  <c r="A139948" i="1" s="1"/>
  <c r="A139949" i="1" s="1"/>
  <c r="A139950" i="1" s="1"/>
  <c r="A139951" i="1" s="1"/>
  <c r="A139952" i="1" s="1"/>
  <c r="A139953" i="1" s="1"/>
  <c r="A139954" i="1" s="1"/>
  <c r="A139955" i="1" s="1"/>
  <c r="A139956" i="1" s="1"/>
  <c r="A139957" i="1" s="1"/>
  <c r="A139958" i="1" s="1"/>
  <c r="A139959" i="1" s="1"/>
  <c r="A139960" i="1" s="1"/>
  <c r="A139961" i="1" s="1"/>
  <c r="A139962" i="1" s="1"/>
  <c r="A139963" i="1" s="1"/>
  <c r="A139964" i="1" s="1"/>
  <c r="A139965" i="1" s="1"/>
  <c r="A139966" i="1" s="1"/>
  <c r="A139967" i="1" s="1"/>
  <c r="A139968" i="1" s="1"/>
  <c r="A139969" i="1" s="1"/>
  <c r="A139970" i="1" s="1"/>
  <c r="A139971" i="1" s="1"/>
  <c r="A139972" i="1" s="1"/>
  <c r="A139973" i="1" s="1"/>
  <c r="A139974" i="1" s="1"/>
  <c r="A139975" i="1" s="1"/>
  <c r="A139976" i="1" s="1"/>
  <c r="A139977" i="1" s="1"/>
  <c r="A139978" i="1" s="1"/>
  <c r="A139979" i="1" s="1"/>
  <c r="A139980" i="1" s="1"/>
  <c r="A139981" i="1" s="1"/>
  <c r="A139982" i="1" s="1"/>
  <c r="A139983" i="1" s="1"/>
  <c r="A139984" i="1" s="1"/>
  <c r="A139985" i="1" s="1"/>
  <c r="A139986" i="1" s="1"/>
  <c r="A139987" i="1" s="1"/>
  <c r="A139988" i="1" s="1"/>
  <c r="A139989" i="1" s="1"/>
  <c r="A139990" i="1" s="1"/>
  <c r="A139991" i="1" s="1"/>
  <c r="A139992" i="1" s="1"/>
  <c r="A139993" i="1" s="1"/>
  <c r="A139994" i="1" s="1"/>
  <c r="A139995" i="1" s="1"/>
  <c r="A139996" i="1" s="1"/>
  <c r="A139997" i="1" s="1"/>
  <c r="A139998" i="1" s="1"/>
  <c r="A139999" i="1" s="1"/>
  <c r="A140000" i="1" s="1"/>
  <c r="A140001" i="1" s="1"/>
  <c r="A140002" i="1" s="1"/>
  <c r="A140003" i="1" s="1"/>
  <c r="A140004" i="1" s="1"/>
  <c r="A140005" i="1" s="1"/>
  <c r="A140006" i="1" s="1"/>
  <c r="A140007" i="1" s="1"/>
  <c r="A140008" i="1" s="1"/>
  <c r="A140009" i="1" s="1"/>
  <c r="A140010" i="1" s="1"/>
  <c r="A140011" i="1" s="1"/>
  <c r="A140012" i="1" s="1"/>
  <c r="A140013" i="1" s="1"/>
  <c r="A140014" i="1" s="1"/>
  <c r="A140015" i="1" s="1"/>
  <c r="A140016" i="1" s="1"/>
  <c r="A140017" i="1" s="1"/>
  <c r="A140018" i="1" s="1"/>
  <c r="A140019" i="1" s="1"/>
  <c r="A140020" i="1" s="1"/>
  <c r="A140021" i="1" s="1"/>
  <c r="A140022" i="1" s="1"/>
  <c r="A140023" i="1" s="1"/>
  <c r="A140024" i="1" s="1"/>
  <c r="A140025" i="1" s="1"/>
  <c r="A140026" i="1" s="1"/>
  <c r="A140027" i="1" s="1"/>
  <c r="A140028" i="1" s="1"/>
  <c r="A140029" i="1" s="1"/>
  <c r="A140030" i="1" s="1"/>
  <c r="A140031" i="1" s="1"/>
  <c r="A140032" i="1" s="1"/>
  <c r="A140033" i="1" s="1"/>
  <c r="A140034" i="1" s="1"/>
  <c r="A140035" i="1" s="1"/>
  <c r="A140036" i="1" s="1"/>
  <c r="A140037" i="1" s="1"/>
  <c r="A140038" i="1" s="1"/>
  <c r="A140039" i="1" s="1"/>
  <c r="A140040" i="1" s="1"/>
  <c r="A140041" i="1" s="1"/>
  <c r="A140042" i="1" s="1"/>
  <c r="A140043" i="1" s="1"/>
  <c r="A140044" i="1" s="1"/>
  <c r="A140045" i="1" s="1"/>
  <c r="A140046" i="1" s="1"/>
  <c r="A140047" i="1" s="1"/>
  <c r="A140048" i="1" s="1"/>
  <c r="A140049" i="1" s="1"/>
  <c r="A140050" i="1" s="1"/>
  <c r="A140051" i="1" s="1"/>
  <c r="A140052" i="1" s="1"/>
  <c r="A140053" i="1" s="1"/>
  <c r="A140054" i="1" s="1"/>
  <c r="A140055" i="1" s="1"/>
  <c r="A140056" i="1" s="1"/>
  <c r="A140057" i="1" s="1"/>
  <c r="A140058" i="1" s="1"/>
  <c r="A140059" i="1" s="1"/>
  <c r="A140060" i="1" s="1"/>
  <c r="A140061" i="1" s="1"/>
  <c r="A140062" i="1" s="1"/>
  <c r="A140063" i="1" s="1"/>
  <c r="A140064" i="1" s="1"/>
  <c r="A140065" i="1" s="1"/>
  <c r="A140066" i="1" s="1"/>
  <c r="A140067" i="1" s="1"/>
  <c r="A140068" i="1" s="1"/>
  <c r="A140069" i="1" s="1"/>
  <c r="A140070" i="1" s="1"/>
  <c r="A140071" i="1" s="1"/>
  <c r="A140072" i="1" s="1"/>
  <c r="A140073" i="1" s="1"/>
  <c r="A140074" i="1" s="1"/>
  <c r="A140075" i="1" s="1"/>
  <c r="A140076" i="1" s="1"/>
  <c r="A140077" i="1" s="1"/>
  <c r="A140078" i="1" s="1"/>
  <c r="A140079" i="1" s="1"/>
  <c r="A140080" i="1" s="1"/>
  <c r="A140081" i="1" s="1"/>
  <c r="A140082" i="1" s="1"/>
  <c r="A140083" i="1" s="1"/>
  <c r="A140084" i="1" s="1"/>
  <c r="A140085" i="1" s="1"/>
  <c r="A140086" i="1" s="1"/>
  <c r="A140087" i="1" s="1"/>
  <c r="A140088" i="1" s="1"/>
  <c r="A140089" i="1" s="1"/>
  <c r="A140090" i="1" s="1"/>
  <c r="A140091" i="1" s="1"/>
  <c r="A140092" i="1" s="1"/>
  <c r="A140093" i="1" s="1"/>
  <c r="A140094" i="1" s="1"/>
  <c r="A140095" i="1" s="1"/>
  <c r="A140096" i="1" s="1"/>
  <c r="A140097" i="1" s="1"/>
  <c r="A140098" i="1" s="1"/>
  <c r="A140099" i="1" s="1"/>
  <c r="A140100" i="1" s="1"/>
  <c r="A140101" i="1" s="1"/>
  <c r="A140102" i="1" s="1"/>
  <c r="A140103" i="1" s="1"/>
  <c r="A140104" i="1" s="1"/>
  <c r="A140105" i="1" s="1"/>
  <c r="A140106" i="1" s="1"/>
  <c r="A140107" i="1" s="1"/>
  <c r="A140108" i="1" s="1"/>
  <c r="A140109" i="1" s="1"/>
  <c r="A140110" i="1" s="1"/>
  <c r="A140111" i="1" s="1"/>
  <c r="A140112" i="1" s="1"/>
  <c r="A140113" i="1" s="1"/>
  <c r="A140114" i="1" s="1"/>
  <c r="A140115" i="1" s="1"/>
  <c r="A140116" i="1" s="1"/>
  <c r="A140117" i="1" s="1"/>
  <c r="A140118" i="1" s="1"/>
  <c r="A140119" i="1" s="1"/>
  <c r="A140120" i="1" s="1"/>
  <c r="A140121" i="1" s="1"/>
  <c r="A140122" i="1" s="1"/>
  <c r="A140123" i="1" s="1"/>
  <c r="A140124" i="1" s="1"/>
  <c r="A140125" i="1" s="1"/>
  <c r="A140126" i="1" s="1"/>
  <c r="A140127" i="1" s="1"/>
  <c r="A140128" i="1" s="1"/>
  <c r="A140129" i="1" s="1"/>
  <c r="A140130" i="1" s="1"/>
  <c r="A140131" i="1" s="1"/>
  <c r="A140132" i="1" s="1"/>
  <c r="A140133" i="1" s="1"/>
  <c r="A140134" i="1" s="1"/>
  <c r="A140135" i="1" s="1"/>
  <c r="A140136" i="1" s="1"/>
  <c r="A140137" i="1" s="1"/>
  <c r="A140138" i="1" s="1"/>
  <c r="A140139" i="1" s="1"/>
  <c r="A140140" i="1" s="1"/>
  <c r="A140141" i="1" s="1"/>
  <c r="A140142" i="1" s="1"/>
  <c r="A140143" i="1" s="1"/>
  <c r="A140144" i="1" s="1"/>
  <c r="A140145" i="1" s="1"/>
  <c r="A140146" i="1" s="1"/>
  <c r="A140147" i="1" s="1"/>
  <c r="A140148" i="1" s="1"/>
  <c r="A140149" i="1" s="1"/>
  <c r="A140150" i="1" s="1"/>
  <c r="A140151" i="1" s="1"/>
  <c r="A140152" i="1" s="1"/>
  <c r="A140153" i="1" s="1"/>
  <c r="A140154" i="1" s="1"/>
  <c r="A140155" i="1" s="1"/>
  <c r="A140156" i="1" s="1"/>
  <c r="A140157" i="1" s="1"/>
  <c r="A140158" i="1" s="1"/>
  <c r="A140159" i="1" s="1"/>
  <c r="A140160" i="1" s="1"/>
  <c r="A140161" i="1" s="1"/>
  <c r="A140162" i="1" s="1"/>
  <c r="A140163" i="1" s="1"/>
  <c r="A140164" i="1" s="1"/>
  <c r="A140165" i="1" s="1"/>
  <c r="A140166" i="1" s="1"/>
  <c r="A140167" i="1" s="1"/>
  <c r="A140168" i="1" s="1"/>
  <c r="A140169" i="1" s="1"/>
  <c r="A140170" i="1" s="1"/>
  <c r="A140171" i="1" s="1"/>
  <c r="A140172" i="1" s="1"/>
  <c r="A140173" i="1" s="1"/>
  <c r="A140174" i="1" s="1"/>
  <c r="A140175" i="1" s="1"/>
  <c r="A140176" i="1" s="1"/>
  <c r="A140177" i="1" s="1"/>
  <c r="A140178" i="1" s="1"/>
  <c r="A140179" i="1" s="1"/>
  <c r="A140180" i="1" s="1"/>
  <c r="A140181" i="1" s="1"/>
  <c r="A140182" i="1" s="1"/>
  <c r="A140183" i="1" s="1"/>
  <c r="A140184" i="1" s="1"/>
  <c r="A140185" i="1" s="1"/>
  <c r="A140186" i="1" s="1"/>
  <c r="A140187" i="1" s="1"/>
  <c r="A140188" i="1" s="1"/>
  <c r="A140189" i="1" s="1"/>
  <c r="A140190" i="1" s="1"/>
  <c r="A140191" i="1" s="1"/>
  <c r="A140192" i="1" s="1"/>
  <c r="A140193" i="1" s="1"/>
  <c r="A140194" i="1" s="1"/>
  <c r="A140195" i="1" s="1"/>
  <c r="A140196" i="1" s="1"/>
  <c r="A140197" i="1" s="1"/>
  <c r="A140198" i="1" s="1"/>
  <c r="A140199" i="1" s="1"/>
  <c r="A140200" i="1" s="1"/>
  <c r="A140201" i="1" s="1"/>
  <c r="A140202" i="1" s="1"/>
  <c r="A140203" i="1" s="1"/>
  <c r="A140204" i="1" s="1"/>
  <c r="A140205" i="1" s="1"/>
  <c r="A140206" i="1" s="1"/>
  <c r="A140207" i="1" s="1"/>
  <c r="A140208" i="1" s="1"/>
  <c r="A140209" i="1" s="1"/>
  <c r="A140210" i="1" s="1"/>
  <c r="A140211" i="1" s="1"/>
  <c r="A140212" i="1" s="1"/>
  <c r="A140213" i="1" s="1"/>
  <c r="A140214" i="1" s="1"/>
  <c r="A140215" i="1" s="1"/>
  <c r="A140216" i="1" s="1"/>
  <c r="A140217" i="1" s="1"/>
  <c r="A140218" i="1" s="1"/>
  <c r="A140219" i="1" s="1"/>
  <c r="A140220" i="1" s="1"/>
  <c r="A140221" i="1" s="1"/>
  <c r="A140222" i="1" s="1"/>
  <c r="A140223" i="1" s="1"/>
  <c r="A140224" i="1" s="1"/>
  <c r="A140225" i="1" s="1"/>
  <c r="A140226" i="1" s="1"/>
  <c r="A140227" i="1" s="1"/>
  <c r="A140228" i="1" s="1"/>
  <c r="A140229" i="1" s="1"/>
  <c r="A140230" i="1" s="1"/>
  <c r="A140231" i="1" s="1"/>
  <c r="A140232" i="1" s="1"/>
  <c r="A140233" i="1" s="1"/>
  <c r="A140234" i="1" s="1"/>
  <c r="A140235" i="1" s="1"/>
  <c r="A140236" i="1" s="1"/>
  <c r="A140237" i="1" s="1"/>
  <c r="A140238" i="1" s="1"/>
  <c r="A140239" i="1" s="1"/>
  <c r="A140240" i="1" s="1"/>
  <c r="A140241" i="1" s="1"/>
  <c r="A140242" i="1" s="1"/>
  <c r="A140243" i="1" s="1"/>
  <c r="A140244" i="1" s="1"/>
  <c r="A140245" i="1" s="1"/>
  <c r="A140246" i="1" s="1"/>
  <c r="A140247" i="1" s="1"/>
  <c r="A140248" i="1" s="1"/>
  <c r="A140249" i="1" s="1"/>
  <c r="A140250" i="1" s="1"/>
  <c r="A140251" i="1" s="1"/>
  <c r="A140252" i="1" s="1"/>
  <c r="A140253" i="1" s="1"/>
  <c r="A140254" i="1" s="1"/>
  <c r="A140255" i="1" s="1"/>
  <c r="A140256" i="1" s="1"/>
  <c r="A140257" i="1" s="1"/>
  <c r="A140258" i="1" s="1"/>
  <c r="A140259" i="1" s="1"/>
  <c r="A140260" i="1" s="1"/>
  <c r="A140261" i="1" s="1"/>
  <c r="A140262" i="1" s="1"/>
  <c r="A140263" i="1" s="1"/>
  <c r="A140264" i="1" s="1"/>
  <c r="A140265" i="1" s="1"/>
  <c r="A140266" i="1" s="1"/>
  <c r="A140267" i="1" s="1"/>
  <c r="A140268" i="1" s="1"/>
  <c r="A140269" i="1" s="1"/>
  <c r="A140270" i="1" s="1"/>
  <c r="A140271" i="1" s="1"/>
  <c r="A140272" i="1" s="1"/>
  <c r="A140273" i="1" s="1"/>
  <c r="A140274" i="1" s="1"/>
  <c r="A140275" i="1" s="1"/>
  <c r="A140276" i="1" s="1"/>
  <c r="A140277" i="1" s="1"/>
  <c r="A140278" i="1" s="1"/>
  <c r="A140279" i="1" s="1"/>
  <c r="A140280" i="1" s="1"/>
  <c r="A140281" i="1" s="1"/>
  <c r="A140282" i="1" s="1"/>
  <c r="A140283" i="1" s="1"/>
  <c r="A140284" i="1" s="1"/>
  <c r="A140285" i="1" s="1"/>
  <c r="A140286" i="1" s="1"/>
  <c r="A140287" i="1" s="1"/>
  <c r="A140288" i="1" s="1"/>
  <c r="A140289" i="1" s="1"/>
  <c r="A140290" i="1" s="1"/>
  <c r="A140291" i="1" s="1"/>
  <c r="A140292" i="1" s="1"/>
  <c r="A140293" i="1" s="1"/>
  <c r="A140294" i="1" s="1"/>
  <c r="A140295" i="1" s="1"/>
  <c r="A140296" i="1" s="1"/>
  <c r="A140297" i="1" s="1"/>
  <c r="A140298" i="1" s="1"/>
  <c r="A140299" i="1" s="1"/>
  <c r="A140300" i="1" s="1"/>
  <c r="A140301" i="1" s="1"/>
  <c r="A140302" i="1" s="1"/>
  <c r="A140303" i="1" s="1"/>
  <c r="A140304" i="1" s="1"/>
  <c r="A140305" i="1" s="1"/>
  <c r="A140306" i="1" s="1"/>
  <c r="A140307" i="1" s="1"/>
  <c r="A140308" i="1" s="1"/>
  <c r="A140309" i="1" s="1"/>
  <c r="A140310" i="1" s="1"/>
  <c r="A140311" i="1" s="1"/>
  <c r="A140312" i="1" s="1"/>
  <c r="A140313" i="1" s="1"/>
  <c r="A140314" i="1" s="1"/>
  <c r="A140315" i="1" s="1"/>
  <c r="A140316" i="1" s="1"/>
  <c r="A140317" i="1" s="1"/>
  <c r="A140318" i="1" s="1"/>
  <c r="A140319" i="1" s="1"/>
  <c r="A140320" i="1" s="1"/>
  <c r="A140321" i="1" s="1"/>
  <c r="A140322" i="1" s="1"/>
  <c r="A140323" i="1" s="1"/>
  <c r="A140324" i="1" s="1"/>
  <c r="A140325" i="1" s="1"/>
  <c r="A140326" i="1" s="1"/>
  <c r="A140327" i="1" s="1"/>
  <c r="A140328" i="1" s="1"/>
  <c r="A140329" i="1" s="1"/>
  <c r="A140330" i="1" s="1"/>
  <c r="A140331" i="1" s="1"/>
  <c r="A140332" i="1" s="1"/>
  <c r="A140333" i="1" s="1"/>
  <c r="A140334" i="1" s="1"/>
  <c r="A140335" i="1" s="1"/>
  <c r="A140336" i="1" s="1"/>
  <c r="A140337" i="1" s="1"/>
  <c r="A140338" i="1" s="1"/>
  <c r="A140339" i="1" s="1"/>
  <c r="A140340" i="1" s="1"/>
  <c r="A140341" i="1" s="1"/>
  <c r="A140342" i="1" s="1"/>
  <c r="A140343" i="1" s="1"/>
  <c r="A140344" i="1" s="1"/>
  <c r="A140345" i="1" s="1"/>
  <c r="A140346" i="1" s="1"/>
  <c r="A140347" i="1" s="1"/>
  <c r="A140348" i="1" s="1"/>
  <c r="A140349" i="1" s="1"/>
  <c r="A140350" i="1" s="1"/>
  <c r="A140351" i="1" s="1"/>
  <c r="A140352" i="1" s="1"/>
  <c r="A140353" i="1" s="1"/>
  <c r="A140354" i="1" s="1"/>
  <c r="A140355" i="1" s="1"/>
  <c r="A140356" i="1" s="1"/>
  <c r="A140357" i="1" s="1"/>
  <c r="A140358" i="1" s="1"/>
  <c r="A140359" i="1" s="1"/>
  <c r="A140360" i="1" s="1"/>
  <c r="A140361" i="1" s="1"/>
  <c r="A140362" i="1" s="1"/>
  <c r="A140363" i="1" s="1"/>
  <c r="A140364" i="1" s="1"/>
  <c r="A140365" i="1" s="1"/>
  <c r="A140366" i="1" s="1"/>
  <c r="A140367" i="1" s="1"/>
  <c r="A140368" i="1" s="1"/>
  <c r="A140369" i="1" s="1"/>
  <c r="A140370" i="1" s="1"/>
  <c r="A140371" i="1" s="1"/>
  <c r="A140372" i="1" s="1"/>
  <c r="A140373" i="1" s="1"/>
  <c r="A140374" i="1" s="1"/>
  <c r="A140375" i="1" s="1"/>
  <c r="A140376" i="1" s="1"/>
  <c r="A140377" i="1" s="1"/>
  <c r="A140378" i="1" s="1"/>
  <c r="A140379" i="1" s="1"/>
  <c r="A140380" i="1" s="1"/>
  <c r="A140381" i="1" s="1"/>
  <c r="A140382" i="1" s="1"/>
  <c r="A140383" i="1" s="1"/>
  <c r="A140384" i="1" s="1"/>
  <c r="A140385" i="1" s="1"/>
  <c r="A140386" i="1" s="1"/>
  <c r="A140387" i="1" s="1"/>
  <c r="A140388" i="1" s="1"/>
  <c r="A140389" i="1" s="1"/>
  <c r="A140390" i="1" s="1"/>
  <c r="A140391" i="1" s="1"/>
  <c r="A140392" i="1" s="1"/>
  <c r="A140393" i="1" s="1"/>
  <c r="A140394" i="1" s="1"/>
  <c r="A140395" i="1" s="1"/>
  <c r="A140396" i="1" s="1"/>
  <c r="A140397" i="1" s="1"/>
  <c r="A140398" i="1" s="1"/>
  <c r="A140399" i="1" s="1"/>
  <c r="A140400" i="1" s="1"/>
  <c r="A140401" i="1" s="1"/>
  <c r="A140402" i="1" s="1"/>
  <c r="A140403" i="1" s="1"/>
  <c r="A140404" i="1" s="1"/>
  <c r="A140405" i="1" s="1"/>
  <c r="A140406" i="1" s="1"/>
  <c r="A140407" i="1" s="1"/>
  <c r="A140408" i="1" s="1"/>
  <c r="A140409" i="1" s="1"/>
  <c r="A140410" i="1" s="1"/>
  <c r="A140411" i="1" s="1"/>
  <c r="A140412" i="1" s="1"/>
  <c r="A140413" i="1" s="1"/>
  <c r="A140414" i="1" s="1"/>
  <c r="A140415" i="1" s="1"/>
  <c r="A140416" i="1" s="1"/>
  <c r="A140417" i="1" s="1"/>
  <c r="A140418" i="1" s="1"/>
  <c r="A140419" i="1" s="1"/>
  <c r="A140420" i="1" s="1"/>
  <c r="A140421" i="1" s="1"/>
  <c r="A140422" i="1" s="1"/>
  <c r="A140423" i="1" s="1"/>
  <c r="A140424" i="1" s="1"/>
  <c r="A140425" i="1" s="1"/>
  <c r="A140426" i="1" s="1"/>
  <c r="A140427" i="1" s="1"/>
  <c r="A140428" i="1" s="1"/>
  <c r="A140429" i="1" s="1"/>
  <c r="A140430" i="1" s="1"/>
  <c r="A140431" i="1" s="1"/>
  <c r="A140432" i="1" s="1"/>
  <c r="A140433" i="1" s="1"/>
  <c r="A140434" i="1" s="1"/>
  <c r="A140435" i="1" s="1"/>
  <c r="A140436" i="1" s="1"/>
  <c r="A140437" i="1" s="1"/>
  <c r="A140438" i="1" s="1"/>
  <c r="A140439" i="1" s="1"/>
  <c r="A140440" i="1" s="1"/>
  <c r="A140441" i="1" s="1"/>
  <c r="A140442" i="1" s="1"/>
  <c r="A140443" i="1" s="1"/>
  <c r="A140444" i="1" s="1"/>
  <c r="A140445" i="1" s="1"/>
  <c r="A140446" i="1" s="1"/>
  <c r="A140447" i="1" s="1"/>
  <c r="A140448" i="1" s="1"/>
  <c r="A140449" i="1" s="1"/>
  <c r="A140450" i="1" s="1"/>
  <c r="A140451" i="1" s="1"/>
  <c r="A140452" i="1" s="1"/>
  <c r="A140453" i="1" s="1"/>
  <c r="A140454" i="1" s="1"/>
  <c r="A140455" i="1" s="1"/>
  <c r="A140456" i="1" s="1"/>
  <c r="A140457" i="1" s="1"/>
  <c r="A140458" i="1" s="1"/>
  <c r="A140459" i="1" s="1"/>
  <c r="A140460" i="1" s="1"/>
  <c r="A140461" i="1" s="1"/>
  <c r="A140462" i="1" s="1"/>
  <c r="A140463" i="1" s="1"/>
  <c r="A140464" i="1" s="1"/>
  <c r="A140465" i="1" s="1"/>
  <c r="A140466" i="1" s="1"/>
  <c r="A140467" i="1" s="1"/>
  <c r="A140468" i="1" s="1"/>
  <c r="A140469" i="1" s="1"/>
  <c r="A140470" i="1" s="1"/>
  <c r="A140471" i="1" s="1"/>
  <c r="A140472" i="1" s="1"/>
  <c r="A140473" i="1" s="1"/>
  <c r="A140474" i="1" s="1"/>
  <c r="A140475" i="1" s="1"/>
  <c r="A140476" i="1" s="1"/>
  <c r="A140477" i="1" s="1"/>
  <c r="A140478" i="1" s="1"/>
  <c r="A140479" i="1" s="1"/>
  <c r="A140480" i="1" s="1"/>
  <c r="A140481" i="1" s="1"/>
  <c r="A140482" i="1" s="1"/>
  <c r="A140483" i="1" s="1"/>
  <c r="A140484" i="1" s="1"/>
  <c r="A140485" i="1" s="1"/>
  <c r="A140486" i="1" s="1"/>
  <c r="A140487" i="1" s="1"/>
  <c r="A140488" i="1" s="1"/>
  <c r="A140489" i="1" s="1"/>
  <c r="A140490" i="1" s="1"/>
  <c r="A140491" i="1" s="1"/>
  <c r="A140492" i="1" s="1"/>
  <c r="A140493" i="1" s="1"/>
  <c r="A140494" i="1" s="1"/>
  <c r="A140495" i="1" s="1"/>
  <c r="A140496" i="1" s="1"/>
  <c r="A140497" i="1" s="1"/>
  <c r="A140498" i="1" s="1"/>
  <c r="A140499" i="1" s="1"/>
  <c r="A140500" i="1" s="1"/>
  <c r="A140501" i="1" s="1"/>
  <c r="A140502" i="1" s="1"/>
  <c r="A140503" i="1" s="1"/>
  <c r="A140504" i="1" s="1"/>
  <c r="A140505" i="1" s="1"/>
  <c r="A140506" i="1" s="1"/>
  <c r="A140507" i="1" s="1"/>
  <c r="A140508" i="1" s="1"/>
  <c r="A140509" i="1" s="1"/>
  <c r="A140510" i="1" s="1"/>
  <c r="A140511" i="1" s="1"/>
  <c r="A140512" i="1" s="1"/>
  <c r="A140513" i="1" s="1"/>
  <c r="A140514" i="1" s="1"/>
  <c r="A140515" i="1" s="1"/>
  <c r="A140516" i="1" s="1"/>
  <c r="A140517" i="1" s="1"/>
  <c r="A140518" i="1" s="1"/>
  <c r="A140519" i="1" s="1"/>
  <c r="A140520" i="1" s="1"/>
  <c r="A140521" i="1" s="1"/>
  <c r="A140522" i="1" s="1"/>
  <c r="A140523" i="1" s="1"/>
  <c r="A140524" i="1" s="1"/>
  <c r="A140525" i="1" s="1"/>
  <c r="A140526" i="1" s="1"/>
  <c r="A140527" i="1" s="1"/>
  <c r="A140528" i="1" s="1"/>
  <c r="A140529" i="1" s="1"/>
  <c r="A140530" i="1" s="1"/>
  <c r="A140531" i="1" s="1"/>
  <c r="A140532" i="1" s="1"/>
  <c r="A140533" i="1" s="1"/>
  <c r="A140534" i="1" s="1"/>
  <c r="A140535" i="1" s="1"/>
  <c r="A140536" i="1" s="1"/>
  <c r="A140537" i="1" s="1"/>
  <c r="A140538" i="1" s="1"/>
  <c r="A140539" i="1" s="1"/>
  <c r="A140540" i="1" s="1"/>
  <c r="A140541" i="1" s="1"/>
  <c r="A140542" i="1" s="1"/>
  <c r="A140543" i="1" s="1"/>
  <c r="A140544" i="1" s="1"/>
  <c r="A140545" i="1" s="1"/>
  <c r="A140546" i="1" s="1"/>
  <c r="A140547" i="1" s="1"/>
  <c r="A140548" i="1" s="1"/>
  <c r="A140549" i="1" s="1"/>
  <c r="A140550" i="1" s="1"/>
  <c r="A140551" i="1" s="1"/>
  <c r="A140552" i="1" s="1"/>
  <c r="A140553" i="1" s="1"/>
  <c r="A140554" i="1" s="1"/>
  <c r="A140555" i="1" s="1"/>
  <c r="A140556" i="1" s="1"/>
  <c r="A140557" i="1" s="1"/>
  <c r="A140558" i="1" s="1"/>
  <c r="A140559" i="1" s="1"/>
  <c r="A140560" i="1" s="1"/>
  <c r="A140561" i="1" s="1"/>
  <c r="A140562" i="1" s="1"/>
  <c r="A140563" i="1" s="1"/>
  <c r="A140564" i="1" s="1"/>
  <c r="A140565" i="1" s="1"/>
  <c r="A140566" i="1" s="1"/>
  <c r="A140567" i="1" s="1"/>
  <c r="A140568" i="1" s="1"/>
  <c r="A140569" i="1" s="1"/>
  <c r="A140570" i="1" s="1"/>
  <c r="A140571" i="1" s="1"/>
  <c r="A140572" i="1" s="1"/>
  <c r="A140573" i="1" s="1"/>
  <c r="A140574" i="1" s="1"/>
  <c r="A140575" i="1" s="1"/>
  <c r="A140576" i="1" s="1"/>
  <c r="A140577" i="1" s="1"/>
  <c r="A140578" i="1" s="1"/>
  <c r="A140579" i="1" s="1"/>
  <c r="A140580" i="1" s="1"/>
  <c r="A140581" i="1" s="1"/>
  <c r="A140582" i="1" s="1"/>
  <c r="A140583" i="1" s="1"/>
  <c r="A140584" i="1" s="1"/>
  <c r="A140585" i="1" s="1"/>
  <c r="A140586" i="1" s="1"/>
  <c r="A140587" i="1" s="1"/>
  <c r="A140588" i="1" s="1"/>
  <c r="A140589" i="1" s="1"/>
  <c r="A140590" i="1" s="1"/>
  <c r="A140591" i="1" s="1"/>
  <c r="A140592" i="1" s="1"/>
  <c r="A140593" i="1" s="1"/>
  <c r="A140594" i="1" s="1"/>
  <c r="A140595" i="1" s="1"/>
  <c r="A140596" i="1" s="1"/>
  <c r="A140597" i="1" s="1"/>
  <c r="A140598" i="1" s="1"/>
  <c r="A140599" i="1" s="1"/>
  <c r="A140600" i="1" s="1"/>
  <c r="A140601" i="1" s="1"/>
  <c r="A140602" i="1" s="1"/>
  <c r="A140603" i="1" s="1"/>
  <c r="A140604" i="1" s="1"/>
  <c r="A140605" i="1" s="1"/>
  <c r="A140606" i="1" s="1"/>
  <c r="A140607" i="1" s="1"/>
  <c r="A140608" i="1" s="1"/>
  <c r="A140609" i="1" s="1"/>
  <c r="A140610" i="1" s="1"/>
  <c r="A140611" i="1" s="1"/>
  <c r="A140612" i="1" s="1"/>
  <c r="A140613" i="1" s="1"/>
  <c r="A140614" i="1" s="1"/>
  <c r="A140615" i="1" s="1"/>
  <c r="A140616" i="1" s="1"/>
  <c r="A140617" i="1" s="1"/>
  <c r="A140618" i="1" s="1"/>
  <c r="A140619" i="1" s="1"/>
  <c r="A140620" i="1" s="1"/>
  <c r="A140621" i="1" s="1"/>
  <c r="A140622" i="1" s="1"/>
  <c r="A140623" i="1" s="1"/>
  <c r="A140624" i="1" s="1"/>
  <c r="A140625" i="1" s="1"/>
  <c r="A140626" i="1" s="1"/>
  <c r="A140627" i="1" s="1"/>
  <c r="A140628" i="1" s="1"/>
  <c r="A140629" i="1" s="1"/>
  <c r="A140630" i="1" s="1"/>
  <c r="A140631" i="1" s="1"/>
  <c r="A140632" i="1" s="1"/>
  <c r="A140633" i="1" s="1"/>
  <c r="A140634" i="1" s="1"/>
  <c r="A140635" i="1" s="1"/>
  <c r="A140636" i="1" s="1"/>
  <c r="A140637" i="1" s="1"/>
  <c r="A140638" i="1" s="1"/>
  <c r="A140639" i="1" s="1"/>
  <c r="A140640" i="1" s="1"/>
  <c r="A140641" i="1" s="1"/>
  <c r="A140642" i="1" s="1"/>
  <c r="A140643" i="1" s="1"/>
  <c r="A140644" i="1" s="1"/>
  <c r="A140645" i="1" s="1"/>
  <c r="A140646" i="1" s="1"/>
  <c r="A140647" i="1" s="1"/>
  <c r="A140648" i="1" s="1"/>
  <c r="A140649" i="1" s="1"/>
  <c r="A140650" i="1" s="1"/>
  <c r="A140651" i="1" s="1"/>
  <c r="A140652" i="1" s="1"/>
  <c r="A140653" i="1" s="1"/>
  <c r="A140654" i="1" s="1"/>
  <c r="A140655" i="1" s="1"/>
  <c r="A140656" i="1" s="1"/>
  <c r="A140657" i="1" s="1"/>
  <c r="A140658" i="1" s="1"/>
  <c r="A140659" i="1" s="1"/>
  <c r="A140660" i="1" s="1"/>
  <c r="A140661" i="1" s="1"/>
  <c r="A140662" i="1" s="1"/>
  <c r="A140663" i="1" s="1"/>
  <c r="A140664" i="1" s="1"/>
  <c r="A140665" i="1" s="1"/>
  <c r="A140666" i="1" s="1"/>
  <c r="A140667" i="1" s="1"/>
  <c r="A140668" i="1" s="1"/>
  <c r="A140669" i="1" s="1"/>
  <c r="A140670" i="1" s="1"/>
  <c r="A140671" i="1" s="1"/>
  <c r="A140672" i="1" s="1"/>
  <c r="A140673" i="1" s="1"/>
  <c r="A140674" i="1" s="1"/>
  <c r="A140675" i="1" s="1"/>
  <c r="A140676" i="1" s="1"/>
  <c r="A140677" i="1" s="1"/>
  <c r="A140678" i="1" s="1"/>
  <c r="A140679" i="1" s="1"/>
  <c r="A140680" i="1" s="1"/>
  <c r="A140681" i="1" s="1"/>
  <c r="A140682" i="1" s="1"/>
  <c r="A140683" i="1" s="1"/>
  <c r="A140684" i="1" s="1"/>
  <c r="A140685" i="1" s="1"/>
  <c r="A140686" i="1" s="1"/>
  <c r="A140687" i="1" s="1"/>
  <c r="A140688" i="1" s="1"/>
  <c r="A140689" i="1" s="1"/>
  <c r="A140690" i="1" s="1"/>
  <c r="A140691" i="1" s="1"/>
  <c r="A140692" i="1" s="1"/>
  <c r="A140693" i="1" s="1"/>
  <c r="A140694" i="1" s="1"/>
  <c r="A140695" i="1" s="1"/>
  <c r="A140696" i="1" s="1"/>
  <c r="A140697" i="1" s="1"/>
  <c r="A140698" i="1" s="1"/>
  <c r="A140699" i="1" s="1"/>
  <c r="A140700" i="1" s="1"/>
  <c r="A140701" i="1" s="1"/>
  <c r="A140702" i="1" s="1"/>
  <c r="A140703" i="1" s="1"/>
  <c r="A140704" i="1" s="1"/>
  <c r="A140705" i="1" s="1"/>
  <c r="A140706" i="1" s="1"/>
  <c r="A140707" i="1" s="1"/>
  <c r="A140708" i="1" s="1"/>
  <c r="A140709" i="1" s="1"/>
  <c r="A140710" i="1" s="1"/>
  <c r="A140711" i="1" s="1"/>
  <c r="A140712" i="1" s="1"/>
  <c r="A140713" i="1" s="1"/>
  <c r="A140714" i="1" s="1"/>
  <c r="A140715" i="1" s="1"/>
  <c r="A140716" i="1" s="1"/>
  <c r="A140717" i="1" s="1"/>
  <c r="A140718" i="1" s="1"/>
  <c r="A140719" i="1" s="1"/>
  <c r="A140720" i="1" s="1"/>
  <c r="A140721" i="1" s="1"/>
  <c r="A140722" i="1" s="1"/>
  <c r="A140723" i="1" s="1"/>
  <c r="A140724" i="1" s="1"/>
  <c r="A140725" i="1" s="1"/>
  <c r="A140726" i="1" s="1"/>
  <c r="A140727" i="1" s="1"/>
  <c r="A140728" i="1" s="1"/>
  <c r="A140729" i="1" s="1"/>
  <c r="A140730" i="1" s="1"/>
  <c r="A140731" i="1" s="1"/>
  <c r="A140732" i="1" s="1"/>
  <c r="A140733" i="1" s="1"/>
  <c r="A140734" i="1" s="1"/>
  <c r="A140735" i="1" s="1"/>
  <c r="A140736" i="1" s="1"/>
  <c r="A140737" i="1" s="1"/>
  <c r="A140738" i="1" s="1"/>
  <c r="A140739" i="1" s="1"/>
  <c r="A140740" i="1" s="1"/>
  <c r="A140741" i="1" s="1"/>
  <c r="A140742" i="1" s="1"/>
  <c r="A140743" i="1" s="1"/>
  <c r="A140744" i="1" s="1"/>
  <c r="A140745" i="1" s="1"/>
  <c r="A140746" i="1" s="1"/>
  <c r="A140747" i="1" s="1"/>
  <c r="A140748" i="1" s="1"/>
  <c r="A140749" i="1" s="1"/>
  <c r="A140750" i="1" s="1"/>
  <c r="A140751" i="1" s="1"/>
  <c r="A140752" i="1" s="1"/>
  <c r="A140753" i="1" s="1"/>
  <c r="A140754" i="1" s="1"/>
  <c r="A140755" i="1" s="1"/>
  <c r="A140756" i="1" s="1"/>
  <c r="A140757" i="1" s="1"/>
  <c r="A140758" i="1" s="1"/>
  <c r="A140759" i="1" s="1"/>
  <c r="A140760" i="1" s="1"/>
  <c r="A140761" i="1" s="1"/>
  <c r="A140762" i="1" s="1"/>
  <c r="A140763" i="1" s="1"/>
  <c r="A140764" i="1" s="1"/>
  <c r="A140765" i="1" s="1"/>
  <c r="A140766" i="1" s="1"/>
  <c r="A140767" i="1" s="1"/>
  <c r="A140768" i="1" s="1"/>
  <c r="A140769" i="1" s="1"/>
  <c r="A140770" i="1" s="1"/>
  <c r="A140771" i="1" s="1"/>
  <c r="A140772" i="1" s="1"/>
  <c r="A140773" i="1" s="1"/>
  <c r="A140774" i="1" s="1"/>
  <c r="A140775" i="1" s="1"/>
  <c r="A140776" i="1" s="1"/>
  <c r="A140777" i="1" s="1"/>
  <c r="A140778" i="1" s="1"/>
  <c r="A140779" i="1" s="1"/>
  <c r="A140780" i="1" s="1"/>
  <c r="A140781" i="1" s="1"/>
  <c r="A140782" i="1" s="1"/>
  <c r="A140783" i="1" s="1"/>
  <c r="A140784" i="1" s="1"/>
  <c r="A140785" i="1" s="1"/>
  <c r="A140786" i="1" s="1"/>
  <c r="A140787" i="1" s="1"/>
  <c r="A140788" i="1" s="1"/>
  <c r="A140789" i="1" s="1"/>
  <c r="A140790" i="1" s="1"/>
  <c r="A140791" i="1" s="1"/>
  <c r="A140792" i="1" s="1"/>
  <c r="A140793" i="1" s="1"/>
  <c r="A140794" i="1" s="1"/>
  <c r="A140795" i="1" s="1"/>
  <c r="A140796" i="1" s="1"/>
  <c r="A140797" i="1" s="1"/>
  <c r="A140798" i="1" s="1"/>
  <c r="A140799" i="1" s="1"/>
  <c r="A140800" i="1" s="1"/>
  <c r="A140801" i="1" s="1"/>
  <c r="A140802" i="1" s="1"/>
  <c r="A140803" i="1" s="1"/>
  <c r="A140804" i="1" s="1"/>
  <c r="A140805" i="1" s="1"/>
  <c r="A140806" i="1" s="1"/>
  <c r="A140807" i="1" s="1"/>
  <c r="A140808" i="1" s="1"/>
  <c r="A140809" i="1" s="1"/>
  <c r="A140810" i="1" s="1"/>
  <c r="A140811" i="1" s="1"/>
  <c r="A140812" i="1" s="1"/>
  <c r="A140813" i="1" s="1"/>
  <c r="A140814" i="1" s="1"/>
  <c r="A140815" i="1" s="1"/>
  <c r="A140816" i="1" s="1"/>
  <c r="A140817" i="1" s="1"/>
  <c r="A140818" i="1" s="1"/>
  <c r="A140819" i="1" s="1"/>
  <c r="A140820" i="1" s="1"/>
  <c r="A140821" i="1" s="1"/>
  <c r="A140822" i="1" s="1"/>
  <c r="A140823" i="1" s="1"/>
  <c r="A140824" i="1" s="1"/>
  <c r="A140825" i="1" s="1"/>
  <c r="A140826" i="1" s="1"/>
  <c r="A140827" i="1" s="1"/>
  <c r="A140828" i="1" s="1"/>
  <c r="A140829" i="1" s="1"/>
  <c r="A140830" i="1" s="1"/>
  <c r="A140831" i="1" s="1"/>
  <c r="A140832" i="1" s="1"/>
  <c r="A140833" i="1" s="1"/>
  <c r="A140834" i="1" s="1"/>
  <c r="A140835" i="1" s="1"/>
  <c r="A140836" i="1" s="1"/>
  <c r="A140837" i="1" s="1"/>
  <c r="A140838" i="1" s="1"/>
  <c r="A140839" i="1" s="1"/>
  <c r="A140840" i="1" s="1"/>
  <c r="A140841" i="1" s="1"/>
  <c r="A140842" i="1" s="1"/>
  <c r="A140843" i="1" s="1"/>
  <c r="A140844" i="1" s="1"/>
  <c r="A140845" i="1" s="1"/>
  <c r="A140846" i="1" s="1"/>
  <c r="A140847" i="1" s="1"/>
  <c r="A140848" i="1" s="1"/>
  <c r="A140849" i="1" s="1"/>
  <c r="A140850" i="1" s="1"/>
  <c r="A140851" i="1" s="1"/>
  <c r="A140852" i="1" s="1"/>
  <c r="A140853" i="1" s="1"/>
  <c r="A140854" i="1" s="1"/>
  <c r="A140855" i="1" s="1"/>
  <c r="A140856" i="1" s="1"/>
  <c r="A140857" i="1" s="1"/>
  <c r="A140858" i="1" s="1"/>
  <c r="A140859" i="1" s="1"/>
  <c r="A140860" i="1" s="1"/>
  <c r="A140861" i="1" s="1"/>
  <c r="A140862" i="1" s="1"/>
  <c r="A140863" i="1" s="1"/>
  <c r="A140864" i="1" s="1"/>
  <c r="A140865" i="1" s="1"/>
  <c r="A140866" i="1" s="1"/>
  <c r="A140867" i="1" s="1"/>
  <c r="A140868" i="1" s="1"/>
  <c r="A140869" i="1" s="1"/>
  <c r="A140870" i="1" s="1"/>
  <c r="A140871" i="1" s="1"/>
  <c r="A140872" i="1" s="1"/>
  <c r="A140873" i="1" s="1"/>
  <c r="A140874" i="1" s="1"/>
  <c r="A140875" i="1" s="1"/>
  <c r="A140876" i="1" s="1"/>
  <c r="A140877" i="1" s="1"/>
  <c r="A140878" i="1" s="1"/>
  <c r="A140879" i="1" s="1"/>
  <c r="A140880" i="1" s="1"/>
  <c r="A140881" i="1" s="1"/>
  <c r="A140882" i="1" s="1"/>
  <c r="A140883" i="1" s="1"/>
  <c r="A140884" i="1" s="1"/>
  <c r="A140885" i="1" s="1"/>
  <c r="A140886" i="1" s="1"/>
  <c r="A140887" i="1" s="1"/>
  <c r="A140888" i="1" s="1"/>
  <c r="A140889" i="1" s="1"/>
  <c r="A140890" i="1" s="1"/>
  <c r="A140891" i="1" s="1"/>
  <c r="A140892" i="1" s="1"/>
  <c r="A140893" i="1" s="1"/>
  <c r="A140894" i="1" s="1"/>
  <c r="A140895" i="1" s="1"/>
  <c r="A140896" i="1" s="1"/>
  <c r="A140897" i="1" s="1"/>
  <c r="A140898" i="1" s="1"/>
  <c r="A140899" i="1" s="1"/>
  <c r="A140900" i="1" s="1"/>
  <c r="A140901" i="1" s="1"/>
  <c r="A140902" i="1" s="1"/>
  <c r="A140903" i="1" s="1"/>
  <c r="A140904" i="1" s="1"/>
  <c r="A140905" i="1" s="1"/>
  <c r="A140906" i="1" s="1"/>
  <c r="A140907" i="1" s="1"/>
  <c r="A140908" i="1" s="1"/>
  <c r="A140909" i="1" s="1"/>
  <c r="A140910" i="1" s="1"/>
  <c r="A140911" i="1" s="1"/>
  <c r="A140912" i="1" s="1"/>
  <c r="A140913" i="1" s="1"/>
  <c r="A140914" i="1" s="1"/>
  <c r="A140915" i="1" s="1"/>
  <c r="A140916" i="1" s="1"/>
  <c r="A140917" i="1" s="1"/>
  <c r="A140918" i="1" s="1"/>
  <c r="A140919" i="1" s="1"/>
  <c r="A140920" i="1" s="1"/>
  <c r="A140921" i="1" s="1"/>
  <c r="A140922" i="1" s="1"/>
  <c r="A140923" i="1" s="1"/>
  <c r="A140924" i="1" s="1"/>
  <c r="A140925" i="1" s="1"/>
  <c r="A140926" i="1" s="1"/>
  <c r="A140927" i="1" s="1"/>
  <c r="A140928" i="1" s="1"/>
  <c r="A140929" i="1" s="1"/>
  <c r="A140930" i="1" s="1"/>
  <c r="A140931" i="1" s="1"/>
  <c r="A140932" i="1" s="1"/>
  <c r="A140933" i="1" s="1"/>
  <c r="A140934" i="1" s="1"/>
  <c r="A140935" i="1" s="1"/>
  <c r="A140936" i="1" s="1"/>
  <c r="A140937" i="1" s="1"/>
  <c r="A140938" i="1" s="1"/>
  <c r="A140939" i="1" s="1"/>
  <c r="A140940" i="1" s="1"/>
  <c r="A140941" i="1" s="1"/>
  <c r="A140942" i="1" s="1"/>
  <c r="A140943" i="1" s="1"/>
  <c r="A140944" i="1" s="1"/>
  <c r="A140945" i="1" s="1"/>
  <c r="A140946" i="1" s="1"/>
  <c r="A140947" i="1" s="1"/>
  <c r="A140948" i="1" s="1"/>
  <c r="A140949" i="1" s="1"/>
  <c r="A140950" i="1" s="1"/>
  <c r="A140951" i="1" s="1"/>
  <c r="A140952" i="1" s="1"/>
  <c r="A140953" i="1" s="1"/>
  <c r="A140954" i="1" s="1"/>
  <c r="A140955" i="1" s="1"/>
  <c r="A140956" i="1" s="1"/>
  <c r="A140957" i="1" s="1"/>
  <c r="A140958" i="1" s="1"/>
  <c r="A140959" i="1" s="1"/>
  <c r="A140960" i="1" s="1"/>
  <c r="A140961" i="1" s="1"/>
  <c r="A140962" i="1" s="1"/>
  <c r="A140963" i="1" s="1"/>
  <c r="A140964" i="1" s="1"/>
  <c r="A140965" i="1" s="1"/>
  <c r="A140966" i="1" s="1"/>
  <c r="A140967" i="1" s="1"/>
  <c r="A140968" i="1" s="1"/>
  <c r="A140969" i="1" s="1"/>
  <c r="A140970" i="1" s="1"/>
  <c r="A140971" i="1" s="1"/>
  <c r="A140972" i="1" s="1"/>
  <c r="A140973" i="1" s="1"/>
  <c r="A140974" i="1" s="1"/>
  <c r="A140975" i="1" s="1"/>
  <c r="A140976" i="1" s="1"/>
  <c r="A140977" i="1" s="1"/>
  <c r="A140978" i="1" s="1"/>
  <c r="A140979" i="1" s="1"/>
  <c r="A140980" i="1" s="1"/>
  <c r="A140981" i="1" s="1"/>
  <c r="A140982" i="1" s="1"/>
  <c r="A140983" i="1" s="1"/>
  <c r="A140984" i="1" s="1"/>
  <c r="A140985" i="1" s="1"/>
  <c r="A140986" i="1" s="1"/>
  <c r="A140987" i="1" s="1"/>
  <c r="A140988" i="1" s="1"/>
  <c r="A140989" i="1" s="1"/>
  <c r="A140990" i="1" s="1"/>
  <c r="A140991" i="1" s="1"/>
  <c r="A140992" i="1" s="1"/>
  <c r="A140993" i="1" s="1"/>
  <c r="A140994" i="1" s="1"/>
  <c r="A140995" i="1" s="1"/>
  <c r="A140996" i="1" s="1"/>
  <c r="A140997" i="1" s="1"/>
  <c r="A140998" i="1" s="1"/>
  <c r="A140999" i="1" s="1"/>
  <c r="A141000" i="1" s="1"/>
  <c r="A141001" i="1" s="1"/>
  <c r="A141002" i="1" s="1"/>
  <c r="A141003" i="1" s="1"/>
  <c r="A141004" i="1" s="1"/>
  <c r="A141005" i="1" s="1"/>
  <c r="A141006" i="1" s="1"/>
  <c r="A141007" i="1" s="1"/>
  <c r="A141008" i="1" s="1"/>
  <c r="A141009" i="1" s="1"/>
  <c r="A141010" i="1" s="1"/>
  <c r="A141011" i="1" s="1"/>
  <c r="A141012" i="1" s="1"/>
  <c r="A141013" i="1" s="1"/>
  <c r="A141014" i="1" s="1"/>
  <c r="A141015" i="1" s="1"/>
  <c r="A141016" i="1" s="1"/>
  <c r="A141017" i="1" s="1"/>
  <c r="A141018" i="1" s="1"/>
  <c r="A141019" i="1" s="1"/>
  <c r="A141020" i="1" s="1"/>
  <c r="A141021" i="1" s="1"/>
  <c r="A141022" i="1" s="1"/>
  <c r="A141023" i="1" s="1"/>
  <c r="A141024" i="1" s="1"/>
  <c r="A141025" i="1" s="1"/>
  <c r="A141026" i="1" s="1"/>
  <c r="A141027" i="1" s="1"/>
  <c r="A141028" i="1" s="1"/>
  <c r="A141029" i="1" s="1"/>
  <c r="A141030" i="1" s="1"/>
  <c r="A141031" i="1" s="1"/>
  <c r="A141032" i="1" s="1"/>
  <c r="A141033" i="1" s="1"/>
  <c r="A141034" i="1" s="1"/>
  <c r="A141035" i="1" s="1"/>
  <c r="A141036" i="1" s="1"/>
  <c r="A141037" i="1" s="1"/>
  <c r="A141038" i="1" s="1"/>
  <c r="A141039" i="1" s="1"/>
  <c r="A141040" i="1" s="1"/>
  <c r="A141041" i="1" s="1"/>
  <c r="A141042" i="1" s="1"/>
  <c r="A141043" i="1" s="1"/>
  <c r="A141044" i="1" s="1"/>
  <c r="A141045" i="1" s="1"/>
  <c r="A141046" i="1" s="1"/>
  <c r="A141047" i="1" s="1"/>
  <c r="A141048" i="1" s="1"/>
  <c r="A141049" i="1" s="1"/>
  <c r="A141050" i="1" s="1"/>
  <c r="A141051" i="1" s="1"/>
  <c r="A141052" i="1" s="1"/>
  <c r="A141053" i="1" s="1"/>
  <c r="A141054" i="1" s="1"/>
  <c r="A141055" i="1" s="1"/>
  <c r="A141056" i="1" s="1"/>
  <c r="A141057" i="1" s="1"/>
  <c r="A141058" i="1" s="1"/>
  <c r="A141059" i="1" s="1"/>
  <c r="A141060" i="1" s="1"/>
  <c r="A141061" i="1" s="1"/>
  <c r="A141062" i="1" s="1"/>
  <c r="A141063" i="1" s="1"/>
  <c r="A141064" i="1" s="1"/>
  <c r="A141065" i="1" s="1"/>
  <c r="A141066" i="1" s="1"/>
  <c r="A141067" i="1" s="1"/>
  <c r="A141068" i="1" s="1"/>
  <c r="A141069" i="1" s="1"/>
  <c r="A141070" i="1" s="1"/>
  <c r="A141071" i="1" s="1"/>
  <c r="A141072" i="1" s="1"/>
  <c r="A141073" i="1" s="1"/>
  <c r="A141074" i="1" s="1"/>
  <c r="A141075" i="1" s="1"/>
  <c r="A141076" i="1" s="1"/>
  <c r="A141077" i="1" s="1"/>
  <c r="A141078" i="1" s="1"/>
  <c r="A141079" i="1" s="1"/>
  <c r="A141080" i="1" s="1"/>
  <c r="A141081" i="1" s="1"/>
  <c r="A141082" i="1" s="1"/>
  <c r="A141083" i="1" s="1"/>
  <c r="A141084" i="1" s="1"/>
  <c r="A141085" i="1" s="1"/>
  <c r="A141086" i="1" s="1"/>
  <c r="A141087" i="1" s="1"/>
  <c r="A141088" i="1" s="1"/>
  <c r="A141089" i="1" s="1"/>
  <c r="A141090" i="1" s="1"/>
  <c r="A141091" i="1" s="1"/>
  <c r="A141092" i="1" s="1"/>
  <c r="A141093" i="1" s="1"/>
  <c r="A141094" i="1" s="1"/>
  <c r="A141095" i="1" s="1"/>
  <c r="A141096" i="1" s="1"/>
  <c r="A141097" i="1" s="1"/>
  <c r="A141098" i="1" s="1"/>
  <c r="A141099" i="1" s="1"/>
  <c r="A141100" i="1" s="1"/>
  <c r="A141101" i="1" s="1"/>
  <c r="A141102" i="1" s="1"/>
  <c r="A141103" i="1" s="1"/>
  <c r="A141104" i="1" s="1"/>
  <c r="A141105" i="1" s="1"/>
  <c r="A141106" i="1" s="1"/>
  <c r="A141107" i="1" s="1"/>
  <c r="A141108" i="1" s="1"/>
  <c r="A141109" i="1" s="1"/>
  <c r="A141110" i="1" s="1"/>
  <c r="A141111" i="1" s="1"/>
  <c r="A141112" i="1" s="1"/>
  <c r="A141113" i="1" s="1"/>
  <c r="A141114" i="1" s="1"/>
  <c r="A141115" i="1" s="1"/>
  <c r="A141116" i="1" s="1"/>
  <c r="A141117" i="1" s="1"/>
  <c r="A141118" i="1" s="1"/>
  <c r="A141119" i="1" s="1"/>
  <c r="A141120" i="1" s="1"/>
  <c r="A141121" i="1" s="1"/>
  <c r="A141122" i="1" s="1"/>
  <c r="A141123" i="1" s="1"/>
  <c r="A141124" i="1" s="1"/>
  <c r="A141125" i="1" s="1"/>
  <c r="A141126" i="1" s="1"/>
  <c r="A141127" i="1" s="1"/>
  <c r="A141128" i="1" s="1"/>
  <c r="A141129" i="1" s="1"/>
  <c r="A141130" i="1" s="1"/>
  <c r="A141131" i="1" s="1"/>
  <c r="A141132" i="1" s="1"/>
  <c r="A141133" i="1" s="1"/>
  <c r="A141134" i="1" s="1"/>
  <c r="A141135" i="1" s="1"/>
  <c r="A141136" i="1" s="1"/>
  <c r="A141137" i="1" s="1"/>
  <c r="A141138" i="1" s="1"/>
  <c r="A141139" i="1" s="1"/>
  <c r="A141140" i="1" s="1"/>
  <c r="A141141" i="1" s="1"/>
  <c r="A141142" i="1" s="1"/>
  <c r="A141143" i="1" s="1"/>
  <c r="A141144" i="1" s="1"/>
  <c r="A141145" i="1" s="1"/>
  <c r="A141146" i="1" s="1"/>
  <c r="A141147" i="1" s="1"/>
  <c r="A141148" i="1" s="1"/>
  <c r="A141149" i="1" s="1"/>
  <c r="A141150" i="1" s="1"/>
  <c r="A141151" i="1" s="1"/>
  <c r="A141152" i="1" s="1"/>
  <c r="A141153" i="1" s="1"/>
  <c r="A141154" i="1" s="1"/>
  <c r="A141155" i="1" s="1"/>
  <c r="A141156" i="1" s="1"/>
  <c r="A141157" i="1" s="1"/>
  <c r="A141158" i="1" s="1"/>
  <c r="A141159" i="1" s="1"/>
  <c r="A141160" i="1" s="1"/>
  <c r="A141161" i="1" s="1"/>
  <c r="A141162" i="1" s="1"/>
  <c r="A141163" i="1" s="1"/>
  <c r="A141164" i="1" s="1"/>
  <c r="A141165" i="1" s="1"/>
  <c r="A141166" i="1" s="1"/>
  <c r="A141167" i="1" s="1"/>
  <c r="A141168" i="1" s="1"/>
  <c r="A141169" i="1" s="1"/>
  <c r="A141170" i="1" s="1"/>
  <c r="A141171" i="1" s="1"/>
  <c r="A141172" i="1" s="1"/>
  <c r="A141173" i="1" s="1"/>
  <c r="A141174" i="1" s="1"/>
  <c r="A141175" i="1" s="1"/>
  <c r="A141176" i="1" s="1"/>
  <c r="A141177" i="1" s="1"/>
  <c r="A141178" i="1" s="1"/>
  <c r="A141179" i="1" s="1"/>
  <c r="A141180" i="1" s="1"/>
  <c r="A141181" i="1" s="1"/>
  <c r="A141182" i="1" s="1"/>
  <c r="A141183" i="1" s="1"/>
  <c r="A141184" i="1" s="1"/>
  <c r="A141185" i="1" s="1"/>
  <c r="A141186" i="1" s="1"/>
  <c r="A141187" i="1" s="1"/>
  <c r="A141188" i="1" s="1"/>
  <c r="A141189" i="1" s="1"/>
  <c r="A141190" i="1" s="1"/>
  <c r="A141191" i="1" s="1"/>
  <c r="A141192" i="1" s="1"/>
  <c r="A141193" i="1" s="1"/>
  <c r="A141194" i="1" s="1"/>
  <c r="A141195" i="1" s="1"/>
  <c r="A141196" i="1" s="1"/>
  <c r="A141197" i="1" s="1"/>
  <c r="A141198" i="1" s="1"/>
  <c r="A141199" i="1" s="1"/>
  <c r="A141200" i="1" s="1"/>
  <c r="A141201" i="1" s="1"/>
  <c r="A141202" i="1" s="1"/>
  <c r="A141203" i="1" s="1"/>
  <c r="A141204" i="1" s="1"/>
  <c r="A141205" i="1" s="1"/>
  <c r="A141206" i="1" s="1"/>
  <c r="A141207" i="1" s="1"/>
  <c r="A141208" i="1" s="1"/>
  <c r="A141209" i="1" s="1"/>
  <c r="A141210" i="1" s="1"/>
  <c r="A141211" i="1" s="1"/>
  <c r="A141212" i="1" s="1"/>
  <c r="A141213" i="1" s="1"/>
  <c r="A141214" i="1" s="1"/>
  <c r="A141215" i="1" s="1"/>
  <c r="A141216" i="1" s="1"/>
  <c r="A141217" i="1" s="1"/>
  <c r="A141218" i="1" s="1"/>
  <c r="A141219" i="1" s="1"/>
  <c r="A141220" i="1" s="1"/>
  <c r="A141221" i="1" s="1"/>
  <c r="A141222" i="1" s="1"/>
  <c r="A141223" i="1" s="1"/>
  <c r="A141224" i="1" s="1"/>
  <c r="A141225" i="1" s="1"/>
  <c r="A141226" i="1" s="1"/>
  <c r="A141227" i="1" s="1"/>
  <c r="A141228" i="1" s="1"/>
  <c r="A141229" i="1" s="1"/>
  <c r="A141230" i="1" s="1"/>
  <c r="A141231" i="1" s="1"/>
  <c r="A141232" i="1" s="1"/>
  <c r="A141233" i="1" s="1"/>
  <c r="A141234" i="1" s="1"/>
  <c r="A141235" i="1" s="1"/>
  <c r="A141236" i="1" s="1"/>
  <c r="A141237" i="1" s="1"/>
  <c r="A141238" i="1" s="1"/>
  <c r="A141239" i="1" s="1"/>
  <c r="A141240" i="1" s="1"/>
  <c r="A141241" i="1" s="1"/>
  <c r="A141242" i="1" s="1"/>
  <c r="A141243" i="1" s="1"/>
  <c r="A141244" i="1" s="1"/>
  <c r="A141245" i="1" s="1"/>
  <c r="A141246" i="1" s="1"/>
  <c r="A141247" i="1" s="1"/>
  <c r="A141248" i="1" s="1"/>
  <c r="A141249" i="1" s="1"/>
  <c r="A141250" i="1" s="1"/>
  <c r="A141251" i="1" s="1"/>
  <c r="A141252" i="1" s="1"/>
  <c r="A141253" i="1" s="1"/>
  <c r="A141254" i="1" s="1"/>
  <c r="A141255" i="1" s="1"/>
  <c r="A141256" i="1" s="1"/>
  <c r="A141257" i="1" s="1"/>
  <c r="A141258" i="1" s="1"/>
  <c r="A141259" i="1" s="1"/>
  <c r="A141260" i="1" s="1"/>
  <c r="A141261" i="1" s="1"/>
  <c r="A141262" i="1" s="1"/>
  <c r="A141263" i="1" s="1"/>
  <c r="A141264" i="1" s="1"/>
  <c r="A141265" i="1" s="1"/>
  <c r="A141266" i="1" s="1"/>
  <c r="A141267" i="1" s="1"/>
  <c r="A141268" i="1" s="1"/>
  <c r="A141269" i="1" s="1"/>
  <c r="A141270" i="1" s="1"/>
  <c r="A141271" i="1" s="1"/>
  <c r="A141272" i="1" s="1"/>
  <c r="A141273" i="1" s="1"/>
  <c r="A141274" i="1" s="1"/>
  <c r="A141275" i="1" s="1"/>
  <c r="A141276" i="1" s="1"/>
  <c r="A141277" i="1" s="1"/>
  <c r="A141278" i="1" s="1"/>
  <c r="A141279" i="1" s="1"/>
  <c r="A141280" i="1" s="1"/>
  <c r="A141281" i="1" s="1"/>
  <c r="A141282" i="1" s="1"/>
  <c r="A141283" i="1" s="1"/>
  <c r="A141284" i="1" s="1"/>
  <c r="A141285" i="1" s="1"/>
  <c r="A141286" i="1" s="1"/>
  <c r="A141287" i="1" s="1"/>
  <c r="A141288" i="1" s="1"/>
  <c r="A141289" i="1" s="1"/>
  <c r="A141290" i="1" s="1"/>
  <c r="A141291" i="1" s="1"/>
  <c r="A141292" i="1" s="1"/>
  <c r="A141293" i="1" s="1"/>
  <c r="A141294" i="1" s="1"/>
  <c r="A141295" i="1" s="1"/>
  <c r="A141296" i="1" s="1"/>
  <c r="A141297" i="1" s="1"/>
  <c r="A141298" i="1" s="1"/>
  <c r="A141299" i="1" s="1"/>
  <c r="A141300" i="1" s="1"/>
  <c r="A141301" i="1" s="1"/>
  <c r="A141302" i="1" s="1"/>
  <c r="A141303" i="1" s="1"/>
  <c r="A141304" i="1" s="1"/>
  <c r="A141305" i="1" s="1"/>
  <c r="A141306" i="1" s="1"/>
  <c r="A141307" i="1" s="1"/>
  <c r="A141308" i="1" s="1"/>
  <c r="A141309" i="1" s="1"/>
  <c r="A141310" i="1" s="1"/>
  <c r="A141311" i="1" s="1"/>
  <c r="A141312" i="1" s="1"/>
  <c r="A141313" i="1" s="1"/>
  <c r="A141314" i="1" s="1"/>
  <c r="A141315" i="1" s="1"/>
  <c r="A141316" i="1" s="1"/>
  <c r="A141317" i="1" s="1"/>
  <c r="A141318" i="1" s="1"/>
  <c r="A141319" i="1" s="1"/>
  <c r="A141320" i="1" s="1"/>
  <c r="A141321" i="1" s="1"/>
  <c r="A141322" i="1" s="1"/>
  <c r="A141323" i="1" s="1"/>
  <c r="A141324" i="1" s="1"/>
  <c r="A141325" i="1" s="1"/>
  <c r="A141326" i="1" s="1"/>
  <c r="A141327" i="1" s="1"/>
  <c r="A141328" i="1" s="1"/>
  <c r="A141329" i="1" s="1"/>
  <c r="A141330" i="1" s="1"/>
  <c r="A141331" i="1" s="1"/>
  <c r="A141332" i="1" s="1"/>
  <c r="A141333" i="1" s="1"/>
  <c r="A141334" i="1" s="1"/>
  <c r="A141335" i="1" s="1"/>
  <c r="A141336" i="1" s="1"/>
  <c r="A141337" i="1" s="1"/>
  <c r="A141338" i="1" s="1"/>
  <c r="A141339" i="1" s="1"/>
  <c r="A141340" i="1" s="1"/>
  <c r="A141341" i="1" s="1"/>
  <c r="A141342" i="1" s="1"/>
  <c r="A141343" i="1" s="1"/>
  <c r="A141344" i="1" s="1"/>
  <c r="A141345" i="1" s="1"/>
  <c r="A141346" i="1" s="1"/>
  <c r="A141347" i="1" s="1"/>
  <c r="A141348" i="1" s="1"/>
  <c r="A141349" i="1" s="1"/>
  <c r="A141350" i="1" s="1"/>
  <c r="A141351" i="1" s="1"/>
  <c r="A141352" i="1" s="1"/>
  <c r="A141353" i="1" s="1"/>
  <c r="A141354" i="1" s="1"/>
  <c r="A141355" i="1" s="1"/>
  <c r="A141356" i="1" s="1"/>
  <c r="A141357" i="1" s="1"/>
  <c r="A141358" i="1" s="1"/>
  <c r="A141359" i="1" s="1"/>
  <c r="A141360" i="1" s="1"/>
  <c r="A141361" i="1" s="1"/>
  <c r="A141362" i="1" s="1"/>
  <c r="A141363" i="1" s="1"/>
  <c r="A141364" i="1" s="1"/>
  <c r="A141365" i="1" s="1"/>
  <c r="A141366" i="1" s="1"/>
  <c r="A141367" i="1" s="1"/>
  <c r="A141368" i="1" s="1"/>
  <c r="A141369" i="1" s="1"/>
  <c r="A141370" i="1" s="1"/>
  <c r="A141371" i="1" s="1"/>
  <c r="A141372" i="1" s="1"/>
  <c r="A141373" i="1" s="1"/>
  <c r="A141374" i="1" s="1"/>
  <c r="A141375" i="1" s="1"/>
  <c r="A141376" i="1" s="1"/>
  <c r="A141377" i="1" s="1"/>
  <c r="A141378" i="1" s="1"/>
  <c r="A141379" i="1" s="1"/>
  <c r="A141380" i="1" s="1"/>
  <c r="A141381" i="1" s="1"/>
  <c r="A141382" i="1" s="1"/>
  <c r="A141383" i="1" s="1"/>
  <c r="A141384" i="1" s="1"/>
  <c r="A141385" i="1" s="1"/>
  <c r="A141386" i="1" s="1"/>
  <c r="A141387" i="1" s="1"/>
  <c r="A141388" i="1" s="1"/>
  <c r="A141389" i="1" s="1"/>
  <c r="A141390" i="1" s="1"/>
  <c r="A141391" i="1" s="1"/>
  <c r="A141392" i="1" s="1"/>
  <c r="A141393" i="1" s="1"/>
  <c r="A141394" i="1" s="1"/>
  <c r="A141395" i="1" s="1"/>
  <c r="A141396" i="1" s="1"/>
  <c r="A141397" i="1" s="1"/>
  <c r="A141398" i="1" s="1"/>
  <c r="A141399" i="1" s="1"/>
  <c r="A141400" i="1" s="1"/>
  <c r="A141401" i="1" s="1"/>
  <c r="A141402" i="1" s="1"/>
  <c r="A141403" i="1" s="1"/>
  <c r="A141404" i="1" s="1"/>
  <c r="A141405" i="1" s="1"/>
  <c r="A141406" i="1" s="1"/>
  <c r="A141407" i="1" s="1"/>
  <c r="A141408" i="1" s="1"/>
  <c r="A141409" i="1" s="1"/>
  <c r="A141410" i="1" s="1"/>
  <c r="A141411" i="1" s="1"/>
  <c r="A141412" i="1" s="1"/>
  <c r="A141413" i="1" s="1"/>
  <c r="A141414" i="1" s="1"/>
  <c r="A141415" i="1" s="1"/>
  <c r="A141416" i="1" s="1"/>
  <c r="A141417" i="1" s="1"/>
  <c r="A141418" i="1" s="1"/>
  <c r="A141419" i="1" s="1"/>
  <c r="A141420" i="1" s="1"/>
  <c r="A141421" i="1" s="1"/>
  <c r="A141422" i="1" s="1"/>
  <c r="A141423" i="1" s="1"/>
  <c r="A141424" i="1" s="1"/>
  <c r="A141425" i="1" s="1"/>
  <c r="A141426" i="1" s="1"/>
  <c r="A141427" i="1" s="1"/>
  <c r="A141428" i="1" s="1"/>
  <c r="A141429" i="1" s="1"/>
  <c r="A141430" i="1" s="1"/>
  <c r="A141431" i="1" s="1"/>
  <c r="A141432" i="1" s="1"/>
  <c r="A141433" i="1" s="1"/>
  <c r="A141434" i="1" s="1"/>
  <c r="A141435" i="1" s="1"/>
  <c r="A141436" i="1" s="1"/>
  <c r="A141437" i="1" s="1"/>
  <c r="A141438" i="1" s="1"/>
  <c r="A141439" i="1" s="1"/>
  <c r="A141440" i="1" s="1"/>
  <c r="A141441" i="1" s="1"/>
  <c r="A141442" i="1" s="1"/>
  <c r="A141443" i="1" s="1"/>
  <c r="A141444" i="1" s="1"/>
  <c r="A141445" i="1" s="1"/>
  <c r="A141446" i="1" s="1"/>
  <c r="A141447" i="1" s="1"/>
  <c r="A141448" i="1" s="1"/>
  <c r="A141449" i="1" s="1"/>
  <c r="A141450" i="1" s="1"/>
  <c r="A141451" i="1" s="1"/>
  <c r="A141452" i="1" s="1"/>
  <c r="A141453" i="1" s="1"/>
  <c r="A141454" i="1" s="1"/>
  <c r="A141455" i="1" s="1"/>
  <c r="A141456" i="1" s="1"/>
  <c r="A141457" i="1" s="1"/>
  <c r="A141458" i="1" s="1"/>
  <c r="A141459" i="1" s="1"/>
  <c r="A141460" i="1" s="1"/>
  <c r="A141461" i="1" s="1"/>
  <c r="A141462" i="1" s="1"/>
  <c r="A141463" i="1" s="1"/>
  <c r="A141464" i="1" s="1"/>
  <c r="A141465" i="1" s="1"/>
  <c r="A141466" i="1" s="1"/>
  <c r="A141467" i="1" s="1"/>
  <c r="A141468" i="1" s="1"/>
  <c r="A141469" i="1" s="1"/>
  <c r="A141470" i="1" s="1"/>
  <c r="A141471" i="1" s="1"/>
  <c r="A141472" i="1" s="1"/>
  <c r="A141473" i="1" s="1"/>
  <c r="A141474" i="1" s="1"/>
  <c r="A141475" i="1" s="1"/>
  <c r="A141476" i="1" s="1"/>
  <c r="A141477" i="1" s="1"/>
  <c r="A141478" i="1" s="1"/>
  <c r="A141479" i="1" s="1"/>
  <c r="A141480" i="1" s="1"/>
  <c r="A141481" i="1" s="1"/>
  <c r="A141482" i="1" s="1"/>
  <c r="A141483" i="1" s="1"/>
  <c r="A141484" i="1" s="1"/>
  <c r="A141485" i="1" s="1"/>
  <c r="A141486" i="1" s="1"/>
  <c r="A141487" i="1" s="1"/>
  <c r="A141488" i="1" s="1"/>
  <c r="A141489" i="1" s="1"/>
  <c r="A141490" i="1" s="1"/>
  <c r="A141491" i="1" s="1"/>
  <c r="A141492" i="1" s="1"/>
  <c r="A141493" i="1" s="1"/>
  <c r="A141494" i="1" s="1"/>
  <c r="A141495" i="1" s="1"/>
  <c r="A141496" i="1" s="1"/>
  <c r="A141497" i="1" s="1"/>
  <c r="A141498" i="1" s="1"/>
  <c r="A141499" i="1" s="1"/>
  <c r="A141500" i="1" s="1"/>
  <c r="A141501" i="1" s="1"/>
  <c r="A141502" i="1" s="1"/>
  <c r="A141503" i="1" s="1"/>
  <c r="A141504" i="1" s="1"/>
  <c r="A141505" i="1" s="1"/>
  <c r="A141506" i="1" s="1"/>
  <c r="A141507" i="1" s="1"/>
  <c r="A141508" i="1" s="1"/>
  <c r="A141509" i="1" s="1"/>
  <c r="A141510" i="1" s="1"/>
  <c r="A141511" i="1" s="1"/>
  <c r="A141512" i="1" s="1"/>
  <c r="A141513" i="1" s="1"/>
  <c r="A141514" i="1" s="1"/>
  <c r="A141515" i="1" s="1"/>
  <c r="A141516" i="1" s="1"/>
  <c r="A141517" i="1" s="1"/>
  <c r="A141518" i="1" s="1"/>
  <c r="A141519" i="1" s="1"/>
  <c r="A141520" i="1" s="1"/>
  <c r="A141521" i="1" s="1"/>
  <c r="A141522" i="1" s="1"/>
  <c r="A141523" i="1" s="1"/>
  <c r="A141524" i="1" s="1"/>
  <c r="A141525" i="1" s="1"/>
  <c r="A141526" i="1" s="1"/>
  <c r="A141527" i="1" s="1"/>
  <c r="A141528" i="1" s="1"/>
  <c r="A141529" i="1" s="1"/>
  <c r="A141530" i="1" s="1"/>
  <c r="A141531" i="1" s="1"/>
  <c r="A141532" i="1" s="1"/>
  <c r="A141533" i="1" s="1"/>
  <c r="A141534" i="1" s="1"/>
  <c r="A141535" i="1" s="1"/>
  <c r="A141536" i="1" s="1"/>
  <c r="A141537" i="1" s="1"/>
  <c r="A141538" i="1" s="1"/>
  <c r="A141539" i="1" s="1"/>
  <c r="A141540" i="1" s="1"/>
  <c r="A141541" i="1" s="1"/>
  <c r="A141542" i="1" s="1"/>
  <c r="A141543" i="1" s="1"/>
  <c r="A141544" i="1" s="1"/>
  <c r="A141545" i="1" s="1"/>
  <c r="A141546" i="1" s="1"/>
  <c r="A141547" i="1" s="1"/>
  <c r="A141548" i="1" s="1"/>
  <c r="A141549" i="1" s="1"/>
  <c r="A141550" i="1" s="1"/>
  <c r="A141551" i="1" s="1"/>
  <c r="A141552" i="1" s="1"/>
  <c r="A141553" i="1" s="1"/>
  <c r="A141554" i="1" s="1"/>
  <c r="A141555" i="1" s="1"/>
  <c r="A141556" i="1" s="1"/>
  <c r="A141557" i="1" s="1"/>
  <c r="A141558" i="1" s="1"/>
  <c r="A141559" i="1" s="1"/>
  <c r="A141560" i="1" s="1"/>
  <c r="A141561" i="1" s="1"/>
  <c r="A141562" i="1" s="1"/>
  <c r="A141563" i="1" s="1"/>
  <c r="A141564" i="1" s="1"/>
  <c r="A141565" i="1" s="1"/>
  <c r="A141566" i="1" s="1"/>
  <c r="A141567" i="1" s="1"/>
  <c r="A141568" i="1" s="1"/>
  <c r="A141569" i="1" s="1"/>
  <c r="A141570" i="1" s="1"/>
  <c r="A141571" i="1" s="1"/>
  <c r="A141572" i="1" s="1"/>
  <c r="A141573" i="1" s="1"/>
  <c r="A141574" i="1" s="1"/>
  <c r="A141575" i="1" s="1"/>
  <c r="A141576" i="1" s="1"/>
  <c r="A141577" i="1" s="1"/>
  <c r="A141578" i="1" s="1"/>
  <c r="A141579" i="1" s="1"/>
  <c r="A141580" i="1" s="1"/>
  <c r="A141581" i="1" s="1"/>
  <c r="A141582" i="1" s="1"/>
  <c r="A141583" i="1" s="1"/>
  <c r="A141584" i="1" s="1"/>
  <c r="A141585" i="1" s="1"/>
  <c r="A141586" i="1" s="1"/>
  <c r="A141587" i="1" s="1"/>
  <c r="A141588" i="1" s="1"/>
  <c r="A141589" i="1" s="1"/>
  <c r="A141590" i="1" s="1"/>
  <c r="A141591" i="1" s="1"/>
  <c r="A141592" i="1" s="1"/>
  <c r="A141593" i="1" s="1"/>
  <c r="A141594" i="1" s="1"/>
  <c r="A141595" i="1" s="1"/>
  <c r="A141596" i="1" s="1"/>
  <c r="A141597" i="1" s="1"/>
  <c r="A141598" i="1" s="1"/>
  <c r="A141599" i="1" s="1"/>
  <c r="A141600" i="1" s="1"/>
  <c r="A141601" i="1" s="1"/>
  <c r="A141602" i="1" s="1"/>
  <c r="A141603" i="1" s="1"/>
  <c r="A141604" i="1" s="1"/>
  <c r="A141605" i="1" s="1"/>
  <c r="A141606" i="1" s="1"/>
  <c r="A141607" i="1" s="1"/>
  <c r="A141608" i="1" s="1"/>
  <c r="A141609" i="1" s="1"/>
  <c r="A141610" i="1" s="1"/>
  <c r="A141611" i="1" s="1"/>
  <c r="A141612" i="1" s="1"/>
  <c r="A141613" i="1" s="1"/>
  <c r="A141614" i="1" s="1"/>
  <c r="A141615" i="1" s="1"/>
  <c r="A141616" i="1" s="1"/>
  <c r="A141617" i="1" s="1"/>
  <c r="A141618" i="1" s="1"/>
  <c r="A141619" i="1" s="1"/>
  <c r="A141620" i="1" s="1"/>
  <c r="A141621" i="1" s="1"/>
  <c r="A141622" i="1" s="1"/>
  <c r="A141623" i="1" s="1"/>
  <c r="A141624" i="1" s="1"/>
  <c r="A141625" i="1" s="1"/>
  <c r="A141626" i="1" s="1"/>
  <c r="A141627" i="1" s="1"/>
  <c r="A141628" i="1" s="1"/>
  <c r="A141629" i="1" s="1"/>
  <c r="A141630" i="1" s="1"/>
  <c r="A141631" i="1" s="1"/>
  <c r="A141632" i="1" s="1"/>
  <c r="A141633" i="1" s="1"/>
  <c r="A141634" i="1" s="1"/>
  <c r="A141635" i="1" s="1"/>
  <c r="A141636" i="1" s="1"/>
  <c r="A141637" i="1" s="1"/>
  <c r="A141638" i="1" s="1"/>
  <c r="A141639" i="1" s="1"/>
  <c r="A141640" i="1" s="1"/>
  <c r="A141641" i="1" s="1"/>
  <c r="A141642" i="1" s="1"/>
  <c r="A141643" i="1" s="1"/>
  <c r="A141644" i="1" s="1"/>
  <c r="A141645" i="1" s="1"/>
  <c r="A141646" i="1" s="1"/>
  <c r="A141647" i="1" s="1"/>
  <c r="A141648" i="1" s="1"/>
  <c r="A141649" i="1" s="1"/>
  <c r="A141650" i="1" s="1"/>
  <c r="A141651" i="1" s="1"/>
  <c r="A141652" i="1" s="1"/>
  <c r="A141653" i="1" s="1"/>
  <c r="A141654" i="1" s="1"/>
  <c r="A141655" i="1" s="1"/>
  <c r="A141656" i="1" s="1"/>
  <c r="A141657" i="1" s="1"/>
  <c r="A141658" i="1" s="1"/>
  <c r="A141659" i="1" s="1"/>
  <c r="A141660" i="1" s="1"/>
  <c r="A141661" i="1" s="1"/>
  <c r="A141662" i="1" s="1"/>
  <c r="A141663" i="1" s="1"/>
  <c r="A141664" i="1" s="1"/>
  <c r="A141665" i="1" s="1"/>
  <c r="A141666" i="1" s="1"/>
  <c r="A141667" i="1" s="1"/>
  <c r="A141668" i="1" s="1"/>
  <c r="A141669" i="1" s="1"/>
  <c r="A141670" i="1" s="1"/>
  <c r="A141671" i="1" s="1"/>
  <c r="A141672" i="1" s="1"/>
  <c r="A141673" i="1" s="1"/>
  <c r="A141674" i="1" s="1"/>
  <c r="A141675" i="1" s="1"/>
  <c r="A141676" i="1" s="1"/>
  <c r="A141677" i="1" s="1"/>
  <c r="A141678" i="1" s="1"/>
  <c r="A141679" i="1" s="1"/>
  <c r="A141680" i="1" s="1"/>
  <c r="A141681" i="1" s="1"/>
  <c r="A141682" i="1" s="1"/>
  <c r="A141683" i="1" s="1"/>
  <c r="A141684" i="1" s="1"/>
  <c r="A141685" i="1" s="1"/>
  <c r="A141686" i="1" s="1"/>
  <c r="A141687" i="1" s="1"/>
  <c r="A141688" i="1" s="1"/>
  <c r="A141689" i="1" s="1"/>
  <c r="A141690" i="1" s="1"/>
  <c r="A141691" i="1" s="1"/>
  <c r="A141692" i="1" s="1"/>
  <c r="A141693" i="1" s="1"/>
  <c r="A141694" i="1" s="1"/>
  <c r="A141695" i="1" s="1"/>
  <c r="A141696" i="1" s="1"/>
  <c r="A141697" i="1" s="1"/>
  <c r="A141698" i="1" s="1"/>
  <c r="A141699" i="1" s="1"/>
  <c r="A141700" i="1" s="1"/>
  <c r="A141701" i="1" s="1"/>
  <c r="A141702" i="1" s="1"/>
  <c r="A141703" i="1" s="1"/>
  <c r="A141704" i="1" s="1"/>
  <c r="A141705" i="1" s="1"/>
  <c r="A141706" i="1" s="1"/>
  <c r="A141707" i="1" s="1"/>
  <c r="A141708" i="1" s="1"/>
  <c r="A141709" i="1" s="1"/>
  <c r="A141710" i="1" s="1"/>
  <c r="A141711" i="1" s="1"/>
  <c r="A141712" i="1" s="1"/>
  <c r="A141713" i="1" s="1"/>
  <c r="A141714" i="1" s="1"/>
  <c r="A141715" i="1" s="1"/>
  <c r="A141716" i="1" s="1"/>
  <c r="A141717" i="1" s="1"/>
  <c r="A141718" i="1" s="1"/>
  <c r="A141719" i="1" s="1"/>
  <c r="A141720" i="1" s="1"/>
  <c r="A141721" i="1" s="1"/>
  <c r="A141722" i="1" s="1"/>
  <c r="A141723" i="1" s="1"/>
  <c r="A141724" i="1" s="1"/>
  <c r="A141725" i="1" s="1"/>
  <c r="A141726" i="1" s="1"/>
  <c r="A141727" i="1" s="1"/>
  <c r="A141728" i="1" s="1"/>
  <c r="A141729" i="1" s="1"/>
  <c r="A141730" i="1" s="1"/>
  <c r="A141731" i="1" s="1"/>
  <c r="A141732" i="1" s="1"/>
  <c r="A141733" i="1" s="1"/>
  <c r="A141734" i="1" s="1"/>
  <c r="A141735" i="1" s="1"/>
  <c r="A141736" i="1" s="1"/>
  <c r="A141737" i="1" s="1"/>
  <c r="A141738" i="1" s="1"/>
  <c r="A141739" i="1" s="1"/>
  <c r="A141740" i="1" s="1"/>
  <c r="A141741" i="1" s="1"/>
  <c r="A141742" i="1" s="1"/>
  <c r="A141743" i="1" s="1"/>
  <c r="A141744" i="1" s="1"/>
  <c r="A141745" i="1" s="1"/>
  <c r="A141746" i="1" s="1"/>
  <c r="A141747" i="1" s="1"/>
  <c r="A141748" i="1" s="1"/>
  <c r="A141749" i="1" s="1"/>
  <c r="A141750" i="1" s="1"/>
  <c r="A141751" i="1" s="1"/>
  <c r="A141752" i="1" s="1"/>
  <c r="A141753" i="1" s="1"/>
  <c r="A141754" i="1" s="1"/>
  <c r="A141755" i="1" s="1"/>
  <c r="A141756" i="1" s="1"/>
  <c r="A141757" i="1" s="1"/>
  <c r="A141758" i="1" s="1"/>
  <c r="A141759" i="1" s="1"/>
  <c r="A141760" i="1" s="1"/>
  <c r="A141761" i="1" s="1"/>
  <c r="A141762" i="1" s="1"/>
  <c r="A141763" i="1" s="1"/>
  <c r="A141764" i="1" s="1"/>
  <c r="A141765" i="1" s="1"/>
  <c r="A141766" i="1" s="1"/>
  <c r="A141767" i="1" s="1"/>
  <c r="A141768" i="1" s="1"/>
  <c r="A141769" i="1" s="1"/>
  <c r="A141770" i="1" s="1"/>
  <c r="A141771" i="1" s="1"/>
  <c r="A141772" i="1" s="1"/>
  <c r="A141773" i="1" s="1"/>
  <c r="A141774" i="1" s="1"/>
  <c r="A141775" i="1" s="1"/>
  <c r="A141776" i="1" s="1"/>
  <c r="A141777" i="1" s="1"/>
  <c r="A141778" i="1" s="1"/>
  <c r="A141779" i="1" s="1"/>
  <c r="A141780" i="1" s="1"/>
  <c r="A141781" i="1" s="1"/>
  <c r="A141782" i="1" s="1"/>
  <c r="A141783" i="1" s="1"/>
  <c r="A141784" i="1" s="1"/>
  <c r="A141785" i="1" s="1"/>
  <c r="A141786" i="1" s="1"/>
  <c r="A141787" i="1" s="1"/>
  <c r="A141788" i="1" s="1"/>
  <c r="A141789" i="1" s="1"/>
  <c r="A141790" i="1" s="1"/>
  <c r="A141791" i="1" s="1"/>
  <c r="A141792" i="1" s="1"/>
  <c r="A141793" i="1" s="1"/>
  <c r="A141794" i="1" s="1"/>
  <c r="A141795" i="1" s="1"/>
  <c r="A141796" i="1" s="1"/>
  <c r="A141797" i="1" s="1"/>
  <c r="A141798" i="1" s="1"/>
  <c r="A141799" i="1" s="1"/>
  <c r="A141800" i="1" s="1"/>
  <c r="A141801" i="1" s="1"/>
  <c r="A141802" i="1" s="1"/>
  <c r="A141803" i="1" s="1"/>
  <c r="A141804" i="1" s="1"/>
  <c r="A141805" i="1" s="1"/>
  <c r="A141806" i="1" s="1"/>
  <c r="A141807" i="1" s="1"/>
  <c r="A141808" i="1" s="1"/>
  <c r="A141809" i="1" s="1"/>
  <c r="A141810" i="1" s="1"/>
  <c r="A141811" i="1" s="1"/>
  <c r="A141812" i="1" s="1"/>
  <c r="A141813" i="1" s="1"/>
  <c r="A141814" i="1" s="1"/>
  <c r="A141815" i="1" s="1"/>
  <c r="A141816" i="1" s="1"/>
  <c r="A141817" i="1" s="1"/>
  <c r="A141818" i="1" s="1"/>
  <c r="A141819" i="1" s="1"/>
  <c r="A141820" i="1" s="1"/>
  <c r="A141821" i="1" s="1"/>
  <c r="A141822" i="1" s="1"/>
  <c r="A141823" i="1" s="1"/>
  <c r="A141824" i="1" s="1"/>
  <c r="A141825" i="1" s="1"/>
  <c r="A141826" i="1" s="1"/>
  <c r="A141827" i="1" s="1"/>
  <c r="A141828" i="1" s="1"/>
  <c r="A141829" i="1" s="1"/>
  <c r="A141830" i="1" s="1"/>
  <c r="A141831" i="1" s="1"/>
  <c r="A141832" i="1" s="1"/>
  <c r="A141833" i="1" s="1"/>
  <c r="A141834" i="1" s="1"/>
  <c r="A141835" i="1" s="1"/>
  <c r="A141836" i="1" s="1"/>
  <c r="A141837" i="1" s="1"/>
  <c r="A141838" i="1" s="1"/>
  <c r="A141839" i="1" s="1"/>
  <c r="A141840" i="1" s="1"/>
  <c r="A141841" i="1" s="1"/>
  <c r="A141842" i="1" s="1"/>
  <c r="A141843" i="1" s="1"/>
  <c r="A141844" i="1" s="1"/>
  <c r="A141845" i="1" s="1"/>
  <c r="A141846" i="1" s="1"/>
  <c r="A141847" i="1" s="1"/>
  <c r="A141848" i="1" s="1"/>
  <c r="A141849" i="1" s="1"/>
  <c r="A141850" i="1" s="1"/>
  <c r="A141851" i="1" s="1"/>
  <c r="A141852" i="1" s="1"/>
  <c r="A141853" i="1" s="1"/>
  <c r="A141854" i="1" s="1"/>
  <c r="A141855" i="1" s="1"/>
  <c r="A141856" i="1" s="1"/>
  <c r="A141857" i="1" s="1"/>
  <c r="A141858" i="1" s="1"/>
  <c r="A141859" i="1" s="1"/>
  <c r="A141860" i="1" s="1"/>
  <c r="A141861" i="1" s="1"/>
  <c r="A141862" i="1" s="1"/>
  <c r="A141863" i="1" s="1"/>
  <c r="A141864" i="1" s="1"/>
  <c r="A141865" i="1" s="1"/>
  <c r="A141866" i="1" s="1"/>
  <c r="A141867" i="1" s="1"/>
  <c r="A141868" i="1" s="1"/>
  <c r="A141869" i="1" s="1"/>
  <c r="A141870" i="1" s="1"/>
  <c r="A141871" i="1" s="1"/>
  <c r="A141872" i="1" s="1"/>
  <c r="A141873" i="1" s="1"/>
  <c r="A141874" i="1" s="1"/>
  <c r="A141875" i="1" s="1"/>
  <c r="A141876" i="1" s="1"/>
  <c r="A141877" i="1" s="1"/>
  <c r="A141878" i="1" s="1"/>
  <c r="A141879" i="1" s="1"/>
  <c r="A141880" i="1" s="1"/>
  <c r="A141881" i="1" s="1"/>
  <c r="A141882" i="1" s="1"/>
  <c r="A141883" i="1" s="1"/>
  <c r="A141884" i="1" s="1"/>
  <c r="A141885" i="1" s="1"/>
  <c r="A141886" i="1" s="1"/>
  <c r="A141887" i="1" s="1"/>
  <c r="A141888" i="1" s="1"/>
  <c r="A141889" i="1" s="1"/>
  <c r="A141890" i="1" s="1"/>
  <c r="A141891" i="1" s="1"/>
  <c r="A141892" i="1" s="1"/>
  <c r="A141893" i="1" s="1"/>
  <c r="A141894" i="1" s="1"/>
  <c r="A141895" i="1" s="1"/>
  <c r="A141896" i="1" s="1"/>
  <c r="A141897" i="1" s="1"/>
  <c r="A141898" i="1" s="1"/>
  <c r="A141899" i="1" s="1"/>
  <c r="A141900" i="1" s="1"/>
  <c r="A141901" i="1" s="1"/>
  <c r="A141902" i="1" s="1"/>
  <c r="A141903" i="1" s="1"/>
  <c r="A141904" i="1" s="1"/>
  <c r="A141905" i="1" s="1"/>
  <c r="A141906" i="1" s="1"/>
  <c r="A141907" i="1" s="1"/>
  <c r="A141908" i="1" s="1"/>
  <c r="A141909" i="1" s="1"/>
  <c r="A141910" i="1" s="1"/>
  <c r="A141911" i="1" s="1"/>
  <c r="A141912" i="1" s="1"/>
  <c r="A141913" i="1" s="1"/>
  <c r="A141914" i="1" s="1"/>
  <c r="A141915" i="1" s="1"/>
  <c r="A141916" i="1" s="1"/>
  <c r="A141917" i="1" s="1"/>
  <c r="A141918" i="1" s="1"/>
  <c r="A141919" i="1" s="1"/>
  <c r="A141920" i="1" s="1"/>
  <c r="A141921" i="1" s="1"/>
  <c r="A141922" i="1" s="1"/>
  <c r="A141923" i="1" s="1"/>
  <c r="A141924" i="1" s="1"/>
  <c r="A141925" i="1" s="1"/>
  <c r="A141926" i="1" s="1"/>
  <c r="A141927" i="1" s="1"/>
  <c r="A141928" i="1" s="1"/>
  <c r="A141929" i="1" s="1"/>
  <c r="A141930" i="1" s="1"/>
  <c r="A141931" i="1" s="1"/>
  <c r="A141932" i="1" s="1"/>
  <c r="A141933" i="1" s="1"/>
  <c r="A141934" i="1" s="1"/>
  <c r="A141935" i="1" s="1"/>
  <c r="A141936" i="1" s="1"/>
  <c r="A141937" i="1" s="1"/>
  <c r="A141938" i="1" s="1"/>
  <c r="A141939" i="1" s="1"/>
  <c r="A141940" i="1" s="1"/>
  <c r="A141941" i="1" s="1"/>
  <c r="A141942" i="1" s="1"/>
  <c r="A141943" i="1" s="1"/>
  <c r="A141944" i="1" s="1"/>
  <c r="A141945" i="1" s="1"/>
  <c r="A141946" i="1" s="1"/>
  <c r="A141947" i="1" s="1"/>
  <c r="A141948" i="1" s="1"/>
  <c r="A141949" i="1" s="1"/>
  <c r="A141950" i="1" s="1"/>
  <c r="A141951" i="1" s="1"/>
  <c r="A141952" i="1" s="1"/>
  <c r="A141953" i="1" s="1"/>
  <c r="A141954" i="1" s="1"/>
  <c r="A141955" i="1" s="1"/>
  <c r="A141956" i="1" s="1"/>
  <c r="A141957" i="1" s="1"/>
  <c r="A141958" i="1" s="1"/>
  <c r="A141959" i="1" s="1"/>
  <c r="A141960" i="1" s="1"/>
  <c r="A141961" i="1" s="1"/>
  <c r="A141962" i="1" s="1"/>
  <c r="A141963" i="1" s="1"/>
  <c r="A141964" i="1" s="1"/>
  <c r="A141965" i="1" s="1"/>
  <c r="A141966" i="1" s="1"/>
  <c r="A141967" i="1" s="1"/>
  <c r="A141968" i="1" s="1"/>
  <c r="A141969" i="1" s="1"/>
  <c r="A141970" i="1" s="1"/>
  <c r="A141971" i="1" s="1"/>
  <c r="A141972" i="1" s="1"/>
  <c r="A141973" i="1" s="1"/>
  <c r="A141974" i="1" s="1"/>
  <c r="A141975" i="1" s="1"/>
  <c r="A141976" i="1" s="1"/>
  <c r="A141977" i="1" s="1"/>
  <c r="A141978" i="1" s="1"/>
  <c r="A141979" i="1" s="1"/>
  <c r="A141980" i="1" s="1"/>
  <c r="A141981" i="1" s="1"/>
  <c r="A141982" i="1" s="1"/>
  <c r="A141983" i="1" s="1"/>
  <c r="A141984" i="1" s="1"/>
  <c r="A141985" i="1" s="1"/>
  <c r="A141986" i="1" s="1"/>
  <c r="A141987" i="1" s="1"/>
  <c r="A141988" i="1" s="1"/>
  <c r="A141989" i="1" s="1"/>
  <c r="A141990" i="1" s="1"/>
  <c r="A141991" i="1" s="1"/>
  <c r="A141992" i="1" s="1"/>
  <c r="A141993" i="1" s="1"/>
  <c r="A141994" i="1" s="1"/>
  <c r="A141995" i="1" s="1"/>
  <c r="A141996" i="1" s="1"/>
  <c r="A141997" i="1" s="1"/>
  <c r="A141998" i="1" s="1"/>
  <c r="A141999" i="1" s="1"/>
  <c r="A142000" i="1" s="1"/>
  <c r="A142001" i="1" s="1"/>
  <c r="A142002" i="1" s="1"/>
  <c r="A142003" i="1" s="1"/>
  <c r="A142004" i="1" s="1"/>
  <c r="A142005" i="1" s="1"/>
  <c r="A142006" i="1" s="1"/>
  <c r="A142007" i="1" s="1"/>
  <c r="A142008" i="1" s="1"/>
  <c r="A142009" i="1" s="1"/>
  <c r="A142010" i="1" s="1"/>
  <c r="A142011" i="1" s="1"/>
  <c r="A142012" i="1" s="1"/>
  <c r="A142013" i="1" s="1"/>
  <c r="A142014" i="1" s="1"/>
  <c r="A142015" i="1" s="1"/>
  <c r="A142016" i="1" s="1"/>
  <c r="A142017" i="1" s="1"/>
  <c r="A142018" i="1" s="1"/>
  <c r="A142019" i="1" s="1"/>
  <c r="A142020" i="1" s="1"/>
  <c r="A142021" i="1" s="1"/>
  <c r="A142022" i="1" s="1"/>
  <c r="A142023" i="1" s="1"/>
  <c r="A142024" i="1" s="1"/>
  <c r="A142025" i="1" s="1"/>
  <c r="A142026" i="1" s="1"/>
  <c r="A142027" i="1" s="1"/>
  <c r="A142028" i="1" s="1"/>
  <c r="A142029" i="1" s="1"/>
  <c r="A142030" i="1" s="1"/>
  <c r="A142031" i="1" s="1"/>
  <c r="A142032" i="1" s="1"/>
  <c r="A142033" i="1" s="1"/>
  <c r="A142034" i="1" s="1"/>
  <c r="A142035" i="1" s="1"/>
  <c r="A142036" i="1" s="1"/>
  <c r="A142037" i="1" s="1"/>
  <c r="A142038" i="1" s="1"/>
  <c r="A142039" i="1" s="1"/>
  <c r="A142040" i="1" s="1"/>
  <c r="A142041" i="1" s="1"/>
  <c r="A142042" i="1" s="1"/>
  <c r="A142043" i="1" s="1"/>
  <c r="A142044" i="1" s="1"/>
  <c r="A142045" i="1" s="1"/>
  <c r="A142046" i="1" s="1"/>
  <c r="A142047" i="1" s="1"/>
  <c r="A142048" i="1" s="1"/>
  <c r="A142049" i="1" s="1"/>
  <c r="A142050" i="1" s="1"/>
  <c r="A142051" i="1" s="1"/>
  <c r="A142052" i="1" s="1"/>
  <c r="A142053" i="1" s="1"/>
  <c r="A142054" i="1" s="1"/>
  <c r="A142055" i="1" s="1"/>
  <c r="A142056" i="1" s="1"/>
  <c r="A142057" i="1" s="1"/>
  <c r="A142058" i="1" s="1"/>
  <c r="A142059" i="1" s="1"/>
  <c r="A142060" i="1" s="1"/>
  <c r="A142061" i="1" s="1"/>
  <c r="A142062" i="1" s="1"/>
  <c r="A142063" i="1" s="1"/>
  <c r="A142064" i="1" s="1"/>
  <c r="A142065" i="1" s="1"/>
  <c r="A142066" i="1" s="1"/>
  <c r="A142067" i="1" s="1"/>
  <c r="A142068" i="1" s="1"/>
  <c r="A142069" i="1" s="1"/>
  <c r="A142070" i="1" s="1"/>
  <c r="A142071" i="1" s="1"/>
  <c r="A142072" i="1" s="1"/>
  <c r="A142073" i="1" s="1"/>
  <c r="A142074" i="1" s="1"/>
  <c r="A142075" i="1" s="1"/>
  <c r="A142076" i="1" s="1"/>
  <c r="A142077" i="1" s="1"/>
  <c r="A142078" i="1" s="1"/>
  <c r="A142079" i="1" s="1"/>
  <c r="A142080" i="1" s="1"/>
  <c r="A142081" i="1" s="1"/>
  <c r="A142082" i="1" s="1"/>
  <c r="A142083" i="1" s="1"/>
  <c r="A142084" i="1" s="1"/>
  <c r="A142085" i="1" s="1"/>
  <c r="A142086" i="1" s="1"/>
  <c r="A142087" i="1" s="1"/>
  <c r="A142088" i="1" s="1"/>
  <c r="A142089" i="1" s="1"/>
  <c r="A142090" i="1" s="1"/>
  <c r="A142091" i="1" s="1"/>
  <c r="A142092" i="1" s="1"/>
  <c r="A142093" i="1" s="1"/>
  <c r="A142094" i="1" s="1"/>
  <c r="A142095" i="1" s="1"/>
  <c r="A142096" i="1" s="1"/>
  <c r="A142097" i="1" s="1"/>
  <c r="A142098" i="1" s="1"/>
  <c r="A142099" i="1" s="1"/>
  <c r="A142100" i="1" s="1"/>
  <c r="A142101" i="1" s="1"/>
  <c r="A142102" i="1" s="1"/>
  <c r="A142103" i="1" s="1"/>
  <c r="A142104" i="1" s="1"/>
  <c r="A142105" i="1" s="1"/>
  <c r="A142106" i="1" s="1"/>
  <c r="A142107" i="1" s="1"/>
  <c r="A142108" i="1" s="1"/>
  <c r="A142109" i="1" s="1"/>
  <c r="A142110" i="1" s="1"/>
  <c r="A142111" i="1" s="1"/>
  <c r="A142112" i="1" s="1"/>
  <c r="A142113" i="1" s="1"/>
  <c r="A142114" i="1" s="1"/>
  <c r="A142115" i="1" s="1"/>
  <c r="A142116" i="1" s="1"/>
  <c r="A142117" i="1" s="1"/>
  <c r="A142118" i="1" s="1"/>
  <c r="A142119" i="1" s="1"/>
  <c r="A142120" i="1" s="1"/>
  <c r="A142121" i="1" s="1"/>
  <c r="A142122" i="1" s="1"/>
  <c r="A142123" i="1" s="1"/>
  <c r="A142124" i="1" s="1"/>
  <c r="A142125" i="1" s="1"/>
  <c r="A142126" i="1" s="1"/>
  <c r="A142127" i="1" s="1"/>
  <c r="A142128" i="1" s="1"/>
  <c r="A142129" i="1" s="1"/>
  <c r="A142130" i="1" s="1"/>
  <c r="A142131" i="1" s="1"/>
  <c r="A142132" i="1" s="1"/>
  <c r="A142133" i="1" s="1"/>
  <c r="A142134" i="1" s="1"/>
  <c r="A142135" i="1" s="1"/>
  <c r="A142136" i="1" s="1"/>
  <c r="A142137" i="1" s="1"/>
  <c r="A142138" i="1" s="1"/>
  <c r="A142139" i="1" s="1"/>
  <c r="A142140" i="1" s="1"/>
  <c r="A142141" i="1" s="1"/>
  <c r="A142142" i="1" s="1"/>
  <c r="A142143" i="1" s="1"/>
  <c r="A142144" i="1" s="1"/>
  <c r="A142145" i="1" s="1"/>
  <c r="A142146" i="1" s="1"/>
  <c r="A142147" i="1" s="1"/>
  <c r="A142148" i="1" s="1"/>
  <c r="A142149" i="1" s="1"/>
  <c r="A142150" i="1" s="1"/>
  <c r="A142151" i="1" s="1"/>
  <c r="A142152" i="1" s="1"/>
  <c r="A142153" i="1" s="1"/>
  <c r="A142154" i="1" s="1"/>
  <c r="A142155" i="1" s="1"/>
  <c r="A142156" i="1" s="1"/>
  <c r="A142157" i="1" s="1"/>
  <c r="A142158" i="1" s="1"/>
  <c r="A142159" i="1" s="1"/>
  <c r="A142160" i="1" s="1"/>
  <c r="A142161" i="1" s="1"/>
  <c r="A142162" i="1" s="1"/>
  <c r="A142163" i="1" s="1"/>
  <c r="A142164" i="1" s="1"/>
  <c r="A142165" i="1" s="1"/>
  <c r="A142166" i="1" s="1"/>
  <c r="A142167" i="1" s="1"/>
  <c r="A142168" i="1" s="1"/>
  <c r="A142169" i="1" s="1"/>
  <c r="A142170" i="1" s="1"/>
  <c r="A142171" i="1" s="1"/>
  <c r="A142172" i="1" s="1"/>
  <c r="A142173" i="1" s="1"/>
  <c r="A142174" i="1" s="1"/>
  <c r="A142175" i="1" s="1"/>
  <c r="A142176" i="1" s="1"/>
  <c r="A142177" i="1" s="1"/>
  <c r="A142178" i="1" s="1"/>
  <c r="A142179" i="1" s="1"/>
  <c r="A142180" i="1" s="1"/>
  <c r="A142181" i="1" s="1"/>
  <c r="A142182" i="1" s="1"/>
  <c r="A142183" i="1" s="1"/>
  <c r="A142184" i="1" s="1"/>
  <c r="A142185" i="1" s="1"/>
  <c r="A142186" i="1" s="1"/>
  <c r="A142187" i="1" s="1"/>
  <c r="A142188" i="1" s="1"/>
  <c r="A142189" i="1" s="1"/>
  <c r="A142190" i="1" s="1"/>
  <c r="A142191" i="1" s="1"/>
  <c r="A142192" i="1" s="1"/>
  <c r="A142193" i="1" s="1"/>
  <c r="A142194" i="1" s="1"/>
  <c r="A142195" i="1" s="1"/>
  <c r="A142196" i="1" s="1"/>
  <c r="A142197" i="1" s="1"/>
  <c r="A142198" i="1" s="1"/>
  <c r="A142199" i="1" s="1"/>
  <c r="A142200" i="1" s="1"/>
  <c r="A142201" i="1" s="1"/>
  <c r="A142202" i="1" s="1"/>
  <c r="A142203" i="1" s="1"/>
  <c r="A142204" i="1" s="1"/>
  <c r="A142205" i="1" s="1"/>
  <c r="A142206" i="1" s="1"/>
  <c r="A142207" i="1" s="1"/>
  <c r="A142208" i="1" s="1"/>
  <c r="A142209" i="1" s="1"/>
  <c r="A142210" i="1" s="1"/>
  <c r="A142211" i="1" s="1"/>
  <c r="A142212" i="1" s="1"/>
  <c r="A142213" i="1" s="1"/>
  <c r="A142214" i="1" s="1"/>
  <c r="A142215" i="1" s="1"/>
  <c r="A142216" i="1" s="1"/>
  <c r="A142217" i="1" s="1"/>
  <c r="A142218" i="1" s="1"/>
  <c r="A142219" i="1" s="1"/>
  <c r="A142220" i="1" s="1"/>
  <c r="A142221" i="1" s="1"/>
  <c r="A142222" i="1" s="1"/>
  <c r="A142223" i="1" s="1"/>
  <c r="A142224" i="1" s="1"/>
  <c r="A142225" i="1" s="1"/>
  <c r="A142226" i="1" s="1"/>
  <c r="A142227" i="1" s="1"/>
  <c r="A142228" i="1" s="1"/>
  <c r="A142229" i="1" s="1"/>
  <c r="A142230" i="1" s="1"/>
  <c r="A142231" i="1" s="1"/>
  <c r="A142232" i="1" s="1"/>
  <c r="A142233" i="1" s="1"/>
  <c r="A142234" i="1" s="1"/>
  <c r="A142235" i="1" s="1"/>
  <c r="A142236" i="1" s="1"/>
  <c r="A142237" i="1" s="1"/>
  <c r="A142238" i="1" s="1"/>
  <c r="A142239" i="1" s="1"/>
  <c r="A142240" i="1" s="1"/>
  <c r="A142241" i="1" s="1"/>
  <c r="A142242" i="1" s="1"/>
  <c r="A142243" i="1" s="1"/>
  <c r="A142244" i="1" s="1"/>
  <c r="A142245" i="1" s="1"/>
  <c r="A142246" i="1" s="1"/>
  <c r="A142247" i="1" s="1"/>
  <c r="A142248" i="1" s="1"/>
  <c r="A142249" i="1" s="1"/>
  <c r="A142250" i="1" s="1"/>
  <c r="A142251" i="1" s="1"/>
  <c r="A142252" i="1" s="1"/>
  <c r="A142253" i="1" s="1"/>
  <c r="A142254" i="1" s="1"/>
  <c r="A142255" i="1" s="1"/>
  <c r="A142256" i="1" s="1"/>
  <c r="A142257" i="1" s="1"/>
  <c r="A142258" i="1" s="1"/>
  <c r="A142259" i="1" s="1"/>
  <c r="A142260" i="1" s="1"/>
  <c r="A142261" i="1" s="1"/>
  <c r="A142262" i="1" s="1"/>
  <c r="A142263" i="1" s="1"/>
  <c r="A142264" i="1" s="1"/>
  <c r="A142265" i="1" s="1"/>
  <c r="A142266" i="1" s="1"/>
  <c r="A142267" i="1" s="1"/>
  <c r="A142268" i="1" s="1"/>
  <c r="A142269" i="1" s="1"/>
  <c r="A142270" i="1" s="1"/>
  <c r="A142271" i="1" s="1"/>
  <c r="A142272" i="1" s="1"/>
  <c r="A142273" i="1" s="1"/>
  <c r="A142274" i="1" s="1"/>
  <c r="A142275" i="1" s="1"/>
  <c r="A142276" i="1" s="1"/>
  <c r="A142277" i="1" s="1"/>
  <c r="A142278" i="1" s="1"/>
  <c r="A142279" i="1" s="1"/>
  <c r="A142280" i="1" s="1"/>
  <c r="A142281" i="1" s="1"/>
  <c r="A142282" i="1" s="1"/>
  <c r="A142283" i="1" s="1"/>
  <c r="A142284" i="1" s="1"/>
  <c r="A142285" i="1" s="1"/>
  <c r="A142286" i="1" s="1"/>
  <c r="A142287" i="1" s="1"/>
  <c r="A142288" i="1" s="1"/>
  <c r="A142289" i="1" s="1"/>
  <c r="A142290" i="1" s="1"/>
  <c r="A142291" i="1" s="1"/>
  <c r="A142292" i="1" s="1"/>
  <c r="A142293" i="1" s="1"/>
  <c r="A142294" i="1" s="1"/>
  <c r="A142295" i="1" s="1"/>
  <c r="A142296" i="1" s="1"/>
  <c r="A142297" i="1" s="1"/>
  <c r="A142298" i="1" s="1"/>
  <c r="A142299" i="1" s="1"/>
  <c r="A142300" i="1" s="1"/>
  <c r="A142301" i="1" s="1"/>
  <c r="A142302" i="1" s="1"/>
  <c r="A142303" i="1" s="1"/>
  <c r="A142304" i="1" s="1"/>
  <c r="A142305" i="1" s="1"/>
  <c r="A142306" i="1" s="1"/>
  <c r="A142307" i="1" s="1"/>
  <c r="A142308" i="1" s="1"/>
  <c r="A142309" i="1" s="1"/>
  <c r="A142310" i="1" s="1"/>
  <c r="A142311" i="1" s="1"/>
  <c r="A142312" i="1" s="1"/>
  <c r="A142313" i="1" s="1"/>
  <c r="A142314" i="1" s="1"/>
  <c r="A142315" i="1" s="1"/>
  <c r="A142316" i="1" s="1"/>
  <c r="A142317" i="1" s="1"/>
  <c r="A142318" i="1" s="1"/>
  <c r="A142319" i="1" s="1"/>
  <c r="A142320" i="1" s="1"/>
  <c r="A142321" i="1" s="1"/>
  <c r="A142322" i="1" s="1"/>
  <c r="A142323" i="1" s="1"/>
  <c r="A142324" i="1" s="1"/>
  <c r="A142325" i="1" s="1"/>
  <c r="A142326" i="1" s="1"/>
  <c r="A142327" i="1" s="1"/>
  <c r="A142328" i="1" s="1"/>
  <c r="A142329" i="1" s="1"/>
  <c r="A142330" i="1" s="1"/>
  <c r="A142331" i="1" s="1"/>
  <c r="A142332" i="1" s="1"/>
  <c r="A142333" i="1" s="1"/>
  <c r="A142334" i="1" s="1"/>
  <c r="A142335" i="1" s="1"/>
  <c r="A142336" i="1" s="1"/>
  <c r="A142337" i="1" s="1"/>
  <c r="A142338" i="1" s="1"/>
  <c r="A142339" i="1" s="1"/>
  <c r="A142340" i="1" s="1"/>
  <c r="A142341" i="1" s="1"/>
  <c r="A142342" i="1" s="1"/>
  <c r="A142343" i="1" s="1"/>
  <c r="A142344" i="1" s="1"/>
  <c r="A142345" i="1" s="1"/>
  <c r="A142346" i="1" s="1"/>
  <c r="A142347" i="1" s="1"/>
  <c r="A142348" i="1" s="1"/>
  <c r="A142349" i="1" s="1"/>
  <c r="A142350" i="1" s="1"/>
  <c r="A142351" i="1" s="1"/>
  <c r="A142352" i="1" s="1"/>
  <c r="A142353" i="1" s="1"/>
  <c r="A142354" i="1" s="1"/>
  <c r="A142355" i="1" s="1"/>
  <c r="A142356" i="1" s="1"/>
  <c r="A142357" i="1" s="1"/>
  <c r="A142358" i="1" s="1"/>
  <c r="A142359" i="1" s="1"/>
  <c r="A142360" i="1" s="1"/>
  <c r="A142361" i="1" s="1"/>
  <c r="A142362" i="1" s="1"/>
  <c r="A142363" i="1" s="1"/>
  <c r="A142364" i="1" s="1"/>
  <c r="A142365" i="1" s="1"/>
  <c r="A142366" i="1" s="1"/>
  <c r="A142367" i="1" s="1"/>
  <c r="A142368" i="1" s="1"/>
  <c r="A142369" i="1" s="1"/>
  <c r="A142370" i="1" s="1"/>
  <c r="A142371" i="1" s="1"/>
  <c r="A142372" i="1" s="1"/>
  <c r="A142373" i="1" s="1"/>
  <c r="A142374" i="1" s="1"/>
  <c r="A142375" i="1" s="1"/>
  <c r="A142376" i="1" s="1"/>
  <c r="A142377" i="1" s="1"/>
  <c r="A142378" i="1" s="1"/>
  <c r="A142379" i="1" s="1"/>
  <c r="A142380" i="1" s="1"/>
  <c r="A142381" i="1" s="1"/>
  <c r="A142382" i="1" s="1"/>
  <c r="A142383" i="1" s="1"/>
  <c r="A142384" i="1" s="1"/>
  <c r="A142385" i="1" s="1"/>
  <c r="A142386" i="1" s="1"/>
  <c r="A142387" i="1" s="1"/>
  <c r="A142388" i="1" s="1"/>
  <c r="A142389" i="1" s="1"/>
  <c r="A142390" i="1" s="1"/>
  <c r="A142391" i="1" s="1"/>
  <c r="A142392" i="1" s="1"/>
  <c r="A142393" i="1" s="1"/>
  <c r="A142394" i="1" s="1"/>
  <c r="A142395" i="1" s="1"/>
  <c r="A142396" i="1" s="1"/>
  <c r="A142397" i="1" s="1"/>
  <c r="A142398" i="1" s="1"/>
  <c r="A142399" i="1" s="1"/>
  <c r="A142400" i="1" s="1"/>
  <c r="A142401" i="1" s="1"/>
  <c r="A142402" i="1" s="1"/>
  <c r="A142403" i="1" s="1"/>
  <c r="A142404" i="1" s="1"/>
  <c r="A142405" i="1" s="1"/>
  <c r="A142406" i="1" s="1"/>
  <c r="A142407" i="1" s="1"/>
  <c r="A142408" i="1" s="1"/>
  <c r="A142409" i="1" s="1"/>
  <c r="A142410" i="1" s="1"/>
  <c r="A142411" i="1" s="1"/>
  <c r="A142412" i="1" s="1"/>
  <c r="A142413" i="1" s="1"/>
  <c r="A142414" i="1" s="1"/>
  <c r="A142415" i="1" s="1"/>
  <c r="A142416" i="1" s="1"/>
  <c r="A142417" i="1" s="1"/>
  <c r="A142418" i="1" s="1"/>
  <c r="A142419" i="1" s="1"/>
  <c r="A142420" i="1" s="1"/>
  <c r="A142421" i="1" s="1"/>
  <c r="A142422" i="1" s="1"/>
  <c r="A142423" i="1" s="1"/>
  <c r="A142424" i="1" s="1"/>
  <c r="A142425" i="1" s="1"/>
  <c r="A142426" i="1" s="1"/>
  <c r="A142427" i="1" s="1"/>
  <c r="A142428" i="1" s="1"/>
  <c r="A142429" i="1" s="1"/>
  <c r="A142430" i="1" s="1"/>
  <c r="A142431" i="1" s="1"/>
  <c r="A142432" i="1" s="1"/>
  <c r="A142433" i="1" s="1"/>
  <c r="A142434" i="1" s="1"/>
  <c r="A142435" i="1" s="1"/>
  <c r="A142436" i="1" s="1"/>
  <c r="A142437" i="1" s="1"/>
  <c r="A142438" i="1" s="1"/>
  <c r="A142439" i="1" s="1"/>
  <c r="A142440" i="1" s="1"/>
  <c r="A142441" i="1" s="1"/>
  <c r="A142442" i="1" s="1"/>
  <c r="A142443" i="1" s="1"/>
  <c r="A142444" i="1" s="1"/>
  <c r="A142445" i="1" s="1"/>
  <c r="A142446" i="1" s="1"/>
  <c r="A142447" i="1" s="1"/>
  <c r="A142448" i="1" s="1"/>
  <c r="A142449" i="1" s="1"/>
  <c r="A142450" i="1" s="1"/>
  <c r="A142451" i="1" s="1"/>
  <c r="A142452" i="1" s="1"/>
  <c r="A142453" i="1" s="1"/>
  <c r="A142454" i="1" s="1"/>
  <c r="A142455" i="1" s="1"/>
  <c r="A142456" i="1" s="1"/>
  <c r="A142457" i="1" s="1"/>
  <c r="A142458" i="1" s="1"/>
  <c r="A142459" i="1" s="1"/>
  <c r="A142460" i="1" s="1"/>
  <c r="A142461" i="1" s="1"/>
  <c r="A142462" i="1" s="1"/>
  <c r="A142463" i="1" s="1"/>
  <c r="A142464" i="1" s="1"/>
  <c r="A142465" i="1" s="1"/>
  <c r="A142466" i="1" s="1"/>
  <c r="A142467" i="1" s="1"/>
  <c r="A142468" i="1" s="1"/>
  <c r="A142469" i="1" s="1"/>
  <c r="A142470" i="1" s="1"/>
  <c r="A142471" i="1" s="1"/>
  <c r="A142472" i="1" s="1"/>
  <c r="A142473" i="1" s="1"/>
  <c r="A142474" i="1" s="1"/>
  <c r="A142475" i="1" s="1"/>
  <c r="A142476" i="1" s="1"/>
  <c r="A142477" i="1" s="1"/>
  <c r="A142478" i="1" s="1"/>
  <c r="A142479" i="1" s="1"/>
  <c r="A142480" i="1" s="1"/>
  <c r="A142481" i="1" s="1"/>
  <c r="A142482" i="1" s="1"/>
  <c r="A142483" i="1" s="1"/>
  <c r="A142484" i="1" s="1"/>
  <c r="A142485" i="1" s="1"/>
  <c r="A142486" i="1" s="1"/>
  <c r="A142487" i="1" s="1"/>
  <c r="A142488" i="1" s="1"/>
  <c r="A142489" i="1" s="1"/>
  <c r="A142490" i="1" s="1"/>
  <c r="A142491" i="1" s="1"/>
  <c r="A142492" i="1" s="1"/>
  <c r="A142493" i="1" s="1"/>
  <c r="A142494" i="1" s="1"/>
  <c r="A142495" i="1" s="1"/>
  <c r="A142496" i="1" s="1"/>
  <c r="A142497" i="1" s="1"/>
  <c r="A142498" i="1" s="1"/>
  <c r="A142499" i="1" s="1"/>
  <c r="A142500" i="1" s="1"/>
  <c r="A142501" i="1" s="1"/>
  <c r="A142502" i="1" s="1"/>
  <c r="A142503" i="1" s="1"/>
  <c r="A142504" i="1" s="1"/>
  <c r="A142505" i="1" s="1"/>
  <c r="A142506" i="1" s="1"/>
  <c r="A142507" i="1" s="1"/>
  <c r="A142508" i="1" s="1"/>
  <c r="A142509" i="1" s="1"/>
  <c r="A142510" i="1" s="1"/>
  <c r="A142511" i="1" s="1"/>
  <c r="A142512" i="1" s="1"/>
  <c r="A142513" i="1" s="1"/>
  <c r="A142514" i="1" s="1"/>
  <c r="A142515" i="1" s="1"/>
  <c r="A142516" i="1" s="1"/>
  <c r="A142517" i="1" s="1"/>
  <c r="A142518" i="1" s="1"/>
  <c r="A142519" i="1" s="1"/>
  <c r="A142520" i="1" s="1"/>
  <c r="A142521" i="1" s="1"/>
  <c r="A142522" i="1" s="1"/>
  <c r="A142523" i="1" s="1"/>
  <c r="A142524" i="1" s="1"/>
  <c r="A142525" i="1" s="1"/>
  <c r="A142526" i="1" s="1"/>
  <c r="A142527" i="1" s="1"/>
  <c r="A142528" i="1" s="1"/>
  <c r="A142529" i="1" s="1"/>
  <c r="A142530" i="1" s="1"/>
  <c r="A142531" i="1" s="1"/>
  <c r="A142532" i="1" s="1"/>
  <c r="A142533" i="1" s="1"/>
  <c r="A142534" i="1" s="1"/>
  <c r="A142535" i="1" s="1"/>
  <c r="A142536" i="1" s="1"/>
  <c r="A142537" i="1" s="1"/>
  <c r="A142538" i="1" s="1"/>
  <c r="A142539" i="1" s="1"/>
  <c r="A142540" i="1" s="1"/>
  <c r="A142541" i="1" s="1"/>
  <c r="A142542" i="1" s="1"/>
  <c r="A142543" i="1" s="1"/>
  <c r="A142544" i="1" s="1"/>
  <c r="A142545" i="1" s="1"/>
  <c r="A142546" i="1" s="1"/>
  <c r="A142547" i="1" s="1"/>
  <c r="A142548" i="1" s="1"/>
  <c r="A142549" i="1" s="1"/>
  <c r="A142550" i="1" s="1"/>
  <c r="A142551" i="1" s="1"/>
  <c r="A142552" i="1" s="1"/>
  <c r="A142553" i="1" s="1"/>
  <c r="A142554" i="1" s="1"/>
  <c r="A142555" i="1" s="1"/>
  <c r="A142556" i="1" s="1"/>
  <c r="A142557" i="1" s="1"/>
  <c r="A142558" i="1" s="1"/>
  <c r="A142559" i="1" s="1"/>
  <c r="A142560" i="1" s="1"/>
  <c r="A142561" i="1" s="1"/>
  <c r="A142562" i="1" s="1"/>
  <c r="A142563" i="1" s="1"/>
  <c r="A142564" i="1" s="1"/>
  <c r="A142565" i="1" s="1"/>
  <c r="A142566" i="1" s="1"/>
  <c r="A142567" i="1" s="1"/>
  <c r="A142568" i="1" s="1"/>
  <c r="A142569" i="1" s="1"/>
  <c r="A142570" i="1" s="1"/>
  <c r="A142571" i="1" s="1"/>
  <c r="A142572" i="1" s="1"/>
  <c r="A142573" i="1" s="1"/>
  <c r="A142574" i="1" s="1"/>
  <c r="A142575" i="1" s="1"/>
  <c r="A142576" i="1" s="1"/>
  <c r="A142577" i="1" s="1"/>
  <c r="A142578" i="1" s="1"/>
  <c r="A142579" i="1" s="1"/>
  <c r="A142580" i="1" s="1"/>
  <c r="A142581" i="1" s="1"/>
  <c r="A142582" i="1" s="1"/>
  <c r="A142583" i="1" s="1"/>
  <c r="A142584" i="1" s="1"/>
  <c r="A142585" i="1" s="1"/>
  <c r="A142586" i="1" s="1"/>
  <c r="A142587" i="1" s="1"/>
  <c r="A142588" i="1" s="1"/>
  <c r="A142589" i="1" s="1"/>
  <c r="A142590" i="1" s="1"/>
  <c r="A142591" i="1" s="1"/>
  <c r="A142592" i="1" s="1"/>
  <c r="A142593" i="1" s="1"/>
  <c r="A142594" i="1" s="1"/>
  <c r="A142595" i="1" s="1"/>
  <c r="A142596" i="1" s="1"/>
  <c r="A142597" i="1" s="1"/>
  <c r="A142598" i="1" s="1"/>
  <c r="A142599" i="1" s="1"/>
  <c r="A142600" i="1" s="1"/>
  <c r="A142601" i="1" s="1"/>
  <c r="A142602" i="1" s="1"/>
  <c r="A142603" i="1" s="1"/>
  <c r="A142604" i="1" s="1"/>
  <c r="A142605" i="1" s="1"/>
  <c r="A142606" i="1" s="1"/>
  <c r="A142607" i="1" s="1"/>
  <c r="A142608" i="1" s="1"/>
  <c r="A142609" i="1" s="1"/>
  <c r="A142610" i="1" s="1"/>
  <c r="A142611" i="1" s="1"/>
  <c r="A142612" i="1" s="1"/>
  <c r="A142613" i="1" s="1"/>
  <c r="A142614" i="1" s="1"/>
  <c r="A142615" i="1" s="1"/>
  <c r="A142616" i="1" s="1"/>
  <c r="A142617" i="1" s="1"/>
  <c r="A142618" i="1" s="1"/>
  <c r="A142619" i="1" s="1"/>
  <c r="A142620" i="1" s="1"/>
  <c r="A142621" i="1" s="1"/>
  <c r="A142622" i="1" s="1"/>
  <c r="A142623" i="1" s="1"/>
  <c r="A142624" i="1" s="1"/>
  <c r="A142625" i="1" s="1"/>
  <c r="A142626" i="1" s="1"/>
  <c r="A142627" i="1" s="1"/>
  <c r="A142628" i="1" s="1"/>
  <c r="A142629" i="1" s="1"/>
  <c r="A142630" i="1" s="1"/>
  <c r="A142631" i="1" s="1"/>
  <c r="A142632" i="1" s="1"/>
  <c r="A142633" i="1" s="1"/>
  <c r="A142634" i="1" s="1"/>
  <c r="A142635" i="1" s="1"/>
  <c r="A142636" i="1" s="1"/>
  <c r="A142637" i="1" s="1"/>
  <c r="A142638" i="1" s="1"/>
  <c r="A142639" i="1" s="1"/>
  <c r="A142640" i="1" s="1"/>
  <c r="A142641" i="1" s="1"/>
  <c r="A142642" i="1" s="1"/>
  <c r="A142643" i="1" s="1"/>
  <c r="A142644" i="1" s="1"/>
  <c r="A142645" i="1" s="1"/>
  <c r="A142646" i="1" s="1"/>
  <c r="A142647" i="1" s="1"/>
  <c r="A142648" i="1" s="1"/>
  <c r="A142649" i="1" s="1"/>
  <c r="A142650" i="1" s="1"/>
  <c r="A142651" i="1" s="1"/>
  <c r="A142652" i="1" s="1"/>
  <c r="A142653" i="1" s="1"/>
  <c r="A142654" i="1" s="1"/>
  <c r="A142655" i="1" s="1"/>
  <c r="A142656" i="1" s="1"/>
  <c r="A142657" i="1" s="1"/>
  <c r="A142658" i="1" s="1"/>
  <c r="A142659" i="1" s="1"/>
  <c r="A142660" i="1" s="1"/>
  <c r="A142661" i="1" s="1"/>
  <c r="A142662" i="1" s="1"/>
  <c r="A142663" i="1" s="1"/>
  <c r="A142664" i="1" s="1"/>
  <c r="A142665" i="1" s="1"/>
  <c r="A142666" i="1" s="1"/>
  <c r="A142667" i="1" s="1"/>
  <c r="A142668" i="1" s="1"/>
  <c r="A142669" i="1" s="1"/>
  <c r="A142670" i="1" s="1"/>
  <c r="A142671" i="1" s="1"/>
  <c r="A142672" i="1" s="1"/>
  <c r="A142673" i="1" s="1"/>
  <c r="A142674" i="1" s="1"/>
  <c r="A142675" i="1" s="1"/>
  <c r="A142676" i="1" s="1"/>
  <c r="A142677" i="1" s="1"/>
  <c r="A142678" i="1" s="1"/>
  <c r="A142679" i="1" s="1"/>
  <c r="A142680" i="1" s="1"/>
  <c r="A142681" i="1" s="1"/>
  <c r="A142682" i="1" s="1"/>
  <c r="A142683" i="1" s="1"/>
  <c r="A142684" i="1" s="1"/>
  <c r="A142685" i="1" s="1"/>
  <c r="A142686" i="1" s="1"/>
  <c r="A142687" i="1" s="1"/>
  <c r="A142688" i="1" s="1"/>
  <c r="A142689" i="1" s="1"/>
  <c r="A142690" i="1" s="1"/>
  <c r="A142691" i="1" s="1"/>
  <c r="A142692" i="1" s="1"/>
  <c r="A142693" i="1" s="1"/>
  <c r="A142694" i="1" s="1"/>
  <c r="A142695" i="1" s="1"/>
  <c r="A142696" i="1" s="1"/>
  <c r="A142697" i="1" s="1"/>
  <c r="A142698" i="1" s="1"/>
  <c r="A142699" i="1" s="1"/>
  <c r="A142700" i="1" s="1"/>
  <c r="A142701" i="1" s="1"/>
  <c r="A142702" i="1" s="1"/>
  <c r="A142703" i="1" s="1"/>
  <c r="A142704" i="1" s="1"/>
  <c r="A142705" i="1" s="1"/>
  <c r="A142706" i="1" s="1"/>
  <c r="A142707" i="1" s="1"/>
  <c r="A142708" i="1" s="1"/>
  <c r="A142709" i="1" s="1"/>
  <c r="A142710" i="1" s="1"/>
  <c r="A142711" i="1" s="1"/>
  <c r="A142712" i="1" s="1"/>
  <c r="A142713" i="1" s="1"/>
  <c r="A142714" i="1" s="1"/>
  <c r="A142715" i="1" s="1"/>
  <c r="A142716" i="1" s="1"/>
  <c r="A142717" i="1" s="1"/>
  <c r="A142718" i="1" s="1"/>
  <c r="A142719" i="1" s="1"/>
  <c r="A142720" i="1" s="1"/>
  <c r="A142721" i="1" s="1"/>
  <c r="A142722" i="1" s="1"/>
  <c r="A142723" i="1" s="1"/>
  <c r="A142724" i="1" s="1"/>
  <c r="A142725" i="1" s="1"/>
  <c r="A142726" i="1" s="1"/>
  <c r="A142727" i="1" s="1"/>
  <c r="A142728" i="1" s="1"/>
  <c r="A142729" i="1" s="1"/>
  <c r="A142730" i="1" s="1"/>
  <c r="A142731" i="1" s="1"/>
  <c r="A142732" i="1" s="1"/>
  <c r="A142733" i="1" s="1"/>
  <c r="A142734" i="1" s="1"/>
  <c r="A142735" i="1" s="1"/>
  <c r="A142736" i="1" s="1"/>
  <c r="A142737" i="1" s="1"/>
  <c r="A142738" i="1" s="1"/>
  <c r="A142739" i="1" s="1"/>
  <c r="A142740" i="1" s="1"/>
  <c r="A142741" i="1" s="1"/>
  <c r="A142742" i="1" s="1"/>
  <c r="A142743" i="1" s="1"/>
  <c r="A142744" i="1" s="1"/>
  <c r="A142745" i="1" s="1"/>
  <c r="A142746" i="1" s="1"/>
  <c r="A142747" i="1" s="1"/>
  <c r="A142748" i="1" s="1"/>
  <c r="A142749" i="1" s="1"/>
  <c r="A142750" i="1" s="1"/>
  <c r="A142751" i="1" s="1"/>
  <c r="A142752" i="1" s="1"/>
  <c r="A142753" i="1" s="1"/>
  <c r="A142754" i="1" s="1"/>
  <c r="A142755" i="1" s="1"/>
  <c r="A142756" i="1" s="1"/>
  <c r="A142757" i="1" s="1"/>
  <c r="A142758" i="1" s="1"/>
  <c r="A142759" i="1" s="1"/>
  <c r="A142760" i="1" s="1"/>
  <c r="A142761" i="1" s="1"/>
  <c r="A142762" i="1" s="1"/>
  <c r="A142763" i="1" s="1"/>
  <c r="A142764" i="1" s="1"/>
  <c r="A142765" i="1" s="1"/>
  <c r="A142766" i="1" s="1"/>
  <c r="A142767" i="1" s="1"/>
  <c r="A142768" i="1" s="1"/>
  <c r="A142769" i="1" s="1"/>
  <c r="A142770" i="1" s="1"/>
  <c r="A142771" i="1" s="1"/>
  <c r="A142772" i="1" s="1"/>
  <c r="A142773" i="1" s="1"/>
  <c r="A142774" i="1" s="1"/>
  <c r="A142775" i="1" s="1"/>
  <c r="A142776" i="1" s="1"/>
  <c r="A142777" i="1" s="1"/>
  <c r="A142778" i="1" s="1"/>
  <c r="A142779" i="1" s="1"/>
  <c r="A142780" i="1" s="1"/>
  <c r="A142781" i="1" s="1"/>
  <c r="A142782" i="1" s="1"/>
  <c r="A142783" i="1" s="1"/>
  <c r="A142784" i="1" s="1"/>
  <c r="A142785" i="1" s="1"/>
  <c r="A142786" i="1" s="1"/>
  <c r="A142787" i="1" s="1"/>
  <c r="A142788" i="1" s="1"/>
  <c r="A142789" i="1" s="1"/>
  <c r="A142790" i="1" s="1"/>
  <c r="A142791" i="1" s="1"/>
  <c r="A142792" i="1" s="1"/>
  <c r="A142793" i="1" s="1"/>
  <c r="A142794" i="1" s="1"/>
  <c r="A142795" i="1" s="1"/>
  <c r="A142796" i="1" s="1"/>
  <c r="A142797" i="1" s="1"/>
  <c r="A142798" i="1" s="1"/>
  <c r="A142799" i="1" s="1"/>
  <c r="A142800" i="1" s="1"/>
  <c r="A142801" i="1" s="1"/>
  <c r="A142802" i="1" s="1"/>
  <c r="A142803" i="1" s="1"/>
  <c r="A142804" i="1" s="1"/>
  <c r="A142805" i="1" s="1"/>
  <c r="A142806" i="1" s="1"/>
  <c r="A142807" i="1" s="1"/>
  <c r="A142808" i="1" s="1"/>
  <c r="A142809" i="1" s="1"/>
  <c r="A142810" i="1" s="1"/>
  <c r="A142811" i="1" s="1"/>
  <c r="A142812" i="1" s="1"/>
  <c r="A142813" i="1" s="1"/>
  <c r="A142814" i="1" s="1"/>
  <c r="A142815" i="1" s="1"/>
  <c r="A142816" i="1" s="1"/>
  <c r="A142817" i="1" s="1"/>
  <c r="A142818" i="1" s="1"/>
  <c r="A142819" i="1" s="1"/>
  <c r="A142820" i="1" s="1"/>
  <c r="A142821" i="1" s="1"/>
  <c r="A142822" i="1" s="1"/>
  <c r="A142823" i="1" s="1"/>
  <c r="A142824" i="1" s="1"/>
  <c r="A142825" i="1" s="1"/>
  <c r="A142826" i="1" s="1"/>
  <c r="A142827" i="1" s="1"/>
  <c r="A142828" i="1" s="1"/>
  <c r="A142829" i="1" s="1"/>
  <c r="A142830" i="1" s="1"/>
  <c r="A142831" i="1" s="1"/>
  <c r="A142832" i="1" s="1"/>
  <c r="A142833" i="1" s="1"/>
  <c r="A142834" i="1" s="1"/>
  <c r="A142835" i="1" s="1"/>
  <c r="A142836" i="1" s="1"/>
  <c r="A142837" i="1" s="1"/>
  <c r="A142838" i="1" s="1"/>
  <c r="A142839" i="1" s="1"/>
  <c r="A142840" i="1" s="1"/>
  <c r="A142841" i="1" s="1"/>
  <c r="A142842" i="1" s="1"/>
  <c r="A142843" i="1" s="1"/>
  <c r="A142844" i="1" s="1"/>
  <c r="A142845" i="1" s="1"/>
  <c r="A142846" i="1" s="1"/>
  <c r="A142847" i="1" s="1"/>
  <c r="A142848" i="1" s="1"/>
  <c r="A142849" i="1" s="1"/>
  <c r="A142850" i="1" s="1"/>
  <c r="A142851" i="1" s="1"/>
  <c r="A142852" i="1" s="1"/>
  <c r="A142853" i="1" s="1"/>
  <c r="A142854" i="1" s="1"/>
  <c r="A142855" i="1" s="1"/>
  <c r="A142856" i="1" s="1"/>
  <c r="A142857" i="1" s="1"/>
  <c r="A142858" i="1" s="1"/>
  <c r="A142859" i="1" s="1"/>
  <c r="A142860" i="1" s="1"/>
  <c r="A142861" i="1" s="1"/>
  <c r="A142862" i="1" s="1"/>
  <c r="A142863" i="1" s="1"/>
  <c r="A142864" i="1" s="1"/>
  <c r="A142865" i="1" s="1"/>
  <c r="A142866" i="1" s="1"/>
  <c r="A142867" i="1" s="1"/>
  <c r="A142868" i="1" s="1"/>
  <c r="A142869" i="1" s="1"/>
  <c r="A142870" i="1" s="1"/>
  <c r="A142871" i="1" s="1"/>
  <c r="A142872" i="1" s="1"/>
  <c r="A142873" i="1" s="1"/>
  <c r="A142874" i="1" s="1"/>
  <c r="A142875" i="1" s="1"/>
  <c r="A142876" i="1" s="1"/>
  <c r="A142877" i="1" s="1"/>
  <c r="A142878" i="1" s="1"/>
  <c r="A142879" i="1" s="1"/>
  <c r="A142880" i="1" s="1"/>
  <c r="A142881" i="1" s="1"/>
  <c r="A142882" i="1" s="1"/>
  <c r="A142883" i="1" s="1"/>
  <c r="A142884" i="1" s="1"/>
  <c r="A142885" i="1" s="1"/>
  <c r="A142886" i="1" s="1"/>
  <c r="A142887" i="1" s="1"/>
  <c r="A142888" i="1" s="1"/>
  <c r="A142889" i="1" s="1"/>
  <c r="A142890" i="1" s="1"/>
  <c r="A142891" i="1" s="1"/>
  <c r="A142892" i="1" s="1"/>
  <c r="A142893" i="1" s="1"/>
  <c r="A142894" i="1" s="1"/>
  <c r="A142895" i="1" s="1"/>
  <c r="A142896" i="1" s="1"/>
  <c r="A142897" i="1" s="1"/>
  <c r="A142898" i="1" s="1"/>
  <c r="A142899" i="1" s="1"/>
  <c r="A142900" i="1" s="1"/>
  <c r="A142901" i="1" s="1"/>
  <c r="A142902" i="1" s="1"/>
  <c r="A142903" i="1" s="1"/>
  <c r="A142904" i="1" s="1"/>
  <c r="A142905" i="1" s="1"/>
  <c r="A142906" i="1" s="1"/>
  <c r="A142907" i="1" s="1"/>
  <c r="A142908" i="1" s="1"/>
  <c r="A142909" i="1" s="1"/>
  <c r="A142910" i="1" s="1"/>
  <c r="A142911" i="1" s="1"/>
  <c r="A142912" i="1" s="1"/>
  <c r="A142913" i="1" s="1"/>
  <c r="A142914" i="1" s="1"/>
  <c r="A142915" i="1" s="1"/>
  <c r="A142916" i="1" s="1"/>
  <c r="A142917" i="1" s="1"/>
  <c r="A142918" i="1" s="1"/>
  <c r="A142919" i="1" s="1"/>
  <c r="A142920" i="1" s="1"/>
  <c r="A142921" i="1" s="1"/>
  <c r="A142922" i="1" s="1"/>
  <c r="A142923" i="1" s="1"/>
  <c r="A142924" i="1" s="1"/>
  <c r="A142925" i="1" s="1"/>
  <c r="A142926" i="1" s="1"/>
  <c r="A142927" i="1" s="1"/>
  <c r="A142928" i="1" s="1"/>
  <c r="A142929" i="1" s="1"/>
  <c r="A142930" i="1" s="1"/>
  <c r="A142931" i="1" s="1"/>
  <c r="A142932" i="1" s="1"/>
  <c r="A142933" i="1" s="1"/>
  <c r="A142934" i="1" s="1"/>
  <c r="A142935" i="1" s="1"/>
  <c r="A142936" i="1" s="1"/>
  <c r="A142937" i="1" s="1"/>
  <c r="A142938" i="1" s="1"/>
  <c r="A142939" i="1" s="1"/>
  <c r="A142940" i="1" s="1"/>
  <c r="A142941" i="1" s="1"/>
  <c r="A142942" i="1" s="1"/>
  <c r="A142943" i="1" s="1"/>
  <c r="A142944" i="1" s="1"/>
  <c r="A142945" i="1" s="1"/>
  <c r="A142946" i="1" s="1"/>
  <c r="A142947" i="1" s="1"/>
  <c r="A142948" i="1" s="1"/>
  <c r="A142949" i="1" s="1"/>
  <c r="A142950" i="1" s="1"/>
  <c r="A142951" i="1" s="1"/>
  <c r="A142952" i="1" s="1"/>
  <c r="A142953" i="1" s="1"/>
  <c r="A142954" i="1" s="1"/>
  <c r="A142955" i="1" s="1"/>
  <c r="A142956" i="1" s="1"/>
  <c r="A142957" i="1" s="1"/>
  <c r="A142958" i="1" s="1"/>
  <c r="A142959" i="1" s="1"/>
  <c r="A142960" i="1" s="1"/>
  <c r="A142961" i="1" s="1"/>
  <c r="A142962" i="1" s="1"/>
  <c r="A142963" i="1" s="1"/>
  <c r="A142964" i="1" s="1"/>
  <c r="A142965" i="1" s="1"/>
  <c r="A142966" i="1" s="1"/>
  <c r="A142967" i="1" s="1"/>
  <c r="A142968" i="1" s="1"/>
  <c r="A142969" i="1" s="1"/>
  <c r="A142970" i="1" s="1"/>
  <c r="A142971" i="1" s="1"/>
  <c r="A142972" i="1" s="1"/>
  <c r="A142973" i="1" s="1"/>
  <c r="A142974" i="1" s="1"/>
  <c r="A142975" i="1" s="1"/>
  <c r="A142976" i="1" s="1"/>
  <c r="A142977" i="1" s="1"/>
  <c r="A142978" i="1" s="1"/>
  <c r="A142979" i="1" s="1"/>
  <c r="A142980" i="1" s="1"/>
  <c r="A142981" i="1" s="1"/>
  <c r="A142982" i="1" s="1"/>
  <c r="A142983" i="1" s="1"/>
  <c r="A142984" i="1" s="1"/>
  <c r="A142985" i="1" s="1"/>
  <c r="A142986" i="1" s="1"/>
  <c r="A142987" i="1" s="1"/>
  <c r="A142988" i="1" s="1"/>
  <c r="A142989" i="1" s="1"/>
  <c r="A142990" i="1" s="1"/>
  <c r="A142991" i="1" s="1"/>
  <c r="A142992" i="1" s="1"/>
  <c r="A142993" i="1" s="1"/>
  <c r="A142994" i="1" s="1"/>
  <c r="A142995" i="1" s="1"/>
  <c r="A142996" i="1" s="1"/>
  <c r="A142997" i="1" s="1"/>
  <c r="A142998" i="1" s="1"/>
  <c r="A142999" i="1" s="1"/>
  <c r="A143000" i="1" s="1"/>
  <c r="A143001" i="1" s="1"/>
  <c r="A143002" i="1" s="1"/>
  <c r="A143003" i="1" s="1"/>
  <c r="A143004" i="1" s="1"/>
  <c r="A143005" i="1" s="1"/>
  <c r="A143006" i="1" s="1"/>
  <c r="A143007" i="1" s="1"/>
  <c r="A143008" i="1" s="1"/>
  <c r="A143009" i="1" s="1"/>
  <c r="A143010" i="1" s="1"/>
  <c r="A143011" i="1" s="1"/>
  <c r="A143012" i="1" s="1"/>
  <c r="A143013" i="1" s="1"/>
  <c r="A143014" i="1" s="1"/>
  <c r="A143015" i="1" s="1"/>
  <c r="A143016" i="1" s="1"/>
  <c r="A143017" i="1" s="1"/>
  <c r="A143018" i="1" s="1"/>
  <c r="A143019" i="1" s="1"/>
  <c r="A143020" i="1" s="1"/>
  <c r="A143021" i="1" s="1"/>
  <c r="A143022" i="1" s="1"/>
  <c r="A143023" i="1" s="1"/>
  <c r="A143024" i="1" s="1"/>
  <c r="A143025" i="1" s="1"/>
  <c r="A143026" i="1" s="1"/>
  <c r="A143027" i="1" s="1"/>
  <c r="A143028" i="1" s="1"/>
  <c r="A143029" i="1" s="1"/>
  <c r="A143030" i="1" s="1"/>
  <c r="A143031" i="1" s="1"/>
  <c r="A143032" i="1" s="1"/>
  <c r="A143033" i="1" s="1"/>
  <c r="A143034" i="1" s="1"/>
  <c r="A143035" i="1" s="1"/>
  <c r="A143036" i="1" s="1"/>
  <c r="A143037" i="1" s="1"/>
  <c r="A143038" i="1" s="1"/>
  <c r="A143039" i="1" s="1"/>
  <c r="A143040" i="1" s="1"/>
  <c r="A143041" i="1" s="1"/>
  <c r="A143042" i="1" s="1"/>
  <c r="A143043" i="1" s="1"/>
  <c r="A143044" i="1" s="1"/>
  <c r="A143045" i="1" s="1"/>
  <c r="A143046" i="1" s="1"/>
  <c r="A143047" i="1" s="1"/>
  <c r="A143048" i="1" s="1"/>
  <c r="A143049" i="1" s="1"/>
  <c r="A143050" i="1" s="1"/>
  <c r="A143051" i="1" s="1"/>
  <c r="A143052" i="1" s="1"/>
  <c r="A143053" i="1" s="1"/>
  <c r="A143054" i="1" s="1"/>
  <c r="A143055" i="1" s="1"/>
  <c r="A143056" i="1" s="1"/>
  <c r="A143057" i="1" s="1"/>
  <c r="A143058" i="1" s="1"/>
  <c r="A143059" i="1" s="1"/>
  <c r="A143060" i="1" s="1"/>
  <c r="A143061" i="1" s="1"/>
  <c r="A143062" i="1" s="1"/>
  <c r="A143063" i="1" s="1"/>
  <c r="A143064" i="1" s="1"/>
  <c r="A143065" i="1" s="1"/>
  <c r="A143066" i="1" s="1"/>
  <c r="A143067" i="1" s="1"/>
  <c r="A143068" i="1" s="1"/>
  <c r="A143069" i="1" s="1"/>
  <c r="A143070" i="1" s="1"/>
  <c r="A143071" i="1" s="1"/>
  <c r="A143072" i="1" s="1"/>
  <c r="A143073" i="1" s="1"/>
  <c r="A143074" i="1" s="1"/>
  <c r="A143075" i="1" s="1"/>
  <c r="A143076" i="1" s="1"/>
  <c r="A143077" i="1" s="1"/>
  <c r="A143078" i="1" s="1"/>
  <c r="A143079" i="1" s="1"/>
  <c r="A143080" i="1" s="1"/>
  <c r="A143081" i="1" s="1"/>
  <c r="A143082" i="1" s="1"/>
  <c r="A143083" i="1" s="1"/>
  <c r="A143084" i="1" s="1"/>
  <c r="A143085" i="1" s="1"/>
  <c r="A143086" i="1" s="1"/>
  <c r="A143087" i="1" s="1"/>
  <c r="A143088" i="1" s="1"/>
  <c r="A143089" i="1" s="1"/>
  <c r="A143090" i="1" s="1"/>
  <c r="A143091" i="1" s="1"/>
  <c r="A143092" i="1" s="1"/>
  <c r="A143093" i="1" s="1"/>
  <c r="A143094" i="1" s="1"/>
  <c r="A143095" i="1" s="1"/>
  <c r="A143096" i="1" s="1"/>
  <c r="A143097" i="1" s="1"/>
  <c r="A143098" i="1" s="1"/>
  <c r="A143099" i="1" s="1"/>
  <c r="A143100" i="1" s="1"/>
  <c r="A143101" i="1" s="1"/>
  <c r="A143102" i="1" s="1"/>
  <c r="A143103" i="1" s="1"/>
  <c r="A143104" i="1" s="1"/>
  <c r="A143105" i="1" s="1"/>
  <c r="A143106" i="1" s="1"/>
  <c r="A143107" i="1" s="1"/>
  <c r="A143108" i="1" s="1"/>
  <c r="A143109" i="1" s="1"/>
  <c r="A143110" i="1" s="1"/>
  <c r="A143111" i="1" s="1"/>
  <c r="A143112" i="1" s="1"/>
  <c r="A143113" i="1" s="1"/>
  <c r="A143114" i="1" s="1"/>
  <c r="A143115" i="1" s="1"/>
  <c r="A143116" i="1" s="1"/>
  <c r="A143117" i="1" s="1"/>
  <c r="A143118" i="1" s="1"/>
  <c r="A143119" i="1" s="1"/>
  <c r="A143120" i="1" s="1"/>
  <c r="A143121" i="1" s="1"/>
  <c r="A143122" i="1" s="1"/>
  <c r="A143123" i="1" s="1"/>
  <c r="A143124" i="1" s="1"/>
  <c r="A143125" i="1" s="1"/>
  <c r="A143126" i="1" s="1"/>
  <c r="A143127" i="1" s="1"/>
  <c r="A143128" i="1" s="1"/>
  <c r="A143129" i="1" s="1"/>
  <c r="A143130" i="1" s="1"/>
  <c r="A143131" i="1" s="1"/>
  <c r="A143132" i="1" s="1"/>
  <c r="A143133" i="1" s="1"/>
  <c r="A143134" i="1" s="1"/>
  <c r="A143135" i="1" s="1"/>
  <c r="A143136" i="1" s="1"/>
  <c r="A143137" i="1" s="1"/>
  <c r="A143138" i="1" s="1"/>
  <c r="A143139" i="1" s="1"/>
  <c r="A143140" i="1" s="1"/>
  <c r="A143141" i="1" s="1"/>
  <c r="A143142" i="1" s="1"/>
  <c r="A143143" i="1" s="1"/>
  <c r="A143144" i="1" s="1"/>
  <c r="A143145" i="1" s="1"/>
  <c r="A143146" i="1" s="1"/>
  <c r="A143147" i="1" s="1"/>
  <c r="A143148" i="1" s="1"/>
  <c r="A143149" i="1" s="1"/>
  <c r="A143150" i="1" s="1"/>
  <c r="A143151" i="1" s="1"/>
  <c r="A143152" i="1" s="1"/>
  <c r="A143153" i="1" s="1"/>
  <c r="A143154" i="1" s="1"/>
  <c r="A143155" i="1" s="1"/>
  <c r="A143156" i="1" s="1"/>
  <c r="A143157" i="1" s="1"/>
  <c r="A143158" i="1" s="1"/>
  <c r="A143159" i="1" s="1"/>
  <c r="A143160" i="1" s="1"/>
  <c r="A143161" i="1" s="1"/>
  <c r="A143162" i="1" s="1"/>
  <c r="A143163" i="1" s="1"/>
  <c r="A143164" i="1" s="1"/>
  <c r="A143165" i="1" s="1"/>
  <c r="A143166" i="1" s="1"/>
  <c r="A143167" i="1" s="1"/>
  <c r="A143168" i="1" s="1"/>
  <c r="A143169" i="1" s="1"/>
  <c r="A143170" i="1" s="1"/>
  <c r="A143171" i="1" s="1"/>
  <c r="A143172" i="1" s="1"/>
  <c r="A143173" i="1" s="1"/>
  <c r="A143174" i="1" s="1"/>
  <c r="A143175" i="1" s="1"/>
  <c r="A143176" i="1" s="1"/>
  <c r="A143177" i="1" s="1"/>
  <c r="A143178" i="1" s="1"/>
  <c r="A143179" i="1" s="1"/>
  <c r="A143180" i="1" s="1"/>
  <c r="A143181" i="1" s="1"/>
  <c r="A143182" i="1" s="1"/>
  <c r="A143183" i="1" s="1"/>
  <c r="A143184" i="1" s="1"/>
  <c r="A143185" i="1" s="1"/>
  <c r="A143186" i="1" s="1"/>
  <c r="A143187" i="1" s="1"/>
  <c r="A143188" i="1" s="1"/>
  <c r="A143189" i="1" s="1"/>
  <c r="A143190" i="1" s="1"/>
  <c r="A143191" i="1" s="1"/>
  <c r="A143192" i="1" s="1"/>
  <c r="A143193" i="1" s="1"/>
  <c r="A143194" i="1" s="1"/>
  <c r="A143195" i="1" s="1"/>
  <c r="A143196" i="1" s="1"/>
  <c r="A143197" i="1" s="1"/>
  <c r="A143198" i="1" s="1"/>
  <c r="A143199" i="1" s="1"/>
  <c r="A143200" i="1" s="1"/>
  <c r="A143201" i="1" s="1"/>
  <c r="A143202" i="1" s="1"/>
  <c r="A143203" i="1" s="1"/>
  <c r="A143204" i="1" s="1"/>
  <c r="A143205" i="1" s="1"/>
  <c r="A143206" i="1" s="1"/>
  <c r="A143207" i="1" s="1"/>
  <c r="A143208" i="1" s="1"/>
  <c r="A143209" i="1" s="1"/>
  <c r="A143210" i="1" s="1"/>
  <c r="A143211" i="1" s="1"/>
  <c r="A143212" i="1" s="1"/>
  <c r="A143213" i="1" s="1"/>
  <c r="A143214" i="1" s="1"/>
  <c r="A143215" i="1" s="1"/>
  <c r="A143216" i="1" s="1"/>
  <c r="A143217" i="1" s="1"/>
  <c r="A143218" i="1" s="1"/>
  <c r="A143219" i="1" s="1"/>
  <c r="A143220" i="1" s="1"/>
  <c r="A143221" i="1" s="1"/>
  <c r="A143222" i="1" s="1"/>
  <c r="A143223" i="1" s="1"/>
  <c r="A143224" i="1" s="1"/>
  <c r="A143225" i="1" s="1"/>
  <c r="A143226" i="1" s="1"/>
  <c r="A143227" i="1" s="1"/>
  <c r="A143228" i="1" s="1"/>
  <c r="A143229" i="1" s="1"/>
  <c r="A143230" i="1" s="1"/>
  <c r="A143231" i="1" s="1"/>
  <c r="A143232" i="1" s="1"/>
  <c r="A143233" i="1" s="1"/>
  <c r="A143234" i="1" s="1"/>
  <c r="A143235" i="1" s="1"/>
  <c r="A143236" i="1" s="1"/>
  <c r="A143237" i="1" s="1"/>
  <c r="A143238" i="1" s="1"/>
  <c r="A143239" i="1" s="1"/>
  <c r="A143240" i="1" s="1"/>
  <c r="A143241" i="1" s="1"/>
  <c r="A143242" i="1" s="1"/>
  <c r="A143243" i="1" s="1"/>
  <c r="A143244" i="1" s="1"/>
  <c r="A143245" i="1" s="1"/>
  <c r="A143246" i="1" s="1"/>
  <c r="A143247" i="1" s="1"/>
  <c r="A143248" i="1" s="1"/>
  <c r="A143249" i="1" s="1"/>
  <c r="A143250" i="1" s="1"/>
  <c r="A143251" i="1" s="1"/>
  <c r="A143252" i="1" s="1"/>
  <c r="A143253" i="1" s="1"/>
  <c r="A143254" i="1" s="1"/>
  <c r="A143255" i="1" s="1"/>
  <c r="A143256" i="1" s="1"/>
  <c r="A143257" i="1" s="1"/>
  <c r="A143258" i="1" s="1"/>
  <c r="A143259" i="1" s="1"/>
  <c r="A143260" i="1" s="1"/>
  <c r="A143261" i="1" s="1"/>
  <c r="A143262" i="1" s="1"/>
  <c r="A143263" i="1" s="1"/>
  <c r="A143264" i="1" s="1"/>
  <c r="A143265" i="1" s="1"/>
  <c r="A143266" i="1" s="1"/>
  <c r="A143267" i="1" s="1"/>
  <c r="A143268" i="1" s="1"/>
  <c r="A143269" i="1" s="1"/>
  <c r="A143270" i="1" s="1"/>
  <c r="A143271" i="1" s="1"/>
  <c r="A143272" i="1" s="1"/>
  <c r="A143273" i="1" s="1"/>
  <c r="A143274" i="1" s="1"/>
  <c r="A143275" i="1" s="1"/>
  <c r="A143276" i="1" s="1"/>
  <c r="A143277" i="1" s="1"/>
  <c r="A143278" i="1" s="1"/>
  <c r="A143279" i="1" s="1"/>
  <c r="A143280" i="1" s="1"/>
  <c r="A143281" i="1" s="1"/>
  <c r="A143282" i="1" s="1"/>
  <c r="A143283" i="1" s="1"/>
  <c r="A143284" i="1" s="1"/>
  <c r="A143285" i="1" s="1"/>
  <c r="A143286" i="1" s="1"/>
  <c r="A143287" i="1" s="1"/>
  <c r="A143288" i="1" s="1"/>
  <c r="A143289" i="1" s="1"/>
  <c r="A143290" i="1" s="1"/>
  <c r="A143291" i="1" s="1"/>
  <c r="A143292" i="1" s="1"/>
  <c r="A143293" i="1" s="1"/>
  <c r="A143294" i="1" s="1"/>
  <c r="A143295" i="1" s="1"/>
  <c r="A143296" i="1" s="1"/>
  <c r="A143297" i="1" s="1"/>
  <c r="A143298" i="1" s="1"/>
  <c r="A143299" i="1" s="1"/>
  <c r="A143300" i="1" s="1"/>
  <c r="A143301" i="1" s="1"/>
  <c r="A143302" i="1" s="1"/>
  <c r="A143303" i="1" s="1"/>
  <c r="A143304" i="1" s="1"/>
  <c r="A143305" i="1" s="1"/>
  <c r="A143306" i="1" s="1"/>
  <c r="A143307" i="1" s="1"/>
  <c r="A143308" i="1" s="1"/>
  <c r="A143309" i="1" s="1"/>
  <c r="A143310" i="1" s="1"/>
  <c r="A143311" i="1" s="1"/>
  <c r="A143312" i="1" s="1"/>
  <c r="A143313" i="1" s="1"/>
  <c r="A143314" i="1" s="1"/>
  <c r="A143315" i="1" s="1"/>
  <c r="A143316" i="1" s="1"/>
  <c r="A143317" i="1" s="1"/>
  <c r="A143318" i="1" s="1"/>
  <c r="A143319" i="1" s="1"/>
  <c r="A143320" i="1" s="1"/>
  <c r="A143321" i="1" s="1"/>
  <c r="A143322" i="1" s="1"/>
  <c r="A143323" i="1" s="1"/>
  <c r="A143324" i="1" s="1"/>
  <c r="A143325" i="1" s="1"/>
  <c r="A143326" i="1" s="1"/>
  <c r="A143327" i="1" s="1"/>
  <c r="A143328" i="1" s="1"/>
  <c r="A143329" i="1" s="1"/>
  <c r="A143330" i="1" s="1"/>
  <c r="A143331" i="1" s="1"/>
  <c r="A143332" i="1" s="1"/>
  <c r="A143333" i="1" s="1"/>
  <c r="A143334" i="1" s="1"/>
  <c r="A143335" i="1" s="1"/>
  <c r="A143336" i="1" s="1"/>
  <c r="A143337" i="1" s="1"/>
  <c r="A143338" i="1" s="1"/>
  <c r="A143339" i="1" s="1"/>
  <c r="A143340" i="1" s="1"/>
  <c r="A143341" i="1" s="1"/>
  <c r="A143342" i="1" s="1"/>
  <c r="A143343" i="1" s="1"/>
  <c r="A143344" i="1" s="1"/>
  <c r="A143345" i="1" s="1"/>
  <c r="A143346" i="1" s="1"/>
  <c r="A143347" i="1" s="1"/>
  <c r="A143348" i="1" s="1"/>
  <c r="A143349" i="1" s="1"/>
  <c r="A143350" i="1" s="1"/>
  <c r="A143351" i="1" s="1"/>
  <c r="A143352" i="1" s="1"/>
  <c r="A143353" i="1" s="1"/>
  <c r="A143354" i="1" s="1"/>
  <c r="A143355" i="1" s="1"/>
  <c r="A143356" i="1" s="1"/>
  <c r="A143357" i="1" s="1"/>
  <c r="A143358" i="1" s="1"/>
  <c r="A143359" i="1" s="1"/>
  <c r="A143360" i="1" s="1"/>
  <c r="A143361" i="1" s="1"/>
  <c r="A143362" i="1" s="1"/>
  <c r="A143363" i="1" s="1"/>
  <c r="A143364" i="1" s="1"/>
  <c r="A143365" i="1" s="1"/>
  <c r="A143366" i="1" s="1"/>
  <c r="A143367" i="1" s="1"/>
  <c r="A143368" i="1" s="1"/>
  <c r="A143369" i="1" s="1"/>
  <c r="A143370" i="1" s="1"/>
  <c r="A143371" i="1" s="1"/>
  <c r="A143372" i="1" s="1"/>
  <c r="A143373" i="1" s="1"/>
  <c r="A143374" i="1" s="1"/>
  <c r="A143375" i="1" s="1"/>
  <c r="A143376" i="1" s="1"/>
  <c r="A143377" i="1" s="1"/>
  <c r="A143378" i="1" s="1"/>
  <c r="A143379" i="1" s="1"/>
  <c r="A143380" i="1" s="1"/>
  <c r="A143381" i="1" s="1"/>
  <c r="A143382" i="1" s="1"/>
  <c r="A143383" i="1" s="1"/>
  <c r="A143384" i="1" s="1"/>
  <c r="A143385" i="1" s="1"/>
  <c r="A143386" i="1" s="1"/>
  <c r="A143387" i="1" s="1"/>
  <c r="A143388" i="1" s="1"/>
  <c r="A143389" i="1" s="1"/>
  <c r="A143390" i="1" s="1"/>
  <c r="A143391" i="1" s="1"/>
  <c r="A143392" i="1" s="1"/>
  <c r="A143393" i="1" s="1"/>
  <c r="A143394" i="1" s="1"/>
  <c r="A143395" i="1" s="1"/>
  <c r="A143396" i="1" s="1"/>
  <c r="A143397" i="1" s="1"/>
  <c r="A143398" i="1" s="1"/>
  <c r="A143399" i="1" s="1"/>
  <c r="A143400" i="1" s="1"/>
  <c r="A143401" i="1" s="1"/>
  <c r="A143402" i="1" s="1"/>
  <c r="A143403" i="1" s="1"/>
  <c r="A143404" i="1" s="1"/>
  <c r="A143405" i="1" s="1"/>
  <c r="A143406" i="1" s="1"/>
  <c r="A143407" i="1" s="1"/>
  <c r="A143408" i="1" s="1"/>
  <c r="A143409" i="1" s="1"/>
  <c r="A143410" i="1" s="1"/>
  <c r="A143411" i="1" s="1"/>
  <c r="A143412" i="1" s="1"/>
  <c r="A143413" i="1" s="1"/>
  <c r="A143414" i="1" s="1"/>
  <c r="A143415" i="1" s="1"/>
  <c r="A143416" i="1" s="1"/>
  <c r="A143417" i="1" s="1"/>
  <c r="A143418" i="1" s="1"/>
  <c r="A143419" i="1" s="1"/>
  <c r="A143420" i="1" s="1"/>
  <c r="A143421" i="1" s="1"/>
  <c r="A143422" i="1" s="1"/>
  <c r="A143423" i="1" s="1"/>
  <c r="A143424" i="1" s="1"/>
  <c r="A143425" i="1" s="1"/>
  <c r="A143426" i="1" s="1"/>
  <c r="A143427" i="1" s="1"/>
  <c r="A143428" i="1" s="1"/>
  <c r="A143429" i="1" s="1"/>
  <c r="A143430" i="1" s="1"/>
  <c r="A143431" i="1" s="1"/>
  <c r="A143432" i="1" s="1"/>
  <c r="A143433" i="1" s="1"/>
  <c r="A143434" i="1" s="1"/>
  <c r="A143435" i="1" s="1"/>
  <c r="A143436" i="1" s="1"/>
  <c r="A143437" i="1" s="1"/>
  <c r="A143438" i="1" s="1"/>
  <c r="A143439" i="1" s="1"/>
  <c r="A143440" i="1" s="1"/>
  <c r="A143441" i="1" s="1"/>
  <c r="A143442" i="1" s="1"/>
  <c r="A143443" i="1" s="1"/>
  <c r="A143444" i="1" s="1"/>
  <c r="A143445" i="1" s="1"/>
  <c r="A143446" i="1" s="1"/>
  <c r="A143447" i="1" s="1"/>
  <c r="A143448" i="1" s="1"/>
  <c r="A143449" i="1" s="1"/>
  <c r="A143450" i="1" s="1"/>
  <c r="A143451" i="1" s="1"/>
  <c r="A143452" i="1" s="1"/>
  <c r="A143453" i="1" s="1"/>
  <c r="A143454" i="1" s="1"/>
  <c r="A143455" i="1" s="1"/>
  <c r="A143456" i="1" s="1"/>
  <c r="A143457" i="1" s="1"/>
  <c r="A143458" i="1" s="1"/>
  <c r="A143459" i="1" s="1"/>
  <c r="A143460" i="1" s="1"/>
  <c r="A143461" i="1" s="1"/>
  <c r="A143462" i="1" s="1"/>
  <c r="A143463" i="1" s="1"/>
  <c r="A143464" i="1" s="1"/>
  <c r="A143465" i="1" s="1"/>
  <c r="A143466" i="1" s="1"/>
  <c r="A143467" i="1" s="1"/>
  <c r="A143468" i="1" s="1"/>
  <c r="A143469" i="1" s="1"/>
  <c r="A143470" i="1" s="1"/>
  <c r="A143471" i="1" s="1"/>
  <c r="A143472" i="1" s="1"/>
  <c r="A143473" i="1" s="1"/>
  <c r="A143474" i="1" s="1"/>
  <c r="A143475" i="1" s="1"/>
  <c r="A143476" i="1" s="1"/>
  <c r="A143477" i="1" s="1"/>
  <c r="A143478" i="1" s="1"/>
  <c r="A143479" i="1" s="1"/>
  <c r="A143480" i="1" s="1"/>
  <c r="A143481" i="1" s="1"/>
  <c r="A143482" i="1" s="1"/>
  <c r="A143483" i="1" s="1"/>
  <c r="A143484" i="1" s="1"/>
  <c r="A143485" i="1" s="1"/>
  <c r="A143486" i="1" s="1"/>
  <c r="A143487" i="1" s="1"/>
  <c r="A143488" i="1" s="1"/>
  <c r="A143489" i="1" s="1"/>
  <c r="A143490" i="1" s="1"/>
  <c r="A143491" i="1" s="1"/>
  <c r="A143492" i="1" s="1"/>
  <c r="A143493" i="1" s="1"/>
  <c r="A143494" i="1" s="1"/>
  <c r="A143495" i="1" s="1"/>
  <c r="A143496" i="1" s="1"/>
  <c r="A143497" i="1" s="1"/>
  <c r="A143498" i="1" s="1"/>
  <c r="A143499" i="1" s="1"/>
  <c r="A143500" i="1" s="1"/>
  <c r="A143501" i="1" s="1"/>
  <c r="A143502" i="1" s="1"/>
  <c r="A143503" i="1" s="1"/>
  <c r="A143504" i="1" s="1"/>
  <c r="A143505" i="1" s="1"/>
  <c r="A143506" i="1" s="1"/>
  <c r="A143507" i="1" s="1"/>
  <c r="A143508" i="1" s="1"/>
  <c r="A143509" i="1" s="1"/>
  <c r="A143510" i="1" s="1"/>
  <c r="A143511" i="1" s="1"/>
  <c r="A143512" i="1" s="1"/>
  <c r="A143513" i="1" s="1"/>
  <c r="A143514" i="1" s="1"/>
  <c r="A143515" i="1" s="1"/>
  <c r="A143516" i="1" s="1"/>
  <c r="A143517" i="1" s="1"/>
  <c r="A143518" i="1" s="1"/>
  <c r="A143519" i="1" s="1"/>
  <c r="A143520" i="1" s="1"/>
  <c r="A143521" i="1" s="1"/>
  <c r="A143522" i="1" s="1"/>
  <c r="A143523" i="1" s="1"/>
  <c r="A143524" i="1" s="1"/>
  <c r="A143525" i="1" s="1"/>
  <c r="A143526" i="1" s="1"/>
  <c r="A143527" i="1" s="1"/>
  <c r="A143528" i="1" s="1"/>
  <c r="A143529" i="1" s="1"/>
  <c r="A143530" i="1" s="1"/>
  <c r="A143531" i="1" s="1"/>
  <c r="A143532" i="1" s="1"/>
  <c r="A143533" i="1" s="1"/>
  <c r="A143534" i="1" s="1"/>
  <c r="A143535" i="1" s="1"/>
  <c r="A143536" i="1" s="1"/>
  <c r="A143537" i="1" s="1"/>
  <c r="A143538" i="1" s="1"/>
  <c r="A143539" i="1" s="1"/>
  <c r="A143540" i="1" s="1"/>
  <c r="A143541" i="1" s="1"/>
  <c r="A143542" i="1" s="1"/>
  <c r="A143543" i="1" s="1"/>
  <c r="A143544" i="1" s="1"/>
  <c r="A143545" i="1" s="1"/>
  <c r="A143546" i="1" s="1"/>
  <c r="A143547" i="1" s="1"/>
  <c r="A143548" i="1" s="1"/>
  <c r="A143549" i="1" s="1"/>
  <c r="A143550" i="1" s="1"/>
  <c r="A143551" i="1" s="1"/>
  <c r="A143552" i="1" s="1"/>
  <c r="A143553" i="1" s="1"/>
  <c r="A143554" i="1" s="1"/>
  <c r="A143555" i="1" s="1"/>
  <c r="A143556" i="1" s="1"/>
  <c r="A143557" i="1" s="1"/>
  <c r="A143558" i="1" s="1"/>
  <c r="A143559" i="1" s="1"/>
  <c r="A143560" i="1" s="1"/>
  <c r="A143561" i="1" s="1"/>
  <c r="A143562" i="1" s="1"/>
  <c r="A143563" i="1" s="1"/>
  <c r="A143564" i="1" s="1"/>
  <c r="A143565" i="1" s="1"/>
  <c r="A143566" i="1" s="1"/>
  <c r="A143567" i="1" s="1"/>
  <c r="A143568" i="1" s="1"/>
  <c r="A143569" i="1" s="1"/>
  <c r="A143570" i="1" s="1"/>
  <c r="A143571" i="1" s="1"/>
  <c r="A143572" i="1" s="1"/>
  <c r="A143573" i="1" s="1"/>
  <c r="A143574" i="1" s="1"/>
  <c r="A143575" i="1" s="1"/>
  <c r="A143576" i="1" s="1"/>
  <c r="A143577" i="1" s="1"/>
  <c r="A143578" i="1" s="1"/>
  <c r="A143579" i="1" s="1"/>
  <c r="A143580" i="1" s="1"/>
  <c r="A143581" i="1" s="1"/>
  <c r="A143582" i="1" s="1"/>
  <c r="A143583" i="1" s="1"/>
  <c r="A143584" i="1" s="1"/>
  <c r="A143585" i="1" s="1"/>
  <c r="A143586" i="1" s="1"/>
  <c r="A143587" i="1" s="1"/>
  <c r="A143588" i="1" s="1"/>
  <c r="A143589" i="1" s="1"/>
  <c r="A143590" i="1" s="1"/>
  <c r="A143591" i="1" s="1"/>
  <c r="A143592" i="1" s="1"/>
  <c r="A143593" i="1" s="1"/>
  <c r="A143594" i="1" s="1"/>
  <c r="A143595" i="1" s="1"/>
  <c r="A143596" i="1" s="1"/>
  <c r="A143597" i="1" s="1"/>
  <c r="A143598" i="1" s="1"/>
  <c r="A143599" i="1" s="1"/>
  <c r="A143600" i="1" s="1"/>
  <c r="A143601" i="1" s="1"/>
  <c r="A143602" i="1" s="1"/>
  <c r="A143603" i="1" s="1"/>
  <c r="A143604" i="1" s="1"/>
  <c r="A143605" i="1" s="1"/>
  <c r="A143606" i="1" s="1"/>
  <c r="A143607" i="1" s="1"/>
  <c r="A143608" i="1" s="1"/>
  <c r="A143609" i="1" s="1"/>
  <c r="A143610" i="1" s="1"/>
  <c r="A143611" i="1" s="1"/>
  <c r="A143612" i="1" s="1"/>
  <c r="A143613" i="1" s="1"/>
  <c r="A143614" i="1" s="1"/>
  <c r="A143615" i="1" s="1"/>
  <c r="A143616" i="1" s="1"/>
  <c r="A143617" i="1" s="1"/>
  <c r="A143618" i="1" s="1"/>
  <c r="A143619" i="1" s="1"/>
  <c r="A143620" i="1" s="1"/>
  <c r="A143621" i="1" s="1"/>
  <c r="A143622" i="1" s="1"/>
  <c r="A143623" i="1" s="1"/>
  <c r="A143624" i="1" s="1"/>
  <c r="A143625" i="1" s="1"/>
  <c r="A143626" i="1" s="1"/>
  <c r="A143627" i="1" s="1"/>
  <c r="A143628" i="1" s="1"/>
  <c r="A143629" i="1" s="1"/>
  <c r="A143630" i="1" s="1"/>
  <c r="A143631" i="1" s="1"/>
  <c r="A143632" i="1" s="1"/>
  <c r="A143633" i="1" s="1"/>
  <c r="A143634" i="1" s="1"/>
  <c r="A143635" i="1" s="1"/>
  <c r="A143636" i="1" s="1"/>
  <c r="A143637" i="1" s="1"/>
  <c r="A143638" i="1" s="1"/>
  <c r="A143639" i="1" s="1"/>
  <c r="A143640" i="1" s="1"/>
  <c r="A143641" i="1" s="1"/>
  <c r="A143642" i="1" s="1"/>
  <c r="A143643" i="1" s="1"/>
  <c r="A143644" i="1" s="1"/>
  <c r="A143645" i="1" s="1"/>
  <c r="A143646" i="1" s="1"/>
  <c r="A143647" i="1" s="1"/>
  <c r="A143648" i="1" s="1"/>
  <c r="A143649" i="1" s="1"/>
  <c r="A143650" i="1" s="1"/>
  <c r="A143651" i="1" s="1"/>
  <c r="A143652" i="1" s="1"/>
  <c r="A143653" i="1" s="1"/>
  <c r="A143654" i="1" s="1"/>
  <c r="A143655" i="1" s="1"/>
  <c r="A143656" i="1" s="1"/>
  <c r="A143657" i="1" s="1"/>
  <c r="A143658" i="1" s="1"/>
  <c r="A143659" i="1" s="1"/>
  <c r="A143660" i="1" s="1"/>
  <c r="A143661" i="1" s="1"/>
  <c r="A143662" i="1" s="1"/>
  <c r="A143663" i="1" s="1"/>
  <c r="A143664" i="1" s="1"/>
  <c r="A143665" i="1" s="1"/>
  <c r="A143666" i="1" s="1"/>
  <c r="A143667" i="1" s="1"/>
  <c r="A143668" i="1" s="1"/>
  <c r="A143669" i="1" s="1"/>
  <c r="A143670" i="1" s="1"/>
  <c r="A143671" i="1" s="1"/>
  <c r="A143672" i="1" s="1"/>
  <c r="A143673" i="1" s="1"/>
  <c r="A143674" i="1" s="1"/>
  <c r="A143675" i="1" s="1"/>
  <c r="A143676" i="1" s="1"/>
  <c r="A143677" i="1" s="1"/>
  <c r="A143678" i="1" s="1"/>
  <c r="A143679" i="1" s="1"/>
  <c r="A143680" i="1" s="1"/>
  <c r="A143681" i="1" s="1"/>
  <c r="A143682" i="1" s="1"/>
  <c r="A143683" i="1" s="1"/>
  <c r="A143684" i="1" s="1"/>
  <c r="A143685" i="1" s="1"/>
  <c r="A143686" i="1" s="1"/>
  <c r="A143687" i="1" s="1"/>
  <c r="A143688" i="1" s="1"/>
  <c r="A143689" i="1" s="1"/>
  <c r="A143690" i="1" s="1"/>
  <c r="A143691" i="1" s="1"/>
  <c r="A143692" i="1" s="1"/>
  <c r="A143693" i="1" s="1"/>
  <c r="A143694" i="1" s="1"/>
  <c r="A143695" i="1" s="1"/>
  <c r="A143696" i="1" s="1"/>
  <c r="A143697" i="1" s="1"/>
  <c r="A143698" i="1" s="1"/>
  <c r="A143699" i="1" s="1"/>
  <c r="A143700" i="1" s="1"/>
  <c r="A143701" i="1" s="1"/>
  <c r="A143702" i="1" s="1"/>
  <c r="A143703" i="1" s="1"/>
  <c r="A143704" i="1" s="1"/>
  <c r="A143705" i="1" s="1"/>
  <c r="A143706" i="1" s="1"/>
  <c r="A143707" i="1" s="1"/>
  <c r="A143708" i="1" s="1"/>
  <c r="A143709" i="1" s="1"/>
  <c r="A143710" i="1" s="1"/>
  <c r="A143711" i="1" s="1"/>
  <c r="A143712" i="1" s="1"/>
  <c r="A143713" i="1" s="1"/>
  <c r="A143714" i="1" s="1"/>
  <c r="A143715" i="1" s="1"/>
  <c r="A143716" i="1" s="1"/>
  <c r="A143717" i="1" s="1"/>
  <c r="A143718" i="1" s="1"/>
  <c r="A143719" i="1" s="1"/>
  <c r="A143720" i="1" s="1"/>
  <c r="A143721" i="1" s="1"/>
  <c r="A143722" i="1" s="1"/>
  <c r="A143723" i="1" s="1"/>
  <c r="A143724" i="1" s="1"/>
  <c r="A143725" i="1" s="1"/>
  <c r="A143726" i="1" s="1"/>
  <c r="A143727" i="1" s="1"/>
  <c r="A143728" i="1" s="1"/>
  <c r="A143729" i="1" s="1"/>
  <c r="A143730" i="1" s="1"/>
  <c r="A143731" i="1" s="1"/>
  <c r="A143732" i="1" s="1"/>
  <c r="A143733" i="1" s="1"/>
  <c r="A143734" i="1" s="1"/>
  <c r="A143735" i="1" s="1"/>
  <c r="A143736" i="1" s="1"/>
  <c r="A143737" i="1" s="1"/>
  <c r="A143738" i="1" s="1"/>
  <c r="A143739" i="1" s="1"/>
  <c r="A143740" i="1" s="1"/>
  <c r="A143741" i="1" s="1"/>
  <c r="A143742" i="1" s="1"/>
  <c r="A143743" i="1" s="1"/>
  <c r="A143744" i="1" s="1"/>
  <c r="A143745" i="1" s="1"/>
  <c r="A143746" i="1" s="1"/>
  <c r="A143747" i="1" s="1"/>
  <c r="A143748" i="1" s="1"/>
  <c r="A143749" i="1" s="1"/>
  <c r="A143750" i="1" s="1"/>
  <c r="A143751" i="1" s="1"/>
  <c r="A143752" i="1" s="1"/>
  <c r="A143753" i="1" s="1"/>
  <c r="A143754" i="1" s="1"/>
  <c r="A143755" i="1" s="1"/>
  <c r="A143756" i="1" s="1"/>
  <c r="A143757" i="1" s="1"/>
  <c r="A143758" i="1" s="1"/>
  <c r="A143759" i="1" s="1"/>
  <c r="A143760" i="1" s="1"/>
  <c r="A143761" i="1" s="1"/>
  <c r="A143762" i="1" s="1"/>
  <c r="A143763" i="1" s="1"/>
  <c r="A143764" i="1" s="1"/>
  <c r="A143765" i="1" s="1"/>
  <c r="A143766" i="1" s="1"/>
  <c r="A143767" i="1" s="1"/>
  <c r="A143768" i="1" s="1"/>
  <c r="A143769" i="1" s="1"/>
  <c r="A143770" i="1" s="1"/>
  <c r="A143771" i="1" s="1"/>
  <c r="A143772" i="1" s="1"/>
  <c r="A143773" i="1" s="1"/>
  <c r="A143774" i="1" s="1"/>
  <c r="A143775" i="1" s="1"/>
  <c r="A143776" i="1" s="1"/>
  <c r="A143777" i="1" s="1"/>
  <c r="A143778" i="1" s="1"/>
  <c r="A143779" i="1" s="1"/>
  <c r="A143780" i="1" s="1"/>
  <c r="A143781" i="1" s="1"/>
  <c r="A143782" i="1" s="1"/>
  <c r="A143783" i="1" s="1"/>
  <c r="A143784" i="1" s="1"/>
  <c r="A143785" i="1" s="1"/>
  <c r="A143786" i="1" s="1"/>
  <c r="A143787" i="1" s="1"/>
  <c r="A143788" i="1" s="1"/>
  <c r="A143789" i="1" s="1"/>
  <c r="A143790" i="1" s="1"/>
  <c r="A143791" i="1" s="1"/>
  <c r="A143792" i="1" s="1"/>
  <c r="A143793" i="1" s="1"/>
  <c r="A143794" i="1" s="1"/>
  <c r="A143795" i="1" s="1"/>
  <c r="A143796" i="1" s="1"/>
  <c r="A143797" i="1" s="1"/>
  <c r="A143798" i="1" s="1"/>
  <c r="A143799" i="1" s="1"/>
  <c r="A143800" i="1" s="1"/>
  <c r="A143801" i="1" s="1"/>
  <c r="A143802" i="1" s="1"/>
  <c r="A143803" i="1" s="1"/>
  <c r="A143804" i="1" s="1"/>
  <c r="A143805" i="1" s="1"/>
  <c r="A143806" i="1" s="1"/>
  <c r="A143807" i="1" s="1"/>
  <c r="A143808" i="1" s="1"/>
  <c r="A143809" i="1" s="1"/>
  <c r="A143810" i="1" s="1"/>
  <c r="A143811" i="1" s="1"/>
  <c r="A143812" i="1" s="1"/>
  <c r="A143813" i="1" s="1"/>
  <c r="A143814" i="1" s="1"/>
  <c r="A143815" i="1" s="1"/>
  <c r="A143816" i="1" s="1"/>
  <c r="A143817" i="1" s="1"/>
  <c r="A143818" i="1" s="1"/>
  <c r="A143819" i="1" s="1"/>
  <c r="A143820" i="1" s="1"/>
  <c r="A143821" i="1" s="1"/>
  <c r="A143822" i="1" s="1"/>
  <c r="A143823" i="1" s="1"/>
  <c r="A143824" i="1" s="1"/>
  <c r="A143825" i="1" s="1"/>
  <c r="A143826" i="1" s="1"/>
  <c r="A143827" i="1" s="1"/>
  <c r="A143828" i="1" s="1"/>
  <c r="A143829" i="1" s="1"/>
  <c r="A143830" i="1" s="1"/>
  <c r="A143831" i="1" s="1"/>
  <c r="A143832" i="1" s="1"/>
  <c r="A143833" i="1" s="1"/>
  <c r="A143834" i="1" s="1"/>
  <c r="A143835" i="1" s="1"/>
  <c r="A143836" i="1" s="1"/>
  <c r="A143837" i="1" s="1"/>
  <c r="A143838" i="1" s="1"/>
  <c r="A143839" i="1" s="1"/>
  <c r="A143840" i="1" s="1"/>
  <c r="A143841" i="1" s="1"/>
  <c r="A143842" i="1" s="1"/>
  <c r="A143843" i="1" s="1"/>
  <c r="A143844" i="1" s="1"/>
  <c r="A143845" i="1" s="1"/>
  <c r="A143846" i="1" s="1"/>
  <c r="A143847" i="1" s="1"/>
  <c r="A143848" i="1" s="1"/>
  <c r="A143849" i="1" s="1"/>
  <c r="A143850" i="1" s="1"/>
  <c r="A143851" i="1" s="1"/>
  <c r="A143852" i="1" s="1"/>
  <c r="A143853" i="1" s="1"/>
  <c r="A143854" i="1" s="1"/>
  <c r="A143855" i="1" s="1"/>
  <c r="A143856" i="1" s="1"/>
  <c r="A143857" i="1" s="1"/>
  <c r="A143858" i="1" s="1"/>
  <c r="A143859" i="1" s="1"/>
  <c r="A143860" i="1" s="1"/>
  <c r="A143861" i="1" s="1"/>
  <c r="A143862" i="1" s="1"/>
  <c r="A143863" i="1" s="1"/>
  <c r="A143864" i="1" s="1"/>
  <c r="A143865" i="1" s="1"/>
  <c r="A143866" i="1" s="1"/>
  <c r="A143867" i="1" s="1"/>
  <c r="A143868" i="1" s="1"/>
  <c r="A143869" i="1" s="1"/>
  <c r="A143870" i="1" s="1"/>
  <c r="A143871" i="1" s="1"/>
  <c r="A143872" i="1" s="1"/>
  <c r="A143873" i="1" s="1"/>
  <c r="A143874" i="1" s="1"/>
  <c r="A143875" i="1" s="1"/>
  <c r="A143876" i="1" s="1"/>
  <c r="A143877" i="1" s="1"/>
  <c r="A143878" i="1" s="1"/>
  <c r="A143879" i="1" s="1"/>
  <c r="A143880" i="1" s="1"/>
  <c r="A143881" i="1" s="1"/>
  <c r="A143882" i="1" s="1"/>
  <c r="A143883" i="1" s="1"/>
  <c r="A143884" i="1" s="1"/>
  <c r="A143885" i="1" s="1"/>
  <c r="A143886" i="1" s="1"/>
  <c r="A143887" i="1" s="1"/>
  <c r="A143888" i="1" s="1"/>
  <c r="A143889" i="1" s="1"/>
  <c r="A143890" i="1" s="1"/>
  <c r="A143891" i="1" s="1"/>
  <c r="A143892" i="1" s="1"/>
  <c r="A143893" i="1" s="1"/>
  <c r="A143894" i="1" s="1"/>
  <c r="A143895" i="1" s="1"/>
  <c r="A143896" i="1" s="1"/>
  <c r="A143897" i="1" s="1"/>
  <c r="A143898" i="1" s="1"/>
  <c r="A143899" i="1" s="1"/>
  <c r="A143900" i="1" s="1"/>
  <c r="A143901" i="1" s="1"/>
  <c r="A143902" i="1" s="1"/>
  <c r="A143903" i="1" s="1"/>
  <c r="A143904" i="1" s="1"/>
  <c r="A143905" i="1" s="1"/>
  <c r="A143906" i="1" s="1"/>
  <c r="A143907" i="1" s="1"/>
  <c r="A143908" i="1" s="1"/>
  <c r="A143909" i="1" s="1"/>
  <c r="A143910" i="1" s="1"/>
  <c r="A143911" i="1" s="1"/>
  <c r="A143912" i="1" s="1"/>
  <c r="A143913" i="1" s="1"/>
  <c r="A143914" i="1" s="1"/>
  <c r="A143915" i="1" s="1"/>
  <c r="A143916" i="1" s="1"/>
  <c r="A143917" i="1" s="1"/>
  <c r="A143918" i="1" s="1"/>
  <c r="A143919" i="1" s="1"/>
  <c r="A143920" i="1" s="1"/>
  <c r="A143921" i="1" s="1"/>
  <c r="A143922" i="1" s="1"/>
  <c r="A143923" i="1" s="1"/>
  <c r="A143924" i="1" s="1"/>
  <c r="A143925" i="1" s="1"/>
  <c r="A143926" i="1" s="1"/>
  <c r="A143927" i="1" s="1"/>
  <c r="A143928" i="1" s="1"/>
  <c r="A143929" i="1" s="1"/>
  <c r="A143930" i="1" s="1"/>
  <c r="A143931" i="1" s="1"/>
  <c r="A143932" i="1" s="1"/>
  <c r="A143933" i="1" s="1"/>
  <c r="A143934" i="1" s="1"/>
  <c r="A143935" i="1" s="1"/>
  <c r="A143936" i="1" s="1"/>
  <c r="A143937" i="1" s="1"/>
  <c r="A143938" i="1" s="1"/>
  <c r="A143939" i="1" s="1"/>
  <c r="A143940" i="1" s="1"/>
  <c r="A143941" i="1" s="1"/>
  <c r="A143942" i="1" s="1"/>
  <c r="A143943" i="1" s="1"/>
  <c r="A143944" i="1" s="1"/>
  <c r="A143945" i="1" s="1"/>
  <c r="A143946" i="1" s="1"/>
  <c r="A143947" i="1" s="1"/>
  <c r="A143948" i="1" s="1"/>
  <c r="A143949" i="1" s="1"/>
  <c r="A143950" i="1" s="1"/>
  <c r="A143951" i="1" s="1"/>
  <c r="A143952" i="1" s="1"/>
  <c r="A143953" i="1" s="1"/>
  <c r="A143954" i="1" s="1"/>
  <c r="A143955" i="1" s="1"/>
  <c r="A143956" i="1" s="1"/>
  <c r="A143957" i="1" s="1"/>
  <c r="A143958" i="1" s="1"/>
  <c r="A143959" i="1" s="1"/>
  <c r="A143960" i="1" s="1"/>
  <c r="A143961" i="1" s="1"/>
  <c r="A143962" i="1" s="1"/>
  <c r="A143963" i="1" s="1"/>
  <c r="A143964" i="1" s="1"/>
  <c r="A143965" i="1" s="1"/>
  <c r="A143966" i="1" s="1"/>
  <c r="A143967" i="1" s="1"/>
  <c r="A143968" i="1" s="1"/>
  <c r="A143969" i="1" s="1"/>
  <c r="A143970" i="1" s="1"/>
  <c r="A143971" i="1" s="1"/>
  <c r="A143972" i="1" s="1"/>
  <c r="A143973" i="1" s="1"/>
  <c r="A143974" i="1" s="1"/>
  <c r="A143975" i="1" s="1"/>
  <c r="A143976" i="1" s="1"/>
  <c r="A143977" i="1" s="1"/>
  <c r="A143978" i="1" s="1"/>
  <c r="A143979" i="1" s="1"/>
  <c r="A143980" i="1" s="1"/>
  <c r="A143981" i="1" s="1"/>
  <c r="A143982" i="1" s="1"/>
  <c r="A143983" i="1" s="1"/>
  <c r="A143984" i="1" s="1"/>
  <c r="A143985" i="1" s="1"/>
  <c r="A143986" i="1" s="1"/>
  <c r="A143987" i="1" s="1"/>
  <c r="A143988" i="1" s="1"/>
  <c r="A143989" i="1" s="1"/>
  <c r="A143990" i="1" s="1"/>
  <c r="A143991" i="1" s="1"/>
  <c r="A143992" i="1" s="1"/>
  <c r="A143993" i="1" s="1"/>
  <c r="A143994" i="1" s="1"/>
  <c r="A143995" i="1" s="1"/>
  <c r="A143996" i="1" s="1"/>
  <c r="A143997" i="1" s="1"/>
  <c r="A143998" i="1" s="1"/>
  <c r="A143999" i="1" s="1"/>
  <c r="A144000" i="1" s="1"/>
  <c r="A144001" i="1" s="1"/>
  <c r="A144002" i="1" s="1"/>
  <c r="A144003" i="1" s="1"/>
  <c r="A144004" i="1" s="1"/>
  <c r="A144005" i="1" s="1"/>
  <c r="A144006" i="1" s="1"/>
  <c r="A144007" i="1" s="1"/>
  <c r="A144008" i="1" s="1"/>
  <c r="A144009" i="1" s="1"/>
  <c r="A144010" i="1" s="1"/>
  <c r="A144011" i="1" s="1"/>
  <c r="A144012" i="1" s="1"/>
  <c r="A144013" i="1" s="1"/>
  <c r="A144014" i="1" s="1"/>
  <c r="A144015" i="1" s="1"/>
  <c r="A144016" i="1" s="1"/>
  <c r="A144017" i="1" s="1"/>
  <c r="A144018" i="1" s="1"/>
  <c r="A144019" i="1" s="1"/>
  <c r="A144020" i="1" s="1"/>
  <c r="A144021" i="1" s="1"/>
  <c r="A144022" i="1" s="1"/>
  <c r="A144023" i="1" s="1"/>
  <c r="A144024" i="1" s="1"/>
  <c r="A144025" i="1" s="1"/>
  <c r="A144026" i="1" s="1"/>
  <c r="A144027" i="1" s="1"/>
  <c r="A144028" i="1" s="1"/>
  <c r="A144029" i="1" s="1"/>
  <c r="A144030" i="1" s="1"/>
  <c r="A144031" i="1" s="1"/>
  <c r="A144032" i="1" s="1"/>
  <c r="A144033" i="1" s="1"/>
  <c r="A144034" i="1" s="1"/>
  <c r="A144035" i="1" s="1"/>
  <c r="A144036" i="1" s="1"/>
  <c r="A144037" i="1" s="1"/>
  <c r="A144038" i="1" s="1"/>
  <c r="A144039" i="1" s="1"/>
  <c r="A144040" i="1" s="1"/>
  <c r="A144041" i="1" s="1"/>
  <c r="A144042" i="1" s="1"/>
  <c r="A144043" i="1" s="1"/>
  <c r="A144044" i="1" s="1"/>
  <c r="A144045" i="1" s="1"/>
  <c r="A144046" i="1" s="1"/>
  <c r="A144047" i="1" s="1"/>
  <c r="A144048" i="1" s="1"/>
  <c r="A144049" i="1" s="1"/>
  <c r="A144050" i="1" s="1"/>
  <c r="A144051" i="1" s="1"/>
  <c r="A144052" i="1" s="1"/>
  <c r="A144053" i="1" s="1"/>
  <c r="A144054" i="1" s="1"/>
  <c r="A144055" i="1" s="1"/>
  <c r="A144056" i="1" s="1"/>
  <c r="A144057" i="1" s="1"/>
  <c r="A144058" i="1" s="1"/>
  <c r="A144059" i="1" s="1"/>
  <c r="A144060" i="1" s="1"/>
  <c r="A144061" i="1" s="1"/>
  <c r="A144062" i="1" s="1"/>
  <c r="A144063" i="1" s="1"/>
  <c r="A144064" i="1" s="1"/>
  <c r="A144065" i="1" s="1"/>
  <c r="A144066" i="1" s="1"/>
  <c r="A144067" i="1" s="1"/>
  <c r="A144068" i="1" s="1"/>
  <c r="A144069" i="1" s="1"/>
  <c r="A144070" i="1" s="1"/>
  <c r="A144071" i="1" s="1"/>
  <c r="A144072" i="1" s="1"/>
  <c r="A144073" i="1" s="1"/>
  <c r="A144074" i="1" s="1"/>
  <c r="A144075" i="1" s="1"/>
  <c r="A144076" i="1" s="1"/>
  <c r="A144077" i="1" s="1"/>
  <c r="A144078" i="1" s="1"/>
  <c r="A144079" i="1" s="1"/>
  <c r="A144080" i="1" s="1"/>
  <c r="A144081" i="1" s="1"/>
  <c r="A144082" i="1" s="1"/>
  <c r="A144083" i="1" s="1"/>
  <c r="A144084" i="1" s="1"/>
  <c r="A144085" i="1" s="1"/>
  <c r="A144086" i="1" s="1"/>
  <c r="A144087" i="1" s="1"/>
  <c r="A144088" i="1" s="1"/>
  <c r="A144089" i="1" s="1"/>
  <c r="A144090" i="1" s="1"/>
  <c r="A144091" i="1" s="1"/>
  <c r="A144092" i="1" s="1"/>
  <c r="A144093" i="1" s="1"/>
  <c r="A144094" i="1" s="1"/>
  <c r="A144095" i="1" s="1"/>
  <c r="A144096" i="1" s="1"/>
  <c r="A144097" i="1" s="1"/>
  <c r="A144098" i="1" s="1"/>
  <c r="A144099" i="1" s="1"/>
  <c r="A144100" i="1" s="1"/>
  <c r="A144101" i="1" s="1"/>
  <c r="A144102" i="1" s="1"/>
  <c r="A144103" i="1" s="1"/>
  <c r="A144104" i="1" s="1"/>
  <c r="A144105" i="1" s="1"/>
  <c r="A144106" i="1" s="1"/>
  <c r="A144107" i="1" s="1"/>
  <c r="A144108" i="1" s="1"/>
  <c r="A144109" i="1" s="1"/>
  <c r="A144110" i="1" s="1"/>
  <c r="A144111" i="1" s="1"/>
  <c r="A144112" i="1" s="1"/>
  <c r="A144113" i="1" s="1"/>
  <c r="A144114" i="1" s="1"/>
  <c r="A144115" i="1" s="1"/>
  <c r="A144116" i="1" s="1"/>
  <c r="A144117" i="1" s="1"/>
  <c r="A144118" i="1" s="1"/>
  <c r="A144119" i="1" s="1"/>
  <c r="A144120" i="1" s="1"/>
  <c r="A144121" i="1" s="1"/>
  <c r="A144122" i="1" s="1"/>
  <c r="A144123" i="1" s="1"/>
  <c r="A144124" i="1" s="1"/>
  <c r="A144125" i="1" s="1"/>
  <c r="A144126" i="1" s="1"/>
  <c r="A144127" i="1" s="1"/>
  <c r="A144128" i="1" s="1"/>
  <c r="A144129" i="1" s="1"/>
  <c r="A144130" i="1" s="1"/>
  <c r="A144131" i="1" s="1"/>
  <c r="A144132" i="1" s="1"/>
  <c r="A144133" i="1" s="1"/>
  <c r="A144134" i="1" s="1"/>
  <c r="A144135" i="1" s="1"/>
  <c r="A144136" i="1" s="1"/>
  <c r="A144137" i="1" s="1"/>
  <c r="A144138" i="1" s="1"/>
  <c r="A144139" i="1" s="1"/>
  <c r="A144140" i="1" s="1"/>
  <c r="A144141" i="1" s="1"/>
  <c r="A144142" i="1" s="1"/>
  <c r="A144143" i="1" s="1"/>
  <c r="A144144" i="1" s="1"/>
  <c r="A144145" i="1" s="1"/>
  <c r="A144146" i="1" s="1"/>
  <c r="A144147" i="1" s="1"/>
  <c r="A144148" i="1" s="1"/>
  <c r="A144149" i="1" s="1"/>
  <c r="A144150" i="1" s="1"/>
  <c r="A144151" i="1" s="1"/>
  <c r="A144152" i="1" s="1"/>
  <c r="A144153" i="1" s="1"/>
  <c r="A144154" i="1" s="1"/>
  <c r="A144155" i="1" s="1"/>
  <c r="A144156" i="1" s="1"/>
  <c r="A144157" i="1" s="1"/>
  <c r="A144158" i="1" s="1"/>
  <c r="A144159" i="1" s="1"/>
  <c r="A144160" i="1" s="1"/>
  <c r="A144161" i="1" s="1"/>
  <c r="A144162" i="1" s="1"/>
  <c r="A144163" i="1" s="1"/>
  <c r="A144164" i="1" s="1"/>
  <c r="A144165" i="1" s="1"/>
  <c r="A144166" i="1" s="1"/>
  <c r="A144167" i="1" s="1"/>
  <c r="A144168" i="1" s="1"/>
  <c r="A144169" i="1" s="1"/>
  <c r="A144170" i="1" s="1"/>
  <c r="A144171" i="1" s="1"/>
  <c r="A144172" i="1" s="1"/>
  <c r="A144173" i="1" s="1"/>
  <c r="A144174" i="1" s="1"/>
  <c r="A144175" i="1" s="1"/>
  <c r="A144176" i="1" s="1"/>
  <c r="A144177" i="1" s="1"/>
  <c r="A144178" i="1" s="1"/>
  <c r="A144179" i="1" s="1"/>
  <c r="A144180" i="1" s="1"/>
  <c r="A144181" i="1" s="1"/>
  <c r="A144182" i="1" s="1"/>
  <c r="A144183" i="1" s="1"/>
  <c r="A144184" i="1" s="1"/>
  <c r="A144185" i="1" s="1"/>
  <c r="A144186" i="1" s="1"/>
  <c r="A144187" i="1" s="1"/>
  <c r="A144188" i="1" s="1"/>
  <c r="A144189" i="1" s="1"/>
  <c r="A144190" i="1" s="1"/>
  <c r="A144191" i="1" s="1"/>
  <c r="A144192" i="1" s="1"/>
  <c r="A144193" i="1" s="1"/>
  <c r="A144194" i="1" s="1"/>
  <c r="A144195" i="1" s="1"/>
  <c r="A144196" i="1" s="1"/>
  <c r="A144197" i="1" s="1"/>
  <c r="A144198" i="1" s="1"/>
  <c r="A144199" i="1" s="1"/>
  <c r="A144200" i="1" s="1"/>
  <c r="A144201" i="1" s="1"/>
  <c r="A144202" i="1" s="1"/>
  <c r="A144203" i="1" s="1"/>
  <c r="A144204" i="1" s="1"/>
  <c r="A144205" i="1" s="1"/>
  <c r="A144206" i="1" s="1"/>
  <c r="A144207" i="1" s="1"/>
  <c r="A144208" i="1" s="1"/>
  <c r="A144209" i="1" s="1"/>
  <c r="A144210" i="1" s="1"/>
  <c r="A144211" i="1" s="1"/>
  <c r="A144212" i="1" s="1"/>
  <c r="A144213" i="1" s="1"/>
  <c r="A144214" i="1" s="1"/>
  <c r="A144215" i="1" s="1"/>
  <c r="A144216" i="1" s="1"/>
  <c r="A144217" i="1" s="1"/>
  <c r="A144218" i="1" s="1"/>
  <c r="A144219" i="1" s="1"/>
  <c r="A144220" i="1" s="1"/>
  <c r="A144221" i="1" s="1"/>
  <c r="A144222" i="1" s="1"/>
  <c r="A144223" i="1" s="1"/>
  <c r="A144224" i="1" s="1"/>
  <c r="A144225" i="1" s="1"/>
  <c r="A144226" i="1" s="1"/>
  <c r="A144227" i="1" s="1"/>
  <c r="A144228" i="1" s="1"/>
  <c r="A144229" i="1" s="1"/>
  <c r="A144230" i="1" s="1"/>
  <c r="A144231" i="1" s="1"/>
  <c r="A144232" i="1" s="1"/>
  <c r="A144233" i="1" s="1"/>
  <c r="A144234" i="1" s="1"/>
  <c r="A144235" i="1" s="1"/>
  <c r="A144236" i="1" s="1"/>
  <c r="A144237" i="1" s="1"/>
  <c r="A144238" i="1" s="1"/>
  <c r="A144239" i="1" s="1"/>
  <c r="A144240" i="1" s="1"/>
  <c r="A144241" i="1" s="1"/>
  <c r="A144242" i="1" s="1"/>
  <c r="A144243" i="1" s="1"/>
  <c r="A144244" i="1" s="1"/>
  <c r="A144245" i="1" s="1"/>
  <c r="A144246" i="1" s="1"/>
  <c r="A144247" i="1" s="1"/>
  <c r="A144248" i="1" s="1"/>
  <c r="A144249" i="1" s="1"/>
  <c r="A144250" i="1" s="1"/>
  <c r="A144251" i="1" s="1"/>
  <c r="A144252" i="1" s="1"/>
  <c r="A144253" i="1" s="1"/>
  <c r="A144254" i="1" s="1"/>
  <c r="A144255" i="1" s="1"/>
  <c r="A144256" i="1" s="1"/>
  <c r="A144257" i="1" s="1"/>
  <c r="A144258" i="1" s="1"/>
  <c r="A144259" i="1" s="1"/>
  <c r="A144260" i="1" s="1"/>
  <c r="A144261" i="1" s="1"/>
  <c r="A144262" i="1" s="1"/>
  <c r="A144263" i="1" s="1"/>
  <c r="A144264" i="1" s="1"/>
  <c r="A144265" i="1" s="1"/>
  <c r="A144266" i="1" s="1"/>
  <c r="A144267" i="1" s="1"/>
  <c r="A144268" i="1" s="1"/>
  <c r="A144269" i="1" s="1"/>
  <c r="A144270" i="1" s="1"/>
  <c r="A144271" i="1" s="1"/>
  <c r="A144272" i="1" s="1"/>
  <c r="A144273" i="1" s="1"/>
  <c r="A144274" i="1" s="1"/>
  <c r="A144275" i="1" s="1"/>
  <c r="A144276" i="1" s="1"/>
  <c r="A144277" i="1" s="1"/>
  <c r="A144278" i="1" s="1"/>
  <c r="A144279" i="1" s="1"/>
  <c r="A144280" i="1" s="1"/>
  <c r="A144281" i="1" s="1"/>
  <c r="A144282" i="1" s="1"/>
  <c r="A144283" i="1" s="1"/>
  <c r="A144284" i="1" s="1"/>
  <c r="A144285" i="1" s="1"/>
  <c r="A144286" i="1" s="1"/>
  <c r="A144287" i="1" s="1"/>
  <c r="A144288" i="1" s="1"/>
  <c r="A144289" i="1" s="1"/>
  <c r="A144290" i="1" s="1"/>
  <c r="A144291" i="1" s="1"/>
  <c r="A144292" i="1" s="1"/>
  <c r="A144293" i="1" s="1"/>
  <c r="A144294" i="1" s="1"/>
  <c r="A144295" i="1" s="1"/>
  <c r="A144296" i="1" s="1"/>
  <c r="A144297" i="1" s="1"/>
  <c r="A144298" i="1" s="1"/>
  <c r="A144299" i="1" s="1"/>
  <c r="A144300" i="1" s="1"/>
  <c r="A144301" i="1" s="1"/>
  <c r="A144302" i="1" s="1"/>
  <c r="A144303" i="1" s="1"/>
  <c r="A144304" i="1" s="1"/>
  <c r="A144305" i="1" s="1"/>
  <c r="A144306" i="1" s="1"/>
  <c r="A144307" i="1" s="1"/>
  <c r="A144308" i="1" s="1"/>
  <c r="A144309" i="1" s="1"/>
  <c r="A144310" i="1" s="1"/>
  <c r="A144311" i="1" s="1"/>
  <c r="A144312" i="1" s="1"/>
  <c r="A144313" i="1" s="1"/>
  <c r="A144314" i="1" s="1"/>
  <c r="A144315" i="1" s="1"/>
  <c r="A144316" i="1" s="1"/>
  <c r="A144317" i="1" s="1"/>
  <c r="A144318" i="1" s="1"/>
  <c r="A144319" i="1" s="1"/>
  <c r="A144320" i="1" s="1"/>
  <c r="A144321" i="1" s="1"/>
  <c r="A144322" i="1" s="1"/>
  <c r="A144323" i="1" s="1"/>
  <c r="A144324" i="1" s="1"/>
  <c r="A144325" i="1" s="1"/>
  <c r="A144326" i="1" s="1"/>
  <c r="A144327" i="1" s="1"/>
  <c r="A144328" i="1" s="1"/>
  <c r="A144329" i="1" s="1"/>
  <c r="A144330" i="1" s="1"/>
  <c r="A144331" i="1" s="1"/>
  <c r="A144332" i="1" s="1"/>
  <c r="A144333" i="1" s="1"/>
  <c r="A144334" i="1" s="1"/>
  <c r="A144335" i="1" s="1"/>
  <c r="A144336" i="1" s="1"/>
  <c r="A144337" i="1" s="1"/>
  <c r="A144338" i="1" s="1"/>
  <c r="A144339" i="1" s="1"/>
  <c r="A144340" i="1" s="1"/>
  <c r="A144341" i="1" s="1"/>
  <c r="A144342" i="1" s="1"/>
  <c r="A144343" i="1" s="1"/>
  <c r="A144344" i="1" s="1"/>
  <c r="A144345" i="1" s="1"/>
  <c r="A144346" i="1" s="1"/>
  <c r="A144347" i="1" s="1"/>
  <c r="A144348" i="1" s="1"/>
  <c r="A144349" i="1" s="1"/>
  <c r="A144350" i="1" s="1"/>
  <c r="A144351" i="1" s="1"/>
  <c r="A144352" i="1" s="1"/>
  <c r="A144353" i="1" s="1"/>
  <c r="A144354" i="1" s="1"/>
  <c r="A144355" i="1" s="1"/>
  <c r="A144356" i="1" s="1"/>
  <c r="A144357" i="1" s="1"/>
  <c r="A144358" i="1" s="1"/>
  <c r="A144359" i="1" s="1"/>
  <c r="A144360" i="1" s="1"/>
  <c r="A144361" i="1" s="1"/>
  <c r="A144362" i="1" s="1"/>
  <c r="A144363" i="1" s="1"/>
  <c r="A144364" i="1" s="1"/>
  <c r="A144365" i="1" s="1"/>
  <c r="A144366" i="1" s="1"/>
  <c r="A144367" i="1" s="1"/>
  <c r="A144368" i="1" s="1"/>
  <c r="A144369" i="1" s="1"/>
  <c r="A144370" i="1" s="1"/>
  <c r="A144371" i="1" s="1"/>
  <c r="A144372" i="1" s="1"/>
  <c r="A144373" i="1" s="1"/>
  <c r="A144374" i="1" s="1"/>
  <c r="A144375" i="1" s="1"/>
  <c r="A144376" i="1" s="1"/>
  <c r="A144377" i="1" s="1"/>
  <c r="A144378" i="1" s="1"/>
  <c r="A144379" i="1" s="1"/>
  <c r="A144380" i="1" s="1"/>
  <c r="A144381" i="1" s="1"/>
  <c r="A144382" i="1" s="1"/>
  <c r="A144383" i="1" s="1"/>
  <c r="A144384" i="1" s="1"/>
  <c r="A144385" i="1" s="1"/>
  <c r="A144386" i="1" s="1"/>
  <c r="A144387" i="1" s="1"/>
  <c r="A144388" i="1" s="1"/>
  <c r="A144389" i="1" s="1"/>
  <c r="A144390" i="1" s="1"/>
  <c r="A144391" i="1" s="1"/>
  <c r="A144392" i="1" s="1"/>
  <c r="A144393" i="1" s="1"/>
  <c r="A144394" i="1" s="1"/>
  <c r="A144395" i="1" s="1"/>
  <c r="A144396" i="1" s="1"/>
  <c r="A144397" i="1" s="1"/>
  <c r="A144398" i="1" s="1"/>
  <c r="A144399" i="1" s="1"/>
  <c r="A144400" i="1" s="1"/>
  <c r="A144401" i="1" s="1"/>
  <c r="A144402" i="1" s="1"/>
  <c r="A144403" i="1" s="1"/>
  <c r="A144404" i="1" s="1"/>
  <c r="A144405" i="1" s="1"/>
  <c r="A144406" i="1" s="1"/>
  <c r="A144407" i="1" s="1"/>
  <c r="A144408" i="1" s="1"/>
  <c r="A144409" i="1" s="1"/>
  <c r="A144410" i="1" s="1"/>
  <c r="A144411" i="1" s="1"/>
  <c r="A144412" i="1" s="1"/>
  <c r="A144413" i="1" s="1"/>
  <c r="A144414" i="1" s="1"/>
  <c r="A144415" i="1" s="1"/>
  <c r="A144416" i="1" s="1"/>
  <c r="A144417" i="1" s="1"/>
  <c r="A144418" i="1" s="1"/>
  <c r="A144419" i="1" s="1"/>
  <c r="A144420" i="1" s="1"/>
  <c r="A144421" i="1" s="1"/>
  <c r="A144422" i="1" s="1"/>
  <c r="A144423" i="1" s="1"/>
  <c r="A144424" i="1" s="1"/>
  <c r="A144425" i="1" s="1"/>
  <c r="A144426" i="1" s="1"/>
  <c r="A144427" i="1" s="1"/>
  <c r="A144428" i="1" s="1"/>
  <c r="A144429" i="1" s="1"/>
  <c r="A144430" i="1" s="1"/>
  <c r="A144431" i="1" s="1"/>
  <c r="A144432" i="1" s="1"/>
  <c r="A144433" i="1" s="1"/>
  <c r="A144434" i="1" s="1"/>
  <c r="A144435" i="1" s="1"/>
  <c r="A144436" i="1" s="1"/>
  <c r="A144437" i="1" s="1"/>
  <c r="A144438" i="1" s="1"/>
  <c r="A144439" i="1" s="1"/>
  <c r="A144440" i="1" s="1"/>
  <c r="A144441" i="1" s="1"/>
  <c r="A144442" i="1" s="1"/>
  <c r="A144443" i="1" s="1"/>
  <c r="A144444" i="1" s="1"/>
  <c r="A144445" i="1" s="1"/>
  <c r="A144446" i="1" s="1"/>
  <c r="A144447" i="1" s="1"/>
  <c r="A144448" i="1" s="1"/>
  <c r="A144449" i="1" s="1"/>
  <c r="A144450" i="1" s="1"/>
  <c r="A144451" i="1" s="1"/>
  <c r="A144452" i="1" s="1"/>
  <c r="A144453" i="1" s="1"/>
  <c r="A144454" i="1" s="1"/>
  <c r="A144455" i="1" s="1"/>
  <c r="A144456" i="1" s="1"/>
  <c r="A144457" i="1" s="1"/>
  <c r="A144458" i="1" s="1"/>
  <c r="A144459" i="1" s="1"/>
  <c r="A144460" i="1" s="1"/>
  <c r="A144461" i="1" s="1"/>
  <c r="A144462" i="1" s="1"/>
  <c r="A144463" i="1" s="1"/>
  <c r="A144464" i="1" s="1"/>
  <c r="A144465" i="1" s="1"/>
  <c r="A144466" i="1" s="1"/>
  <c r="A144467" i="1" s="1"/>
  <c r="A144468" i="1" s="1"/>
  <c r="A144469" i="1" s="1"/>
  <c r="A144470" i="1" s="1"/>
  <c r="A144471" i="1" s="1"/>
  <c r="A144472" i="1" s="1"/>
  <c r="A144473" i="1" s="1"/>
  <c r="A144474" i="1" s="1"/>
  <c r="A144475" i="1" s="1"/>
  <c r="A144476" i="1" s="1"/>
  <c r="A144477" i="1" s="1"/>
  <c r="A144478" i="1" s="1"/>
  <c r="A144479" i="1" s="1"/>
  <c r="A144480" i="1" s="1"/>
  <c r="A144481" i="1" s="1"/>
  <c r="A144482" i="1" s="1"/>
  <c r="A144483" i="1" s="1"/>
  <c r="A144484" i="1" s="1"/>
  <c r="A144485" i="1" s="1"/>
  <c r="A144486" i="1" s="1"/>
  <c r="A144487" i="1" s="1"/>
  <c r="A144488" i="1" s="1"/>
  <c r="A144489" i="1" s="1"/>
  <c r="A144490" i="1" s="1"/>
  <c r="A144491" i="1" s="1"/>
  <c r="A144492" i="1" s="1"/>
  <c r="A144493" i="1" s="1"/>
  <c r="A144494" i="1" s="1"/>
  <c r="A144495" i="1" s="1"/>
  <c r="A144496" i="1" s="1"/>
  <c r="A144497" i="1" s="1"/>
  <c r="A144498" i="1" s="1"/>
  <c r="A144499" i="1" s="1"/>
  <c r="A144500" i="1" s="1"/>
  <c r="A144501" i="1" s="1"/>
  <c r="A144502" i="1" s="1"/>
  <c r="A144503" i="1" s="1"/>
  <c r="A144504" i="1" s="1"/>
  <c r="A144505" i="1" s="1"/>
  <c r="A144506" i="1" s="1"/>
  <c r="A144507" i="1" s="1"/>
  <c r="A144508" i="1" s="1"/>
  <c r="A144509" i="1" s="1"/>
  <c r="A144510" i="1" s="1"/>
  <c r="A144511" i="1" s="1"/>
  <c r="A144512" i="1" s="1"/>
  <c r="A144513" i="1" s="1"/>
  <c r="A144514" i="1" s="1"/>
  <c r="A144515" i="1" s="1"/>
  <c r="A144516" i="1" s="1"/>
  <c r="A144517" i="1" s="1"/>
  <c r="A144518" i="1" s="1"/>
  <c r="A144519" i="1" s="1"/>
  <c r="A144520" i="1" s="1"/>
  <c r="A144521" i="1" s="1"/>
  <c r="A144522" i="1" s="1"/>
  <c r="A144523" i="1" s="1"/>
  <c r="A144524" i="1" s="1"/>
  <c r="A144525" i="1" s="1"/>
  <c r="A144526" i="1" s="1"/>
  <c r="A144527" i="1" s="1"/>
  <c r="A144528" i="1" s="1"/>
  <c r="A144529" i="1" s="1"/>
  <c r="A144530" i="1" s="1"/>
  <c r="A144531" i="1" s="1"/>
  <c r="A144532" i="1" s="1"/>
  <c r="A144533" i="1" s="1"/>
  <c r="A144534" i="1" s="1"/>
  <c r="A144535" i="1" s="1"/>
  <c r="A144536" i="1" s="1"/>
  <c r="A144537" i="1" s="1"/>
  <c r="A144538" i="1" s="1"/>
  <c r="A144539" i="1" s="1"/>
  <c r="A144540" i="1" s="1"/>
  <c r="A144541" i="1" s="1"/>
  <c r="A144542" i="1" s="1"/>
  <c r="A144543" i="1" s="1"/>
  <c r="A144544" i="1" s="1"/>
  <c r="A144545" i="1" s="1"/>
  <c r="A144546" i="1" s="1"/>
  <c r="A144547" i="1" s="1"/>
  <c r="A144548" i="1" s="1"/>
  <c r="A144549" i="1" s="1"/>
  <c r="A144550" i="1" s="1"/>
  <c r="A144551" i="1" s="1"/>
  <c r="A144552" i="1" s="1"/>
  <c r="A144553" i="1" s="1"/>
  <c r="A144554" i="1" s="1"/>
  <c r="A144555" i="1" s="1"/>
  <c r="A144556" i="1" s="1"/>
  <c r="A144557" i="1" s="1"/>
  <c r="A144558" i="1" s="1"/>
  <c r="A144559" i="1" s="1"/>
  <c r="A144560" i="1" s="1"/>
  <c r="A144561" i="1" s="1"/>
  <c r="A144562" i="1" s="1"/>
  <c r="A144563" i="1" s="1"/>
  <c r="A144564" i="1" s="1"/>
  <c r="A144565" i="1" s="1"/>
  <c r="A144566" i="1" s="1"/>
  <c r="A144567" i="1" s="1"/>
  <c r="A144568" i="1" s="1"/>
  <c r="A144569" i="1" s="1"/>
  <c r="A144570" i="1" s="1"/>
  <c r="A144571" i="1" s="1"/>
  <c r="A144572" i="1" s="1"/>
  <c r="A144573" i="1" s="1"/>
  <c r="A144574" i="1" s="1"/>
  <c r="A144575" i="1" s="1"/>
  <c r="A144576" i="1" s="1"/>
  <c r="A144577" i="1" s="1"/>
  <c r="A144578" i="1" s="1"/>
  <c r="A144579" i="1" s="1"/>
  <c r="A144580" i="1" s="1"/>
  <c r="A144581" i="1" s="1"/>
  <c r="A144582" i="1" s="1"/>
  <c r="A144583" i="1" s="1"/>
  <c r="A144584" i="1" s="1"/>
  <c r="A144585" i="1" s="1"/>
  <c r="A144586" i="1" s="1"/>
  <c r="A144587" i="1" s="1"/>
  <c r="A144588" i="1" s="1"/>
  <c r="A144589" i="1" s="1"/>
  <c r="A144590" i="1" s="1"/>
  <c r="A144591" i="1" s="1"/>
  <c r="A144592" i="1" s="1"/>
  <c r="A144593" i="1" s="1"/>
  <c r="A144594" i="1" s="1"/>
  <c r="A144595" i="1" s="1"/>
  <c r="A144596" i="1" s="1"/>
  <c r="A144597" i="1" s="1"/>
  <c r="A144598" i="1" s="1"/>
  <c r="A144599" i="1" s="1"/>
  <c r="A144600" i="1" s="1"/>
  <c r="A144601" i="1" s="1"/>
  <c r="A144602" i="1" s="1"/>
  <c r="A144603" i="1" s="1"/>
  <c r="A144604" i="1" s="1"/>
  <c r="A144605" i="1" s="1"/>
  <c r="A144606" i="1" s="1"/>
  <c r="A144607" i="1" s="1"/>
  <c r="A144608" i="1" s="1"/>
  <c r="A144609" i="1" s="1"/>
  <c r="A144610" i="1" s="1"/>
  <c r="A144611" i="1" s="1"/>
  <c r="A144612" i="1" s="1"/>
  <c r="A144613" i="1" s="1"/>
  <c r="A144614" i="1" s="1"/>
  <c r="A144615" i="1" s="1"/>
  <c r="A144616" i="1" s="1"/>
  <c r="A144617" i="1" s="1"/>
  <c r="A144618" i="1" s="1"/>
  <c r="A144619" i="1" s="1"/>
  <c r="A144620" i="1" s="1"/>
  <c r="A144621" i="1" s="1"/>
  <c r="A144622" i="1" s="1"/>
  <c r="A144623" i="1" s="1"/>
  <c r="A144624" i="1" s="1"/>
  <c r="A144625" i="1" s="1"/>
  <c r="A144626" i="1" s="1"/>
  <c r="A144627" i="1" s="1"/>
  <c r="A144628" i="1" s="1"/>
  <c r="A144629" i="1" s="1"/>
  <c r="A144630" i="1" s="1"/>
  <c r="A144631" i="1" s="1"/>
  <c r="A144632" i="1" s="1"/>
  <c r="A144633" i="1" s="1"/>
  <c r="A144634" i="1" s="1"/>
  <c r="A144635" i="1" s="1"/>
  <c r="A144636" i="1" s="1"/>
  <c r="A144637" i="1" s="1"/>
  <c r="A144638" i="1" s="1"/>
  <c r="A144639" i="1" s="1"/>
  <c r="A144640" i="1" s="1"/>
  <c r="A144641" i="1" s="1"/>
  <c r="A144642" i="1" s="1"/>
  <c r="A144643" i="1" s="1"/>
  <c r="A144644" i="1" s="1"/>
  <c r="A144645" i="1" s="1"/>
  <c r="A144646" i="1" s="1"/>
  <c r="A144647" i="1" s="1"/>
  <c r="A144648" i="1" s="1"/>
  <c r="A144649" i="1" s="1"/>
  <c r="A144650" i="1" s="1"/>
  <c r="A144651" i="1" s="1"/>
  <c r="A144652" i="1" s="1"/>
  <c r="A144653" i="1" s="1"/>
  <c r="A144654" i="1" s="1"/>
  <c r="A144655" i="1" s="1"/>
  <c r="A144656" i="1" s="1"/>
  <c r="A144657" i="1" s="1"/>
  <c r="A144658" i="1" s="1"/>
  <c r="A144659" i="1" s="1"/>
  <c r="A144660" i="1" s="1"/>
  <c r="A144661" i="1" s="1"/>
  <c r="A144662" i="1" s="1"/>
  <c r="A144663" i="1" s="1"/>
  <c r="A144664" i="1" s="1"/>
  <c r="A144665" i="1" s="1"/>
  <c r="A144666" i="1" s="1"/>
  <c r="A144667" i="1" s="1"/>
  <c r="A144668" i="1" s="1"/>
  <c r="A144669" i="1" s="1"/>
  <c r="A144670" i="1" s="1"/>
  <c r="A144671" i="1" s="1"/>
  <c r="A144672" i="1" s="1"/>
  <c r="A144673" i="1" s="1"/>
  <c r="A144674" i="1" s="1"/>
  <c r="A144675" i="1" s="1"/>
  <c r="A144676" i="1" s="1"/>
  <c r="A144677" i="1" s="1"/>
  <c r="A144678" i="1" s="1"/>
  <c r="A144679" i="1" s="1"/>
  <c r="A144680" i="1" s="1"/>
  <c r="A144681" i="1" s="1"/>
  <c r="A144682" i="1" s="1"/>
  <c r="A144683" i="1" s="1"/>
  <c r="A144684" i="1" s="1"/>
  <c r="A144685" i="1" s="1"/>
  <c r="A144686" i="1" s="1"/>
  <c r="A144687" i="1" s="1"/>
  <c r="A144688" i="1" s="1"/>
  <c r="A144689" i="1" s="1"/>
  <c r="A144690" i="1" s="1"/>
  <c r="A144691" i="1" s="1"/>
  <c r="A144692" i="1" s="1"/>
  <c r="A144693" i="1" s="1"/>
  <c r="A144694" i="1" s="1"/>
  <c r="A144695" i="1" s="1"/>
  <c r="A144696" i="1" s="1"/>
  <c r="A144697" i="1" s="1"/>
  <c r="A144698" i="1" s="1"/>
  <c r="A144699" i="1" s="1"/>
  <c r="A144700" i="1" s="1"/>
  <c r="A144701" i="1" s="1"/>
  <c r="A144702" i="1" s="1"/>
  <c r="A144703" i="1" s="1"/>
  <c r="A144704" i="1" s="1"/>
  <c r="A144705" i="1" s="1"/>
  <c r="A144706" i="1" s="1"/>
  <c r="A144707" i="1" s="1"/>
  <c r="A144708" i="1" s="1"/>
  <c r="A144709" i="1" s="1"/>
  <c r="A144710" i="1" s="1"/>
  <c r="A144711" i="1" s="1"/>
  <c r="A144712" i="1" s="1"/>
  <c r="A144713" i="1" s="1"/>
  <c r="A144714" i="1" s="1"/>
  <c r="A144715" i="1" s="1"/>
  <c r="A144716" i="1" s="1"/>
  <c r="A144717" i="1" s="1"/>
  <c r="A144718" i="1" s="1"/>
  <c r="A144719" i="1" s="1"/>
  <c r="A144720" i="1" s="1"/>
  <c r="A144721" i="1" s="1"/>
  <c r="A144722" i="1" s="1"/>
  <c r="A144723" i="1" s="1"/>
  <c r="A144724" i="1" s="1"/>
  <c r="A144725" i="1" s="1"/>
  <c r="A144726" i="1" s="1"/>
  <c r="A144727" i="1" s="1"/>
  <c r="A144728" i="1" s="1"/>
  <c r="A144729" i="1" s="1"/>
  <c r="A144730" i="1" s="1"/>
  <c r="A144731" i="1" s="1"/>
  <c r="A144732" i="1" s="1"/>
  <c r="A144733" i="1" s="1"/>
  <c r="A144734" i="1" s="1"/>
  <c r="A144735" i="1" s="1"/>
  <c r="A144736" i="1" s="1"/>
  <c r="A144737" i="1" s="1"/>
  <c r="A144738" i="1" s="1"/>
  <c r="A144739" i="1" s="1"/>
  <c r="A144740" i="1" s="1"/>
  <c r="A144741" i="1" s="1"/>
  <c r="A144742" i="1" s="1"/>
  <c r="A144743" i="1" s="1"/>
  <c r="A144744" i="1" s="1"/>
  <c r="A144745" i="1" s="1"/>
  <c r="A144746" i="1" s="1"/>
  <c r="A144747" i="1" s="1"/>
  <c r="A144748" i="1" s="1"/>
  <c r="A144749" i="1" s="1"/>
  <c r="A144750" i="1" s="1"/>
  <c r="A144751" i="1" s="1"/>
  <c r="A144752" i="1" s="1"/>
  <c r="A144753" i="1" s="1"/>
  <c r="A144754" i="1" s="1"/>
  <c r="A144755" i="1" s="1"/>
  <c r="A144756" i="1" s="1"/>
  <c r="A144757" i="1" s="1"/>
  <c r="A144758" i="1" s="1"/>
  <c r="A144759" i="1" s="1"/>
  <c r="A144760" i="1" s="1"/>
  <c r="A144761" i="1" s="1"/>
  <c r="A144762" i="1" s="1"/>
  <c r="A144763" i="1" s="1"/>
  <c r="A144764" i="1" s="1"/>
  <c r="A144765" i="1" s="1"/>
  <c r="A144766" i="1" s="1"/>
  <c r="A144767" i="1" s="1"/>
  <c r="A144768" i="1" s="1"/>
  <c r="A144769" i="1" s="1"/>
  <c r="A144770" i="1" s="1"/>
  <c r="A144771" i="1" s="1"/>
  <c r="A144772" i="1" s="1"/>
  <c r="A144773" i="1" s="1"/>
  <c r="A144774" i="1" s="1"/>
  <c r="A144775" i="1" s="1"/>
  <c r="A144776" i="1" s="1"/>
  <c r="A144777" i="1" s="1"/>
  <c r="A144778" i="1" s="1"/>
  <c r="A144779" i="1" s="1"/>
  <c r="A144780" i="1" s="1"/>
  <c r="A144781" i="1" s="1"/>
  <c r="A144782" i="1" s="1"/>
  <c r="A144783" i="1" s="1"/>
  <c r="A144784" i="1" s="1"/>
  <c r="A144785" i="1" s="1"/>
  <c r="A144786" i="1" s="1"/>
  <c r="A144787" i="1" s="1"/>
  <c r="A144788" i="1" s="1"/>
  <c r="A144789" i="1" s="1"/>
  <c r="A144790" i="1" s="1"/>
  <c r="A144791" i="1" s="1"/>
  <c r="A144792" i="1" s="1"/>
  <c r="A144793" i="1" s="1"/>
  <c r="A144794" i="1" s="1"/>
  <c r="A144795" i="1" s="1"/>
  <c r="A144796" i="1" s="1"/>
  <c r="A144797" i="1" s="1"/>
  <c r="A144798" i="1" s="1"/>
  <c r="A144799" i="1" s="1"/>
  <c r="A144800" i="1" s="1"/>
  <c r="A144801" i="1" s="1"/>
  <c r="A144802" i="1" s="1"/>
  <c r="A144803" i="1" s="1"/>
  <c r="A144804" i="1" s="1"/>
  <c r="A144805" i="1" s="1"/>
  <c r="A144806" i="1" s="1"/>
  <c r="A144807" i="1" s="1"/>
  <c r="A144808" i="1" s="1"/>
  <c r="A144809" i="1" s="1"/>
  <c r="A144810" i="1" s="1"/>
  <c r="A144811" i="1" s="1"/>
  <c r="A144812" i="1" s="1"/>
  <c r="A144813" i="1" s="1"/>
  <c r="A144814" i="1" s="1"/>
  <c r="A144815" i="1" s="1"/>
  <c r="A144816" i="1" s="1"/>
  <c r="A144817" i="1" s="1"/>
  <c r="A144818" i="1" s="1"/>
  <c r="A144819" i="1" s="1"/>
  <c r="A144820" i="1" s="1"/>
  <c r="A144821" i="1" s="1"/>
  <c r="A144822" i="1" s="1"/>
  <c r="A144823" i="1" s="1"/>
  <c r="A144824" i="1" s="1"/>
  <c r="A144825" i="1" s="1"/>
  <c r="A144826" i="1" s="1"/>
  <c r="A144827" i="1" s="1"/>
  <c r="A144828" i="1" s="1"/>
  <c r="A144829" i="1" s="1"/>
  <c r="A144830" i="1" s="1"/>
  <c r="A144831" i="1" s="1"/>
  <c r="A144832" i="1" s="1"/>
  <c r="A144833" i="1" s="1"/>
  <c r="A144834" i="1" s="1"/>
  <c r="A144835" i="1" s="1"/>
  <c r="A144836" i="1" s="1"/>
  <c r="A144837" i="1" s="1"/>
  <c r="A144838" i="1" s="1"/>
  <c r="A144839" i="1" s="1"/>
  <c r="A144840" i="1" s="1"/>
  <c r="A144841" i="1" s="1"/>
  <c r="A144842" i="1" s="1"/>
  <c r="A144843" i="1" s="1"/>
  <c r="A144844" i="1" s="1"/>
  <c r="A144845" i="1" s="1"/>
  <c r="A144846" i="1" s="1"/>
  <c r="A144847" i="1" s="1"/>
  <c r="A144848" i="1" s="1"/>
  <c r="A144849" i="1" s="1"/>
  <c r="A144850" i="1" s="1"/>
  <c r="A144851" i="1" s="1"/>
  <c r="A144852" i="1" s="1"/>
  <c r="A144853" i="1" s="1"/>
  <c r="A144854" i="1" s="1"/>
  <c r="A144855" i="1" s="1"/>
  <c r="A144856" i="1" s="1"/>
  <c r="A144857" i="1" s="1"/>
  <c r="A144858" i="1" s="1"/>
  <c r="A144859" i="1" s="1"/>
  <c r="A144860" i="1" s="1"/>
  <c r="A144861" i="1" s="1"/>
  <c r="A144862" i="1" s="1"/>
  <c r="A144863" i="1" s="1"/>
  <c r="A144864" i="1" s="1"/>
  <c r="A144865" i="1" s="1"/>
  <c r="A144866" i="1" s="1"/>
  <c r="A144867" i="1" s="1"/>
  <c r="A144868" i="1" s="1"/>
  <c r="A144869" i="1" s="1"/>
  <c r="A144870" i="1" s="1"/>
  <c r="A144871" i="1" s="1"/>
  <c r="A144872" i="1" s="1"/>
  <c r="A144873" i="1" s="1"/>
  <c r="A144874" i="1" s="1"/>
  <c r="A144875" i="1" s="1"/>
  <c r="A144876" i="1" s="1"/>
  <c r="A144877" i="1" s="1"/>
  <c r="A144878" i="1" s="1"/>
  <c r="A144879" i="1" s="1"/>
  <c r="A144880" i="1" s="1"/>
  <c r="A144881" i="1" s="1"/>
  <c r="A144882" i="1" s="1"/>
  <c r="A144883" i="1" s="1"/>
  <c r="A144884" i="1" s="1"/>
  <c r="A144885" i="1" s="1"/>
  <c r="A144886" i="1" s="1"/>
  <c r="A144887" i="1" s="1"/>
  <c r="A144888" i="1" s="1"/>
  <c r="A144889" i="1" s="1"/>
  <c r="A144890" i="1" s="1"/>
  <c r="A144891" i="1" s="1"/>
  <c r="A144892" i="1" s="1"/>
  <c r="A144893" i="1" s="1"/>
  <c r="A144894" i="1" s="1"/>
  <c r="A144895" i="1" s="1"/>
  <c r="A144896" i="1" s="1"/>
  <c r="A144897" i="1" s="1"/>
  <c r="A144898" i="1" s="1"/>
  <c r="A144899" i="1" s="1"/>
  <c r="A144900" i="1" s="1"/>
  <c r="A144901" i="1" s="1"/>
  <c r="A144902" i="1" s="1"/>
  <c r="A144903" i="1" s="1"/>
  <c r="A144904" i="1" s="1"/>
  <c r="A144905" i="1" s="1"/>
  <c r="A144906" i="1" s="1"/>
  <c r="A144907" i="1" s="1"/>
  <c r="A144908" i="1" s="1"/>
  <c r="A144909" i="1" s="1"/>
  <c r="A144910" i="1" s="1"/>
  <c r="A144911" i="1" s="1"/>
  <c r="A144912" i="1" s="1"/>
  <c r="A144913" i="1" s="1"/>
  <c r="A144914" i="1" s="1"/>
  <c r="A144915" i="1" s="1"/>
  <c r="A144916" i="1" s="1"/>
  <c r="A144917" i="1" s="1"/>
  <c r="A144918" i="1" s="1"/>
  <c r="A144919" i="1" s="1"/>
  <c r="A144920" i="1" s="1"/>
  <c r="A144921" i="1" s="1"/>
  <c r="A144922" i="1" s="1"/>
  <c r="A144923" i="1" s="1"/>
  <c r="A144924" i="1" s="1"/>
  <c r="A144925" i="1" s="1"/>
  <c r="A144926" i="1" s="1"/>
  <c r="A144927" i="1" s="1"/>
  <c r="A144928" i="1" s="1"/>
  <c r="A144929" i="1" s="1"/>
  <c r="A144930" i="1" s="1"/>
  <c r="A144931" i="1" s="1"/>
  <c r="A144932" i="1" s="1"/>
  <c r="A144933" i="1" s="1"/>
  <c r="A144934" i="1" s="1"/>
  <c r="A144935" i="1" s="1"/>
  <c r="A144936" i="1" s="1"/>
  <c r="A144937" i="1" s="1"/>
  <c r="A144938" i="1" s="1"/>
  <c r="A144939" i="1" s="1"/>
  <c r="A144940" i="1" s="1"/>
  <c r="A144941" i="1" s="1"/>
  <c r="A144942" i="1" s="1"/>
  <c r="A144943" i="1" s="1"/>
  <c r="A144944" i="1" s="1"/>
  <c r="A144945" i="1" s="1"/>
  <c r="A144946" i="1" s="1"/>
  <c r="A144947" i="1" s="1"/>
  <c r="A144948" i="1" s="1"/>
  <c r="A144949" i="1" s="1"/>
  <c r="A144950" i="1" s="1"/>
  <c r="A144951" i="1" s="1"/>
  <c r="A144952" i="1" s="1"/>
  <c r="A144953" i="1" s="1"/>
  <c r="A144954" i="1" s="1"/>
  <c r="A144955" i="1" s="1"/>
  <c r="A144956" i="1" s="1"/>
  <c r="A144957" i="1" s="1"/>
  <c r="A144958" i="1" s="1"/>
  <c r="A144959" i="1" s="1"/>
  <c r="A144960" i="1" s="1"/>
  <c r="A144961" i="1" s="1"/>
  <c r="A144962" i="1" s="1"/>
  <c r="A144963" i="1" s="1"/>
  <c r="A144964" i="1" s="1"/>
  <c r="A144965" i="1" s="1"/>
  <c r="A144966" i="1" s="1"/>
  <c r="A144967" i="1" s="1"/>
  <c r="A144968" i="1" s="1"/>
  <c r="A144969" i="1" s="1"/>
  <c r="A144970" i="1" s="1"/>
  <c r="A144971" i="1" s="1"/>
  <c r="A144972" i="1" s="1"/>
  <c r="A144973" i="1" s="1"/>
  <c r="A144974" i="1" s="1"/>
  <c r="A144975" i="1" s="1"/>
  <c r="A144976" i="1" s="1"/>
  <c r="A144977" i="1" s="1"/>
  <c r="A144978" i="1" s="1"/>
  <c r="A144979" i="1" s="1"/>
  <c r="A144980" i="1" s="1"/>
  <c r="A144981" i="1" s="1"/>
  <c r="A144982" i="1" s="1"/>
  <c r="A144983" i="1" s="1"/>
  <c r="A144984" i="1" s="1"/>
  <c r="A144985" i="1" s="1"/>
  <c r="A144986" i="1" s="1"/>
  <c r="A144987" i="1" s="1"/>
  <c r="A144988" i="1" s="1"/>
  <c r="A144989" i="1" s="1"/>
  <c r="A144990" i="1" s="1"/>
  <c r="A144991" i="1" s="1"/>
  <c r="A144992" i="1" s="1"/>
  <c r="A144993" i="1" s="1"/>
  <c r="A144994" i="1" s="1"/>
  <c r="A144995" i="1" s="1"/>
  <c r="A144996" i="1" s="1"/>
  <c r="A144997" i="1" s="1"/>
  <c r="A144998" i="1" s="1"/>
  <c r="A144999" i="1" s="1"/>
  <c r="A145000" i="1" s="1"/>
  <c r="A145001" i="1" s="1"/>
  <c r="A145002" i="1" s="1"/>
  <c r="A145003" i="1" s="1"/>
  <c r="A145004" i="1" s="1"/>
  <c r="A145005" i="1" s="1"/>
  <c r="A145006" i="1" s="1"/>
  <c r="A145007" i="1" s="1"/>
  <c r="A145008" i="1" s="1"/>
  <c r="A145009" i="1" s="1"/>
  <c r="A145010" i="1" s="1"/>
  <c r="A145011" i="1" s="1"/>
  <c r="A145012" i="1" s="1"/>
  <c r="A145013" i="1" s="1"/>
  <c r="A145014" i="1" s="1"/>
  <c r="A145015" i="1" s="1"/>
  <c r="A145016" i="1" s="1"/>
  <c r="A145017" i="1" s="1"/>
  <c r="A145018" i="1" s="1"/>
  <c r="A145019" i="1" s="1"/>
  <c r="A145020" i="1" s="1"/>
  <c r="A145021" i="1" s="1"/>
  <c r="A145022" i="1" s="1"/>
  <c r="A145023" i="1" s="1"/>
  <c r="A145024" i="1" s="1"/>
  <c r="A145025" i="1" s="1"/>
  <c r="A145026" i="1" s="1"/>
  <c r="A145027" i="1" s="1"/>
  <c r="A145028" i="1" s="1"/>
  <c r="A145029" i="1" s="1"/>
  <c r="A145030" i="1" s="1"/>
  <c r="A145031" i="1" s="1"/>
  <c r="A145032" i="1" s="1"/>
  <c r="A145033" i="1" s="1"/>
  <c r="A145034" i="1" s="1"/>
  <c r="A145035" i="1" s="1"/>
  <c r="A145036" i="1" s="1"/>
  <c r="A145037" i="1" s="1"/>
  <c r="A145038" i="1" s="1"/>
  <c r="A145039" i="1" s="1"/>
  <c r="A145040" i="1" s="1"/>
  <c r="A145041" i="1" s="1"/>
  <c r="A145042" i="1" s="1"/>
  <c r="A145043" i="1" s="1"/>
  <c r="A145044" i="1" s="1"/>
  <c r="A145045" i="1" s="1"/>
  <c r="A145046" i="1" s="1"/>
  <c r="A145047" i="1" s="1"/>
  <c r="A145048" i="1" s="1"/>
  <c r="A145049" i="1" s="1"/>
  <c r="A145050" i="1" s="1"/>
  <c r="A145051" i="1" s="1"/>
  <c r="A145052" i="1" s="1"/>
  <c r="A145053" i="1" s="1"/>
  <c r="A145054" i="1" s="1"/>
  <c r="A145055" i="1" s="1"/>
  <c r="A145056" i="1" s="1"/>
  <c r="A145057" i="1" s="1"/>
  <c r="A145058" i="1" s="1"/>
  <c r="A145059" i="1" s="1"/>
  <c r="A145060" i="1" s="1"/>
  <c r="A145061" i="1" s="1"/>
  <c r="A145062" i="1" s="1"/>
  <c r="A145063" i="1" s="1"/>
  <c r="A145064" i="1" s="1"/>
  <c r="A145065" i="1" s="1"/>
  <c r="A145066" i="1" s="1"/>
  <c r="A145067" i="1" s="1"/>
  <c r="A145068" i="1" s="1"/>
  <c r="A145069" i="1" s="1"/>
  <c r="A145070" i="1" s="1"/>
  <c r="A145071" i="1" s="1"/>
  <c r="A145072" i="1" s="1"/>
  <c r="A145073" i="1" s="1"/>
  <c r="A145074" i="1" s="1"/>
  <c r="A145075" i="1" s="1"/>
  <c r="A145076" i="1" s="1"/>
  <c r="A145077" i="1" s="1"/>
  <c r="A145078" i="1" s="1"/>
  <c r="A145079" i="1" s="1"/>
  <c r="A145080" i="1" s="1"/>
  <c r="A145081" i="1" s="1"/>
  <c r="A145082" i="1" s="1"/>
  <c r="A145083" i="1" s="1"/>
  <c r="A145084" i="1" s="1"/>
  <c r="A145085" i="1" s="1"/>
  <c r="A145086" i="1" s="1"/>
  <c r="A145087" i="1" s="1"/>
  <c r="A145088" i="1" s="1"/>
  <c r="A145089" i="1" s="1"/>
  <c r="A145090" i="1" s="1"/>
  <c r="A145091" i="1" s="1"/>
  <c r="A145092" i="1" s="1"/>
  <c r="A145093" i="1" s="1"/>
  <c r="A145094" i="1" s="1"/>
  <c r="A145095" i="1" s="1"/>
  <c r="A145096" i="1" s="1"/>
  <c r="A145097" i="1" s="1"/>
  <c r="A145098" i="1" s="1"/>
  <c r="A145099" i="1" s="1"/>
  <c r="A145100" i="1" s="1"/>
  <c r="A145101" i="1" s="1"/>
  <c r="A145102" i="1" s="1"/>
  <c r="A145103" i="1" s="1"/>
  <c r="A145104" i="1" s="1"/>
  <c r="A145105" i="1" s="1"/>
  <c r="A145106" i="1" s="1"/>
  <c r="A145107" i="1" s="1"/>
  <c r="A145108" i="1" s="1"/>
  <c r="A145109" i="1" s="1"/>
  <c r="A145110" i="1" s="1"/>
  <c r="A145111" i="1" s="1"/>
  <c r="A145112" i="1" s="1"/>
  <c r="A145113" i="1" s="1"/>
  <c r="A145114" i="1" s="1"/>
  <c r="A145115" i="1" s="1"/>
  <c r="A145116" i="1" s="1"/>
  <c r="A145117" i="1" s="1"/>
  <c r="A145118" i="1" s="1"/>
  <c r="A145119" i="1" s="1"/>
  <c r="A145120" i="1" s="1"/>
  <c r="A145121" i="1" s="1"/>
  <c r="A145122" i="1" s="1"/>
  <c r="A145123" i="1" s="1"/>
  <c r="A145124" i="1" s="1"/>
  <c r="A145125" i="1" s="1"/>
  <c r="A145126" i="1" s="1"/>
  <c r="A145127" i="1" s="1"/>
  <c r="A145128" i="1" s="1"/>
  <c r="A145129" i="1" s="1"/>
  <c r="A145130" i="1" s="1"/>
  <c r="A145131" i="1" s="1"/>
  <c r="A145132" i="1" s="1"/>
  <c r="A145133" i="1" s="1"/>
  <c r="A145134" i="1" s="1"/>
  <c r="A145135" i="1" s="1"/>
  <c r="A145136" i="1" s="1"/>
  <c r="A145137" i="1" s="1"/>
  <c r="A145138" i="1" s="1"/>
  <c r="A145139" i="1" s="1"/>
  <c r="A145140" i="1" s="1"/>
  <c r="A145141" i="1" s="1"/>
  <c r="A145142" i="1" s="1"/>
  <c r="A145143" i="1" s="1"/>
  <c r="A145144" i="1" s="1"/>
  <c r="A145145" i="1" s="1"/>
  <c r="A145146" i="1" s="1"/>
  <c r="A145147" i="1" s="1"/>
  <c r="A145148" i="1" s="1"/>
  <c r="A145149" i="1" s="1"/>
  <c r="A145150" i="1" s="1"/>
  <c r="A145151" i="1" s="1"/>
  <c r="A145152" i="1" s="1"/>
  <c r="A145153" i="1" s="1"/>
  <c r="A145154" i="1" s="1"/>
  <c r="A145155" i="1" s="1"/>
  <c r="A145156" i="1" s="1"/>
  <c r="A145157" i="1" s="1"/>
  <c r="A145158" i="1" s="1"/>
  <c r="A145159" i="1" s="1"/>
  <c r="A145160" i="1" s="1"/>
  <c r="A145161" i="1" s="1"/>
  <c r="A145162" i="1" s="1"/>
  <c r="A145163" i="1" s="1"/>
  <c r="A145164" i="1" s="1"/>
  <c r="A145165" i="1" s="1"/>
  <c r="A145166" i="1" s="1"/>
  <c r="A145167" i="1" s="1"/>
  <c r="A145168" i="1" s="1"/>
  <c r="A145169" i="1" s="1"/>
  <c r="A145170" i="1" s="1"/>
  <c r="A145171" i="1" s="1"/>
  <c r="A145172" i="1" s="1"/>
  <c r="A145173" i="1" s="1"/>
  <c r="A145174" i="1" s="1"/>
  <c r="A145175" i="1" s="1"/>
  <c r="A145176" i="1" s="1"/>
  <c r="A145177" i="1" s="1"/>
  <c r="A145178" i="1" s="1"/>
  <c r="A145179" i="1" s="1"/>
  <c r="A145180" i="1" s="1"/>
  <c r="A145181" i="1" s="1"/>
  <c r="A145182" i="1" s="1"/>
  <c r="A145183" i="1" s="1"/>
  <c r="A145184" i="1" s="1"/>
  <c r="A145185" i="1" s="1"/>
  <c r="A145186" i="1" s="1"/>
  <c r="A145187" i="1" s="1"/>
  <c r="A145188" i="1" s="1"/>
  <c r="A145189" i="1" s="1"/>
  <c r="A145190" i="1" s="1"/>
  <c r="A145191" i="1" s="1"/>
  <c r="A145192" i="1" s="1"/>
  <c r="A145193" i="1" s="1"/>
  <c r="A145194" i="1" s="1"/>
  <c r="A145195" i="1" s="1"/>
  <c r="A145196" i="1" s="1"/>
  <c r="A145197" i="1" s="1"/>
  <c r="A145198" i="1" s="1"/>
  <c r="A145199" i="1" s="1"/>
  <c r="A145200" i="1" s="1"/>
  <c r="A145201" i="1" s="1"/>
  <c r="A145202" i="1" s="1"/>
  <c r="A145203" i="1" s="1"/>
  <c r="A145204" i="1" s="1"/>
  <c r="A145205" i="1" s="1"/>
  <c r="A145206" i="1" s="1"/>
  <c r="A145207" i="1" s="1"/>
  <c r="A145208" i="1" s="1"/>
  <c r="A145209" i="1" s="1"/>
  <c r="A145210" i="1" s="1"/>
  <c r="A145211" i="1" s="1"/>
  <c r="A145212" i="1" s="1"/>
  <c r="A145213" i="1" s="1"/>
  <c r="A145214" i="1" s="1"/>
  <c r="A145215" i="1" s="1"/>
  <c r="A145216" i="1" s="1"/>
  <c r="A145217" i="1" s="1"/>
  <c r="A145218" i="1" s="1"/>
  <c r="A145219" i="1" s="1"/>
  <c r="A145220" i="1" s="1"/>
  <c r="A145221" i="1" s="1"/>
  <c r="A145222" i="1" s="1"/>
  <c r="A145223" i="1" s="1"/>
  <c r="A145224" i="1" s="1"/>
  <c r="A145225" i="1" s="1"/>
  <c r="A145226" i="1" s="1"/>
  <c r="A145227" i="1" s="1"/>
  <c r="A145228" i="1" s="1"/>
  <c r="A145229" i="1" s="1"/>
  <c r="A145230" i="1" s="1"/>
  <c r="A145231" i="1" s="1"/>
  <c r="A145232" i="1" s="1"/>
  <c r="A145233" i="1" s="1"/>
  <c r="A145234" i="1" s="1"/>
  <c r="A145235" i="1" s="1"/>
  <c r="A145236" i="1" s="1"/>
  <c r="A145237" i="1" s="1"/>
  <c r="A145238" i="1" s="1"/>
  <c r="A145239" i="1" s="1"/>
  <c r="A145240" i="1" s="1"/>
  <c r="A145241" i="1" s="1"/>
  <c r="A145242" i="1" s="1"/>
  <c r="A145243" i="1" s="1"/>
  <c r="A145244" i="1" s="1"/>
  <c r="A145245" i="1" s="1"/>
  <c r="A145246" i="1" s="1"/>
  <c r="A145247" i="1" s="1"/>
  <c r="A145248" i="1" s="1"/>
  <c r="A145249" i="1" s="1"/>
  <c r="A145250" i="1" s="1"/>
  <c r="A145251" i="1" s="1"/>
  <c r="A145252" i="1" s="1"/>
  <c r="A145253" i="1" s="1"/>
  <c r="A145254" i="1" s="1"/>
  <c r="A145255" i="1" s="1"/>
  <c r="A145256" i="1" s="1"/>
  <c r="A145257" i="1" s="1"/>
  <c r="A145258" i="1" s="1"/>
  <c r="A145259" i="1" s="1"/>
  <c r="A145260" i="1" s="1"/>
  <c r="A145261" i="1" s="1"/>
  <c r="A145262" i="1" s="1"/>
  <c r="A145263" i="1" s="1"/>
  <c r="A145264" i="1" s="1"/>
  <c r="A145265" i="1" s="1"/>
  <c r="A145266" i="1" s="1"/>
  <c r="A145267" i="1" s="1"/>
  <c r="A145268" i="1" s="1"/>
  <c r="A145269" i="1" s="1"/>
  <c r="A145270" i="1" s="1"/>
  <c r="A145271" i="1" s="1"/>
  <c r="A145272" i="1" s="1"/>
  <c r="A145273" i="1" s="1"/>
  <c r="A145274" i="1" s="1"/>
  <c r="A145275" i="1" s="1"/>
  <c r="A145276" i="1" s="1"/>
  <c r="A145277" i="1" s="1"/>
  <c r="A145278" i="1" s="1"/>
  <c r="A145279" i="1" s="1"/>
  <c r="A145280" i="1" s="1"/>
  <c r="A145281" i="1" s="1"/>
  <c r="A145282" i="1" s="1"/>
  <c r="A145283" i="1" s="1"/>
  <c r="A145284" i="1" s="1"/>
  <c r="A145285" i="1" s="1"/>
  <c r="A145286" i="1" s="1"/>
  <c r="A145287" i="1" s="1"/>
  <c r="A145288" i="1" s="1"/>
  <c r="A145289" i="1" s="1"/>
  <c r="A145290" i="1" s="1"/>
  <c r="A145291" i="1" s="1"/>
  <c r="A145292" i="1" s="1"/>
  <c r="A145293" i="1" s="1"/>
  <c r="A145294" i="1" s="1"/>
  <c r="A145295" i="1" s="1"/>
  <c r="A145296" i="1" s="1"/>
  <c r="A145297" i="1" s="1"/>
  <c r="A145298" i="1" s="1"/>
  <c r="A145299" i="1" s="1"/>
  <c r="A145300" i="1" s="1"/>
  <c r="A145301" i="1" s="1"/>
  <c r="A145302" i="1" s="1"/>
  <c r="A145303" i="1" s="1"/>
  <c r="A145304" i="1" s="1"/>
  <c r="A145305" i="1" s="1"/>
  <c r="A145306" i="1" s="1"/>
  <c r="A145307" i="1" s="1"/>
  <c r="A145308" i="1" s="1"/>
  <c r="A145309" i="1" s="1"/>
  <c r="A145310" i="1" s="1"/>
  <c r="A145311" i="1" s="1"/>
  <c r="A145312" i="1" s="1"/>
  <c r="A145313" i="1" s="1"/>
  <c r="A145314" i="1" s="1"/>
  <c r="A145315" i="1" s="1"/>
  <c r="A145316" i="1" s="1"/>
  <c r="A145317" i="1" s="1"/>
  <c r="A145318" i="1" s="1"/>
  <c r="A145319" i="1" s="1"/>
  <c r="A145320" i="1" s="1"/>
  <c r="A145321" i="1" s="1"/>
  <c r="A145322" i="1" s="1"/>
  <c r="A145323" i="1" s="1"/>
  <c r="A145324" i="1" s="1"/>
  <c r="A145325" i="1" s="1"/>
  <c r="A145326" i="1" s="1"/>
  <c r="A145327" i="1" s="1"/>
  <c r="A145328" i="1" s="1"/>
  <c r="A145329" i="1" s="1"/>
  <c r="A145330" i="1" s="1"/>
  <c r="A145331" i="1" s="1"/>
  <c r="A145332" i="1" s="1"/>
  <c r="A145333" i="1" s="1"/>
  <c r="A145334" i="1" s="1"/>
  <c r="A145335" i="1" s="1"/>
  <c r="A145336" i="1" s="1"/>
  <c r="A145337" i="1" s="1"/>
  <c r="A145338" i="1" s="1"/>
  <c r="A145339" i="1" s="1"/>
  <c r="A145340" i="1" s="1"/>
  <c r="A145341" i="1" s="1"/>
  <c r="A145342" i="1" s="1"/>
  <c r="A145343" i="1" s="1"/>
  <c r="A145344" i="1" s="1"/>
  <c r="A145345" i="1" s="1"/>
  <c r="A145346" i="1" s="1"/>
  <c r="A145347" i="1" s="1"/>
  <c r="A145348" i="1" s="1"/>
  <c r="A145349" i="1" s="1"/>
  <c r="A145350" i="1" s="1"/>
  <c r="A145351" i="1" s="1"/>
  <c r="A145352" i="1" s="1"/>
  <c r="A145353" i="1" s="1"/>
  <c r="A145354" i="1" s="1"/>
  <c r="A145355" i="1" s="1"/>
  <c r="A145356" i="1" s="1"/>
  <c r="A145357" i="1" s="1"/>
  <c r="A145358" i="1" s="1"/>
  <c r="A145359" i="1" s="1"/>
  <c r="A145360" i="1" s="1"/>
  <c r="A145361" i="1" s="1"/>
  <c r="A145362" i="1" s="1"/>
  <c r="A145363" i="1" s="1"/>
  <c r="A145364" i="1" s="1"/>
  <c r="A145365" i="1" s="1"/>
  <c r="A145366" i="1" s="1"/>
  <c r="A145367" i="1" s="1"/>
  <c r="A145368" i="1" s="1"/>
  <c r="A145369" i="1" s="1"/>
  <c r="A145370" i="1" s="1"/>
  <c r="A145371" i="1" s="1"/>
  <c r="A145372" i="1" s="1"/>
  <c r="A145373" i="1" s="1"/>
  <c r="A145374" i="1" s="1"/>
  <c r="A145375" i="1" s="1"/>
  <c r="A145376" i="1" s="1"/>
  <c r="A145377" i="1" s="1"/>
  <c r="A145378" i="1" s="1"/>
  <c r="A145379" i="1" s="1"/>
  <c r="A145380" i="1" s="1"/>
  <c r="A145381" i="1" s="1"/>
  <c r="A145382" i="1" s="1"/>
  <c r="A145383" i="1" s="1"/>
  <c r="A145384" i="1" s="1"/>
  <c r="A145385" i="1" s="1"/>
  <c r="A145386" i="1" s="1"/>
  <c r="A145387" i="1" s="1"/>
  <c r="A145388" i="1" s="1"/>
  <c r="A145389" i="1" s="1"/>
  <c r="A145390" i="1" s="1"/>
  <c r="A145391" i="1" s="1"/>
  <c r="A145392" i="1" s="1"/>
  <c r="A145393" i="1" s="1"/>
  <c r="A145394" i="1" s="1"/>
  <c r="A145395" i="1" s="1"/>
  <c r="A145396" i="1" s="1"/>
  <c r="A145397" i="1" s="1"/>
  <c r="A145398" i="1" s="1"/>
  <c r="A145399" i="1" s="1"/>
  <c r="A145400" i="1" s="1"/>
  <c r="A145401" i="1" s="1"/>
  <c r="A145402" i="1" s="1"/>
  <c r="A145403" i="1" s="1"/>
  <c r="A145404" i="1" s="1"/>
  <c r="A145405" i="1" s="1"/>
  <c r="A145406" i="1" s="1"/>
  <c r="A145407" i="1" s="1"/>
  <c r="A145408" i="1" s="1"/>
  <c r="A145409" i="1" s="1"/>
  <c r="A145410" i="1" s="1"/>
  <c r="A145411" i="1" s="1"/>
  <c r="A145412" i="1" s="1"/>
  <c r="A145413" i="1" s="1"/>
  <c r="A145414" i="1" s="1"/>
  <c r="A145415" i="1" s="1"/>
  <c r="A145416" i="1" s="1"/>
  <c r="A145417" i="1" s="1"/>
  <c r="A145418" i="1" s="1"/>
  <c r="A145419" i="1" s="1"/>
  <c r="A145420" i="1" s="1"/>
  <c r="A145421" i="1" s="1"/>
  <c r="A145422" i="1" s="1"/>
  <c r="A145423" i="1" s="1"/>
  <c r="A145424" i="1" s="1"/>
  <c r="A145425" i="1" s="1"/>
  <c r="A145426" i="1" s="1"/>
  <c r="A145427" i="1" s="1"/>
  <c r="A145428" i="1" s="1"/>
  <c r="A145429" i="1" s="1"/>
  <c r="A145430" i="1" s="1"/>
  <c r="A145431" i="1" s="1"/>
  <c r="A145432" i="1" s="1"/>
  <c r="A145433" i="1" s="1"/>
  <c r="A145434" i="1" s="1"/>
  <c r="A145435" i="1" s="1"/>
  <c r="A145436" i="1" s="1"/>
  <c r="A145437" i="1" s="1"/>
  <c r="A145438" i="1" s="1"/>
  <c r="A145439" i="1" s="1"/>
  <c r="A145440" i="1" s="1"/>
  <c r="A145441" i="1" s="1"/>
  <c r="A145442" i="1" s="1"/>
  <c r="A145443" i="1" s="1"/>
  <c r="A145444" i="1" s="1"/>
  <c r="A145445" i="1" s="1"/>
  <c r="A145446" i="1" s="1"/>
  <c r="A145447" i="1" s="1"/>
  <c r="A145448" i="1" s="1"/>
  <c r="A145449" i="1" s="1"/>
  <c r="A145450" i="1" s="1"/>
  <c r="A145451" i="1" s="1"/>
  <c r="A145452" i="1" s="1"/>
  <c r="A145453" i="1" s="1"/>
  <c r="A145454" i="1" s="1"/>
  <c r="A145455" i="1" s="1"/>
  <c r="A145456" i="1" s="1"/>
  <c r="A145457" i="1" s="1"/>
  <c r="A145458" i="1" s="1"/>
  <c r="A145459" i="1" s="1"/>
  <c r="A145460" i="1" s="1"/>
  <c r="A145461" i="1" s="1"/>
  <c r="A145462" i="1" s="1"/>
  <c r="A145463" i="1" s="1"/>
  <c r="A145464" i="1" s="1"/>
  <c r="A145465" i="1" s="1"/>
  <c r="A145466" i="1" s="1"/>
  <c r="A145467" i="1" s="1"/>
  <c r="A145468" i="1" s="1"/>
  <c r="A145469" i="1" s="1"/>
  <c r="A145470" i="1" s="1"/>
  <c r="A145471" i="1" s="1"/>
  <c r="A145472" i="1" s="1"/>
  <c r="A145473" i="1" s="1"/>
  <c r="A145474" i="1" s="1"/>
  <c r="A145475" i="1" s="1"/>
  <c r="A145476" i="1" s="1"/>
  <c r="A145477" i="1" s="1"/>
  <c r="A145478" i="1" s="1"/>
  <c r="A145479" i="1" s="1"/>
  <c r="A145480" i="1" s="1"/>
  <c r="A145481" i="1" s="1"/>
  <c r="A145482" i="1" s="1"/>
  <c r="A145483" i="1" s="1"/>
  <c r="A145484" i="1" s="1"/>
  <c r="A145485" i="1" s="1"/>
  <c r="A145486" i="1" s="1"/>
  <c r="A145487" i="1" s="1"/>
  <c r="A145488" i="1" s="1"/>
  <c r="A145489" i="1" s="1"/>
  <c r="A145490" i="1" s="1"/>
  <c r="A145491" i="1" s="1"/>
  <c r="A145492" i="1" s="1"/>
  <c r="A145493" i="1" s="1"/>
  <c r="A145494" i="1" s="1"/>
  <c r="A145495" i="1" s="1"/>
  <c r="A145496" i="1" s="1"/>
  <c r="A145497" i="1" s="1"/>
  <c r="A145498" i="1" s="1"/>
  <c r="A145499" i="1" s="1"/>
  <c r="A145500" i="1" s="1"/>
  <c r="A145501" i="1" s="1"/>
  <c r="A145502" i="1" s="1"/>
  <c r="A145503" i="1" s="1"/>
  <c r="A145504" i="1" s="1"/>
  <c r="A145505" i="1" s="1"/>
  <c r="A145506" i="1" s="1"/>
  <c r="A145507" i="1" s="1"/>
  <c r="A145508" i="1" s="1"/>
  <c r="A145509" i="1" s="1"/>
  <c r="A145510" i="1" s="1"/>
  <c r="A145511" i="1" s="1"/>
  <c r="A145512" i="1" s="1"/>
  <c r="A145513" i="1" s="1"/>
  <c r="A145514" i="1" s="1"/>
  <c r="A145515" i="1" s="1"/>
  <c r="A145516" i="1" s="1"/>
  <c r="A145517" i="1" s="1"/>
  <c r="A145518" i="1" s="1"/>
  <c r="A145519" i="1" s="1"/>
  <c r="A145520" i="1" s="1"/>
  <c r="A145521" i="1" s="1"/>
  <c r="A145522" i="1" s="1"/>
  <c r="A145523" i="1" s="1"/>
  <c r="A145524" i="1" s="1"/>
  <c r="A145525" i="1" s="1"/>
  <c r="A145526" i="1" s="1"/>
  <c r="A145527" i="1" s="1"/>
  <c r="A145528" i="1" s="1"/>
  <c r="A145529" i="1" s="1"/>
  <c r="A145530" i="1" s="1"/>
  <c r="A145531" i="1" s="1"/>
  <c r="A145532" i="1" s="1"/>
  <c r="A145533" i="1" s="1"/>
  <c r="A145534" i="1" s="1"/>
  <c r="A145535" i="1" s="1"/>
  <c r="A145536" i="1" s="1"/>
  <c r="A145537" i="1" s="1"/>
  <c r="A145538" i="1" s="1"/>
  <c r="A145539" i="1" s="1"/>
  <c r="A145540" i="1" s="1"/>
  <c r="A145541" i="1" s="1"/>
  <c r="A145542" i="1" s="1"/>
  <c r="A145543" i="1" s="1"/>
  <c r="A145544" i="1" s="1"/>
  <c r="A145545" i="1" s="1"/>
  <c r="A145546" i="1" s="1"/>
  <c r="A145547" i="1" s="1"/>
  <c r="A145548" i="1" s="1"/>
  <c r="A145549" i="1" s="1"/>
  <c r="A145550" i="1" s="1"/>
  <c r="A145551" i="1" s="1"/>
  <c r="A145552" i="1" s="1"/>
  <c r="A145553" i="1" s="1"/>
  <c r="A145554" i="1" s="1"/>
  <c r="A145555" i="1" s="1"/>
  <c r="A145556" i="1" s="1"/>
  <c r="A145557" i="1" s="1"/>
  <c r="A145558" i="1" s="1"/>
  <c r="A145559" i="1" s="1"/>
  <c r="A145560" i="1" s="1"/>
  <c r="A145561" i="1" s="1"/>
  <c r="A145562" i="1" s="1"/>
  <c r="A145563" i="1" s="1"/>
  <c r="A145564" i="1" s="1"/>
  <c r="A145565" i="1" s="1"/>
  <c r="A145566" i="1" s="1"/>
  <c r="A145567" i="1" s="1"/>
  <c r="A145568" i="1" s="1"/>
  <c r="A145569" i="1" s="1"/>
  <c r="A145570" i="1" s="1"/>
  <c r="A145571" i="1" s="1"/>
  <c r="A145572" i="1" s="1"/>
  <c r="A145573" i="1" s="1"/>
  <c r="A145574" i="1" s="1"/>
  <c r="A145575" i="1" s="1"/>
  <c r="A145576" i="1" s="1"/>
  <c r="A145577" i="1" s="1"/>
  <c r="A145578" i="1" s="1"/>
  <c r="A145579" i="1" s="1"/>
  <c r="A145580" i="1" s="1"/>
  <c r="A145581" i="1" s="1"/>
  <c r="A145582" i="1" s="1"/>
  <c r="A145583" i="1" s="1"/>
  <c r="A145584" i="1" s="1"/>
  <c r="A145585" i="1" s="1"/>
  <c r="A145586" i="1" s="1"/>
  <c r="A145587" i="1" s="1"/>
  <c r="A145588" i="1" s="1"/>
  <c r="A145589" i="1" s="1"/>
  <c r="A145590" i="1" s="1"/>
  <c r="A145591" i="1" s="1"/>
  <c r="A145592" i="1" s="1"/>
  <c r="A145593" i="1" s="1"/>
  <c r="A145594" i="1" s="1"/>
  <c r="A145595" i="1" s="1"/>
  <c r="A145596" i="1" s="1"/>
  <c r="A145597" i="1" s="1"/>
  <c r="A145598" i="1" s="1"/>
  <c r="A145599" i="1" s="1"/>
  <c r="A145600" i="1" s="1"/>
  <c r="A145601" i="1" s="1"/>
  <c r="A145602" i="1" s="1"/>
  <c r="A145603" i="1" s="1"/>
  <c r="A145604" i="1" s="1"/>
  <c r="A145605" i="1" s="1"/>
  <c r="A145606" i="1" s="1"/>
  <c r="A145607" i="1" s="1"/>
  <c r="A145608" i="1" s="1"/>
  <c r="A145609" i="1" s="1"/>
  <c r="A145610" i="1" s="1"/>
  <c r="A145611" i="1" s="1"/>
  <c r="A145612" i="1" s="1"/>
  <c r="A145613" i="1" s="1"/>
  <c r="A145614" i="1" s="1"/>
  <c r="A145615" i="1" s="1"/>
  <c r="A145616" i="1" s="1"/>
  <c r="A145617" i="1" s="1"/>
  <c r="A145618" i="1" s="1"/>
  <c r="A145619" i="1" s="1"/>
  <c r="A145620" i="1" s="1"/>
  <c r="A145621" i="1" s="1"/>
  <c r="A145622" i="1" s="1"/>
  <c r="A145623" i="1" s="1"/>
  <c r="A145624" i="1" s="1"/>
  <c r="A145625" i="1" s="1"/>
  <c r="A145626" i="1" s="1"/>
  <c r="A145627" i="1" s="1"/>
  <c r="A145628" i="1" s="1"/>
  <c r="A145629" i="1" s="1"/>
  <c r="A145630" i="1" s="1"/>
  <c r="A145631" i="1" s="1"/>
  <c r="A145632" i="1" s="1"/>
  <c r="A145633" i="1" s="1"/>
  <c r="A145634" i="1" s="1"/>
  <c r="A145635" i="1" s="1"/>
  <c r="A145636" i="1" s="1"/>
  <c r="A145637" i="1" s="1"/>
  <c r="A145638" i="1" s="1"/>
  <c r="A145639" i="1" s="1"/>
  <c r="A145640" i="1" s="1"/>
  <c r="A145641" i="1" s="1"/>
  <c r="A145642" i="1" s="1"/>
  <c r="A145643" i="1" s="1"/>
  <c r="A145644" i="1" s="1"/>
  <c r="A145645" i="1" s="1"/>
  <c r="A145646" i="1" s="1"/>
  <c r="A145647" i="1" s="1"/>
  <c r="A145648" i="1" s="1"/>
  <c r="A145649" i="1" s="1"/>
  <c r="A145650" i="1" s="1"/>
  <c r="A145651" i="1" s="1"/>
  <c r="A145652" i="1" s="1"/>
  <c r="A145653" i="1" s="1"/>
  <c r="A145654" i="1" s="1"/>
  <c r="A145655" i="1" s="1"/>
  <c r="A145656" i="1" s="1"/>
  <c r="A145657" i="1" s="1"/>
  <c r="A145658" i="1" s="1"/>
  <c r="A145659" i="1" s="1"/>
  <c r="A145660" i="1" s="1"/>
  <c r="A145661" i="1" s="1"/>
  <c r="A145662" i="1" s="1"/>
  <c r="A145663" i="1" s="1"/>
  <c r="A145664" i="1" s="1"/>
  <c r="A145665" i="1" s="1"/>
  <c r="A145666" i="1" s="1"/>
  <c r="A145667" i="1" s="1"/>
  <c r="A145668" i="1" s="1"/>
  <c r="A145669" i="1" s="1"/>
  <c r="A145670" i="1" s="1"/>
  <c r="A145671" i="1" s="1"/>
  <c r="A145672" i="1" s="1"/>
  <c r="A145673" i="1" s="1"/>
  <c r="A145674" i="1" s="1"/>
  <c r="A145675" i="1" s="1"/>
  <c r="A145676" i="1" s="1"/>
  <c r="A145677" i="1" s="1"/>
  <c r="A145678" i="1" s="1"/>
  <c r="A145679" i="1" s="1"/>
  <c r="A145680" i="1" s="1"/>
  <c r="A145681" i="1" s="1"/>
  <c r="A145682" i="1" s="1"/>
  <c r="A145683" i="1" s="1"/>
  <c r="A145684" i="1" s="1"/>
  <c r="A145685" i="1" s="1"/>
  <c r="A145686" i="1" s="1"/>
  <c r="A145687" i="1" s="1"/>
  <c r="A145688" i="1" s="1"/>
  <c r="A145689" i="1" s="1"/>
  <c r="A145690" i="1" s="1"/>
  <c r="A145691" i="1" s="1"/>
  <c r="A145692" i="1" s="1"/>
  <c r="A145693" i="1" s="1"/>
  <c r="A145694" i="1" s="1"/>
  <c r="A145695" i="1" s="1"/>
  <c r="A145696" i="1" s="1"/>
  <c r="A145697" i="1" s="1"/>
  <c r="A145698" i="1" s="1"/>
  <c r="A145699" i="1" s="1"/>
  <c r="A145700" i="1" s="1"/>
  <c r="A145701" i="1" s="1"/>
  <c r="A145702" i="1" s="1"/>
  <c r="A145703" i="1" s="1"/>
  <c r="A145704" i="1" s="1"/>
  <c r="A145705" i="1" s="1"/>
  <c r="A145706" i="1" s="1"/>
  <c r="A145707" i="1" s="1"/>
  <c r="A145708" i="1" s="1"/>
  <c r="A145709" i="1" s="1"/>
  <c r="A145710" i="1" s="1"/>
  <c r="A145711" i="1" s="1"/>
  <c r="A145712" i="1" s="1"/>
  <c r="A145713" i="1" s="1"/>
  <c r="A145714" i="1" s="1"/>
  <c r="A145715" i="1" s="1"/>
  <c r="A145716" i="1" s="1"/>
  <c r="A145717" i="1" s="1"/>
  <c r="A145718" i="1" s="1"/>
  <c r="A145719" i="1" s="1"/>
  <c r="A145720" i="1" s="1"/>
  <c r="A145721" i="1" s="1"/>
  <c r="A145722" i="1" s="1"/>
  <c r="A145723" i="1" s="1"/>
  <c r="A145724" i="1" s="1"/>
  <c r="A145725" i="1" s="1"/>
  <c r="A145726" i="1" s="1"/>
  <c r="A145727" i="1" s="1"/>
  <c r="A145728" i="1" s="1"/>
  <c r="A145729" i="1" s="1"/>
  <c r="A145730" i="1" s="1"/>
  <c r="A145731" i="1" s="1"/>
  <c r="A145732" i="1" s="1"/>
  <c r="A145733" i="1" s="1"/>
  <c r="A145734" i="1" s="1"/>
  <c r="A145735" i="1" s="1"/>
  <c r="A145736" i="1" s="1"/>
  <c r="A145737" i="1" s="1"/>
  <c r="A145738" i="1" s="1"/>
  <c r="A145739" i="1" s="1"/>
  <c r="A145740" i="1" s="1"/>
  <c r="A145741" i="1" s="1"/>
  <c r="A145742" i="1" s="1"/>
  <c r="A145743" i="1" s="1"/>
  <c r="A145744" i="1" s="1"/>
  <c r="A145745" i="1" s="1"/>
  <c r="A145746" i="1" s="1"/>
  <c r="A145747" i="1" s="1"/>
  <c r="A145748" i="1" s="1"/>
  <c r="A145749" i="1" s="1"/>
  <c r="A145750" i="1" s="1"/>
  <c r="A145751" i="1" s="1"/>
  <c r="A145752" i="1" s="1"/>
  <c r="A145753" i="1" s="1"/>
  <c r="A145754" i="1" s="1"/>
  <c r="A145755" i="1" s="1"/>
  <c r="A145756" i="1" s="1"/>
  <c r="A145757" i="1" s="1"/>
  <c r="A145758" i="1" s="1"/>
  <c r="A145759" i="1" s="1"/>
  <c r="A145760" i="1" s="1"/>
  <c r="A145761" i="1" s="1"/>
  <c r="A145762" i="1" s="1"/>
  <c r="A145763" i="1" s="1"/>
  <c r="A145764" i="1" s="1"/>
  <c r="A145765" i="1" s="1"/>
  <c r="A145766" i="1" s="1"/>
  <c r="A145767" i="1" s="1"/>
  <c r="A145768" i="1" s="1"/>
  <c r="A145769" i="1" s="1"/>
  <c r="A145770" i="1" s="1"/>
  <c r="A145771" i="1" s="1"/>
  <c r="A145772" i="1" s="1"/>
  <c r="A145773" i="1" s="1"/>
  <c r="A145774" i="1" s="1"/>
  <c r="A145775" i="1" s="1"/>
  <c r="A145776" i="1" s="1"/>
  <c r="A145777" i="1" s="1"/>
  <c r="A145778" i="1" s="1"/>
  <c r="A145779" i="1" s="1"/>
  <c r="A145780" i="1" s="1"/>
  <c r="A145781" i="1" s="1"/>
  <c r="A145782" i="1" s="1"/>
  <c r="A145783" i="1" s="1"/>
  <c r="A145784" i="1" s="1"/>
  <c r="A145785" i="1" s="1"/>
  <c r="A145786" i="1" s="1"/>
  <c r="A145787" i="1" s="1"/>
  <c r="A145788" i="1" s="1"/>
  <c r="A145789" i="1" s="1"/>
  <c r="A145790" i="1" s="1"/>
  <c r="A145791" i="1" s="1"/>
  <c r="A145792" i="1" s="1"/>
  <c r="A145793" i="1" s="1"/>
  <c r="A145794" i="1" s="1"/>
  <c r="A145795" i="1" s="1"/>
  <c r="A145796" i="1" s="1"/>
  <c r="A145797" i="1" s="1"/>
  <c r="A145798" i="1" s="1"/>
  <c r="A145799" i="1" s="1"/>
  <c r="A145800" i="1" s="1"/>
  <c r="A145801" i="1" s="1"/>
  <c r="A145802" i="1" s="1"/>
  <c r="A145803" i="1" s="1"/>
  <c r="A145804" i="1" s="1"/>
  <c r="A145805" i="1" s="1"/>
  <c r="A145806" i="1" s="1"/>
  <c r="A145807" i="1" s="1"/>
  <c r="A145808" i="1" s="1"/>
  <c r="A145809" i="1" s="1"/>
  <c r="A145810" i="1" s="1"/>
  <c r="A145811" i="1" s="1"/>
  <c r="A145812" i="1" s="1"/>
  <c r="A145813" i="1" s="1"/>
  <c r="A145814" i="1" s="1"/>
  <c r="A145815" i="1" s="1"/>
  <c r="A145816" i="1" s="1"/>
  <c r="A145817" i="1" s="1"/>
  <c r="A145818" i="1" s="1"/>
  <c r="A145819" i="1" s="1"/>
  <c r="A145820" i="1" s="1"/>
  <c r="A145821" i="1" s="1"/>
  <c r="A145822" i="1" s="1"/>
  <c r="A145823" i="1" s="1"/>
  <c r="A145824" i="1" s="1"/>
  <c r="A145825" i="1" s="1"/>
  <c r="A145826" i="1" s="1"/>
  <c r="A145827" i="1" s="1"/>
  <c r="A145828" i="1" s="1"/>
  <c r="A145829" i="1" s="1"/>
  <c r="A145830" i="1" s="1"/>
  <c r="A145831" i="1" s="1"/>
  <c r="A145832" i="1" s="1"/>
  <c r="A145833" i="1" s="1"/>
  <c r="A145834" i="1" s="1"/>
  <c r="A145835" i="1" s="1"/>
  <c r="A145836" i="1" s="1"/>
  <c r="A145837" i="1" s="1"/>
  <c r="A145838" i="1" s="1"/>
  <c r="A145839" i="1" s="1"/>
  <c r="A145840" i="1" s="1"/>
  <c r="A145841" i="1" s="1"/>
  <c r="A145842" i="1" s="1"/>
  <c r="A145843" i="1" s="1"/>
  <c r="A145844" i="1" s="1"/>
  <c r="A145845" i="1" s="1"/>
  <c r="A145846" i="1" s="1"/>
  <c r="A145847" i="1" s="1"/>
  <c r="A145848" i="1" s="1"/>
  <c r="A145849" i="1" s="1"/>
  <c r="A145850" i="1" s="1"/>
  <c r="A145851" i="1" s="1"/>
  <c r="A145852" i="1" s="1"/>
  <c r="A145853" i="1" s="1"/>
  <c r="A145854" i="1" s="1"/>
  <c r="A145855" i="1" s="1"/>
  <c r="A145856" i="1" s="1"/>
  <c r="A145857" i="1" s="1"/>
  <c r="A145858" i="1" s="1"/>
  <c r="A145859" i="1" s="1"/>
  <c r="A145860" i="1" s="1"/>
  <c r="A145861" i="1" s="1"/>
  <c r="A145862" i="1" s="1"/>
  <c r="A145863" i="1" s="1"/>
  <c r="A145864" i="1" s="1"/>
  <c r="A145865" i="1" s="1"/>
  <c r="A145866" i="1" s="1"/>
  <c r="A145867" i="1" s="1"/>
  <c r="A145868" i="1" s="1"/>
  <c r="A145869" i="1" s="1"/>
  <c r="A145870" i="1" s="1"/>
  <c r="A145871" i="1" s="1"/>
  <c r="A145872" i="1" s="1"/>
  <c r="A145873" i="1" s="1"/>
  <c r="A145874" i="1" s="1"/>
  <c r="A145875" i="1" s="1"/>
  <c r="A145876" i="1" s="1"/>
  <c r="A145877" i="1" s="1"/>
  <c r="A145878" i="1" s="1"/>
  <c r="A145879" i="1" s="1"/>
  <c r="A145880" i="1" s="1"/>
  <c r="A145881" i="1" s="1"/>
  <c r="A145882" i="1" s="1"/>
  <c r="A145883" i="1" s="1"/>
  <c r="A145884" i="1" s="1"/>
  <c r="A145885" i="1" s="1"/>
  <c r="A145886" i="1" s="1"/>
  <c r="A145887" i="1" s="1"/>
  <c r="A145888" i="1" s="1"/>
  <c r="A145889" i="1" s="1"/>
  <c r="A145890" i="1" s="1"/>
  <c r="A145891" i="1" s="1"/>
  <c r="A145892" i="1" s="1"/>
  <c r="A145893" i="1" s="1"/>
  <c r="A145894" i="1" s="1"/>
  <c r="A145895" i="1" s="1"/>
  <c r="A145896" i="1" s="1"/>
  <c r="A145897" i="1" s="1"/>
  <c r="A145898" i="1" s="1"/>
  <c r="A145899" i="1" s="1"/>
  <c r="A145900" i="1" s="1"/>
  <c r="A145901" i="1" s="1"/>
  <c r="A145902" i="1" s="1"/>
  <c r="A145903" i="1" s="1"/>
  <c r="A145904" i="1" s="1"/>
  <c r="A145905" i="1" s="1"/>
  <c r="A145906" i="1" s="1"/>
  <c r="A145907" i="1" s="1"/>
  <c r="A145908" i="1" s="1"/>
  <c r="A145909" i="1" s="1"/>
  <c r="A145910" i="1" s="1"/>
  <c r="A145911" i="1" s="1"/>
  <c r="A145912" i="1" s="1"/>
  <c r="A145913" i="1" s="1"/>
  <c r="A145914" i="1" s="1"/>
  <c r="A145915" i="1" s="1"/>
  <c r="A145916" i="1" s="1"/>
  <c r="A145917" i="1" s="1"/>
  <c r="A145918" i="1" s="1"/>
  <c r="A145919" i="1" s="1"/>
  <c r="A145920" i="1" s="1"/>
  <c r="A145921" i="1" s="1"/>
  <c r="A145922" i="1" s="1"/>
  <c r="A145923" i="1" s="1"/>
  <c r="A145924" i="1" s="1"/>
  <c r="A145925" i="1" s="1"/>
  <c r="A145926" i="1" s="1"/>
  <c r="A145927" i="1" s="1"/>
  <c r="A145928" i="1" s="1"/>
  <c r="A145929" i="1" s="1"/>
  <c r="A145930" i="1" s="1"/>
  <c r="A145931" i="1" s="1"/>
  <c r="A145932" i="1" s="1"/>
  <c r="A145933" i="1" s="1"/>
  <c r="A145934" i="1" s="1"/>
  <c r="A145935" i="1" s="1"/>
  <c r="A145936" i="1" s="1"/>
  <c r="A145937" i="1" s="1"/>
  <c r="A145938" i="1" s="1"/>
  <c r="A145939" i="1" s="1"/>
  <c r="A145940" i="1" s="1"/>
  <c r="A145941" i="1" s="1"/>
  <c r="A145942" i="1" s="1"/>
  <c r="A145943" i="1" s="1"/>
  <c r="A145944" i="1" s="1"/>
  <c r="A145945" i="1" s="1"/>
  <c r="A145946" i="1" s="1"/>
  <c r="A145947" i="1" s="1"/>
  <c r="A145948" i="1" s="1"/>
  <c r="A145949" i="1" s="1"/>
  <c r="A145950" i="1" s="1"/>
  <c r="A145951" i="1" s="1"/>
  <c r="A145952" i="1" s="1"/>
  <c r="A145953" i="1" s="1"/>
  <c r="A145954" i="1" s="1"/>
  <c r="A145955" i="1" s="1"/>
  <c r="A145956" i="1" s="1"/>
  <c r="A145957" i="1" s="1"/>
  <c r="A145958" i="1" s="1"/>
  <c r="A145959" i="1" s="1"/>
  <c r="A145960" i="1" s="1"/>
  <c r="A145961" i="1" s="1"/>
  <c r="A145962" i="1" s="1"/>
  <c r="A145963" i="1" s="1"/>
  <c r="A145964" i="1" s="1"/>
  <c r="A145965" i="1" s="1"/>
  <c r="A145966" i="1" s="1"/>
  <c r="A145967" i="1" s="1"/>
  <c r="A145968" i="1" s="1"/>
  <c r="A145969" i="1" s="1"/>
  <c r="A145970" i="1" s="1"/>
  <c r="A145971" i="1" s="1"/>
  <c r="A145972" i="1" s="1"/>
  <c r="A145973" i="1" s="1"/>
  <c r="A145974" i="1" s="1"/>
  <c r="A145975" i="1" s="1"/>
  <c r="A145976" i="1" s="1"/>
  <c r="A145977" i="1" s="1"/>
  <c r="A145978" i="1" s="1"/>
  <c r="A145979" i="1" s="1"/>
  <c r="A145980" i="1" s="1"/>
  <c r="A145981" i="1" s="1"/>
  <c r="A145982" i="1" s="1"/>
  <c r="A145983" i="1" s="1"/>
  <c r="A145984" i="1" s="1"/>
  <c r="A145985" i="1" s="1"/>
  <c r="A145986" i="1" s="1"/>
  <c r="A145987" i="1" s="1"/>
  <c r="A145988" i="1" s="1"/>
  <c r="A145989" i="1" s="1"/>
  <c r="A145990" i="1" s="1"/>
  <c r="A145991" i="1" s="1"/>
  <c r="A145992" i="1" s="1"/>
  <c r="A145993" i="1" s="1"/>
  <c r="A145994" i="1" s="1"/>
  <c r="A145995" i="1" s="1"/>
  <c r="A145996" i="1" s="1"/>
  <c r="A145997" i="1" s="1"/>
  <c r="A145998" i="1" s="1"/>
  <c r="A145999" i="1" s="1"/>
  <c r="A146000" i="1" s="1"/>
  <c r="A146001" i="1" s="1"/>
  <c r="A146002" i="1" s="1"/>
  <c r="A146003" i="1" s="1"/>
  <c r="A146004" i="1" s="1"/>
  <c r="A146005" i="1" s="1"/>
  <c r="A146006" i="1" s="1"/>
  <c r="A146007" i="1" s="1"/>
  <c r="A146008" i="1" s="1"/>
  <c r="A146009" i="1" s="1"/>
  <c r="A146010" i="1" s="1"/>
  <c r="A146011" i="1" s="1"/>
  <c r="A146012" i="1" s="1"/>
  <c r="A146013" i="1" s="1"/>
  <c r="A146014" i="1" s="1"/>
  <c r="A146015" i="1" s="1"/>
  <c r="A146016" i="1" s="1"/>
  <c r="A146017" i="1" s="1"/>
  <c r="A146018" i="1" s="1"/>
  <c r="A146019" i="1" s="1"/>
  <c r="A146020" i="1" s="1"/>
  <c r="A146021" i="1" s="1"/>
  <c r="A146022" i="1" s="1"/>
  <c r="A146023" i="1" s="1"/>
  <c r="A146024" i="1" s="1"/>
  <c r="A146025" i="1" s="1"/>
  <c r="A146026" i="1" s="1"/>
  <c r="A146027" i="1" s="1"/>
  <c r="A146028" i="1" s="1"/>
  <c r="A146029" i="1" s="1"/>
  <c r="A146030" i="1" s="1"/>
  <c r="A146031" i="1" s="1"/>
  <c r="A146032" i="1" s="1"/>
  <c r="A146033" i="1" s="1"/>
  <c r="A146034" i="1" s="1"/>
  <c r="A146035" i="1" s="1"/>
  <c r="A146036" i="1" s="1"/>
  <c r="A146037" i="1" s="1"/>
  <c r="A146038" i="1" s="1"/>
  <c r="A146039" i="1" s="1"/>
  <c r="A146040" i="1" s="1"/>
  <c r="A146041" i="1" s="1"/>
  <c r="A146042" i="1" s="1"/>
  <c r="A146043" i="1" s="1"/>
  <c r="A146044" i="1" s="1"/>
  <c r="A146045" i="1" s="1"/>
  <c r="A146046" i="1" s="1"/>
  <c r="A146047" i="1" s="1"/>
  <c r="A146048" i="1" s="1"/>
  <c r="A146049" i="1" s="1"/>
  <c r="A146050" i="1" s="1"/>
  <c r="A146051" i="1" s="1"/>
  <c r="A146052" i="1" s="1"/>
  <c r="A146053" i="1" s="1"/>
  <c r="A146054" i="1" s="1"/>
  <c r="A146055" i="1" s="1"/>
  <c r="A146056" i="1" s="1"/>
  <c r="A146057" i="1" s="1"/>
  <c r="A146058" i="1" s="1"/>
  <c r="A146059" i="1" s="1"/>
  <c r="A146060" i="1" s="1"/>
  <c r="A146061" i="1" s="1"/>
  <c r="A146062" i="1" s="1"/>
  <c r="A146063" i="1" s="1"/>
  <c r="A146064" i="1" s="1"/>
  <c r="A146065" i="1" s="1"/>
  <c r="A146066" i="1" s="1"/>
  <c r="A146067" i="1" s="1"/>
  <c r="A146068" i="1" s="1"/>
  <c r="A146069" i="1" s="1"/>
  <c r="A146070" i="1" s="1"/>
  <c r="A146071" i="1" s="1"/>
  <c r="A146072" i="1" s="1"/>
  <c r="A146073" i="1" s="1"/>
  <c r="A146074" i="1" s="1"/>
  <c r="A146075" i="1" s="1"/>
  <c r="A146076" i="1" s="1"/>
  <c r="A146077" i="1" s="1"/>
  <c r="A146078" i="1" s="1"/>
  <c r="A146079" i="1" s="1"/>
  <c r="A146080" i="1" s="1"/>
  <c r="A146081" i="1" s="1"/>
  <c r="A146082" i="1" s="1"/>
  <c r="A146083" i="1" s="1"/>
  <c r="A146084" i="1" s="1"/>
  <c r="A146085" i="1" s="1"/>
  <c r="A146086" i="1" s="1"/>
  <c r="A146087" i="1" s="1"/>
  <c r="A146088" i="1" s="1"/>
  <c r="A146089" i="1" s="1"/>
  <c r="A146090" i="1" s="1"/>
  <c r="A146091" i="1" s="1"/>
  <c r="A146092" i="1" s="1"/>
  <c r="A146093" i="1" s="1"/>
  <c r="A146094" i="1" s="1"/>
  <c r="A146095" i="1" s="1"/>
  <c r="A146096" i="1" s="1"/>
  <c r="A146097" i="1" s="1"/>
  <c r="A146098" i="1" s="1"/>
  <c r="A146099" i="1" s="1"/>
  <c r="A146100" i="1" s="1"/>
  <c r="A146101" i="1" s="1"/>
  <c r="A146102" i="1" s="1"/>
  <c r="A146103" i="1" s="1"/>
  <c r="A146104" i="1" s="1"/>
  <c r="A146105" i="1" s="1"/>
  <c r="A146106" i="1" s="1"/>
  <c r="A146107" i="1" s="1"/>
  <c r="A146108" i="1" s="1"/>
  <c r="A146109" i="1" s="1"/>
  <c r="A146110" i="1" s="1"/>
  <c r="A146111" i="1" s="1"/>
  <c r="A146112" i="1" s="1"/>
  <c r="A146113" i="1" s="1"/>
  <c r="A146114" i="1" s="1"/>
  <c r="A146115" i="1" s="1"/>
  <c r="A146116" i="1" s="1"/>
  <c r="A146117" i="1" s="1"/>
  <c r="A146118" i="1" s="1"/>
  <c r="A146119" i="1" s="1"/>
  <c r="A146120" i="1" s="1"/>
  <c r="A146121" i="1" s="1"/>
  <c r="A146122" i="1" s="1"/>
  <c r="A146123" i="1" s="1"/>
  <c r="A146124" i="1" s="1"/>
  <c r="A146125" i="1" s="1"/>
  <c r="A146126" i="1" s="1"/>
  <c r="A146127" i="1" s="1"/>
  <c r="A146128" i="1" s="1"/>
  <c r="A146129" i="1" s="1"/>
  <c r="A146130" i="1" s="1"/>
  <c r="A146131" i="1" s="1"/>
  <c r="A146132" i="1" s="1"/>
  <c r="A146133" i="1" s="1"/>
  <c r="A146134" i="1" s="1"/>
  <c r="A146135" i="1" s="1"/>
  <c r="A146136" i="1" s="1"/>
  <c r="A146137" i="1" s="1"/>
  <c r="A146138" i="1" s="1"/>
  <c r="A146139" i="1" s="1"/>
  <c r="A146140" i="1" s="1"/>
  <c r="A146141" i="1" s="1"/>
  <c r="A146142" i="1" s="1"/>
  <c r="A146143" i="1" s="1"/>
  <c r="A146144" i="1" s="1"/>
  <c r="A146145" i="1" s="1"/>
  <c r="A146146" i="1" s="1"/>
  <c r="A146147" i="1" s="1"/>
  <c r="A146148" i="1" s="1"/>
  <c r="A146149" i="1" s="1"/>
  <c r="A146150" i="1" s="1"/>
  <c r="A146151" i="1" s="1"/>
  <c r="A146152" i="1" s="1"/>
  <c r="A146153" i="1" s="1"/>
  <c r="A146154" i="1" s="1"/>
  <c r="A146155" i="1" s="1"/>
  <c r="A146156" i="1" s="1"/>
  <c r="A146157" i="1" s="1"/>
  <c r="A146158" i="1" s="1"/>
  <c r="A146159" i="1" s="1"/>
  <c r="A146160" i="1" s="1"/>
  <c r="A146161" i="1" s="1"/>
  <c r="A146162" i="1" s="1"/>
  <c r="A146163" i="1" s="1"/>
  <c r="A146164" i="1" s="1"/>
  <c r="A146165" i="1" s="1"/>
  <c r="A146166" i="1" s="1"/>
  <c r="A146167" i="1" s="1"/>
  <c r="A146168" i="1" s="1"/>
  <c r="A146169" i="1" s="1"/>
  <c r="A146170" i="1" s="1"/>
  <c r="A146171" i="1" s="1"/>
  <c r="A146172" i="1" s="1"/>
  <c r="A146173" i="1" s="1"/>
  <c r="A146174" i="1" s="1"/>
  <c r="A146175" i="1" s="1"/>
  <c r="A146176" i="1" s="1"/>
  <c r="A146177" i="1" s="1"/>
  <c r="A146178" i="1" s="1"/>
  <c r="A146179" i="1" s="1"/>
  <c r="A146180" i="1" s="1"/>
  <c r="A146181" i="1" s="1"/>
  <c r="A146182" i="1" s="1"/>
  <c r="A146183" i="1" s="1"/>
  <c r="A146184" i="1" s="1"/>
  <c r="A146185" i="1" s="1"/>
  <c r="A146186" i="1" s="1"/>
  <c r="A146187" i="1" s="1"/>
  <c r="A146188" i="1" s="1"/>
  <c r="A146189" i="1" s="1"/>
  <c r="A146190" i="1" s="1"/>
  <c r="A146191" i="1" s="1"/>
  <c r="A146192" i="1" s="1"/>
  <c r="A146193" i="1" s="1"/>
  <c r="A146194" i="1" s="1"/>
  <c r="A146195" i="1" s="1"/>
  <c r="A146196" i="1" s="1"/>
  <c r="A146197" i="1" s="1"/>
  <c r="A146198" i="1" s="1"/>
  <c r="A146199" i="1" s="1"/>
  <c r="A146200" i="1" s="1"/>
  <c r="A146201" i="1" s="1"/>
  <c r="A146202" i="1" s="1"/>
  <c r="A146203" i="1" s="1"/>
  <c r="A146204" i="1" s="1"/>
  <c r="A146205" i="1" s="1"/>
  <c r="A146206" i="1" s="1"/>
  <c r="A146207" i="1" s="1"/>
  <c r="A146208" i="1" s="1"/>
  <c r="A146209" i="1" s="1"/>
  <c r="A146210" i="1" s="1"/>
  <c r="A146211" i="1" s="1"/>
  <c r="A146212" i="1" s="1"/>
  <c r="A146213" i="1" s="1"/>
  <c r="A146214" i="1" s="1"/>
  <c r="A146215" i="1" s="1"/>
  <c r="A146216" i="1" s="1"/>
  <c r="A146217" i="1" s="1"/>
  <c r="A146218" i="1" s="1"/>
  <c r="A146219" i="1" s="1"/>
  <c r="A146220" i="1" s="1"/>
  <c r="A146221" i="1" s="1"/>
  <c r="A146222" i="1" s="1"/>
  <c r="A146223" i="1" s="1"/>
  <c r="A146224" i="1" s="1"/>
  <c r="A146225" i="1" s="1"/>
  <c r="A146226" i="1" s="1"/>
  <c r="A146227" i="1" s="1"/>
  <c r="A146228" i="1" s="1"/>
  <c r="A146229" i="1" s="1"/>
  <c r="A146230" i="1" s="1"/>
  <c r="A146231" i="1" s="1"/>
  <c r="A146232" i="1" s="1"/>
  <c r="A146233" i="1" s="1"/>
  <c r="A146234" i="1" s="1"/>
  <c r="A146235" i="1" s="1"/>
  <c r="A146236" i="1" s="1"/>
  <c r="A146237" i="1" s="1"/>
  <c r="A146238" i="1" s="1"/>
  <c r="A146239" i="1" s="1"/>
  <c r="A146240" i="1" s="1"/>
  <c r="A146241" i="1" s="1"/>
  <c r="A146242" i="1" s="1"/>
  <c r="A146243" i="1" s="1"/>
  <c r="A146244" i="1" s="1"/>
  <c r="A146245" i="1" s="1"/>
  <c r="A146246" i="1" s="1"/>
  <c r="A146247" i="1" s="1"/>
  <c r="A146248" i="1" s="1"/>
  <c r="A146249" i="1" s="1"/>
  <c r="A146250" i="1" s="1"/>
  <c r="A146251" i="1" s="1"/>
  <c r="A146252" i="1" s="1"/>
  <c r="A146253" i="1" s="1"/>
  <c r="A146254" i="1" s="1"/>
  <c r="A146255" i="1" s="1"/>
  <c r="A146256" i="1" s="1"/>
  <c r="A146257" i="1" s="1"/>
  <c r="A146258" i="1" s="1"/>
  <c r="A146259" i="1" s="1"/>
  <c r="A146260" i="1" s="1"/>
  <c r="A146261" i="1" s="1"/>
  <c r="A146262" i="1" s="1"/>
  <c r="A146263" i="1" s="1"/>
  <c r="A146264" i="1" s="1"/>
  <c r="A146265" i="1" s="1"/>
  <c r="A146266" i="1" s="1"/>
  <c r="A146267" i="1" s="1"/>
  <c r="A146268" i="1" s="1"/>
  <c r="A146269" i="1" s="1"/>
  <c r="A146270" i="1" s="1"/>
  <c r="A146271" i="1" s="1"/>
  <c r="A146272" i="1" s="1"/>
  <c r="A146273" i="1" s="1"/>
  <c r="A146274" i="1" s="1"/>
  <c r="A146275" i="1" s="1"/>
  <c r="A146276" i="1" s="1"/>
  <c r="A146277" i="1" s="1"/>
  <c r="A146278" i="1" s="1"/>
  <c r="A146279" i="1" s="1"/>
  <c r="A146280" i="1" s="1"/>
  <c r="A146281" i="1" s="1"/>
  <c r="A146282" i="1" s="1"/>
  <c r="A146283" i="1" s="1"/>
  <c r="A146284" i="1" s="1"/>
  <c r="A146285" i="1" s="1"/>
  <c r="A146286" i="1" s="1"/>
  <c r="A146287" i="1" s="1"/>
  <c r="A146288" i="1" s="1"/>
  <c r="A146289" i="1" s="1"/>
  <c r="A146290" i="1" s="1"/>
  <c r="A146291" i="1" s="1"/>
  <c r="A146292" i="1" s="1"/>
  <c r="A146293" i="1" s="1"/>
  <c r="A146294" i="1" s="1"/>
  <c r="A146295" i="1" s="1"/>
  <c r="A146296" i="1" s="1"/>
  <c r="A146297" i="1" s="1"/>
  <c r="A146298" i="1" s="1"/>
  <c r="A146299" i="1" s="1"/>
  <c r="A146300" i="1" s="1"/>
  <c r="A146301" i="1" s="1"/>
  <c r="A146302" i="1" s="1"/>
  <c r="A146303" i="1" s="1"/>
  <c r="A146304" i="1" s="1"/>
  <c r="A146305" i="1" s="1"/>
  <c r="A146306" i="1" s="1"/>
  <c r="A146307" i="1" s="1"/>
  <c r="A146308" i="1" s="1"/>
  <c r="A146309" i="1" s="1"/>
  <c r="A146310" i="1" s="1"/>
  <c r="A146311" i="1" s="1"/>
  <c r="A146312" i="1" s="1"/>
  <c r="A146313" i="1" s="1"/>
  <c r="A146314" i="1" s="1"/>
  <c r="A146315" i="1" s="1"/>
  <c r="A146316" i="1" s="1"/>
  <c r="A146317" i="1" s="1"/>
  <c r="A146318" i="1" s="1"/>
  <c r="A146319" i="1" s="1"/>
  <c r="A146320" i="1" s="1"/>
  <c r="A146321" i="1" s="1"/>
  <c r="A146322" i="1" s="1"/>
  <c r="A146323" i="1" s="1"/>
  <c r="A146324" i="1" s="1"/>
  <c r="A146325" i="1" s="1"/>
  <c r="A146326" i="1" s="1"/>
  <c r="A146327" i="1" s="1"/>
  <c r="A146328" i="1" s="1"/>
  <c r="A146329" i="1" s="1"/>
  <c r="A146330" i="1" s="1"/>
  <c r="A146331" i="1" s="1"/>
  <c r="A146332" i="1" s="1"/>
  <c r="A146333" i="1" s="1"/>
  <c r="A146334" i="1" s="1"/>
  <c r="A146335" i="1" s="1"/>
  <c r="A146336" i="1" s="1"/>
  <c r="A146337" i="1" s="1"/>
  <c r="A146338" i="1" s="1"/>
  <c r="A146339" i="1" s="1"/>
  <c r="A146340" i="1" s="1"/>
  <c r="A146341" i="1" s="1"/>
  <c r="A146342" i="1" s="1"/>
  <c r="A146343" i="1" s="1"/>
  <c r="A146344" i="1" s="1"/>
  <c r="A146345" i="1" s="1"/>
  <c r="A146346" i="1" s="1"/>
  <c r="A146347" i="1" s="1"/>
  <c r="A146348" i="1" s="1"/>
  <c r="A146349" i="1" s="1"/>
  <c r="A146350" i="1" s="1"/>
  <c r="A146351" i="1" s="1"/>
  <c r="A146352" i="1" s="1"/>
  <c r="A146353" i="1" s="1"/>
  <c r="A146354" i="1" s="1"/>
  <c r="A146355" i="1" s="1"/>
  <c r="A146356" i="1" s="1"/>
  <c r="A146357" i="1" s="1"/>
  <c r="A146358" i="1" s="1"/>
  <c r="A146359" i="1" s="1"/>
  <c r="A146360" i="1" s="1"/>
  <c r="A146361" i="1" s="1"/>
  <c r="A146362" i="1" s="1"/>
  <c r="A146363" i="1" s="1"/>
  <c r="A146364" i="1" s="1"/>
  <c r="A146365" i="1" s="1"/>
  <c r="A146366" i="1" s="1"/>
  <c r="A146367" i="1" s="1"/>
  <c r="A146368" i="1" s="1"/>
  <c r="A146369" i="1" s="1"/>
  <c r="A146370" i="1" s="1"/>
  <c r="A146371" i="1" s="1"/>
  <c r="A146372" i="1" s="1"/>
  <c r="A146373" i="1" s="1"/>
  <c r="A146374" i="1" s="1"/>
  <c r="A146375" i="1" s="1"/>
  <c r="A146376" i="1" s="1"/>
  <c r="A146377" i="1" s="1"/>
  <c r="A146378" i="1" s="1"/>
  <c r="A146379" i="1" s="1"/>
  <c r="A146380" i="1" s="1"/>
  <c r="A146381" i="1" s="1"/>
  <c r="A146382" i="1" s="1"/>
  <c r="A146383" i="1" s="1"/>
  <c r="A146384" i="1" s="1"/>
  <c r="A146385" i="1" s="1"/>
  <c r="A146386" i="1" s="1"/>
  <c r="A146387" i="1" s="1"/>
  <c r="A146388" i="1" s="1"/>
  <c r="A146389" i="1" s="1"/>
  <c r="A146390" i="1" s="1"/>
  <c r="A146391" i="1" s="1"/>
  <c r="A146392" i="1" s="1"/>
  <c r="A146393" i="1" s="1"/>
  <c r="A146394" i="1" s="1"/>
  <c r="A146395" i="1" s="1"/>
  <c r="A146396" i="1" s="1"/>
  <c r="A146397" i="1" s="1"/>
  <c r="A146398" i="1" s="1"/>
  <c r="A146399" i="1" s="1"/>
  <c r="A146400" i="1" s="1"/>
  <c r="A146401" i="1" s="1"/>
  <c r="A146402" i="1" s="1"/>
  <c r="A146403" i="1" s="1"/>
  <c r="A146404" i="1" s="1"/>
  <c r="A146405" i="1" s="1"/>
  <c r="A146406" i="1" s="1"/>
  <c r="A146407" i="1" s="1"/>
  <c r="A146408" i="1" s="1"/>
  <c r="A146409" i="1" s="1"/>
  <c r="A146410" i="1" s="1"/>
  <c r="A146411" i="1" s="1"/>
  <c r="A146412" i="1" s="1"/>
  <c r="A146413" i="1" s="1"/>
  <c r="A146414" i="1" s="1"/>
  <c r="A146415" i="1" s="1"/>
  <c r="A146416" i="1" s="1"/>
  <c r="A146417" i="1" s="1"/>
  <c r="A146418" i="1" s="1"/>
  <c r="A146419" i="1" s="1"/>
  <c r="A146420" i="1" s="1"/>
  <c r="A146421" i="1" s="1"/>
  <c r="A146422" i="1" s="1"/>
  <c r="A146423" i="1" s="1"/>
  <c r="A146424" i="1" s="1"/>
  <c r="A146425" i="1" s="1"/>
  <c r="A146426" i="1" s="1"/>
  <c r="A146427" i="1" s="1"/>
  <c r="A146428" i="1" s="1"/>
  <c r="A146429" i="1" s="1"/>
  <c r="A146430" i="1" s="1"/>
  <c r="A146431" i="1" s="1"/>
  <c r="A146432" i="1" s="1"/>
  <c r="A146433" i="1" s="1"/>
  <c r="A146434" i="1" s="1"/>
  <c r="A146435" i="1" s="1"/>
  <c r="A146436" i="1" s="1"/>
  <c r="A146437" i="1" s="1"/>
  <c r="A146438" i="1" s="1"/>
  <c r="A146439" i="1" s="1"/>
  <c r="A146440" i="1" s="1"/>
  <c r="A146441" i="1" s="1"/>
  <c r="A146442" i="1" s="1"/>
  <c r="A146443" i="1" s="1"/>
  <c r="A146444" i="1" s="1"/>
  <c r="A146445" i="1" s="1"/>
  <c r="A146446" i="1" s="1"/>
  <c r="A146447" i="1" s="1"/>
  <c r="A146448" i="1" s="1"/>
  <c r="A146449" i="1" s="1"/>
  <c r="A146450" i="1" s="1"/>
  <c r="A146451" i="1" s="1"/>
  <c r="A146452" i="1" s="1"/>
  <c r="A146453" i="1" s="1"/>
  <c r="A146454" i="1" s="1"/>
  <c r="A146455" i="1" s="1"/>
  <c r="A146456" i="1" s="1"/>
  <c r="A146457" i="1" s="1"/>
  <c r="A146458" i="1" s="1"/>
  <c r="A146459" i="1" s="1"/>
  <c r="A146460" i="1" s="1"/>
  <c r="A146461" i="1" s="1"/>
  <c r="A146462" i="1" s="1"/>
  <c r="A146463" i="1" s="1"/>
  <c r="A146464" i="1" s="1"/>
  <c r="A146465" i="1" s="1"/>
  <c r="A146466" i="1" s="1"/>
  <c r="A146467" i="1" s="1"/>
  <c r="A146468" i="1" s="1"/>
  <c r="A146469" i="1" s="1"/>
  <c r="A146470" i="1" s="1"/>
  <c r="A146471" i="1" s="1"/>
  <c r="A146472" i="1" s="1"/>
  <c r="A146473" i="1" s="1"/>
  <c r="A146474" i="1" s="1"/>
  <c r="A146475" i="1" s="1"/>
  <c r="A146476" i="1" s="1"/>
  <c r="A146477" i="1" s="1"/>
  <c r="A146478" i="1" s="1"/>
  <c r="A146479" i="1" s="1"/>
  <c r="A146480" i="1" s="1"/>
  <c r="A146481" i="1" s="1"/>
  <c r="A146482" i="1" s="1"/>
  <c r="A146483" i="1" s="1"/>
  <c r="A146484" i="1" s="1"/>
  <c r="A146485" i="1" s="1"/>
  <c r="A146486" i="1" s="1"/>
  <c r="A146487" i="1" s="1"/>
  <c r="A146488" i="1" s="1"/>
  <c r="A146489" i="1" s="1"/>
  <c r="A146490" i="1" s="1"/>
  <c r="A146491" i="1" s="1"/>
  <c r="A146492" i="1" s="1"/>
  <c r="A146493" i="1" s="1"/>
  <c r="A146494" i="1" s="1"/>
  <c r="A146495" i="1" s="1"/>
  <c r="A146496" i="1" s="1"/>
  <c r="A146497" i="1" s="1"/>
  <c r="A146498" i="1" s="1"/>
  <c r="A146499" i="1" s="1"/>
  <c r="A146500" i="1" s="1"/>
  <c r="A146501" i="1" s="1"/>
  <c r="A146502" i="1" s="1"/>
  <c r="A146503" i="1" s="1"/>
  <c r="A146504" i="1" s="1"/>
  <c r="A146505" i="1" s="1"/>
  <c r="A146506" i="1" s="1"/>
  <c r="A146507" i="1" s="1"/>
  <c r="A146508" i="1" s="1"/>
  <c r="A146509" i="1" s="1"/>
  <c r="A146510" i="1" s="1"/>
  <c r="A146511" i="1" s="1"/>
  <c r="A146512" i="1" s="1"/>
  <c r="A146513" i="1" s="1"/>
  <c r="A146514" i="1" s="1"/>
  <c r="A146515" i="1" s="1"/>
  <c r="A146516" i="1" s="1"/>
  <c r="A146517" i="1" s="1"/>
  <c r="A146518" i="1" s="1"/>
  <c r="A146519" i="1" s="1"/>
  <c r="A146520" i="1" s="1"/>
  <c r="A146521" i="1" s="1"/>
  <c r="A146522" i="1" s="1"/>
  <c r="A146523" i="1" s="1"/>
  <c r="A146524" i="1" s="1"/>
  <c r="A146525" i="1" s="1"/>
  <c r="A146526" i="1" s="1"/>
  <c r="A146527" i="1" s="1"/>
  <c r="A146528" i="1" s="1"/>
  <c r="A146529" i="1" s="1"/>
  <c r="A146530" i="1" s="1"/>
  <c r="A146531" i="1" s="1"/>
  <c r="A146532" i="1" s="1"/>
  <c r="A146533" i="1" s="1"/>
  <c r="A146534" i="1" s="1"/>
  <c r="A146535" i="1" s="1"/>
  <c r="A146536" i="1" s="1"/>
  <c r="A146537" i="1" s="1"/>
  <c r="A146538" i="1" s="1"/>
  <c r="A146539" i="1" s="1"/>
  <c r="A146540" i="1" s="1"/>
  <c r="A146541" i="1" s="1"/>
  <c r="A146542" i="1" s="1"/>
  <c r="A146543" i="1" s="1"/>
  <c r="A146544" i="1" s="1"/>
  <c r="A146545" i="1" s="1"/>
  <c r="A146546" i="1" s="1"/>
  <c r="A146547" i="1" s="1"/>
  <c r="A146548" i="1" s="1"/>
  <c r="A146549" i="1" s="1"/>
  <c r="A146550" i="1" s="1"/>
  <c r="A146551" i="1" s="1"/>
  <c r="A146552" i="1" s="1"/>
  <c r="A146553" i="1" s="1"/>
  <c r="A146554" i="1" s="1"/>
  <c r="A146555" i="1" s="1"/>
  <c r="A146556" i="1" s="1"/>
  <c r="A146557" i="1" s="1"/>
  <c r="A146558" i="1" s="1"/>
  <c r="A146559" i="1" s="1"/>
  <c r="A146560" i="1" s="1"/>
  <c r="A146561" i="1" s="1"/>
  <c r="A146562" i="1" s="1"/>
  <c r="A146563" i="1" s="1"/>
  <c r="A146564" i="1" s="1"/>
  <c r="A146565" i="1" s="1"/>
  <c r="A146566" i="1" s="1"/>
  <c r="A146567" i="1" s="1"/>
  <c r="A146568" i="1" s="1"/>
  <c r="A146569" i="1" s="1"/>
  <c r="A146570" i="1" s="1"/>
  <c r="A146571" i="1" s="1"/>
  <c r="A146572" i="1" s="1"/>
  <c r="A146573" i="1" s="1"/>
  <c r="A146574" i="1" s="1"/>
  <c r="A146575" i="1" s="1"/>
  <c r="A146576" i="1" s="1"/>
  <c r="A146577" i="1" s="1"/>
  <c r="A146578" i="1" s="1"/>
  <c r="A146579" i="1" s="1"/>
  <c r="A146580" i="1" s="1"/>
  <c r="A146581" i="1" s="1"/>
  <c r="A146582" i="1" s="1"/>
  <c r="A146583" i="1" s="1"/>
  <c r="A146584" i="1" s="1"/>
  <c r="A146585" i="1" s="1"/>
  <c r="A146586" i="1" s="1"/>
  <c r="A146587" i="1" s="1"/>
  <c r="A146588" i="1" s="1"/>
  <c r="A146589" i="1" s="1"/>
  <c r="A146590" i="1" s="1"/>
  <c r="A146591" i="1" s="1"/>
  <c r="A146592" i="1" s="1"/>
  <c r="A146593" i="1" s="1"/>
  <c r="A146594" i="1" s="1"/>
  <c r="A146595" i="1" s="1"/>
  <c r="A146596" i="1" s="1"/>
  <c r="A146597" i="1" s="1"/>
  <c r="A146598" i="1" s="1"/>
  <c r="A146599" i="1" s="1"/>
  <c r="A146600" i="1" s="1"/>
  <c r="A146601" i="1" s="1"/>
  <c r="A146602" i="1" s="1"/>
  <c r="A146603" i="1" s="1"/>
  <c r="A146604" i="1" s="1"/>
  <c r="A146605" i="1" s="1"/>
  <c r="A146606" i="1" s="1"/>
  <c r="A146607" i="1" s="1"/>
  <c r="A146608" i="1" s="1"/>
  <c r="A146609" i="1" s="1"/>
  <c r="A146610" i="1" s="1"/>
  <c r="A146611" i="1" s="1"/>
  <c r="A146612" i="1" s="1"/>
  <c r="A146613" i="1" s="1"/>
  <c r="A146614" i="1" s="1"/>
  <c r="A146615" i="1" s="1"/>
  <c r="A146616" i="1" s="1"/>
  <c r="A146617" i="1" s="1"/>
  <c r="A146618" i="1" s="1"/>
  <c r="A146619" i="1" s="1"/>
  <c r="A146620" i="1" s="1"/>
  <c r="A146621" i="1" s="1"/>
  <c r="A146622" i="1" s="1"/>
  <c r="A146623" i="1" s="1"/>
  <c r="A146624" i="1" s="1"/>
  <c r="A146625" i="1" s="1"/>
  <c r="A146626" i="1" s="1"/>
  <c r="A146627" i="1" s="1"/>
  <c r="A146628" i="1" s="1"/>
  <c r="A146629" i="1" s="1"/>
  <c r="A146630" i="1" s="1"/>
  <c r="A146631" i="1" s="1"/>
  <c r="A146632" i="1" s="1"/>
  <c r="A146633" i="1" s="1"/>
  <c r="A146634" i="1" s="1"/>
  <c r="A146635" i="1" s="1"/>
  <c r="A146636" i="1" s="1"/>
  <c r="A146637" i="1" s="1"/>
  <c r="A146638" i="1" s="1"/>
  <c r="A146639" i="1" s="1"/>
  <c r="A146640" i="1" s="1"/>
  <c r="A146641" i="1" s="1"/>
  <c r="A146642" i="1" s="1"/>
  <c r="A146643" i="1" s="1"/>
  <c r="A146644" i="1" s="1"/>
  <c r="A146645" i="1" s="1"/>
  <c r="A146646" i="1" s="1"/>
  <c r="A146647" i="1" s="1"/>
  <c r="A146648" i="1" s="1"/>
  <c r="A146649" i="1" s="1"/>
  <c r="A146650" i="1" s="1"/>
  <c r="A146651" i="1" s="1"/>
  <c r="A146652" i="1" s="1"/>
  <c r="A146653" i="1" s="1"/>
  <c r="A146654" i="1" s="1"/>
  <c r="A146655" i="1" s="1"/>
  <c r="A146656" i="1" s="1"/>
  <c r="A146657" i="1" s="1"/>
  <c r="A146658" i="1" s="1"/>
  <c r="A146659" i="1" s="1"/>
  <c r="A146660" i="1" s="1"/>
  <c r="A146661" i="1" s="1"/>
  <c r="A146662" i="1" s="1"/>
  <c r="A146663" i="1" s="1"/>
  <c r="A146664" i="1" s="1"/>
  <c r="A146665" i="1" s="1"/>
  <c r="A146666" i="1" s="1"/>
  <c r="A146667" i="1" s="1"/>
  <c r="A146668" i="1" s="1"/>
  <c r="A146669" i="1" s="1"/>
  <c r="A146670" i="1" s="1"/>
  <c r="A146671" i="1" s="1"/>
  <c r="A146672" i="1" s="1"/>
  <c r="A146673" i="1" s="1"/>
  <c r="A146674" i="1" s="1"/>
  <c r="A146675" i="1" s="1"/>
  <c r="A146676" i="1" s="1"/>
  <c r="A146677" i="1" s="1"/>
  <c r="A146678" i="1" s="1"/>
  <c r="A146679" i="1" s="1"/>
  <c r="A146680" i="1" s="1"/>
  <c r="A146681" i="1" s="1"/>
  <c r="A146682" i="1" s="1"/>
  <c r="A146683" i="1" s="1"/>
  <c r="A146684" i="1" s="1"/>
  <c r="A146685" i="1" s="1"/>
  <c r="A146686" i="1" s="1"/>
  <c r="A146687" i="1" s="1"/>
  <c r="A146688" i="1" s="1"/>
  <c r="A146689" i="1" s="1"/>
  <c r="A146690" i="1" s="1"/>
  <c r="A146691" i="1" s="1"/>
  <c r="A146692" i="1" s="1"/>
  <c r="A146693" i="1" s="1"/>
  <c r="A146694" i="1" s="1"/>
  <c r="A146695" i="1" s="1"/>
  <c r="A146696" i="1" s="1"/>
  <c r="A146697" i="1" s="1"/>
  <c r="A146698" i="1" s="1"/>
  <c r="A146699" i="1" s="1"/>
  <c r="A146700" i="1" s="1"/>
  <c r="A146701" i="1" s="1"/>
  <c r="A146702" i="1" s="1"/>
  <c r="A146703" i="1" s="1"/>
  <c r="A146704" i="1" s="1"/>
  <c r="A146705" i="1" s="1"/>
  <c r="A146706" i="1" s="1"/>
  <c r="A146707" i="1" s="1"/>
  <c r="A146708" i="1" s="1"/>
  <c r="A146709" i="1" s="1"/>
  <c r="A146710" i="1" s="1"/>
  <c r="A146711" i="1" s="1"/>
  <c r="A146712" i="1" s="1"/>
  <c r="A146713" i="1" s="1"/>
  <c r="A146714" i="1" s="1"/>
  <c r="A146715" i="1" s="1"/>
  <c r="A146716" i="1" s="1"/>
  <c r="A146717" i="1" s="1"/>
  <c r="A146718" i="1" s="1"/>
  <c r="A146719" i="1" s="1"/>
  <c r="A146720" i="1" s="1"/>
  <c r="A146721" i="1" s="1"/>
  <c r="A146722" i="1" s="1"/>
  <c r="A146723" i="1" s="1"/>
  <c r="A146724" i="1" s="1"/>
  <c r="A146725" i="1" s="1"/>
  <c r="A146726" i="1" s="1"/>
  <c r="A146727" i="1" s="1"/>
  <c r="A146728" i="1" s="1"/>
  <c r="A146729" i="1" s="1"/>
  <c r="A146730" i="1" s="1"/>
  <c r="A146731" i="1" s="1"/>
  <c r="A146732" i="1" s="1"/>
  <c r="A146733" i="1" s="1"/>
  <c r="A146734" i="1" s="1"/>
  <c r="A146735" i="1" s="1"/>
  <c r="A146736" i="1" s="1"/>
  <c r="A146737" i="1" s="1"/>
  <c r="A146738" i="1" s="1"/>
  <c r="A146739" i="1" s="1"/>
  <c r="A146740" i="1" s="1"/>
  <c r="A146741" i="1" s="1"/>
  <c r="A146742" i="1" s="1"/>
  <c r="A146743" i="1" s="1"/>
  <c r="A146744" i="1" s="1"/>
  <c r="A146745" i="1" s="1"/>
  <c r="A146746" i="1" s="1"/>
  <c r="A146747" i="1" s="1"/>
  <c r="A146748" i="1" s="1"/>
  <c r="A146749" i="1" s="1"/>
  <c r="A146750" i="1" s="1"/>
  <c r="A146751" i="1" s="1"/>
  <c r="A146752" i="1" s="1"/>
  <c r="A146753" i="1" s="1"/>
  <c r="A146754" i="1" s="1"/>
  <c r="A146755" i="1" s="1"/>
  <c r="A146756" i="1" s="1"/>
  <c r="A146757" i="1" s="1"/>
  <c r="A146758" i="1" s="1"/>
  <c r="A146759" i="1" s="1"/>
  <c r="A146760" i="1" s="1"/>
  <c r="A146761" i="1" s="1"/>
  <c r="A146762" i="1" s="1"/>
  <c r="A146763" i="1" s="1"/>
  <c r="A146764" i="1" s="1"/>
  <c r="A146765" i="1" s="1"/>
  <c r="A146766" i="1" s="1"/>
  <c r="A146767" i="1" s="1"/>
  <c r="A146768" i="1" s="1"/>
  <c r="A146769" i="1" s="1"/>
  <c r="A146770" i="1" s="1"/>
  <c r="A146771" i="1" s="1"/>
  <c r="A146772" i="1" s="1"/>
  <c r="A146773" i="1" s="1"/>
  <c r="A146774" i="1" s="1"/>
  <c r="A146775" i="1" s="1"/>
  <c r="A146776" i="1" s="1"/>
  <c r="A146777" i="1" s="1"/>
  <c r="A146778" i="1" s="1"/>
  <c r="A146779" i="1" s="1"/>
  <c r="A146780" i="1" s="1"/>
  <c r="A146781" i="1" s="1"/>
  <c r="A146782" i="1" s="1"/>
  <c r="A146783" i="1" s="1"/>
  <c r="A146784" i="1" s="1"/>
  <c r="A146785" i="1" s="1"/>
  <c r="A146786" i="1" s="1"/>
  <c r="A146787" i="1" s="1"/>
  <c r="A146788" i="1" s="1"/>
  <c r="A146789" i="1" s="1"/>
  <c r="A146790" i="1" s="1"/>
  <c r="A146791" i="1" s="1"/>
  <c r="A146792" i="1" s="1"/>
  <c r="A146793" i="1" s="1"/>
  <c r="A146794" i="1" s="1"/>
  <c r="A146795" i="1" s="1"/>
  <c r="A146796" i="1" s="1"/>
  <c r="A146797" i="1" s="1"/>
  <c r="A146798" i="1" s="1"/>
  <c r="A146799" i="1" s="1"/>
  <c r="A146800" i="1" s="1"/>
  <c r="A146801" i="1" s="1"/>
  <c r="A146802" i="1" s="1"/>
  <c r="A146803" i="1" s="1"/>
  <c r="A146804" i="1" s="1"/>
  <c r="A146805" i="1" s="1"/>
  <c r="A146806" i="1" s="1"/>
  <c r="A146807" i="1" s="1"/>
  <c r="A146808" i="1" s="1"/>
  <c r="A146809" i="1" s="1"/>
  <c r="A146810" i="1" s="1"/>
  <c r="A146811" i="1" s="1"/>
  <c r="A146812" i="1" s="1"/>
  <c r="A146813" i="1" s="1"/>
  <c r="A146814" i="1" s="1"/>
  <c r="A146815" i="1" s="1"/>
  <c r="A146816" i="1" s="1"/>
  <c r="A146817" i="1" s="1"/>
  <c r="A146818" i="1" s="1"/>
  <c r="A146819" i="1" s="1"/>
  <c r="A146820" i="1" s="1"/>
  <c r="A146821" i="1" s="1"/>
  <c r="A146822" i="1" s="1"/>
  <c r="A146823" i="1" s="1"/>
  <c r="A146824" i="1" s="1"/>
  <c r="A146825" i="1" s="1"/>
  <c r="A146826" i="1" s="1"/>
  <c r="A146827" i="1" s="1"/>
  <c r="A146828" i="1" s="1"/>
  <c r="A146829" i="1" s="1"/>
  <c r="A146830" i="1" s="1"/>
  <c r="A146831" i="1" s="1"/>
  <c r="A146832" i="1" s="1"/>
  <c r="A146833" i="1" s="1"/>
  <c r="A146834" i="1" s="1"/>
  <c r="A146835" i="1" s="1"/>
  <c r="A146836" i="1" s="1"/>
  <c r="A146837" i="1" s="1"/>
  <c r="A146838" i="1" s="1"/>
  <c r="A146839" i="1" s="1"/>
  <c r="A146840" i="1" s="1"/>
  <c r="A146841" i="1" s="1"/>
  <c r="A146842" i="1" s="1"/>
  <c r="A146843" i="1" s="1"/>
  <c r="A146844" i="1" s="1"/>
  <c r="A146845" i="1" s="1"/>
  <c r="A146846" i="1" s="1"/>
  <c r="A146847" i="1" s="1"/>
  <c r="A146848" i="1" s="1"/>
  <c r="A146849" i="1" s="1"/>
  <c r="A146850" i="1" s="1"/>
  <c r="A146851" i="1" s="1"/>
  <c r="A146852" i="1" s="1"/>
  <c r="A146853" i="1" s="1"/>
  <c r="A146854" i="1" s="1"/>
  <c r="A146855" i="1" s="1"/>
  <c r="A146856" i="1" s="1"/>
  <c r="A146857" i="1" s="1"/>
  <c r="A146858" i="1" s="1"/>
  <c r="A146859" i="1" s="1"/>
  <c r="A146860" i="1" s="1"/>
  <c r="A146861" i="1" s="1"/>
  <c r="A146862" i="1" s="1"/>
  <c r="A146863" i="1" s="1"/>
  <c r="A146864" i="1" s="1"/>
  <c r="A146865" i="1" s="1"/>
  <c r="A146866" i="1" s="1"/>
  <c r="A146867" i="1" s="1"/>
  <c r="A146868" i="1" s="1"/>
  <c r="A146869" i="1" s="1"/>
  <c r="A146870" i="1" s="1"/>
  <c r="A146871" i="1" s="1"/>
  <c r="A146872" i="1" s="1"/>
  <c r="A146873" i="1" s="1"/>
  <c r="A146874" i="1" s="1"/>
  <c r="A146875" i="1" s="1"/>
  <c r="A146876" i="1" s="1"/>
  <c r="A146877" i="1" s="1"/>
  <c r="A146878" i="1" s="1"/>
  <c r="A146879" i="1" s="1"/>
  <c r="A146880" i="1" s="1"/>
  <c r="A146881" i="1" s="1"/>
  <c r="A146882" i="1" s="1"/>
  <c r="A146883" i="1" s="1"/>
  <c r="A146884" i="1" s="1"/>
  <c r="A146885" i="1" s="1"/>
  <c r="A146886" i="1" s="1"/>
  <c r="A146887" i="1" s="1"/>
  <c r="A146888" i="1" s="1"/>
  <c r="A146889" i="1" s="1"/>
  <c r="A146890" i="1" s="1"/>
  <c r="A146891" i="1" s="1"/>
  <c r="A146892" i="1" s="1"/>
  <c r="A146893" i="1" s="1"/>
  <c r="A146894" i="1" s="1"/>
  <c r="A146895" i="1" s="1"/>
  <c r="A146896" i="1" s="1"/>
  <c r="A146897" i="1" s="1"/>
  <c r="A146898" i="1" s="1"/>
  <c r="A146899" i="1" s="1"/>
  <c r="A146900" i="1" s="1"/>
  <c r="A146901" i="1" s="1"/>
  <c r="A146902" i="1" s="1"/>
  <c r="A146903" i="1" s="1"/>
  <c r="A146904" i="1" s="1"/>
  <c r="A146905" i="1" s="1"/>
  <c r="A146906" i="1" s="1"/>
  <c r="A146907" i="1" s="1"/>
  <c r="A146908" i="1" s="1"/>
  <c r="A146909" i="1" s="1"/>
  <c r="A146910" i="1" s="1"/>
  <c r="A146911" i="1" s="1"/>
  <c r="A146912" i="1" s="1"/>
  <c r="A146913" i="1" s="1"/>
  <c r="A146914" i="1" s="1"/>
  <c r="A146915" i="1" s="1"/>
  <c r="A146916" i="1" s="1"/>
  <c r="A146917" i="1" s="1"/>
  <c r="A146918" i="1" s="1"/>
  <c r="A146919" i="1" s="1"/>
  <c r="A146920" i="1" s="1"/>
  <c r="A146921" i="1" s="1"/>
  <c r="A146922" i="1" s="1"/>
  <c r="A146923" i="1" s="1"/>
  <c r="A146924" i="1" s="1"/>
  <c r="A146925" i="1" s="1"/>
  <c r="A146926" i="1" s="1"/>
  <c r="A146927" i="1" s="1"/>
  <c r="A146928" i="1" s="1"/>
  <c r="A146929" i="1" s="1"/>
  <c r="A146930" i="1" s="1"/>
  <c r="A146931" i="1" s="1"/>
  <c r="A146932" i="1" s="1"/>
  <c r="A146933" i="1" s="1"/>
  <c r="A146934" i="1" s="1"/>
  <c r="A146935" i="1" s="1"/>
  <c r="A146936" i="1" s="1"/>
  <c r="A146937" i="1" s="1"/>
  <c r="A146938" i="1" s="1"/>
  <c r="A146939" i="1" s="1"/>
  <c r="A146940" i="1" s="1"/>
  <c r="A146941" i="1" s="1"/>
  <c r="A146942" i="1" s="1"/>
  <c r="A146943" i="1" s="1"/>
  <c r="A146944" i="1" s="1"/>
  <c r="A146945" i="1" s="1"/>
  <c r="A146946" i="1" s="1"/>
  <c r="A146947" i="1" s="1"/>
  <c r="A146948" i="1" s="1"/>
  <c r="A146949" i="1" s="1"/>
  <c r="A146950" i="1" s="1"/>
  <c r="A146951" i="1" s="1"/>
  <c r="A146952" i="1" s="1"/>
  <c r="A146953" i="1" s="1"/>
  <c r="A146954" i="1" s="1"/>
  <c r="A146955" i="1" s="1"/>
  <c r="A146956" i="1" s="1"/>
  <c r="A146957" i="1" s="1"/>
  <c r="A146958" i="1" s="1"/>
  <c r="A146959" i="1" s="1"/>
  <c r="A146960" i="1" s="1"/>
  <c r="A146961" i="1" s="1"/>
  <c r="A146962" i="1" s="1"/>
  <c r="A146963" i="1" s="1"/>
  <c r="A146964" i="1" s="1"/>
  <c r="A146965" i="1" s="1"/>
  <c r="A146966" i="1" s="1"/>
  <c r="A146967" i="1" s="1"/>
  <c r="A146968" i="1" s="1"/>
  <c r="A146969" i="1" s="1"/>
  <c r="A146970" i="1" s="1"/>
  <c r="A146971" i="1" s="1"/>
  <c r="A146972" i="1" s="1"/>
  <c r="A146973" i="1" s="1"/>
  <c r="A146974" i="1" s="1"/>
  <c r="A146975" i="1" s="1"/>
  <c r="A146976" i="1" s="1"/>
  <c r="A146977" i="1" s="1"/>
  <c r="A146978" i="1" s="1"/>
  <c r="A146979" i="1" s="1"/>
  <c r="A146980" i="1" s="1"/>
  <c r="A146981" i="1" s="1"/>
  <c r="A146982" i="1" s="1"/>
  <c r="A146983" i="1" s="1"/>
  <c r="A146984" i="1" s="1"/>
  <c r="A146985" i="1" s="1"/>
  <c r="A146986" i="1" s="1"/>
  <c r="A146987" i="1" s="1"/>
  <c r="A146988" i="1" s="1"/>
  <c r="A146989" i="1" s="1"/>
  <c r="A146990" i="1" s="1"/>
  <c r="A146991" i="1" s="1"/>
  <c r="A146992" i="1" s="1"/>
  <c r="A146993" i="1" s="1"/>
  <c r="A146994" i="1" s="1"/>
  <c r="A146995" i="1" s="1"/>
  <c r="A146996" i="1" s="1"/>
  <c r="A146997" i="1" s="1"/>
  <c r="A146998" i="1" s="1"/>
  <c r="A146999" i="1" s="1"/>
  <c r="A147000" i="1" s="1"/>
  <c r="A147001" i="1" s="1"/>
  <c r="A147002" i="1" s="1"/>
  <c r="A147003" i="1" s="1"/>
  <c r="A147004" i="1" s="1"/>
  <c r="A147005" i="1" s="1"/>
  <c r="A147006" i="1" s="1"/>
  <c r="A147007" i="1" s="1"/>
  <c r="A147008" i="1" s="1"/>
  <c r="A147009" i="1" s="1"/>
  <c r="A147010" i="1" s="1"/>
  <c r="A147011" i="1" s="1"/>
  <c r="A147012" i="1" s="1"/>
  <c r="A147013" i="1" s="1"/>
  <c r="A147014" i="1" s="1"/>
  <c r="A147015" i="1" s="1"/>
  <c r="A147016" i="1" s="1"/>
  <c r="A147017" i="1" s="1"/>
  <c r="A147018" i="1" s="1"/>
  <c r="A147019" i="1" s="1"/>
  <c r="A147020" i="1" s="1"/>
  <c r="A147021" i="1" s="1"/>
  <c r="A147022" i="1" s="1"/>
  <c r="A147023" i="1" s="1"/>
  <c r="A147024" i="1" s="1"/>
  <c r="A147025" i="1" s="1"/>
  <c r="A147026" i="1" s="1"/>
  <c r="A147027" i="1" s="1"/>
  <c r="A147028" i="1" s="1"/>
  <c r="A147029" i="1" s="1"/>
  <c r="A147030" i="1" s="1"/>
  <c r="A147031" i="1" s="1"/>
  <c r="A147032" i="1" s="1"/>
  <c r="A147033" i="1" s="1"/>
  <c r="A147034" i="1" s="1"/>
  <c r="A147035" i="1" s="1"/>
  <c r="A147036" i="1" s="1"/>
  <c r="A147037" i="1" s="1"/>
  <c r="A147038" i="1" s="1"/>
  <c r="A147039" i="1" s="1"/>
  <c r="A147040" i="1" s="1"/>
  <c r="A147041" i="1" s="1"/>
  <c r="A147042" i="1" s="1"/>
  <c r="A147043" i="1" s="1"/>
  <c r="A147044" i="1" s="1"/>
  <c r="A147045" i="1" s="1"/>
  <c r="A147046" i="1" s="1"/>
  <c r="A147047" i="1" s="1"/>
  <c r="A147048" i="1" s="1"/>
  <c r="A147049" i="1" s="1"/>
  <c r="A147050" i="1" s="1"/>
  <c r="A147051" i="1" s="1"/>
  <c r="A147052" i="1" s="1"/>
  <c r="A147053" i="1" s="1"/>
  <c r="A147054" i="1" s="1"/>
  <c r="A147055" i="1" s="1"/>
  <c r="A147056" i="1" s="1"/>
  <c r="A147057" i="1" s="1"/>
  <c r="A147058" i="1" s="1"/>
  <c r="A147059" i="1" s="1"/>
  <c r="A147060" i="1" s="1"/>
  <c r="A147061" i="1" s="1"/>
  <c r="A147062" i="1" s="1"/>
  <c r="A147063" i="1" s="1"/>
  <c r="A147064" i="1" s="1"/>
  <c r="A147065" i="1" s="1"/>
  <c r="A147066" i="1" s="1"/>
  <c r="A147067" i="1" s="1"/>
  <c r="A147068" i="1" s="1"/>
  <c r="A147069" i="1" s="1"/>
  <c r="A147070" i="1" s="1"/>
  <c r="A147071" i="1" s="1"/>
  <c r="A147072" i="1" s="1"/>
  <c r="A147073" i="1" s="1"/>
  <c r="A147074" i="1" s="1"/>
  <c r="A147075" i="1" s="1"/>
  <c r="A147076" i="1" s="1"/>
  <c r="A147077" i="1" s="1"/>
  <c r="A147078" i="1" s="1"/>
  <c r="A147079" i="1" s="1"/>
  <c r="A147080" i="1" s="1"/>
  <c r="A147081" i="1" s="1"/>
  <c r="A147082" i="1" s="1"/>
  <c r="A147083" i="1" s="1"/>
  <c r="A147084" i="1" s="1"/>
  <c r="A147085" i="1" s="1"/>
  <c r="A147086" i="1" s="1"/>
  <c r="A147087" i="1" s="1"/>
  <c r="A147088" i="1" s="1"/>
  <c r="A147089" i="1" s="1"/>
  <c r="A147090" i="1" s="1"/>
  <c r="A147091" i="1" s="1"/>
  <c r="A147092" i="1" s="1"/>
  <c r="A147093" i="1" s="1"/>
  <c r="A147094" i="1" s="1"/>
  <c r="A147095" i="1" s="1"/>
  <c r="A147096" i="1" s="1"/>
  <c r="A147097" i="1" s="1"/>
  <c r="A147098" i="1" s="1"/>
  <c r="A147099" i="1" s="1"/>
  <c r="A147100" i="1" s="1"/>
  <c r="A147101" i="1" s="1"/>
  <c r="A147102" i="1" s="1"/>
  <c r="A147103" i="1" s="1"/>
  <c r="A147104" i="1" s="1"/>
  <c r="A147105" i="1" s="1"/>
  <c r="A147106" i="1" s="1"/>
  <c r="A147107" i="1" s="1"/>
  <c r="A147108" i="1" s="1"/>
  <c r="A147109" i="1" s="1"/>
  <c r="A147110" i="1" s="1"/>
  <c r="A147111" i="1" s="1"/>
  <c r="A147112" i="1" s="1"/>
  <c r="A147113" i="1" s="1"/>
  <c r="A147114" i="1" s="1"/>
  <c r="A147115" i="1" s="1"/>
  <c r="A147116" i="1" s="1"/>
  <c r="A147117" i="1" s="1"/>
  <c r="A147118" i="1" s="1"/>
  <c r="A147119" i="1" s="1"/>
  <c r="A147120" i="1" s="1"/>
  <c r="A147121" i="1" s="1"/>
  <c r="A147122" i="1" s="1"/>
  <c r="A147123" i="1" s="1"/>
  <c r="A147124" i="1" s="1"/>
  <c r="A147125" i="1" s="1"/>
  <c r="A147126" i="1" s="1"/>
  <c r="A147127" i="1" s="1"/>
  <c r="A147128" i="1" s="1"/>
  <c r="A147129" i="1" s="1"/>
  <c r="A147130" i="1" s="1"/>
  <c r="A147131" i="1" s="1"/>
  <c r="A147132" i="1" s="1"/>
  <c r="A147133" i="1" s="1"/>
  <c r="A147134" i="1" s="1"/>
  <c r="A147135" i="1" s="1"/>
  <c r="A147136" i="1" s="1"/>
  <c r="A147137" i="1" s="1"/>
  <c r="A147138" i="1" s="1"/>
  <c r="A147139" i="1" s="1"/>
  <c r="A147140" i="1" s="1"/>
  <c r="A147141" i="1" s="1"/>
  <c r="A147142" i="1" s="1"/>
  <c r="A147143" i="1" s="1"/>
  <c r="A147144" i="1" s="1"/>
  <c r="A147145" i="1" s="1"/>
  <c r="A147146" i="1" s="1"/>
  <c r="A147147" i="1" s="1"/>
  <c r="A147148" i="1" s="1"/>
  <c r="A147149" i="1" s="1"/>
  <c r="A147150" i="1" s="1"/>
  <c r="A147151" i="1" s="1"/>
  <c r="A147152" i="1" s="1"/>
  <c r="A147153" i="1" s="1"/>
  <c r="A147154" i="1" s="1"/>
  <c r="A147155" i="1" s="1"/>
  <c r="A147156" i="1" s="1"/>
  <c r="A147157" i="1" s="1"/>
  <c r="A147158" i="1" s="1"/>
  <c r="A147159" i="1" s="1"/>
  <c r="A147160" i="1" s="1"/>
  <c r="A147161" i="1" s="1"/>
  <c r="A147162" i="1" s="1"/>
  <c r="A147163" i="1" s="1"/>
  <c r="A147164" i="1" s="1"/>
  <c r="A147165" i="1" s="1"/>
  <c r="A147166" i="1" s="1"/>
  <c r="A147167" i="1" s="1"/>
  <c r="A147168" i="1" s="1"/>
  <c r="A147169" i="1" s="1"/>
  <c r="A147170" i="1" s="1"/>
  <c r="A147171" i="1" s="1"/>
  <c r="A147172" i="1" s="1"/>
  <c r="A147173" i="1" s="1"/>
  <c r="A147174" i="1" s="1"/>
  <c r="A147175" i="1" s="1"/>
  <c r="A147176" i="1" s="1"/>
  <c r="A147177" i="1" s="1"/>
  <c r="A147178" i="1" s="1"/>
  <c r="A147179" i="1" s="1"/>
  <c r="A147180" i="1" s="1"/>
  <c r="A147181" i="1" s="1"/>
  <c r="A147182" i="1" s="1"/>
  <c r="A147183" i="1" s="1"/>
  <c r="A147184" i="1" s="1"/>
  <c r="A147185" i="1" s="1"/>
  <c r="A147186" i="1" s="1"/>
  <c r="A147187" i="1" s="1"/>
  <c r="A147188" i="1" s="1"/>
  <c r="A147189" i="1" s="1"/>
  <c r="A147190" i="1" s="1"/>
  <c r="A147191" i="1" s="1"/>
  <c r="A147192" i="1" s="1"/>
  <c r="A147193" i="1" s="1"/>
  <c r="A147194" i="1" s="1"/>
  <c r="A147195" i="1" s="1"/>
  <c r="A147196" i="1" s="1"/>
  <c r="A147197" i="1" s="1"/>
  <c r="A147198" i="1" s="1"/>
  <c r="A147199" i="1" s="1"/>
  <c r="A147200" i="1" s="1"/>
  <c r="A147201" i="1" s="1"/>
  <c r="A147202" i="1" s="1"/>
  <c r="A147203" i="1" s="1"/>
  <c r="A147204" i="1" s="1"/>
  <c r="A147205" i="1" s="1"/>
  <c r="A147206" i="1" s="1"/>
  <c r="A147207" i="1" s="1"/>
  <c r="A147208" i="1" s="1"/>
  <c r="A147209" i="1" s="1"/>
  <c r="A147210" i="1" s="1"/>
  <c r="A147211" i="1" s="1"/>
  <c r="A147212" i="1" s="1"/>
  <c r="A147213" i="1" s="1"/>
  <c r="A147214" i="1" s="1"/>
  <c r="A147215" i="1" s="1"/>
  <c r="A147216" i="1" s="1"/>
  <c r="A147217" i="1" s="1"/>
  <c r="A147218" i="1" s="1"/>
  <c r="A147219" i="1" s="1"/>
  <c r="A147220" i="1" s="1"/>
  <c r="A147221" i="1" s="1"/>
  <c r="A147222" i="1" s="1"/>
  <c r="A147223" i="1" s="1"/>
  <c r="A147224" i="1" s="1"/>
  <c r="A147225" i="1" s="1"/>
  <c r="A147226" i="1" s="1"/>
  <c r="A147227" i="1" s="1"/>
  <c r="A147228" i="1" s="1"/>
  <c r="A147229" i="1" s="1"/>
  <c r="A147230" i="1" s="1"/>
  <c r="A147231" i="1" s="1"/>
  <c r="A147232" i="1" s="1"/>
  <c r="A147233" i="1" s="1"/>
  <c r="A147234" i="1" s="1"/>
  <c r="A147235" i="1" s="1"/>
  <c r="A147236" i="1" s="1"/>
  <c r="A147237" i="1" s="1"/>
  <c r="A147238" i="1" s="1"/>
  <c r="A147239" i="1" s="1"/>
  <c r="A147240" i="1" s="1"/>
  <c r="A147241" i="1" s="1"/>
  <c r="A147242" i="1" s="1"/>
  <c r="A147243" i="1" s="1"/>
  <c r="A147244" i="1" s="1"/>
  <c r="A147245" i="1" s="1"/>
  <c r="A147246" i="1" s="1"/>
  <c r="A147247" i="1" s="1"/>
  <c r="A147248" i="1" s="1"/>
  <c r="A147249" i="1" s="1"/>
  <c r="A147250" i="1" s="1"/>
  <c r="A147251" i="1" s="1"/>
  <c r="A147252" i="1" s="1"/>
  <c r="A147253" i="1" s="1"/>
  <c r="A147254" i="1" s="1"/>
  <c r="A147255" i="1" s="1"/>
  <c r="A147256" i="1" s="1"/>
  <c r="A147257" i="1" s="1"/>
  <c r="A147258" i="1" s="1"/>
  <c r="A147259" i="1" s="1"/>
  <c r="A147260" i="1" s="1"/>
  <c r="A147261" i="1" s="1"/>
  <c r="A147262" i="1" s="1"/>
  <c r="A147263" i="1" s="1"/>
  <c r="A147264" i="1" s="1"/>
  <c r="A147265" i="1" s="1"/>
  <c r="A147266" i="1" s="1"/>
  <c r="A147267" i="1" s="1"/>
  <c r="A147268" i="1" s="1"/>
  <c r="A147269" i="1" s="1"/>
  <c r="A147270" i="1" s="1"/>
  <c r="A147271" i="1" s="1"/>
  <c r="A147272" i="1" s="1"/>
  <c r="A147273" i="1" s="1"/>
  <c r="A147274" i="1" s="1"/>
  <c r="A147275" i="1" s="1"/>
  <c r="A147276" i="1" s="1"/>
  <c r="A147277" i="1" s="1"/>
  <c r="A147278" i="1" s="1"/>
  <c r="A147279" i="1" s="1"/>
  <c r="A147280" i="1" s="1"/>
  <c r="A147281" i="1" s="1"/>
  <c r="A147282" i="1" s="1"/>
  <c r="A147283" i="1" s="1"/>
  <c r="A147284" i="1" s="1"/>
  <c r="A147285" i="1" s="1"/>
  <c r="A147286" i="1" s="1"/>
  <c r="A147287" i="1" s="1"/>
  <c r="A147288" i="1" s="1"/>
  <c r="A147289" i="1" s="1"/>
  <c r="A147290" i="1" s="1"/>
  <c r="A147291" i="1" s="1"/>
  <c r="A147292" i="1" s="1"/>
  <c r="A147293" i="1" s="1"/>
  <c r="A147294" i="1" s="1"/>
  <c r="A147295" i="1" s="1"/>
  <c r="A147296" i="1" s="1"/>
  <c r="A147297" i="1" s="1"/>
  <c r="A147298" i="1" s="1"/>
  <c r="A147299" i="1" s="1"/>
  <c r="A147300" i="1" s="1"/>
  <c r="A147301" i="1" s="1"/>
  <c r="A147302" i="1" s="1"/>
  <c r="A147303" i="1" s="1"/>
  <c r="A147304" i="1" s="1"/>
  <c r="A147305" i="1" s="1"/>
  <c r="A147306" i="1" s="1"/>
  <c r="A147307" i="1" s="1"/>
  <c r="A147308" i="1" s="1"/>
  <c r="A147309" i="1" s="1"/>
  <c r="A147310" i="1" s="1"/>
  <c r="A147311" i="1" s="1"/>
  <c r="A147312" i="1" s="1"/>
  <c r="A147313" i="1" s="1"/>
  <c r="A147314" i="1" s="1"/>
  <c r="A147315" i="1" s="1"/>
  <c r="A147316" i="1" s="1"/>
  <c r="A147317" i="1" s="1"/>
  <c r="A147318" i="1" s="1"/>
  <c r="A147319" i="1" s="1"/>
  <c r="A147320" i="1" s="1"/>
  <c r="A147321" i="1" s="1"/>
  <c r="A147322" i="1" s="1"/>
  <c r="A147323" i="1" s="1"/>
  <c r="A147324" i="1" s="1"/>
  <c r="A147325" i="1" s="1"/>
  <c r="A147326" i="1" s="1"/>
  <c r="A147327" i="1" s="1"/>
  <c r="A147328" i="1" s="1"/>
  <c r="A147329" i="1" s="1"/>
  <c r="A147330" i="1" s="1"/>
  <c r="A147331" i="1" s="1"/>
  <c r="A147332" i="1" s="1"/>
  <c r="A147333" i="1" s="1"/>
  <c r="A147334" i="1" s="1"/>
  <c r="A147335" i="1" s="1"/>
  <c r="A147336" i="1" s="1"/>
  <c r="A147337" i="1" s="1"/>
  <c r="A147338" i="1" s="1"/>
  <c r="A147339" i="1" s="1"/>
  <c r="A147340" i="1" s="1"/>
  <c r="A147341" i="1" s="1"/>
  <c r="A147342" i="1" s="1"/>
  <c r="A147343" i="1" s="1"/>
  <c r="A147344" i="1" s="1"/>
  <c r="A147345" i="1" s="1"/>
  <c r="A147346" i="1" s="1"/>
  <c r="A147347" i="1" s="1"/>
  <c r="A147348" i="1" s="1"/>
  <c r="A147349" i="1" s="1"/>
  <c r="A147350" i="1" s="1"/>
  <c r="A147351" i="1" s="1"/>
  <c r="A147352" i="1" s="1"/>
  <c r="A147353" i="1" s="1"/>
  <c r="A147354" i="1" s="1"/>
  <c r="A147355" i="1" s="1"/>
  <c r="A147356" i="1" s="1"/>
  <c r="A147357" i="1" s="1"/>
  <c r="A147358" i="1" s="1"/>
  <c r="A147359" i="1" s="1"/>
  <c r="A147360" i="1" s="1"/>
  <c r="A147361" i="1" s="1"/>
  <c r="A147362" i="1" s="1"/>
  <c r="A147363" i="1" s="1"/>
  <c r="A147364" i="1" s="1"/>
  <c r="A147365" i="1" s="1"/>
  <c r="A147366" i="1" s="1"/>
  <c r="A147367" i="1" s="1"/>
  <c r="A147368" i="1" s="1"/>
  <c r="A147369" i="1" s="1"/>
  <c r="A147370" i="1" s="1"/>
  <c r="A147371" i="1" s="1"/>
  <c r="A147372" i="1" s="1"/>
  <c r="A147373" i="1" s="1"/>
  <c r="A147374" i="1" s="1"/>
  <c r="A147375" i="1" s="1"/>
  <c r="A147376" i="1" s="1"/>
  <c r="A147377" i="1" s="1"/>
  <c r="A147378" i="1" s="1"/>
  <c r="A147379" i="1" s="1"/>
  <c r="A147380" i="1" s="1"/>
  <c r="A147381" i="1" s="1"/>
  <c r="A147382" i="1" s="1"/>
  <c r="A147383" i="1" s="1"/>
  <c r="A147384" i="1" s="1"/>
  <c r="A147385" i="1" s="1"/>
  <c r="A147386" i="1" s="1"/>
  <c r="A147387" i="1" s="1"/>
  <c r="A147388" i="1" s="1"/>
  <c r="A147389" i="1" s="1"/>
  <c r="A147390" i="1" s="1"/>
  <c r="A147391" i="1" s="1"/>
  <c r="A147392" i="1" s="1"/>
  <c r="A147393" i="1" s="1"/>
  <c r="A147394" i="1" s="1"/>
  <c r="A147395" i="1" s="1"/>
  <c r="A147396" i="1" s="1"/>
  <c r="A147397" i="1" s="1"/>
  <c r="A147398" i="1" s="1"/>
  <c r="A147399" i="1" s="1"/>
  <c r="A147400" i="1" s="1"/>
  <c r="A147401" i="1" s="1"/>
  <c r="A147402" i="1" s="1"/>
  <c r="A147403" i="1" s="1"/>
  <c r="A147404" i="1" s="1"/>
  <c r="A147405" i="1" s="1"/>
  <c r="A147406" i="1" s="1"/>
  <c r="A147407" i="1" s="1"/>
  <c r="A147408" i="1" s="1"/>
  <c r="A147409" i="1" s="1"/>
  <c r="A147410" i="1" s="1"/>
  <c r="A147411" i="1" s="1"/>
  <c r="A147412" i="1" s="1"/>
  <c r="A147413" i="1" s="1"/>
  <c r="A147414" i="1" s="1"/>
  <c r="A147415" i="1" s="1"/>
  <c r="A147416" i="1" s="1"/>
  <c r="A147417" i="1" s="1"/>
  <c r="A147418" i="1" s="1"/>
  <c r="A147419" i="1" s="1"/>
  <c r="A147420" i="1" s="1"/>
  <c r="A147421" i="1" s="1"/>
  <c r="A147422" i="1" s="1"/>
  <c r="A147423" i="1" s="1"/>
  <c r="A147424" i="1" s="1"/>
  <c r="A147425" i="1" s="1"/>
  <c r="A147426" i="1" s="1"/>
  <c r="A147427" i="1" s="1"/>
  <c r="A147428" i="1" s="1"/>
  <c r="A147429" i="1" s="1"/>
  <c r="A147430" i="1" s="1"/>
  <c r="A147431" i="1" s="1"/>
  <c r="A147432" i="1" s="1"/>
  <c r="A147433" i="1" s="1"/>
  <c r="A147434" i="1" s="1"/>
  <c r="A147435" i="1" s="1"/>
  <c r="A147436" i="1" s="1"/>
  <c r="A147437" i="1" s="1"/>
  <c r="A147438" i="1" s="1"/>
  <c r="A147439" i="1" s="1"/>
  <c r="A147440" i="1" s="1"/>
  <c r="A147441" i="1" s="1"/>
  <c r="A147442" i="1" s="1"/>
  <c r="A147443" i="1" s="1"/>
  <c r="A147444" i="1" s="1"/>
  <c r="A147445" i="1" s="1"/>
  <c r="A147446" i="1" s="1"/>
  <c r="A147447" i="1" s="1"/>
  <c r="A147448" i="1" s="1"/>
  <c r="A147449" i="1" s="1"/>
  <c r="A147450" i="1" s="1"/>
  <c r="A147451" i="1" s="1"/>
  <c r="A147452" i="1" s="1"/>
  <c r="A147453" i="1" s="1"/>
  <c r="A147454" i="1" s="1"/>
  <c r="A147455" i="1" s="1"/>
  <c r="A147456" i="1" s="1"/>
  <c r="A147457" i="1" s="1"/>
  <c r="A147458" i="1" s="1"/>
  <c r="A147459" i="1" s="1"/>
  <c r="A147460" i="1" s="1"/>
  <c r="A147461" i="1" s="1"/>
  <c r="A147462" i="1" s="1"/>
  <c r="A147463" i="1" s="1"/>
  <c r="A147464" i="1" s="1"/>
  <c r="A147465" i="1" s="1"/>
  <c r="A147466" i="1" s="1"/>
  <c r="A147467" i="1" s="1"/>
  <c r="A147468" i="1" s="1"/>
  <c r="A147469" i="1" s="1"/>
  <c r="A147470" i="1" s="1"/>
  <c r="A147471" i="1" s="1"/>
  <c r="A147472" i="1" s="1"/>
  <c r="A147473" i="1" s="1"/>
  <c r="A147474" i="1" s="1"/>
  <c r="A147475" i="1" s="1"/>
  <c r="A147476" i="1" s="1"/>
  <c r="A147477" i="1" s="1"/>
  <c r="A147478" i="1" s="1"/>
  <c r="A147479" i="1" s="1"/>
  <c r="A147480" i="1" s="1"/>
  <c r="A147481" i="1" s="1"/>
  <c r="A147482" i="1" s="1"/>
  <c r="A147483" i="1" s="1"/>
  <c r="A147484" i="1" s="1"/>
  <c r="A147485" i="1" s="1"/>
  <c r="A147486" i="1" s="1"/>
  <c r="A147487" i="1" s="1"/>
  <c r="A147488" i="1" s="1"/>
  <c r="A147489" i="1" s="1"/>
  <c r="A147490" i="1" s="1"/>
  <c r="A147491" i="1" s="1"/>
  <c r="A147492" i="1" s="1"/>
  <c r="A147493" i="1" s="1"/>
  <c r="A147494" i="1" s="1"/>
  <c r="A147495" i="1" s="1"/>
  <c r="A147496" i="1" s="1"/>
  <c r="A147497" i="1" s="1"/>
  <c r="A147498" i="1" s="1"/>
  <c r="A147499" i="1" s="1"/>
  <c r="A147500" i="1" s="1"/>
  <c r="A147501" i="1" s="1"/>
  <c r="A147502" i="1" s="1"/>
  <c r="A147503" i="1" s="1"/>
  <c r="A147504" i="1" s="1"/>
  <c r="A147505" i="1" s="1"/>
  <c r="A147506" i="1" s="1"/>
  <c r="A147507" i="1" s="1"/>
  <c r="A147508" i="1" s="1"/>
  <c r="A147509" i="1" s="1"/>
  <c r="A147510" i="1" s="1"/>
  <c r="A147511" i="1" s="1"/>
  <c r="A147512" i="1" s="1"/>
  <c r="A147513" i="1" s="1"/>
  <c r="A147514" i="1" s="1"/>
  <c r="A147515" i="1" s="1"/>
  <c r="A147516" i="1" s="1"/>
  <c r="A147517" i="1" s="1"/>
  <c r="A147518" i="1" s="1"/>
  <c r="A147519" i="1" s="1"/>
  <c r="A147520" i="1" s="1"/>
  <c r="A147521" i="1" s="1"/>
  <c r="A147522" i="1" s="1"/>
  <c r="A147523" i="1" s="1"/>
  <c r="A147524" i="1" s="1"/>
  <c r="A147525" i="1" s="1"/>
  <c r="A147526" i="1" s="1"/>
  <c r="A147527" i="1" s="1"/>
  <c r="A147528" i="1" s="1"/>
  <c r="A147529" i="1" s="1"/>
  <c r="A147530" i="1" s="1"/>
  <c r="A147531" i="1" s="1"/>
  <c r="A147532" i="1" s="1"/>
  <c r="A147533" i="1" s="1"/>
  <c r="A147534" i="1" s="1"/>
  <c r="A147535" i="1" s="1"/>
  <c r="A147536" i="1" s="1"/>
  <c r="A147537" i="1" s="1"/>
  <c r="A147538" i="1" s="1"/>
  <c r="A147539" i="1" s="1"/>
  <c r="A147540" i="1" s="1"/>
  <c r="A147541" i="1" s="1"/>
  <c r="A147542" i="1" s="1"/>
  <c r="A147543" i="1" s="1"/>
  <c r="A147544" i="1" s="1"/>
  <c r="A147545" i="1" s="1"/>
  <c r="A147546" i="1" s="1"/>
  <c r="A147547" i="1" s="1"/>
  <c r="A147548" i="1" s="1"/>
  <c r="A147549" i="1" s="1"/>
  <c r="A147550" i="1" s="1"/>
  <c r="A147551" i="1" s="1"/>
  <c r="A147552" i="1" s="1"/>
  <c r="A147553" i="1" s="1"/>
  <c r="A147554" i="1" s="1"/>
  <c r="A147555" i="1" s="1"/>
  <c r="A147556" i="1" s="1"/>
  <c r="A147557" i="1" s="1"/>
  <c r="A147558" i="1" s="1"/>
  <c r="A147559" i="1" s="1"/>
  <c r="A147560" i="1" s="1"/>
  <c r="A147561" i="1" s="1"/>
  <c r="A147562" i="1" s="1"/>
  <c r="A147563" i="1" s="1"/>
  <c r="A147564" i="1" s="1"/>
  <c r="A147565" i="1" s="1"/>
  <c r="A147566" i="1" s="1"/>
  <c r="A147567" i="1" s="1"/>
  <c r="A147568" i="1" s="1"/>
  <c r="A147569" i="1" s="1"/>
  <c r="A147570" i="1" s="1"/>
  <c r="A147571" i="1" s="1"/>
  <c r="A147572" i="1" s="1"/>
  <c r="A147573" i="1" s="1"/>
  <c r="A147574" i="1" s="1"/>
  <c r="A147575" i="1" s="1"/>
  <c r="A147576" i="1" s="1"/>
  <c r="A147577" i="1" s="1"/>
  <c r="A147578" i="1" s="1"/>
  <c r="A147579" i="1" s="1"/>
  <c r="A147580" i="1" s="1"/>
  <c r="A147581" i="1" s="1"/>
  <c r="A147582" i="1" s="1"/>
  <c r="A147583" i="1" s="1"/>
  <c r="A147584" i="1" s="1"/>
  <c r="A147585" i="1" s="1"/>
  <c r="A147586" i="1" s="1"/>
  <c r="A147587" i="1" s="1"/>
  <c r="A147588" i="1" s="1"/>
  <c r="A147589" i="1" s="1"/>
  <c r="A147590" i="1" s="1"/>
  <c r="A147591" i="1" s="1"/>
  <c r="A147592" i="1" s="1"/>
  <c r="A147593" i="1" s="1"/>
  <c r="A147594" i="1" s="1"/>
  <c r="A147595" i="1" s="1"/>
  <c r="A147596" i="1" s="1"/>
  <c r="A147597" i="1" s="1"/>
  <c r="A147598" i="1" s="1"/>
  <c r="A147599" i="1" s="1"/>
  <c r="A147600" i="1" s="1"/>
  <c r="A147601" i="1" s="1"/>
  <c r="A147602" i="1" s="1"/>
  <c r="A147603" i="1" s="1"/>
  <c r="A147604" i="1" s="1"/>
  <c r="A147605" i="1" s="1"/>
  <c r="A147606" i="1" s="1"/>
  <c r="A147607" i="1" s="1"/>
  <c r="A147608" i="1" s="1"/>
  <c r="A147609" i="1" s="1"/>
  <c r="A147610" i="1" s="1"/>
  <c r="A147611" i="1" s="1"/>
  <c r="A147612" i="1" s="1"/>
  <c r="A147613" i="1" s="1"/>
  <c r="A147614" i="1" s="1"/>
  <c r="A147615" i="1" s="1"/>
  <c r="A147616" i="1" s="1"/>
  <c r="A147617" i="1" s="1"/>
  <c r="A147618" i="1" s="1"/>
  <c r="A147619" i="1" s="1"/>
  <c r="A147620" i="1" s="1"/>
  <c r="A147621" i="1" s="1"/>
  <c r="A147622" i="1" s="1"/>
  <c r="A147623" i="1" s="1"/>
  <c r="A147624" i="1" s="1"/>
  <c r="A147625" i="1" s="1"/>
  <c r="A147626" i="1" s="1"/>
  <c r="A147627" i="1" s="1"/>
  <c r="A147628" i="1" s="1"/>
  <c r="A147629" i="1" s="1"/>
  <c r="A147630" i="1" s="1"/>
  <c r="A147631" i="1" s="1"/>
  <c r="A147632" i="1" s="1"/>
  <c r="A147633" i="1" s="1"/>
  <c r="A147634" i="1" s="1"/>
  <c r="A147635" i="1" s="1"/>
  <c r="A147636" i="1" s="1"/>
  <c r="A147637" i="1" s="1"/>
  <c r="A147638" i="1" s="1"/>
  <c r="A147639" i="1" s="1"/>
  <c r="A147640" i="1" s="1"/>
  <c r="A147641" i="1" s="1"/>
  <c r="A147642" i="1" s="1"/>
  <c r="A147643" i="1" s="1"/>
  <c r="A147644" i="1" s="1"/>
  <c r="A147645" i="1" s="1"/>
  <c r="A147646" i="1" s="1"/>
  <c r="A147647" i="1" s="1"/>
  <c r="A147648" i="1" s="1"/>
  <c r="A147649" i="1" s="1"/>
  <c r="A147650" i="1" s="1"/>
  <c r="A147651" i="1" s="1"/>
  <c r="A147652" i="1" s="1"/>
  <c r="A147653" i="1" s="1"/>
  <c r="A147654" i="1" s="1"/>
  <c r="A147655" i="1" s="1"/>
  <c r="A147656" i="1" s="1"/>
  <c r="A147657" i="1" s="1"/>
  <c r="A147658" i="1" s="1"/>
  <c r="A147659" i="1" s="1"/>
  <c r="A147660" i="1" s="1"/>
  <c r="A147661" i="1" s="1"/>
  <c r="A147662" i="1" s="1"/>
  <c r="A147663" i="1" s="1"/>
  <c r="A147664" i="1" s="1"/>
  <c r="A147665" i="1" s="1"/>
  <c r="A147666" i="1" s="1"/>
  <c r="A147667" i="1" s="1"/>
  <c r="A147668" i="1" s="1"/>
  <c r="A147669" i="1" s="1"/>
  <c r="A147670" i="1" s="1"/>
  <c r="A147671" i="1" s="1"/>
  <c r="A147672" i="1" s="1"/>
  <c r="A147673" i="1" s="1"/>
  <c r="A147674" i="1" s="1"/>
  <c r="A147675" i="1" s="1"/>
  <c r="A147676" i="1" s="1"/>
  <c r="A147677" i="1" s="1"/>
  <c r="A147678" i="1" s="1"/>
  <c r="A147679" i="1" s="1"/>
  <c r="A147680" i="1" s="1"/>
  <c r="A147681" i="1" s="1"/>
  <c r="A147682" i="1" s="1"/>
  <c r="A147683" i="1" s="1"/>
  <c r="A147684" i="1" s="1"/>
  <c r="A147685" i="1" s="1"/>
  <c r="A147686" i="1" s="1"/>
  <c r="A147687" i="1" s="1"/>
  <c r="A147688" i="1" s="1"/>
  <c r="A147689" i="1" s="1"/>
  <c r="A147690" i="1" s="1"/>
  <c r="A147691" i="1" s="1"/>
  <c r="A147692" i="1" s="1"/>
  <c r="A147693" i="1" s="1"/>
  <c r="A147694" i="1" s="1"/>
  <c r="A147695" i="1" s="1"/>
  <c r="A147696" i="1" s="1"/>
  <c r="A147697" i="1" s="1"/>
  <c r="A147698" i="1" s="1"/>
  <c r="A147699" i="1" s="1"/>
  <c r="A147700" i="1" s="1"/>
  <c r="A147701" i="1" s="1"/>
  <c r="A147702" i="1" s="1"/>
  <c r="A147703" i="1" s="1"/>
  <c r="A147704" i="1" s="1"/>
  <c r="A147705" i="1" s="1"/>
  <c r="A147706" i="1" s="1"/>
  <c r="A147707" i="1" s="1"/>
  <c r="A147708" i="1" s="1"/>
  <c r="A147709" i="1" s="1"/>
  <c r="A147710" i="1" s="1"/>
  <c r="A147711" i="1" s="1"/>
  <c r="A147712" i="1" s="1"/>
  <c r="A147713" i="1" s="1"/>
  <c r="A147714" i="1" s="1"/>
  <c r="A147715" i="1" s="1"/>
  <c r="A147716" i="1" s="1"/>
  <c r="A147717" i="1" s="1"/>
  <c r="A147718" i="1" s="1"/>
  <c r="A147719" i="1" s="1"/>
  <c r="A147720" i="1" s="1"/>
  <c r="A147721" i="1" s="1"/>
  <c r="A147722" i="1" s="1"/>
  <c r="A147723" i="1" s="1"/>
  <c r="A147724" i="1" s="1"/>
  <c r="A147725" i="1" s="1"/>
  <c r="A147726" i="1" s="1"/>
  <c r="A147727" i="1" s="1"/>
  <c r="A147728" i="1" s="1"/>
  <c r="A147729" i="1" s="1"/>
  <c r="A147730" i="1" s="1"/>
  <c r="A147731" i="1" s="1"/>
  <c r="A147732" i="1" s="1"/>
  <c r="A147733" i="1" s="1"/>
  <c r="A147734" i="1" s="1"/>
  <c r="A147735" i="1" s="1"/>
  <c r="A147736" i="1" s="1"/>
  <c r="A147737" i="1" s="1"/>
  <c r="A147738" i="1" s="1"/>
  <c r="A147739" i="1" s="1"/>
  <c r="A147740" i="1" s="1"/>
  <c r="A147741" i="1" s="1"/>
  <c r="A147742" i="1" s="1"/>
  <c r="A147743" i="1" s="1"/>
  <c r="A147744" i="1" s="1"/>
  <c r="A147745" i="1" s="1"/>
  <c r="A147746" i="1" s="1"/>
  <c r="A147747" i="1" s="1"/>
  <c r="A147748" i="1" s="1"/>
  <c r="A147749" i="1" s="1"/>
  <c r="A147750" i="1" s="1"/>
  <c r="A147751" i="1" s="1"/>
  <c r="A147752" i="1" s="1"/>
  <c r="A147753" i="1" s="1"/>
  <c r="A147754" i="1" s="1"/>
  <c r="A147755" i="1" s="1"/>
  <c r="A147756" i="1" s="1"/>
  <c r="A147757" i="1" s="1"/>
  <c r="A147758" i="1" s="1"/>
  <c r="A147759" i="1" s="1"/>
  <c r="A147760" i="1" s="1"/>
  <c r="A147761" i="1" s="1"/>
  <c r="A147762" i="1" s="1"/>
  <c r="A147763" i="1" s="1"/>
  <c r="A147764" i="1" s="1"/>
  <c r="A147765" i="1" s="1"/>
  <c r="A147766" i="1" s="1"/>
  <c r="A147767" i="1" s="1"/>
  <c r="A147768" i="1" s="1"/>
  <c r="A147769" i="1" s="1"/>
  <c r="A147770" i="1" s="1"/>
  <c r="A147771" i="1" s="1"/>
  <c r="A147772" i="1" s="1"/>
  <c r="A147773" i="1" s="1"/>
  <c r="A147774" i="1" s="1"/>
  <c r="A147775" i="1" s="1"/>
  <c r="A147776" i="1" s="1"/>
  <c r="A147777" i="1" s="1"/>
  <c r="A147778" i="1" s="1"/>
  <c r="A147779" i="1" s="1"/>
  <c r="A147780" i="1" s="1"/>
  <c r="A147781" i="1" s="1"/>
  <c r="A147782" i="1" s="1"/>
  <c r="A147783" i="1" s="1"/>
  <c r="A147784" i="1" s="1"/>
  <c r="A147785" i="1" s="1"/>
  <c r="A147786" i="1" s="1"/>
  <c r="A147787" i="1" s="1"/>
  <c r="A147788" i="1" s="1"/>
  <c r="A147789" i="1" s="1"/>
  <c r="A147790" i="1" s="1"/>
  <c r="A147791" i="1" s="1"/>
  <c r="A147792" i="1" s="1"/>
  <c r="A147793" i="1" s="1"/>
  <c r="A147794" i="1" s="1"/>
  <c r="A147795" i="1" s="1"/>
  <c r="A147796" i="1" s="1"/>
  <c r="A147797" i="1" s="1"/>
  <c r="A147798" i="1" s="1"/>
  <c r="A147799" i="1" s="1"/>
  <c r="A147800" i="1" s="1"/>
  <c r="A147801" i="1" s="1"/>
  <c r="A147802" i="1" s="1"/>
  <c r="A147803" i="1" s="1"/>
  <c r="A147804" i="1" s="1"/>
  <c r="A147805" i="1" s="1"/>
  <c r="A147806" i="1" s="1"/>
  <c r="A147807" i="1" s="1"/>
  <c r="A147808" i="1" s="1"/>
  <c r="A147809" i="1" s="1"/>
  <c r="A147810" i="1" s="1"/>
  <c r="A147811" i="1" s="1"/>
  <c r="A147812" i="1" s="1"/>
  <c r="A147813" i="1" s="1"/>
  <c r="A147814" i="1" s="1"/>
  <c r="A147815" i="1" s="1"/>
  <c r="A147816" i="1" s="1"/>
  <c r="A147817" i="1" s="1"/>
  <c r="A147818" i="1" s="1"/>
  <c r="A147819" i="1" s="1"/>
  <c r="A147820" i="1" s="1"/>
  <c r="A147821" i="1" s="1"/>
  <c r="A147822" i="1" s="1"/>
  <c r="A147823" i="1" s="1"/>
  <c r="A147824" i="1" s="1"/>
  <c r="A147825" i="1" s="1"/>
  <c r="A147826" i="1" s="1"/>
  <c r="A147827" i="1" s="1"/>
  <c r="A147828" i="1" s="1"/>
  <c r="A147829" i="1" s="1"/>
  <c r="A147830" i="1" s="1"/>
  <c r="A147831" i="1" s="1"/>
  <c r="A147832" i="1" s="1"/>
  <c r="A147833" i="1" s="1"/>
  <c r="A147834" i="1" s="1"/>
  <c r="A147835" i="1" s="1"/>
  <c r="A147836" i="1" s="1"/>
  <c r="A147837" i="1" s="1"/>
  <c r="A147838" i="1" s="1"/>
  <c r="A147839" i="1" s="1"/>
  <c r="A147840" i="1" s="1"/>
  <c r="A147841" i="1" s="1"/>
  <c r="A147842" i="1" s="1"/>
  <c r="A147843" i="1" s="1"/>
  <c r="A147844" i="1" s="1"/>
  <c r="A147845" i="1" s="1"/>
  <c r="A147846" i="1" s="1"/>
  <c r="A147847" i="1" s="1"/>
  <c r="A147848" i="1" s="1"/>
  <c r="A147849" i="1" s="1"/>
  <c r="A147850" i="1" s="1"/>
  <c r="A147851" i="1" s="1"/>
  <c r="A147852" i="1" s="1"/>
  <c r="A147853" i="1" s="1"/>
  <c r="A147854" i="1" s="1"/>
  <c r="A147855" i="1" s="1"/>
  <c r="A147856" i="1" s="1"/>
  <c r="A147857" i="1" s="1"/>
  <c r="A147858" i="1" s="1"/>
  <c r="A147859" i="1" s="1"/>
  <c r="A147860" i="1" s="1"/>
  <c r="A147861" i="1" s="1"/>
  <c r="A147862" i="1" s="1"/>
  <c r="A147863" i="1" s="1"/>
  <c r="A147864" i="1" s="1"/>
  <c r="A147865" i="1" s="1"/>
  <c r="A147866" i="1" s="1"/>
  <c r="A147867" i="1" s="1"/>
  <c r="A147868" i="1" s="1"/>
  <c r="A147869" i="1" s="1"/>
  <c r="A147870" i="1" s="1"/>
  <c r="A147871" i="1" s="1"/>
  <c r="A147872" i="1" s="1"/>
  <c r="A147873" i="1" s="1"/>
  <c r="A147874" i="1" s="1"/>
  <c r="A147875" i="1" s="1"/>
  <c r="A147876" i="1" s="1"/>
  <c r="A147877" i="1" s="1"/>
  <c r="A147878" i="1" s="1"/>
  <c r="A147879" i="1" s="1"/>
  <c r="A147880" i="1" s="1"/>
  <c r="A147881" i="1" s="1"/>
  <c r="A147882" i="1" s="1"/>
  <c r="A147883" i="1" s="1"/>
  <c r="A147884" i="1" s="1"/>
  <c r="A147885" i="1" s="1"/>
  <c r="A147886" i="1" s="1"/>
  <c r="A147887" i="1" s="1"/>
  <c r="A147888" i="1" s="1"/>
  <c r="A147889" i="1" s="1"/>
  <c r="A147890" i="1" s="1"/>
  <c r="A147891" i="1" s="1"/>
  <c r="A147892" i="1" s="1"/>
  <c r="A147893" i="1" s="1"/>
  <c r="A147894" i="1" s="1"/>
  <c r="A147895" i="1" s="1"/>
  <c r="A147896" i="1" s="1"/>
  <c r="A147897" i="1" s="1"/>
  <c r="A147898" i="1" s="1"/>
  <c r="A147899" i="1" s="1"/>
  <c r="A147900" i="1" s="1"/>
  <c r="A147901" i="1" s="1"/>
  <c r="A147902" i="1" s="1"/>
  <c r="A147903" i="1" s="1"/>
  <c r="A147904" i="1" s="1"/>
  <c r="A147905" i="1" s="1"/>
  <c r="A147906" i="1" s="1"/>
  <c r="A147907" i="1" s="1"/>
  <c r="A147908" i="1" s="1"/>
  <c r="A147909" i="1" s="1"/>
  <c r="A147910" i="1" s="1"/>
  <c r="A147911" i="1" s="1"/>
  <c r="A147912" i="1" s="1"/>
  <c r="A147913" i="1" s="1"/>
  <c r="A147914" i="1" s="1"/>
  <c r="A147915" i="1" s="1"/>
  <c r="A147916" i="1" s="1"/>
  <c r="A147917" i="1" s="1"/>
  <c r="A147918" i="1" s="1"/>
  <c r="A147919" i="1" s="1"/>
  <c r="A147920" i="1" s="1"/>
  <c r="A147921" i="1" s="1"/>
  <c r="A147922" i="1" s="1"/>
  <c r="A147923" i="1" s="1"/>
  <c r="A147924" i="1" s="1"/>
  <c r="A147925" i="1" s="1"/>
  <c r="A147926" i="1" s="1"/>
  <c r="A147927" i="1" s="1"/>
  <c r="A147928" i="1" s="1"/>
  <c r="A147929" i="1" s="1"/>
  <c r="A147930" i="1" s="1"/>
  <c r="A147931" i="1" s="1"/>
  <c r="A147932" i="1" s="1"/>
  <c r="A147933" i="1" s="1"/>
  <c r="A147934" i="1" s="1"/>
  <c r="A147935" i="1" s="1"/>
  <c r="A147936" i="1" s="1"/>
  <c r="A147937" i="1" s="1"/>
  <c r="A147938" i="1" s="1"/>
  <c r="A147939" i="1" s="1"/>
  <c r="A147940" i="1" s="1"/>
  <c r="A147941" i="1" s="1"/>
  <c r="A147942" i="1" s="1"/>
  <c r="A147943" i="1" s="1"/>
  <c r="A147944" i="1" s="1"/>
  <c r="A147945" i="1" s="1"/>
  <c r="A147946" i="1" s="1"/>
  <c r="A147947" i="1" s="1"/>
  <c r="A147948" i="1" s="1"/>
  <c r="A147949" i="1" s="1"/>
  <c r="A147950" i="1" s="1"/>
  <c r="A147951" i="1" s="1"/>
  <c r="A147952" i="1" s="1"/>
  <c r="A147953" i="1" s="1"/>
  <c r="A147954" i="1" s="1"/>
  <c r="A147955" i="1" s="1"/>
  <c r="A147956" i="1" s="1"/>
  <c r="A147957" i="1" s="1"/>
  <c r="A147958" i="1" s="1"/>
  <c r="A147959" i="1" s="1"/>
  <c r="A147960" i="1" s="1"/>
  <c r="A147961" i="1" s="1"/>
  <c r="A147962" i="1" s="1"/>
  <c r="A147963" i="1" s="1"/>
  <c r="A147964" i="1" s="1"/>
  <c r="A147965" i="1" s="1"/>
  <c r="A147966" i="1" s="1"/>
  <c r="A147967" i="1" s="1"/>
  <c r="A147968" i="1" s="1"/>
  <c r="A147969" i="1" s="1"/>
  <c r="A147970" i="1" s="1"/>
  <c r="A147971" i="1" s="1"/>
  <c r="A147972" i="1" s="1"/>
  <c r="A147973" i="1" s="1"/>
  <c r="A147974" i="1" s="1"/>
  <c r="A147975" i="1" s="1"/>
  <c r="A147976" i="1" s="1"/>
  <c r="A147977" i="1" s="1"/>
  <c r="A147978" i="1" s="1"/>
  <c r="A147979" i="1" s="1"/>
  <c r="A147980" i="1" s="1"/>
  <c r="A147981" i="1" s="1"/>
  <c r="A147982" i="1" s="1"/>
  <c r="A147983" i="1" s="1"/>
  <c r="A147984" i="1" s="1"/>
  <c r="A147985" i="1" s="1"/>
  <c r="A147986" i="1" s="1"/>
  <c r="A147987" i="1" s="1"/>
  <c r="A147988" i="1" s="1"/>
  <c r="A147989" i="1" s="1"/>
  <c r="A147990" i="1" s="1"/>
  <c r="A147991" i="1" s="1"/>
  <c r="A147992" i="1" s="1"/>
  <c r="A147993" i="1" s="1"/>
  <c r="A147994" i="1" s="1"/>
  <c r="A147995" i="1" s="1"/>
  <c r="A147996" i="1" s="1"/>
  <c r="A147997" i="1" s="1"/>
  <c r="A147998" i="1" s="1"/>
  <c r="A147999" i="1" s="1"/>
  <c r="A148000" i="1" s="1"/>
  <c r="A148001" i="1" s="1"/>
  <c r="A148002" i="1" s="1"/>
  <c r="A148003" i="1" s="1"/>
  <c r="A148004" i="1" s="1"/>
  <c r="A148005" i="1" s="1"/>
  <c r="A148006" i="1" s="1"/>
  <c r="A148007" i="1" s="1"/>
  <c r="A148008" i="1" s="1"/>
  <c r="A148009" i="1" s="1"/>
  <c r="A148010" i="1" s="1"/>
  <c r="A148011" i="1" s="1"/>
  <c r="A148012" i="1" s="1"/>
  <c r="A148013" i="1" s="1"/>
  <c r="A148014" i="1" s="1"/>
  <c r="A148015" i="1" s="1"/>
  <c r="A148016" i="1" s="1"/>
  <c r="A148017" i="1" s="1"/>
  <c r="A148018" i="1" s="1"/>
  <c r="A148019" i="1" s="1"/>
  <c r="A148020" i="1" s="1"/>
  <c r="A148021" i="1" s="1"/>
  <c r="A148022" i="1" s="1"/>
  <c r="A148023" i="1" s="1"/>
  <c r="A148024" i="1" s="1"/>
  <c r="A148025" i="1" s="1"/>
  <c r="A148026" i="1" s="1"/>
  <c r="A148027" i="1" s="1"/>
  <c r="A148028" i="1" s="1"/>
  <c r="A148029" i="1" s="1"/>
  <c r="A148030" i="1" s="1"/>
  <c r="A148031" i="1" s="1"/>
  <c r="A148032" i="1" s="1"/>
  <c r="A148033" i="1" s="1"/>
  <c r="A148034" i="1" s="1"/>
  <c r="A148035" i="1" s="1"/>
  <c r="A148036" i="1" s="1"/>
  <c r="A148037" i="1" s="1"/>
  <c r="A148038" i="1" s="1"/>
  <c r="A148039" i="1" s="1"/>
  <c r="A148040" i="1" s="1"/>
  <c r="A148041" i="1" s="1"/>
  <c r="A148042" i="1" s="1"/>
  <c r="A148043" i="1" s="1"/>
  <c r="A148044" i="1" s="1"/>
  <c r="A148045" i="1" s="1"/>
  <c r="A148046" i="1" s="1"/>
  <c r="A148047" i="1" s="1"/>
  <c r="A148048" i="1" s="1"/>
  <c r="A148049" i="1" s="1"/>
  <c r="A148050" i="1" s="1"/>
  <c r="A148051" i="1" s="1"/>
  <c r="A148052" i="1" s="1"/>
  <c r="A148053" i="1" s="1"/>
  <c r="A148054" i="1" s="1"/>
  <c r="A148055" i="1" s="1"/>
  <c r="A148056" i="1" s="1"/>
  <c r="A148057" i="1" s="1"/>
  <c r="A148058" i="1" s="1"/>
  <c r="A148059" i="1" s="1"/>
  <c r="A148060" i="1" s="1"/>
  <c r="A148061" i="1" s="1"/>
  <c r="A148062" i="1" s="1"/>
  <c r="A148063" i="1" s="1"/>
  <c r="A148064" i="1" s="1"/>
  <c r="A148065" i="1" s="1"/>
  <c r="A148066" i="1" s="1"/>
  <c r="A148067" i="1" s="1"/>
  <c r="A148068" i="1" s="1"/>
  <c r="A148069" i="1" s="1"/>
  <c r="A148070" i="1" s="1"/>
  <c r="A148071" i="1" s="1"/>
  <c r="A148072" i="1" s="1"/>
  <c r="A148073" i="1" s="1"/>
  <c r="A148074" i="1" s="1"/>
  <c r="A148075" i="1" s="1"/>
  <c r="A148076" i="1" s="1"/>
  <c r="A148077" i="1" s="1"/>
  <c r="A148078" i="1" s="1"/>
  <c r="A148079" i="1" s="1"/>
  <c r="A148080" i="1" s="1"/>
  <c r="A148081" i="1" s="1"/>
  <c r="A148082" i="1" s="1"/>
  <c r="A148083" i="1" s="1"/>
  <c r="A148084" i="1" s="1"/>
  <c r="A148085" i="1" s="1"/>
  <c r="A148086" i="1" s="1"/>
  <c r="A148087" i="1" s="1"/>
  <c r="A148088" i="1" s="1"/>
  <c r="A148089" i="1" s="1"/>
  <c r="A148090" i="1" s="1"/>
  <c r="A148091" i="1" s="1"/>
  <c r="A148092" i="1" s="1"/>
  <c r="A148093" i="1" s="1"/>
  <c r="A148094" i="1" s="1"/>
  <c r="A148095" i="1" s="1"/>
  <c r="A148096" i="1" s="1"/>
  <c r="A148097" i="1" s="1"/>
  <c r="A148098" i="1" s="1"/>
  <c r="A148099" i="1" s="1"/>
  <c r="A148100" i="1" s="1"/>
  <c r="A148101" i="1" s="1"/>
  <c r="A148102" i="1" s="1"/>
  <c r="A148103" i="1" s="1"/>
  <c r="A148104" i="1" s="1"/>
  <c r="A148105" i="1" s="1"/>
  <c r="A148106" i="1" s="1"/>
  <c r="A148107" i="1" s="1"/>
  <c r="A148108" i="1" s="1"/>
  <c r="A148109" i="1" s="1"/>
  <c r="A148110" i="1" s="1"/>
  <c r="A148111" i="1" s="1"/>
  <c r="A148112" i="1" s="1"/>
  <c r="A148113" i="1" s="1"/>
  <c r="A148114" i="1" s="1"/>
  <c r="A148115" i="1" s="1"/>
  <c r="A148116" i="1" s="1"/>
  <c r="A148117" i="1" s="1"/>
  <c r="A148118" i="1" s="1"/>
  <c r="A148119" i="1" s="1"/>
  <c r="A148120" i="1" s="1"/>
  <c r="A148121" i="1" s="1"/>
  <c r="A148122" i="1" s="1"/>
  <c r="A148123" i="1" s="1"/>
  <c r="A148124" i="1" s="1"/>
  <c r="A148125" i="1" s="1"/>
  <c r="A148126" i="1" s="1"/>
  <c r="A148127" i="1" s="1"/>
  <c r="A148128" i="1" s="1"/>
  <c r="A148129" i="1" s="1"/>
  <c r="A148130" i="1" s="1"/>
  <c r="A148131" i="1" s="1"/>
  <c r="A148132" i="1" s="1"/>
  <c r="A148133" i="1" s="1"/>
  <c r="A148134" i="1" s="1"/>
  <c r="A148135" i="1" s="1"/>
  <c r="A148136" i="1" s="1"/>
  <c r="A148137" i="1" s="1"/>
  <c r="A148138" i="1" s="1"/>
  <c r="A148139" i="1" s="1"/>
  <c r="A148140" i="1" s="1"/>
  <c r="A148141" i="1" s="1"/>
  <c r="A148142" i="1" s="1"/>
  <c r="A148143" i="1" s="1"/>
  <c r="A148144" i="1" s="1"/>
  <c r="A148145" i="1" s="1"/>
  <c r="A148146" i="1" s="1"/>
  <c r="A148147" i="1" s="1"/>
  <c r="A148148" i="1" s="1"/>
  <c r="A148149" i="1" s="1"/>
  <c r="A148150" i="1" s="1"/>
  <c r="A148151" i="1" s="1"/>
  <c r="A148152" i="1" s="1"/>
  <c r="A148153" i="1" s="1"/>
  <c r="A148154" i="1" s="1"/>
  <c r="A148155" i="1" s="1"/>
  <c r="A148156" i="1" s="1"/>
  <c r="A148157" i="1" s="1"/>
  <c r="A148158" i="1" s="1"/>
  <c r="A148159" i="1" s="1"/>
  <c r="A148160" i="1" s="1"/>
  <c r="A148161" i="1" s="1"/>
  <c r="A148162" i="1" s="1"/>
  <c r="A148163" i="1" s="1"/>
  <c r="A148164" i="1" s="1"/>
  <c r="A148165" i="1" s="1"/>
  <c r="A148166" i="1" s="1"/>
  <c r="A148167" i="1" s="1"/>
  <c r="A148168" i="1" s="1"/>
  <c r="A148169" i="1" s="1"/>
  <c r="A148170" i="1" s="1"/>
  <c r="A148171" i="1" s="1"/>
  <c r="A148172" i="1" s="1"/>
  <c r="A148173" i="1" s="1"/>
  <c r="A148174" i="1" s="1"/>
  <c r="A148175" i="1" s="1"/>
  <c r="A148176" i="1" s="1"/>
  <c r="A148177" i="1" s="1"/>
  <c r="A148178" i="1" s="1"/>
  <c r="A148179" i="1" s="1"/>
  <c r="A148180" i="1" s="1"/>
  <c r="A148181" i="1" s="1"/>
  <c r="A148182" i="1" s="1"/>
  <c r="A148183" i="1" s="1"/>
  <c r="A148184" i="1" s="1"/>
  <c r="A148185" i="1" s="1"/>
  <c r="A148186" i="1" s="1"/>
  <c r="A148187" i="1" s="1"/>
  <c r="A148188" i="1" s="1"/>
  <c r="A148189" i="1" s="1"/>
  <c r="A148190" i="1" s="1"/>
  <c r="A148191" i="1" s="1"/>
  <c r="A148192" i="1" s="1"/>
  <c r="A148193" i="1" s="1"/>
  <c r="A148194" i="1" s="1"/>
  <c r="A148195" i="1" s="1"/>
  <c r="A148196" i="1" s="1"/>
  <c r="A148197" i="1" s="1"/>
  <c r="A148198" i="1" s="1"/>
  <c r="A148199" i="1" s="1"/>
  <c r="A148200" i="1" s="1"/>
  <c r="A148201" i="1" s="1"/>
  <c r="A148202" i="1" s="1"/>
  <c r="A148203" i="1" s="1"/>
  <c r="A148204" i="1" s="1"/>
  <c r="A148205" i="1" s="1"/>
  <c r="A148206" i="1" s="1"/>
  <c r="A148207" i="1" s="1"/>
  <c r="A148208" i="1" s="1"/>
  <c r="A148209" i="1" s="1"/>
  <c r="A148210" i="1" s="1"/>
  <c r="A148211" i="1" s="1"/>
  <c r="A148212" i="1" s="1"/>
  <c r="A148213" i="1" s="1"/>
  <c r="A148214" i="1" s="1"/>
  <c r="A148215" i="1" s="1"/>
  <c r="A148216" i="1" s="1"/>
  <c r="A148217" i="1" s="1"/>
  <c r="A148218" i="1" s="1"/>
  <c r="A148219" i="1" s="1"/>
  <c r="A148220" i="1" s="1"/>
  <c r="A148221" i="1" s="1"/>
  <c r="A148222" i="1" s="1"/>
  <c r="A148223" i="1" s="1"/>
  <c r="A148224" i="1" s="1"/>
  <c r="A148225" i="1" s="1"/>
  <c r="A148226" i="1" s="1"/>
  <c r="A148227" i="1" s="1"/>
  <c r="A148228" i="1" s="1"/>
  <c r="A148229" i="1" s="1"/>
  <c r="A148230" i="1" s="1"/>
  <c r="A148231" i="1" s="1"/>
  <c r="A148232" i="1" s="1"/>
  <c r="A148233" i="1" s="1"/>
  <c r="A148234" i="1" s="1"/>
  <c r="A148235" i="1" s="1"/>
  <c r="A148236" i="1" s="1"/>
  <c r="A148237" i="1" s="1"/>
  <c r="A148238" i="1" s="1"/>
  <c r="A148239" i="1" s="1"/>
  <c r="A148240" i="1" s="1"/>
  <c r="A148241" i="1" s="1"/>
  <c r="A148242" i="1" s="1"/>
  <c r="A148243" i="1" s="1"/>
  <c r="A148244" i="1" s="1"/>
  <c r="A148245" i="1" s="1"/>
  <c r="A148246" i="1" s="1"/>
  <c r="A148247" i="1" s="1"/>
  <c r="A148248" i="1" s="1"/>
  <c r="A148249" i="1" s="1"/>
  <c r="A148250" i="1" s="1"/>
  <c r="A148251" i="1" s="1"/>
  <c r="A148252" i="1" s="1"/>
  <c r="A148253" i="1" s="1"/>
  <c r="A148254" i="1" s="1"/>
  <c r="A148255" i="1" s="1"/>
  <c r="A148256" i="1" s="1"/>
  <c r="A148257" i="1" s="1"/>
  <c r="A148258" i="1" s="1"/>
  <c r="A148259" i="1" s="1"/>
  <c r="A148260" i="1" s="1"/>
  <c r="A148261" i="1" s="1"/>
  <c r="A148262" i="1" s="1"/>
  <c r="A148263" i="1" s="1"/>
  <c r="A148264" i="1" s="1"/>
  <c r="A148265" i="1" s="1"/>
  <c r="A148266" i="1" s="1"/>
  <c r="A148267" i="1" s="1"/>
  <c r="A148268" i="1" s="1"/>
  <c r="A148269" i="1" s="1"/>
  <c r="A148270" i="1" s="1"/>
  <c r="A148271" i="1" s="1"/>
  <c r="A148272" i="1" s="1"/>
  <c r="A148273" i="1" s="1"/>
  <c r="A148274" i="1" s="1"/>
  <c r="A148275" i="1" s="1"/>
  <c r="A148276" i="1" s="1"/>
  <c r="A148277" i="1" s="1"/>
  <c r="A148278" i="1" s="1"/>
  <c r="A148279" i="1" s="1"/>
  <c r="A148280" i="1" s="1"/>
  <c r="A148281" i="1" s="1"/>
  <c r="A148282" i="1" s="1"/>
  <c r="A148283" i="1" s="1"/>
  <c r="A148284" i="1" s="1"/>
  <c r="A148285" i="1" s="1"/>
  <c r="A148286" i="1" s="1"/>
  <c r="A148287" i="1" s="1"/>
  <c r="A148288" i="1" s="1"/>
  <c r="A148289" i="1" s="1"/>
  <c r="A148290" i="1" s="1"/>
  <c r="A148291" i="1" s="1"/>
  <c r="A148292" i="1" s="1"/>
  <c r="A148293" i="1" s="1"/>
  <c r="A148294" i="1" s="1"/>
  <c r="A148295" i="1" s="1"/>
  <c r="A148296" i="1" s="1"/>
  <c r="A148297" i="1" s="1"/>
  <c r="A148298" i="1" s="1"/>
  <c r="A148299" i="1" s="1"/>
  <c r="A148300" i="1" s="1"/>
  <c r="A148301" i="1" s="1"/>
  <c r="A148302" i="1" s="1"/>
  <c r="A148303" i="1" s="1"/>
  <c r="A148304" i="1" s="1"/>
  <c r="A148305" i="1" s="1"/>
  <c r="A148306" i="1" s="1"/>
  <c r="A148307" i="1" s="1"/>
  <c r="A148308" i="1" s="1"/>
  <c r="A148309" i="1" s="1"/>
  <c r="A148310" i="1" s="1"/>
  <c r="A148311" i="1" s="1"/>
  <c r="A148312" i="1" s="1"/>
  <c r="A148313" i="1" s="1"/>
  <c r="A148314" i="1" s="1"/>
  <c r="A148315" i="1" s="1"/>
  <c r="A148316" i="1" s="1"/>
  <c r="A148317" i="1" s="1"/>
  <c r="A148318" i="1" s="1"/>
  <c r="A148319" i="1" s="1"/>
  <c r="A148320" i="1" s="1"/>
  <c r="A148321" i="1" s="1"/>
  <c r="A148322" i="1" s="1"/>
  <c r="A148323" i="1" s="1"/>
  <c r="A148324" i="1" s="1"/>
  <c r="A148325" i="1" s="1"/>
  <c r="A148326" i="1" s="1"/>
  <c r="A148327" i="1" s="1"/>
  <c r="A148328" i="1" s="1"/>
  <c r="A148329" i="1" s="1"/>
  <c r="A148330" i="1" s="1"/>
  <c r="A148331" i="1" s="1"/>
  <c r="A148332" i="1" s="1"/>
  <c r="A148333" i="1" s="1"/>
  <c r="A148334" i="1" s="1"/>
  <c r="A148335" i="1" s="1"/>
  <c r="A148336" i="1" s="1"/>
  <c r="A148337" i="1" s="1"/>
  <c r="A148338" i="1" s="1"/>
  <c r="A148339" i="1" s="1"/>
  <c r="A148340" i="1" s="1"/>
  <c r="A148341" i="1" s="1"/>
  <c r="A148342" i="1" s="1"/>
  <c r="A148343" i="1" s="1"/>
  <c r="A148344" i="1" s="1"/>
  <c r="A148345" i="1" s="1"/>
  <c r="A148346" i="1" s="1"/>
  <c r="A148347" i="1" s="1"/>
  <c r="A148348" i="1" s="1"/>
  <c r="A148349" i="1" s="1"/>
  <c r="A148350" i="1" s="1"/>
  <c r="A148351" i="1" s="1"/>
  <c r="A148352" i="1" s="1"/>
  <c r="A148353" i="1" s="1"/>
  <c r="A148354" i="1" s="1"/>
  <c r="A148355" i="1" s="1"/>
  <c r="A148356" i="1" s="1"/>
  <c r="A148357" i="1" s="1"/>
  <c r="A148358" i="1" s="1"/>
  <c r="A148359" i="1" s="1"/>
  <c r="A148360" i="1" s="1"/>
  <c r="A148361" i="1" s="1"/>
  <c r="A148362" i="1" s="1"/>
  <c r="A148363" i="1" s="1"/>
  <c r="A148364" i="1" s="1"/>
  <c r="A148365" i="1" s="1"/>
  <c r="A148366" i="1" s="1"/>
  <c r="A148367" i="1" s="1"/>
  <c r="A148368" i="1" s="1"/>
  <c r="A148369" i="1" s="1"/>
  <c r="A148370" i="1" s="1"/>
  <c r="A148371" i="1" s="1"/>
  <c r="A148372" i="1" s="1"/>
  <c r="A148373" i="1" s="1"/>
  <c r="A148374" i="1" s="1"/>
  <c r="A148375" i="1" s="1"/>
  <c r="A148376" i="1" s="1"/>
  <c r="A148377" i="1" s="1"/>
  <c r="A148378" i="1" s="1"/>
  <c r="A148379" i="1" s="1"/>
  <c r="A148380" i="1" s="1"/>
  <c r="A148381" i="1" s="1"/>
  <c r="A148382" i="1" s="1"/>
  <c r="A148383" i="1" s="1"/>
  <c r="A148384" i="1" s="1"/>
  <c r="A148385" i="1" s="1"/>
  <c r="A148386" i="1" s="1"/>
  <c r="A148387" i="1" s="1"/>
  <c r="A148388" i="1" s="1"/>
  <c r="A148389" i="1" s="1"/>
  <c r="A148390" i="1" s="1"/>
  <c r="A148391" i="1" s="1"/>
  <c r="A148392" i="1" s="1"/>
  <c r="A148393" i="1" s="1"/>
  <c r="A148394" i="1" s="1"/>
  <c r="A148395" i="1" s="1"/>
  <c r="A148396" i="1" s="1"/>
  <c r="A148397" i="1" s="1"/>
  <c r="A148398" i="1" s="1"/>
  <c r="A148399" i="1" s="1"/>
  <c r="A148400" i="1" s="1"/>
  <c r="A148401" i="1" s="1"/>
  <c r="A148402" i="1" s="1"/>
  <c r="A148403" i="1" s="1"/>
  <c r="A148404" i="1" s="1"/>
  <c r="A148405" i="1" s="1"/>
  <c r="A148406" i="1" s="1"/>
  <c r="A148407" i="1" s="1"/>
  <c r="A148408" i="1" s="1"/>
  <c r="A148409" i="1" s="1"/>
  <c r="A148410" i="1" s="1"/>
  <c r="A148411" i="1" s="1"/>
  <c r="A148412" i="1" s="1"/>
  <c r="A148413" i="1" s="1"/>
  <c r="A148414" i="1" s="1"/>
  <c r="A148415" i="1" s="1"/>
  <c r="A148416" i="1" s="1"/>
  <c r="A148417" i="1" s="1"/>
  <c r="A148418" i="1" s="1"/>
  <c r="A148419" i="1" s="1"/>
  <c r="A148420" i="1" s="1"/>
  <c r="A148421" i="1" s="1"/>
  <c r="A148422" i="1" s="1"/>
  <c r="A148423" i="1" s="1"/>
  <c r="A148424" i="1" s="1"/>
  <c r="A148425" i="1" s="1"/>
  <c r="A148426" i="1" s="1"/>
  <c r="A148427" i="1" s="1"/>
  <c r="A148428" i="1" s="1"/>
  <c r="A148429" i="1" s="1"/>
  <c r="A148430" i="1" s="1"/>
  <c r="A148431" i="1" s="1"/>
  <c r="A148432" i="1" s="1"/>
  <c r="A148433" i="1" s="1"/>
  <c r="A148434" i="1" s="1"/>
  <c r="A148435" i="1" s="1"/>
  <c r="A148436" i="1" s="1"/>
  <c r="A148437" i="1" s="1"/>
  <c r="A148438" i="1" s="1"/>
  <c r="A148439" i="1" s="1"/>
  <c r="A148440" i="1" s="1"/>
  <c r="A148441" i="1" s="1"/>
  <c r="A148442" i="1" s="1"/>
  <c r="A148443" i="1" s="1"/>
  <c r="A148444" i="1" s="1"/>
  <c r="A148445" i="1" s="1"/>
  <c r="A148446" i="1" s="1"/>
  <c r="A148447" i="1" s="1"/>
  <c r="A148448" i="1" s="1"/>
  <c r="A148449" i="1" s="1"/>
  <c r="A148450" i="1" s="1"/>
  <c r="A148451" i="1" s="1"/>
  <c r="A148452" i="1" s="1"/>
  <c r="A148453" i="1" s="1"/>
  <c r="A148454" i="1" s="1"/>
  <c r="A148455" i="1" s="1"/>
  <c r="A148456" i="1" s="1"/>
  <c r="A148457" i="1" s="1"/>
  <c r="A148458" i="1" s="1"/>
  <c r="A148459" i="1" s="1"/>
  <c r="A148460" i="1" s="1"/>
  <c r="A148461" i="1" s="1"/>
  <c r="A148462" i="1" s="1"/>
  <c r="A148463" i="1" s="1"/>
  <c r="A148464" i="1" s="1"/>
  <c r="A148465" i="1" s="1"/>
  <c r="A148466" i="1" s="1"/>
  <c r="A148467" i="1" s="1"/>
  <c r="A148468" i="1" s="1"/>
  <c r="A148469" i="1" s="1"/>
  <c r="A148470" i="1" s="1"/>
  <c r="A148471" i="1" s="1"/>
  <c r="A148472" i="1" s="1"/>
  <c r="A148473" i="1" s="1"/>
  <c r="A148474" i="1" s="1"/>
  <c r="A148475" i="1" s="1"/>
  <c r="A148476" i="1" s="1"/>
  <c r="A148477" i="1" s="1"/>
  <c r="A148478" i="1" s="1"/>
  <c r="A148479" i="1" s="1"/>
  <c r="A148480" i="1" s="1"/>
  <c r="A148481" i="1" s="1"/>
  <c r="A148482" i="1" s="1"/>
  <c r="A148483" i="1" s="1"/>
  <c r="A148484" i="1" s="1"/>
  <c r="A148485" i="1" s="1"/>
  <c r="A148486" i="1" s="1"/>
  <c r="A148487" i="1" s="1"/>
  <c r="A148488" i="1" s="1"/>
  <c r="A148489" i="1" s="1"/>
  <c r="A148490" i="1" s="1"/>
  <c r="A148491" i="1" s="1"/>
  <c r="A148492" i="1" s="1"/>
  <c r="A148493" i="1" s="1"/>
  <c r="A148494" i="1" s="1"/>
  <c r="A148495" i="1" s="1"/>
  <c r="A148496" i="1" s="1"/>
  <c r="A148497" i="1" s="1"/>
  <c r="A148498" i="1" s="1"/>
  <c r="A148499" i="1" s="1"/>
  <c r="A148500" i="1" s="1"/>
  <c r="A148501" i="1" s="1"/>
  <c r="A148502" i="1" s="1"/>
  <c r="A148503" i="1" s="1"/>
  <c r="A148504" i="1" s="1"/>
  <c r="A148505" i="1" s="1"/>
  <c r="A148506" i="1" s="1"/>
  <c r="A148507" i="1" s="1"/>
  <c r="A148508" i="1" s="1"/>
  <c r="A148509" i="1" s="1"/>
  <c r="A148510" i="1" s="1"/>
  <c r="A148511" i="1" s="1"/>
  <c r="A148512" i="1" s="1"/>
  <c r="A148513" i="1" s="1"/>
  <c r="A148514" i="1" s="1"/>
  <c r="A148515" i="1" s="1"/>
  <c r="A148516" i="1" s="1"/>
  <c r="A148517" i="1" s="1"/>
  <c r="A148518" i="1" s="1"/>
  <c r="A148519" i="1" s="1"/>
  <c r="A148520" i="1" s="1"/>
  <c r="A148521" i="1" s="1"/>
  <c r="A148522" i="1" s="1"/>
  <c r="A148523" i="1" s="1"/>
  <c r="A148524" i="1" s="1"/>
  <c r="A148525" i="1" s="1"/>
  <c r="A148526" i="1" s="1"/>
  <c r="A148527" i="1" s="1"/>
  <c r="A148528" i="1" s="1"/>
  <c r="A148529" i="1" s="1"/>
  <c r="A148530" i="1" s="1"/>
  <c r="A148531" i="1" s="1"/>
  <c r="A148532" i="1" s="1"/>
  <c r="A148533" i="1" s="1"/>
  <c r="A148534" i="1" s="1"/>
  <c r="A148535" i="1" s="1"/>
  <c r="A148536" i="1" s="1"/>
  <c r="A148537" i="1" s="1"/>
  <c r="A148538" i="1" s="1"/>
  <c r="A148539" i="1" s="1"/>
  <c r="A148540" i="1" s="1"/>
  <c r="A148541" i="1" s="1"/>
  <c r="A148542" i="1" s="1"/>
  <c r="A148543" i="1" s="1"/>
  <c r="A148544" i="1" s="1"/>
  <c r="A148545" i="1" s="1"/>
  <c r="A148546" i="1" s="1"/>
  <c r="A148547" i="1" s="1"/>
  <c r="A148548" i="1" s="1"/>
  <c r="A148549" i="1" s="1"/>
  <c r="A148550" i="1" s="1"/>
  <c r="A148551" i="1" s="1"/>
  <c r="A148552" i="1" s="1"/>
  <c r="A148553" i="1" s="1"/>
  <c r="A148554" i="1" s="1"/>
  <c r="A148555" i="1" s="1"/>
  <c r="A148556" i="1" s="1"/>
  <c r="A148557" i="1" s="1"/>
  <c r="A148558" i="1" s="1"/>
  <c r="A148559" i="1" s="1"/>
  <c r="A148560" i="1" s="1"/>
  <c r="A148561" i="1" s="1"/>
  <c r="A148562" i="1" s="1"/>
  <c r="A148563" i="1" s="1"/>
  <c r="A148564" i="1" s="1"/>
  <c r="A148565" i="1" s="1"/>
  <c r="A148566" i="1" s="1"/>
  <c r="A148567" i="1" s="1"/>
  <c r="A148568" i="1" s="1"/>
  <c r="A148569" i="1" s="1"/>
  <c r="A148570" i="1" s="1"/>
  <c r="A148571" i="1" s="1"/>
  <c r="A148572" i="1" s="1"/>
  <c r="A148573" i="1" s="1"/>
  <c r="A148574" i="1" s="1"/>
  <c r="A148575" i="1" s="1"/>
  <c r="A148576" i="1" s="1"/>
  <c r="A148577" i="1" s="1"/>
  <c r="A148578" i="1" s="1"/>
  <c r="A148579" i="1" s="1"/>
  <c r="A148580" i="1" s="1"/>
  <c r="A148581" i="1" s="1"/>
  <c r="A148582" i="1" s="1"/>
  <c r="A148583" i="1" s="1"/>
  <c r="A148584" i="1" s="1"/>
  <c r="A148585" i="1" s="1"/>
  <c r="A148586" i="1" s="1"/>
  <c r="A148587" i="1" s="1"/>
  <c r="A148588" i="1" s="1"/>
  <c r="A148589" i="1" s="1"/>
  <c r="A148590" i="1" s="1"/>
  <c r="A148591" i="1" s="1"/>
  <c r="A148592" i="1" s="1"/>
  <c r="A148593" i="1" s="1"/>
  <c r="A148594" i="1" s="1"/>
  <c r="A148595" i="1" s="1"/>
  <c r="A148596" i="1" s="1"/>
  <c r="A148597" i="1" s="1"/>
  <c r="A148598" i="1" s="1"/>
  <c r="A148599" i="1" s="1"/>
  <c r="A148600" i="1" s="1"/>
  <c r="A148601" i="1" s="1"/>
  <c r="A148602" i="1" s="1"/>
  <c r="A148603" i="1" s="1"/>
  <c r="A148604" i="1" s="1"/>
  <c r="A148605" i="1" s="1"/>
  <c r="A148606" i="1" s="1"/>
  <c r="A148607" i="1" s="1"/>
  <c r="A148608" i="1" s="1"/>
  <c r="A148609" i="1" s="1"/>
  <c r="A148610" i="1" s="1"/>
  <c r="A148611" i="1" s="1"/>
  <c r="A148612" i="1" s="1"/>
  <c r="A148613" i="1" s="1"/>
  <c r="A148614" i="1" s="1"/>
  <c r="A148615" i="1" s="1"/>
  <c r="A148616" i="1" s="1"/>
  <c r="A148617" i="1" s="1"/>
  <c r="A148618" i="1" s="1"/>
  <c r="A148619" i="1" s="1"/>
  <c r="A148620" i="1" s="1"/>
  <c r="A148621" i="1" s="1"/>
  <c r="A148622" i="1" s="1"/>
  <c r="A148623" i="1" s="1"/>
  <c r="A148624" i="1" s="1"/>
  <c r="A148625" i="1" s="1"/>
  <c r="A148626" i="1" s="1"/>
  <c r="A148627" i="1" s="1"/>
  <c r="A148628" i="1" s="1"/>
  <c r="A148629" i="1" s="1"/>
  <c r="A148630" i="1" s="1"/>
  <c r="A148631" i="1" s="1"/>
  <c r="A148632" i="1" s="1"/>
  <c r="A148633" i="1" s="1"/>
  <c r="A148634" i="1" s="1"/>
  <c r="A148635" i="1" s="1"/>
  <c r="A148636" i="1" s="1"/>
  <c r="A148637" i="1" s="1"/>
  <c r="A148638" i="1" s="1"/>
  <c r="A148639" i="1" s="1"/>
  <c r="A148640" i="1" s="1"/>
  <c r="A148641" i="1" s="1"/>
  <c r="A148642" i="1" s="1"/>
  <c r="A148643" i="1" s="1"/>
  <c r="A148644" i="1" s="1"/>
  <c r="A148645" i="1" s="1"/>
  <c r="A148646" i="1" s="1"/>
  <c r="A148647" i="1" s="1"/>
  <c r="A148648" i="1" s="1"/>
  <c r="A148649" i="1" s="1"/>
  <c r="A148650" i="1" s="1"/>
  <c r="A148651" i="1" s="1"/>
  <c r="A148652" i="1" s="1"/>
  <c r="A148653" i="1" s="1"/>
  <c r="A148654" i="1" s="1"/>
  <c r="A148655" i="1" s="1"/>
  <c r="A148656" i="1" s="1"/>
  <c r="A148657" i="1" s="1"/>
  <c r="A148658" i="1" s="1"/>
  <c r="A148659" i="1" s="1"/>
  <c r="A148660" i="1" s="1"/>
  <c r="A148661" i="1" s="1"/>
  <c r="A148662" i="1" s="1"/>
  <c r="A148663" i="1" s="1"/>
  <c r="A148664" i="1" s="1"/>
  <c r="A148665" i="1" s="1"/>
  <c r="A148666" i="1" s="1"/>
  <c r="A148667" i="1" s="1"/>
  <c r="A148668" i="1" s="1"/>
  <c r="A148669" i="1" s="1"/>
  <c r="A148670" i="1" s="1"/>
  <c r="A148671" i="1" s="1"/>
  <c r="A148672" i="1" s="1"/>
  <c r="A148673" i="1" s="1"/>
  <c r="A148674" i="1" s="1"/>
  <c r="A148675" i="1" s="1"/>
  <c r="A148676" i="1" s="1"/>
  <c r="A148677" i="1" s="1"/>
  <c r="A148678" i="1" s="1"/>
  <c r="A148679" i="1" s="1"/>
  <c r="A148680" i="1" s="1"/>
  <c r="A148681" i="1" s="1"/>
  <c r="A148682" i="1" s="1"/>
  <c r="A148683" i="1" s="1"/>
  <c r="A148684" i="1" s="1"/>
  <c r="A148685" i="1" s="1"/>
  <c r="A148686" i="1" s="1"/>
  <c r="A148687" i="1" s="1"/>
  <c r="A148688" i="1" s="1"/>
  <c r="A148689" i="1" s="1"/>
  <c r="A148690" i="1" s="1"/>
  <c r="A148691" i="1" s="1"/>
  <c r="A148692" i="1" s="1"/>
  <c r="A148693" i="1" s="1"/>
  <c r="A148694" i="1" s="1"/>
  <c r="A148695" i="1" s="1"/>
  <c r="A148696" i="1" s="1"/>
  <c r="A148697" i="1" s="1"/>
  <c r="A148698" i="1" s="1"/>
  <c r="A148699" i="1" s="1"/>
  <c r="A148700" i="1" s="1"/>
  <c r="A148701" i="1" s="1"/>
  <c r="A148702" i="1" s="1"/>
  <c r="A148703" i="1" s="1"/>
  <c r="A148704" i="1" s="1"/>
  <c r="A148705" i="1" s="1"/>
  <c r="A148706" i="1" s="1"/>
  <c r="A148707" i="1" s="1"/>
  <c r="A148708" i="1" s="1"/>
  <c r="A148709" i="1" s="1"/>
  <c r="A148710" i="1" s="1"/>
  <c r="A148711" i="1" s="1"/>
  <c r="A148712" i="1" s="1"/>
  <c r="A148713" i="1" s="1"/>
  <c r="A148714" i="1" s="1"/>
  <c r="A148715" i="1" s="1"/>
  <c r="A148716" i="1" s="1"/>
  <c r="A148717" i="1" s="1"/>
  <c r="A148718" i="1" s="1"/>
  <c r="A148719" i="1" s="1"/>
  <c r="A148720" i="1" s="1"/>
  <c r="A148721" i="1" s="1"/>
  <c r="A148722" i="1" s="1"/>
  <c r="A148723" i="1" s="1"/>
  <c r="A148724" i="1" s="1"/>
  <c r="A148725" i="1" s="1"/>
  <c r="A148726" i="1" s="1"/>
  <c r="A148727" i="1" s="1"/>
  <c r="A148728" i="1" s="1"/>
  <c r="A148729" i="1" s="1"/>
  <c r="A148730" i="1" s="1"/>
  <c r="A148731" i="1" s="1"/>
  <c r="A148732" i="1" s="1"/>
  <c r="A148733" i="1" s="1"/>
  <c r="A148734" i="1" s="1"/>
  <c r="A148735" i="1" s="1"/>
  <c r="A148736" i="1" s="1"/>
  <c r="A148737" i="1" s="1"/>
  <c r="A148738" i="1" s="1"/>
  <c r="A148739" i="1" s="1"/>
  <c r="A148740" i="1" s="1"/>
  <c r="A148741" i="1" s="1"/>
  <c r="A148742" i="1" s="1"/>
  <c r="A148743" i="1" s="1"/>
  <c r="A148744" i="1" s="1"/>
  <c r="A148745" i="1" s="1"/>
  <c r="A148746" i="1" s="1"/>
  <c r="A148747" i="1" s="1"/>
  <c r="A148748" i="1" s="1"/>
  <c r="A148749" i="1" s="1"/>
  <c r="A148750" i="1" s="1"/>
  <c r="A148751" i="1" s="1"/>
  <c r="A148752" i="1" s="1"/>
  <c r="A148753" i="1" s="1"/>
  <c r="A148754" i="1" s="1"/>
  <c r="A148755" i="1" s="1"/>
  <c r="A148756" i="1" s="1"/>
  <c r="A148757" i="1" s="1"/>
  <c r="A148758" i="1" s="1"/>
  <c r="A148759" i="1" s="1"/>
  <c r="A148760" i="1" s="1"/>
  <c r="A148761" i="1" s="1"/>
  <c r="A148762" i="1" s="1"/>
  <c r="A148763" i="1" s="1"/>
  <c r="A148764" i="1" s="1"/>
  <c r="A148765" i="1" s="1"/>
  <c r="A148766" i="1" s="1"/>
  <c r="A148767" i="1" s="1"/>
  <c r="A148768" i="1" s="1"/>
  <c r="A148769" i="1" s="1"/>
  <c r="A148770" i="1" s="1"/>
  <c r="A148771" i="1" s="1"/>
  <c r="A148772" i="1" s="1"/>
  <c r="A148773" i="1" s="1"/>
  <c r="A148774" i="1" s="1"/>
  <c r="A148775" i="1" s="1"/>
  <c r="A148776" i="1" s="1"/>
  <c r="A148777" i="1" s="1"/>
  <c r="A148778" i="1" s="1"/>
  <c r="A148779" i="1" s="1"/>
  <c r="A148780" i="1" s="1"/>
  <c r="A148781" i="1" s="1"/>
  <c r="A148782" i="1" s="1"/>
  <c r="A148783" i="1" s="1"/>
  <c r="A148784" i="1" s="1"/>
  <c r="A148785" i="1" s="1"/>
  <c r="A148786" i="1" s="1"/>
  <c r="A148787" i="1" s="1"/>
  <c r="A148788" i="1" s="1"/>
  <c r="A148789" i="1" s="1"/>
  <c r="A148790" i="1" s="1"/>
  <c r="A148791" i="1" s="1"/>
  <c r="A148792" i="1" s="1"/>
  <c r="A148793" i="1" s="1"/>
  <c r="A148794" i="1" s="1"/>
  <c r="A148795" i="1" s="1"/>
  <c r="A148796" i="1" s="1"/>
  <c r="A148797" i="1" s="1"/>
  <c r="A148798" i="1" s="1"/>
  <c r="A148799" i="1" s="1"/>
  <c r="A148800" i="1" s="1"/>
  <c r="A148801" i="1" s="1"/>
  <c r="A148802" i="1" s="1"/>
  <c r="A148803" i="1" s="1"/>
  <c r="A148804" i="1" s="1"/>
  <c r="A148805" i="1" s="1"/>
  <c r="A148806" i="1" s="1"/>
  <c r="A148807" i="1" s="1"/>
  <c r="A148808" i="1" s="1"/>
  <c r="A148809" i="1" s="1"/>
  <c r="A148810" i="1" s="1"/>
  <c r="A148811" i="1" s="1"/>
  <c r="A148812" i="1" s="1"/>
  <c r="A148813" i="1" s="1"/>
  <c r="A148814" i="1" s="1"/>
  <c r="A148815" i="1" s="1"/>
  <c r="A148816" i="1" s="1"/>
  <c r="A148817" i="1" s="1"/>
  <c r="A148818" i="1" s="1"/>
  <c r="A148819" i="1" s="1"/>
  <c r="A148820" i="1" s="1"/>
  <c r="A148821" i="1" s="1"/>
  <c r="A148822" i="1" s="1"/>
  <c r="A148823" i="1" s="1"/>
  <c r="A148824" i="1" s="1"/>
  <c r="A148825" i="1" s="1"/>
  <c r="A148826" i="1" s="1"/>
  <c r="A148827" i="1" s="1"/>
  <c r="A148828" i="1" s="1"/>
  <c r="A148829" i="1" s="1"/>
  <c r="A148830" i="1" s="1"/>
  <c r="A148831" i="1" s="1"/>
  <c r="A148832" i="1" s="1"/>
  <c r="A148833" i="1" s="1"/>
  <c r="A148834" i="1" s="1"/>
  <c r="A148835" i="1" s="1"/>
  <c r="A148836" i="1" s="1"/>
  <c r="A148837" i="1" s="1"/>
  <c r="A148838" i="1" s="1"/>
  <c r="A148839" i="1" s="1"/>
  <c r="A148840" i="1" s="1"/>
  <c r="A148841" i="1" s="1"/>
  <c r="A148842" i="1" s="1"/>
  <c r="A148843" i="1" s="1"/>
  <c r="A148844" i="1" s="1"/>
  <c r="A148845" i="1" s="1"/>
  <c r="A148846" i="1" s="1"/>
  <c r="A148847" i="1" s="1"/>
  <c r="A148848" i="1" s="1"/>
  <c r="A148849" i="1" s="1"/>
  <c r="A148850" i="1" s="1"/>
  <c r="A148851" i="1" s="1"/>
  <c r="A148852" i="1" s="1"/>
  <c r="A148853" i="1" s="1"/>
  <c r="A148854" i="1" s="1"/>
  <c r="A148855" i="1" s="1"/>
  <c r="A148856" i="1" s="1"/>
  <c r="A148857" i="1" s="1"/>
  <c r="A148858" i="1" s="1"/>
  <c r="A148859" i="1" s="1"/>
  <c r="A148860" i="1" s="1"/>
  <c r="A148861" i="1" s="1"/>
  <c r="A148862" i="1" s="1"/>
  <c r="A148863" i="1" s="1"/>
  <c r="A148864" i="1" s="1"/>
  <c r="A148865" i="1" s="1"/>
  <c r="A148866" i="1" s="1"/>
  <c r="A148867" i="1" s="1"/>
  <c r="A148868" i="1" s="1"/>
  <c r="A148869" i="1" s="1"/>
  <c r="A148870" i="1" s="1"/>
  <c r="A148871" i="1" s="1"/>
  <c r="A148872" i="1" s="1"/>
  <c r="A148873" i="1" s="1"/>
  <c r="A148874" i="1" s="1"/>
  <c r="A148875" i="1" s="1"/>
  <c r="A148876" i="1" s="1"/>
  <c r="A148877" i="1" s="1"/>
  <c r="A148878" i="1" s="1"/>
  <c r="A148879" i="1" s="1"/>
  <c r="A148880" i="1" s="1"/>
  <c r="A148881" i="1" s="1"/>
  <c r="A148882" i="1" s="1"/>
  <c r="A148883" i="1" s="1"/>
  <c r="A148884" i="1" s="1"/>
  <c r="A148885" i="1" s="1"/>
  <c r="A148886" i="1" s="1"/>
  <c r="A148887" i="1" s="1"/>
  <c r="A148888" i="1" s="1"/>
  <c r="A148889" i="1" s="1"/>
  <c r="A148890" i="1" s="1"/>
  <c r="A148891" i="1" s="1"/>
  <c r="A148892" i="1" s="1"/>
  <c r="A148893" i="1" s="1"/>
  <c r="A148894" i="1" s="1"/>
  <c r="A148895" i="1" s="1"/>
  <c r="A148896" i="1" s="1"/>
  <c r="A148897" i="1" s="1"/>
  <c r="A148898" i="1" s="1"/>
  <c r="A148899" i="1" s="1"/>
  <c r="A148900" i="1" s="1"/>
  <c r="A148901" i="1" s="1"/>
  <c r="A148902" i="1" s="1"/>
  <c r="A148903" i="1" s="1"/>
  <c r="A148904" i="1" s="1"/>
  <c r="A148905" i="1" s="1"/>
  <c r="A148906" i="1" s="1"/>
  <c r="A148907" i="1" s="1"/>
  <c r="A148908" i="1" s="1"/>
  <c r="A148909" i="1" s="1"/>
  <c r="A148910" i="1" s="1"/>
  <c r="A148911" i="1" s="1"/>
  <c r="A148912" i="1" s="1"/>
  <c r="A148913" i="1" s="1"/>
  <c r="A148914" i="1" s="1"/>
  <c r="A148915" i="1" s="1"/>
  <c r="A148916" i="1" s="1"/>
  <c r="A148917" i="1" s="1"/>
  <c r="A148918" i="1" s="1"/>
  <c r="A148919" i="1" s="1"/>
  <c r="A148920" i="1" s="1"/>
  <c r="A148921" i="1" s="1"/>
  <c r="A148922" i="1" s="1"/>
  <c r="A148923" i="1" s="1"/>
  <c r="A148924" i="1" s="1"/>
  <c r="A148925" i="1" s="1"/>
  <c r="A148926" i="1" s="1"/>
  <c r="A148927" i="1" s="1"/>
  <c r="A148928" i="1" s="1"/>
  <c r="A148929" i="1" s="1"/>
  <c r="A148930" i="1" s="1"/>
  <c r="A148931" i="1" s="1"/>
  <c r="A148932" i="1" s="1"/>
  <c r="A148933" i="1" s="1"/>
  <c r="A148934" i="1" s="1"/>
  <c r="A148935" i="1" s="1"/>
  <c r="A148936" i="1" s="1"/>
  <c r="A148937" i="1" s="1"/>
  <c r="A148938" i="1" s="1"/>
  <c r="A148939" i="1" s="1"/>
  <c r="A148940" i="1" s="1"/>
  <c r="A148941" i="1" s="1"/>
  <c r="A148942" i="1" s="1"/>
  <c r="A148943" i="1" s="1"/>
  <c r="A148944" i="1" s="1"/>
  <c r="A148945" i="1" s="1"/>
  <c r="A148946" i="1" s="1"/>
  <c r="A148947" i="1" s="1"/>
  <c r="A148948" i="1" s="1"/>
  <c r="A148949" i="1" s="1"/>
  <c r="A148950" i="1" s="1"/>
  <c r="A148951" i="1" s="1"/>
  <c r="A148952" i="1" s="1"/>
  <c r="A148953" i="1" s="1"/>
  <c r="A148954" i="1" s="1"/>
  <c r="A148955" i="1" s="1"/>
  <c r="A148956" i="1" s="1"/>
  <c r="A148957" i="1" s="1"/>
  <c r="A148958" i="1" s="1"/>
  <c r="A148959" i="1" s="1"/>
  <c r="A148960" i="1" s="1"/>
  <c r="A148961" i="1" s="1"/>
  <c r="A148962" i="1" s="1"/>
  <c r="A148963" i="1" s="1"/>
  <c r="A148964" i="1" s="1"/>
  <c r="A148965" i="1" s="1"/>
  <c r="A148966" i="1" s="1"/>
  <c r="A148967" i="1" s="1"/>
  <c r="A148968" i="1" s="1"/>
  <c r="A148969" i="1" s="1"/>
  <c r="A148970" i="1" s="1"/>
  <c r="A148971" i="1" s="1"/>
  <c r="A148972" i="1" s="1"/>
  <c r="A148973" i="1" s="1"/>
  <c r="A148974" i="1" s="1"/>
  <c r="A148975" i="1" s="1"/>
  <c r="A148976" i="1" s="1"/>
  <c r="A148977" i="1" s="1"/>
  <c r="A148978" i="1" s="1"/>
  <c r="A148979" i="1" s="1"/>
  <c r="A148980" i="1" s="1"/>
  <c r="A148981" i="1" s="1"/>
  <c r="A148982" i="1" s="1"/>
  <c r="A148983" i="1" s="1"/>
  <c r="A148984" i="1" s="1"/>
  <c r="A148985" i="1" s="1"/>
  <c r="A148986" i="1" s="1"/>
  <c r="A148987" i="1" s="1"/>
  <c r="A148988" i="1" s="1"/>
  <c r="A148989" i="1" s="1"/>
  <c r="A148990" i="1" s="1"/>
  <c r="A148991" i="1" s="1"/>
  <c r="A148992" i="1" s="1"/>
  <c r="A148993" i="1" s="1"/>
  <c r="A148994" i="1" s="1"/>
  <c r="A148995" i="1" s="1"/>
  <c r="A148996" i="1" s="1"/>
  <c r="A148997" i="1" s="1"/>
  <c r="A148998" i="1" s="1"/>
  <c r="A148999" i="1" s="1"/>
  <c r="A149000" i="1" s="1"/>
  <c r="A149001" i="1" s="1"/>
  <c r="A149002" i="1" s="1"/>
  <c r="A149003" i="1" s="1"/>
  <c r="A149004" i="1" s="1"/>
  <c r="A149005" i="1" s="1"/>
  <c r="A149006" i="1" s="1"/>
  <c r="A149007" i="1" s="1"/>
  <c r="A149008" i="1" s="1"/>
  <c r="A149009" i="1" s="1"/>
  <c r="A149010" i="1" s="1"/>
  <c r="A149011" i="1" s="1"/>
  <c r="A149012" i="1" s="1"/>
  <c r="A149013" i="1" s="1"/>
  <c r="A149014" i="1" s="1"/>
  <c r="A149015" i="1" s="1"/>
  <c r="A149016" i="1" s="1"/>
  <c r="A149017" i="1" s="1"/>
  <c r="A149018" i="1" s="1"/>
  <c r="A149019" i="1" s="1"/>
  <c r="A149020" i="1" s="1"/>
  <c r="A149021" i="1" s="1"/>
  <c r="A149022" i="1" s="1"/>
  <c r="A149023" i="1" s="1"/>
  <c r="A149024" i="1" s="1"/>
  <c r="A149025" i="1" s="1"/>
  <c r="A149026" i="1" s="1"/>
  <c r="A149027" i="1" s="1"/>
  <c r="A149028" i="1" s="1"/>
  <c r="A149029" i="1" s="1"/>
  <c r="A149030" i="1" s="1"/>
  <c r="A149031" i="1" s="1"/>
  <c r="A149032" i="1" s="1"/>
  <c r="A149033" i="1" s="1"/>
  <c r="A149034" i="1" s="1"/>
  <c r="A149035" i="1" s="1"/>
  <c r="A149036" i="1" s="1"/>
  <c r="A149037" i="1" s="1"/>
  <c r="A149038" i="1" s="1"/>
  <c r="A149039" i="1" s="1"/>
  <c r="A149040" i="1" s="1"/>
  <c r="A149041" i="1" s="1"/>
  <c r="A149042" i="1" s="1"/>
  <c r="A149043" i="1" s="1"/>
  <c r="A149044" i="1" s="1"/>
  <c r="A149045" i="1" s="1"/>
  <c r="A149046" i="1" s="1"/>
  <c r="A149047" i="1" s="1"/>
  <c r="A149048" i="1" s="1"/>
  <c r="A149049" i="1" s="1"/>
  <c r="A149050" i="1" s="1"/>
  <c r="A149051" i="1" s="1"/>
  <c r="A149052" i="1" s="1"/>
  <c r="A149053" i="1" s="1"/>
  <c r="A149054" i="1" s="1"/>
  <c r="A149055" i="1" s="1"/>
  <c r="A149056" i="1" s="1"/>
  <c r="A149057" i="1" s="1"/>
  <c r="A149058" i="1" s="1"/>
  <c r="A149059" i="1" s="1"/>
  <c r="A149060" i="1" s="1"/>
  <c r="A149061" i="1" s="1"/>
  <c r="A149062" i="1" s="1"/>
  <c r="A149063" i="1" s="1"/>
  <c r="A149064" i="1" s="1"/>
  <c r="A149065" i="1" s="1"/>
  <c r="A149066" i="1" s="1"/>
  <c r="A149067" i="1" s="1"/>
  <c r="A149068" i="1" s="1"/>
  <c r="A149069" i="1" s="1"/>
  <c r="A149070" i="1" s="1"/>
  <c r="A149071" i="1" s="1"/>
  <c r="A149072" i="1" s="1"/>
  <c r="A149073" i="1" s="1"/>
  <c r="A149074" i="1" s="1"/>
  <c r="A149075" i="1" s="1"/>
  <c r="A149076" i="1" s="1"/>
  <c r="A149077" i="1" s="1"/>
  <c r="A149078" i="1" s="1"/>
  <c r="A149079" i="1" s="1"/>
  <c r="A149080" i="1" s="1"/>
  <c r="A149081" i="1" s="1"/>
  <c r="A149082" i="1" s="1"/>
  <c r="A149083" i="1" s="1"/>
  <c r="A149084" i="1" s="1"/>
  <c r="A149085" i="1" s="1"/>
  <c r="A149086" i="1" s="1"/>
  <c r="A149087" i="1" s="1"/>
  <c r="A149088" i="1" s="1"/>
  <c r="A149089" i="1" s="1"/>
  <c r="A149090" i="1" s="1"/>
  <c r="A149091" i="1" s="1"/>
  <c r="A149092" i="1" s="1"/>
  <c r="A149093" i="1" s="1"/>
  <c r="A149094" i="1" s="1"/>
  <c r="A149095" i="1" s="1"/>
  <c r="A149096" i="1" s="1"/>
  <c r="A149097" i="1" s="1"/>
  <c r="A149098" i="1" s="1"/>
  <c r="A149099" i="1" s="1"/>
  <c r="A149100" i="1" s="1"/>
  <c r="A149101" i="1" s="1"/>
  <c r="A149102" i="1" s="1"/>
  <c r="A149103" i="1" s="1"/>
  <c r="A149104" i="1" s="1"/>
  <c r="A149105" i="1" s="1"/>
  <c r="A149106" i="1" s="1"/>
  <c r="A149107" i="1" s="1"/>
  <c r="A149108" i="1" s="1"/>
  <c r="A149109" i="1" s="1"/>
  <c r="A149110" i="1" s="1"/>
  <c r="A149111" i="1" s="1"/>
  <c r="A149112" i="1" s="1"/>
  <c r="A149113" i="1" s="1"/>
  <c r="A149114" i="1" s="1"/>
  <c r="A149115" i="1" s="1"/>
  <c r="A149116" i="1" s="1"/>
  <c r="A149117" i="1" s="1"/>
  <c r="A149118" i="1" s="1"/>
  <c r="A149119" i="1" s="1"/>
  <c r="A149120" i="1" s="1"/>
  <c r="A149121" i="1" s="1"/>
  <c r="A149122" i="1" s="1"/>
  <c r="A149123" i="1" s="1"/>
  <c r="A149124" i="1" s="1"/>
  <c r="A149125" i="1" s="1"/>
  <c r="A149126" i="1" s="1"/>
  <c r="A149127" i="1" s="1"/>
  <c r="A149128" i="1" s="1"/>
  <c r="A149129" i="1" s="1"/>
  <c r="A149130" i="1" s="1"/>
  <c r="A149131" i="1" s="1"/>
  <c r="A149132" i="1" s="1"/>
  <c r="A149133" i="1" s="1"/>
  <c r="A149134" i="1" s="1"/>
  <c r="A149135" i="1" s="1"/>
  <c r="A149136" i="1" s="1"/>
  <c r="A149137" i="1" s="1"/>
  <c r="A149138" i="1" s="1"/>
  <c r="A149139" i="1" s="1"/>
  <c r="A149140" i="1" s="1"/>
  <c r="A149141" i="1" s="1"/>
  <c r="A149142" i="1" s="1"/>
  <c r="A149143" i="1" s="1"/>
  <c r="A149144" i="1" s="1"/>
  <c r="A149145" i="1" s="1"/>
  <c r="A149146" i="1" s="1"/>
  <c r="A149147" i="1" s="1"/>
  <c r="A149148" i="1" s="1"/>
  <c r="A149149" i="1" s="1"/>
  <c r="A149150" i="1" s="1"/>
  <c r="A149151" i="1" s="1"/>
  <c r="A149152" i="1" s="1"/>
  <c r="A149153" i="1" s="1"/>
  <c r="A149154" i="1" s="1"/>
  <c r="A149155" i="1" s="1"/>
  <c r="A149156" i="1" s="1"/>
  <c r="A149157" i="1" s="1"/>
  <c r="A149158" i="1" s="1"/>
  <c r="A149159" i="1" s="1"/>
  <c r="A149160" i="1" s="1"/>
  <c r="A149161" i="1" s="1"/>
  <c r="A149162" i="1" s="1"/>
  <c r="A149163" i="1" s="1"/>
  <c r="A149164" i="1" s="1"/>
  <c r="A149165" i="1" s="1"/>
  <c r="A149166" i="1" s="1"/>
  <c r="A149167" i="1" s="1"/>
  <c r="A149168" i="1" s="1"/>
  <c r="A149169" i="1" s="1"/>
  <c r="A149170" i="1" s="1"/>
  <c r="A149171" i="1" s="1"/>
  <c r="A149172" i="1" s="1"/>
  <c r="A149173" i="1" s="1"/>
  <c r="A149174" i="1" s="1"/>
  <c r="A149175" i="1" s="1"/>
  <c r="A149176" i="1" s="1"/>
  <c r="A149177" i="1" s="1"/>
  <c r="A149178" i="1" s="1"/>
  <c r="A149179" i="1" s="1"/>
  <c r="A149180" i="1" s="1"/>
  <c r="A149181" i="1" s="1"/>
  <c r="A149182" i="1" s="1"/>
  <c r="A149183" i="1" s="1"/>
  <c r="A149184" i="1" s="1"/>
  <c r="A149185" i="1" s="1"/>
  <c r="A149186" i="1" s="1"/>
  <c r="A149187" i="1" s="1"/>
  <c r="A149188" i="1" s="1"/>
  <c r="A149189" i="1" s="1"/>
  <c r="A149190" i="1" s="1"/>
  <c r="A149191" i="1" s="1"/>
  <c r="A149192" i="1" s="1"/>
  <c r="A149193" i="1" s="1"/>
  <c r="A149194" i="1" s="1"/>
  <c r="A149195" i="1" s="1"/>
  <c r="A149196" i="1" s="1"/>
  <c r="A149197" i="1" s="1"/>
  <c r="A149198" i="1" s="1"/>
  <c r="A149199" i="1" s="1"/>
  <c r="A149200" i="1" s="1"/>
  <c r="A149201" i="1" s="1"/>
  <c r="A149202" i="1" s="1"/>
  <c r="A149203" i="1" s="1"/>
  <c r="A149204" i="1" s="1"/>
  <c r="A149205" i="1" s="1"/>
  <c r="A149206" i="1" s="1"/>
  <c r="A149207" i="1" s="1"/>
  <c r="A149208" i="1" s="1"/>
  <c r="A149209" i="1" s="1"/>
  <c r="A149210" i="1" s="1"/>
  <c r="A149211" i="1" s="1"/>
  <c r="A149212" i="1" s="1"/>
  <c r="A149213" i="1" s="1"/>
  <c r="A149214" i="1" s="1"/>
  <c r="A149215" i="1" s="1"/>
  <c r="A149216" i="1" s="1"/>
  <c r="A149217" i="1" s="1"/>
  <c r="A149218" i="1" s="1"/>
  <c r="A149219" i="1" s="1"/>
  <c r="A149220" i="1" s="1"/>
  <c r="A149221" i="1" s="1"/>
  <c r="A149222" i="1" s="1"/>
  <c r="A149223" i="1" s="1"/>
  <c r="A149224" i="1" s="1"/>
  <c r="A149225" i="1" s="1"/>
  <c r="A149226" i="1" s="1"/>
  <c r="A149227" i="1" s="1"/>
  <c r="A149228" i="1" s="1"/>
  <c r="A149229" i="1" s="1"/>
  <c r="A149230" i="1" s="1"/>
  <c r="A149231" i="1" s="1"/>
  <c r="A149232" i="1" s="1"/>
  <c r="A149233" i="1" s="1"/>
  <c r="A149234" i="1" s="1"/>
  <c r="A149235" i="1" s="1"/>
  <c r="A149236" i="1" s="1"/>
  <c r="A149237" i="1" s="1"/>
  <c r="A149238" i="1" s="1"/>
  <c r="A149239" i="1" s="1"/>
  <c r="A149240" i="1" s="1"/>
  <c r="A149241" i="1" s="1"/>
  <c r="A149242" i="1" s="1"/>
  <c r="A149243" i="1" s="1"/>
  <c r="A149244" i="1" s="1"/>
  <c r="A149245" i="1" s="1"/>
  <c r="A149246" i="1" s="1"/>
  <c r="A149247" i="1" s="1"/>
  <c r="A149248" i="1" s="1"/>
  <c r="A149249" i="1" s="1"/>
  <c r="A149250" i="1" s="1"/>
  <c r="A149251" i="1" s="1"/>
  <c r="A149252" i="1" s="1"/>
  <c r="A149253" i="1" s="1"/>
  <c r="A149254" i="1" s="1"/>
  <c r="A149255" i="1" s="1"/>
  <c r="A149256" i="1" s="1"/>
  <c r="A149257" i="1" s="1"/>
  <c r="A149258" i="1" s="1"/>
  <c r="A149259" i="1" s="1"/>
  <c r="A149260" i="1" s="1"/>
  <c r="A149261" i="1" s="1"/>
  <c r="A149262" i="1" s="1"/>
  <c r="A149263" i="1" s="1"/>
  <c r="A149264" i="1" s="1"/>
  <c r="A149265" i="1" s="1"/>
  <c r="A149266" i="1" s="1"/>
  <c r="A149267" i="1" s="1"/>
  <c r="A149268" i="1" s="1"/>
  <c r="A149269" i="1" s="1"/>
  <c r="A149270" i="1" s="1"/>
  <c r="A149271" i="1" s="1"/>
  <c r="A149272" i="1" s="1"/>
  <c r="A149273" i="1" s="1"/>
  <c r="A149274" i="1" s="1"/>
  <c r="A149275" i="1" s="1"/>
  <c r="A149276" i="1" s="1"/>
  <c r="A149277" i="1" s="1"/>
  <c r="A149278" i="1" s="1"/>
  <c r="A149279" i="1" s="1"/>
  <c r="A149280" i="1" s="1"/>
  <c r="A149281" i="1" s="1"/>
  <c r="A149282" i="1" s="1"/>
  <c r="A149283" i="1" s="1"/>
  <c r="A149284" i="1" s="1"/>
  <c r="A149285" i="1" s="1"/>
  <c r="A149286" i="1" s="1"/>
  <c r="A149287" i="1" s="1"/>
  <c r="A149288" i="1" s="1"/>
  <c r="A149289" i="1" s="1"/>
  <c r="A149290" i="1" s="1"/>
  <c r="A149291" i="1" s="1"/>
  <c r="A149292" i="1" s="1"/>
  <c r="A149293" i="1" s="1"/>
  <c r="A149294" i="1" s="1"/>
  <c r="A149295" i="1" s="1"/>
  <c r="A149296" i="1" s="1"/>
  <c r="A149297" i="1" s="1"/>
  <c r="A149298" i="1" s="1"/>
  <c r="A149299" i="1" s="1"/>
  <c r="A149300" i="1" s="1"/>
  <c r="A149301" i="1" s="1"/>
  <c r="A149302" i="1" s="1"/>
  <c r="A149303" i="1" s="1"/>
  <c r="A149304" i="1" s="1"/>
  <c r="A149305" i="1" s="1"/>
  <c r="A149306" i="1" s="1"/>
  <c r="A149307" i="1" s="1"/>
  <c r="A149308" i="1" s="1"/>
  <c r="A149309" i="1" s="1"/>
  <c r="A149310" i="1" s="1"/>
  <c r="A149311" i="1" s="1"/>
  <c r="A149312" i="1" s="1"/>
  <c r="A149313" i="1" s="1"/>
  <c r="A149314" i="1" s="1"/>
  <c r="A149315" i="1" s="1"/>
  <c r="A149316" i="1" s="1"/>
  <c r="A149317" i="1" s="1"/>
  <c r="A149318" i="1" s="1"/>
  <c r="A149319" i="1" s="1"/>
  <c r="A149320" i="1" s="1"/>
  <c r="A149321" i="1" s="1"/>
  <c r="A149322" i="1" s="1"/>
  <c r="A149323" i="1" s="1"/>
  <c r="A149324" i="1" s="1"/>
  <c r="A149325" i="1" s="1"/>
  <c r="A149326" i="1" s="1"/>
  <c r="A149327" i="1" s="1"/>
  <c r="A149328" i="1" s="1"/>
  <c r="A149329" i="1" s="1"/>
  <c r="A149330" i="1" s="1"/>
  <c r="A149331" i="1" s="1"/>
  <c r="A149332" i="1" s="1"/>
  <c r="A149333" i="1" s="1"/>
  <c r="A149334" i="1" s="1"/>
  <c r="A149335" i="1" s="1"/>
  <c r="A149336" i="1" s="1"/>
  <c r="A149337" i="1" s="1"/>
  <c r="A149338" i="1" s="1"/>
  <c r="A149339" i="1" s="1"/>
  <c r="A149340" i="1" s="1"/>
  <c r="A149341" i="1" s="1"/>
  <c r="A149342" i="1" s="1"/>
  <c r="A149343" i="1" s="1"/>
  <c r="A149344" i="1" s="1"/>
  <c r="A149345" i="1" s="1"/>
  <c r="A149346" i="1" s="1"/>
  <c r="A149347" i="1" s="1"/>
  <c r="A149348" i="1" s="1"/>
  <c r="A149349" i="1" s="1"/>
  <c r="A149350" i="1" s="1"/>
  <c r="A149351" i="1" s="1"/>
  <c r="A149352" i="1" s="1"/>
  <c r="A149353" i="1" s="1"/>
  <c r="A149354" i="1" s="1"/>
  <c r="A149355" i="1" s="1"/>
  <c r="A149356" i="1" s="1"/>
  <c r="A149357" i="1" s="1"/>
  <c r="A149358" i="1" s="1"/>
  <c r="A149359" i="1" s="1"/>
  <c r="A149360" i="1" s="1"/>
  <c r="A149361" i="1" s="1"/>
  <c r="A149362" i="1" s="1"/>
  <c r="A149363" i="1" s="1"/>
  <c r="A149364" i="1" s="1"/>
  <c r="A149365" i="1" s="1"/>
  <c r="A149366" i="1" s="1"/>
  <c r="A149367" i="1" s="1"/>
  <c r="A149368" i="1" s="1"/>
  <c r="A149369" i="1" s="1"/>
  <c r="A149370" i="1" s="1"/>
  <c r="A149371" i="1" s="1"/>
  <c r="A149372" i="1" s="1"/>
  <c r="A149373" i="1" s="1"/>
  <c r="A149374" i="1" s="1"/>
  <c r="A149375" i="1" s="1"/>
  <c r="A149376" i="1" s="1"/>
  <c r="A149377" i="1" s="1"/>
  <c r="A149378" i="1" s="1"/>
  <c r="A149379" i="1" s="1"/>
  <c r="A149380" i="1" s="1"/>
  <c r="A149381" i="1" s="1"/>
  <c r="A149382" i="1" s="1"/>
  <c r="A149383" i="1" s="1"/>
  <c r="A149384" i="1" s="1"/>
  <c r="A149385" i="1" s="1"/>
  <c r="A149386" i="1" s="1"/>
  <c r="A149387" i="1" s="1"/>
  <c r="A149388" i="1" s="1"/>
  <c r="A149389" i="1" s="1"/>
  <c r="A149390" i="1" s="1"/>
  <c r="A149391" i="1" s="1"/>
  <c r="A149392" i="1" s="1"/>
  <c r="A149393" i="1" s="1"/>
  <c r="A149394" i="1" s="1"/>
  <c r="A149395" i="1" s="1"/>
  <c r="A149396" i="1" s="1"/>
  <c r="A149397" i="1" s="1"/>
  <c r="A149398" i="1" s="1"/>
  <c r="A149399" i="1" s="1"/>
  <c r="A149400" i="1" s="1"/>
  <c r="A149401" i="1" s="1"/>
  <c r="A149402" i="1" s="1"/>
  <c r="A149403" i="1" s="1"/>
  <c r="A149404" i="1" s="1"/>
  <c r="A149405" i="1" s="1"/>
  <c r="A149406" i="1" s="1"/>
  <c r="A149407" i="1" s="1"/>
  <c r="A149408" i="1" s="1"/>
  <c r="A149409" i="1" s="1"/>
  <c r="A149410" i="1" s="1"/>
  <c r="A149411" i="1" s="1"/>
  <c r="A149412" i="1" s="1"/>
  <c r="A149413" i="1" s="1"/>
  <c r="A149414" i="1" s="1"/>
  <c r="A149415" i="1" s="1"/>
  <c r="A149416" i="1" s="1"/>
  <c r="A149417" i="1" s="1"/>
  <c r="A149418" i="1" s="1"/>
  <c r="A149419" i="1" s="1"/>
  <c r="A149420" i="1" s="1"/>
  <c r="A149421" i="1" s="1"/>
  <c r="A149422" i="1" s="1"/>
  <c r="A149423" i="1" s="1"/>
  <c r="A149424" i="1" s="1"/>
  <c r="A149425" i="1" s="1"/>
  <c r="A149426" i="1" s="1"/>
  <c r="A149427" i="1" s="1"/>
  <c r="A149428" i="1" s="1"/>
  <c r="A149429" i="1" s="1"/>
  <c r="A149430" i="1" s="1"/>
  <c r="A149431" i="1" s="1"/>
  <c r="A149432" i="1" s="1"/>
  <c r="A149433" i="1" s="1"/>
  <c r="A149434" i="1" s="1"/>
  <c r="A149435" i="1" s="1"/>
  <c r="A149436" i="1" s="1"/>
  <c r="A149437" i="1" s="1"/>
  <c r="A149438" i="1" s="1"/>
  <c r="A149439" i="1" s="1"/>
  <c r="A149440" i="1" s="1"/>
  <c r="A149441" i="1" s="1"/>
  <c r="A149442" i="1" s="1"/>
  <c r="A149443" i="1" s="1"/>
  <c r="A149444" i="1" s="1"/>
  <c r="A149445" i="1" s="1"/>
  <c r="A149446" i="1" s="1"/>
  <c r="A149447" i="1" s="1"/>
  <c r="A149448" i="1" s="1"/>
  <c r="A149449" i="1" s="1"/>
  <c r="A149450" i="1" s="1"/>
  <c r="A149451" i="1" s="1"/>
  <c r="A149452" i="1" s="1"/>
  <c r="A149453" i="1" s="1"/>
  <c r="A149454" i="1" s="1"/>
  <c r="A149455" i="1" s="1"/>
  <c r="A149456" i="1" s="1"/>
  <c r="A149457" i="1" s="1"/>
  <c r="A149458" i="1" s="1"/>
  <c r="A149459" i="1" s="1"/>
  <c r="A149460" i="1" s="1"/>
  <c r="A149461" i="1" s="1"/>
  <c r="A149462" i="1" s="1"/>
  <c r="A149463" i="1" s="1"/>
  <c r="A149464" i="1" s="1"/>
  <c r="A149465" i="1" s="1"/>
  <c r="A149466" i="1" s="1"/>
  <c r="A149467" i="1" s="1"/>
  <c r="A149468" i="1" s="1"/>
  <c r="A149469" i="1" s="1"/>
  <c r="A149470" i="1" s="1"/>
  <c r="A149471" i="1" s="1"/>
  <c r="A149472" i="1" s="1"/>
  <c r="A149473" i="1" s="1"/>
  <c r="A149474" i="1" s="1"/>
  <c r="A149475" i="1" s="1"/>
  <c r="A149476" i="1" s="1"/>
  <c r="A149477" i="1" s="1"/>
  <c r="A149478" i="1" s="1"/>
  <c r="A149479" i="1" s="1"/>
  <c r="A149480" i="1" s="1"/>
  <c r="A149481" i="1" s="1"/>
  <c r="A149482" i="1" s="1"/>
  <c r="A149483" i="1" s="1"/>
  <c r="A149484" i="1" s="1"/>
  <c r="A149485" i="1" s="1"/>
  <c r="A149486" i="1" s="1"/>
  <c r="A149487" i="1" s="1"/>
  <c r="A149488" i="1" s="1"/>
  <c r="A149489" i="1" s="1"/>
  <c r="A149490" i="1" s="1"/>
  <c r="A149491" i="1" s="1"/>
  <c r="A149492" i="1" s="1"/>
  <c r="A149493" i="1" s="1"/>
  <c r="A149494" i="1" s="1"/>
  <c r="A149495" i="1" s="1"/>
  <c r="A149496" i="1" s="1"/>
  <c r="A149497" i="1" s="1"/>
  <c r="A149498" i="1" s="1"/>
  <c r="A149499" i="1" s="1"/>
  <c r="A149500" i="1" s="1"/>
  <c r="A149501" i="1" s="1"/>
  <c r="A149502" i="1" s="1"/>
  <c r="A149503" i="1" s="1"/>
  <c r="A149504" i="1" s="1"/>
  <c r="A149505" i="1" s="1"/>
  <c r="A149506" i="1" s="1"/>
  <c r="A149507" i="1" s="1"/>
  <c r="A149508" i="1" s="1"/>
  <c r="A149509" i="1" s="1"/>
  <c r="A149510" i="1" s="1"/>
  <c r="A149511" i="1" s="1"/>
  <c r="A149512" i="1" s="1"/>
  <c r="A149513" i="1" s="1"/>
  <c r="A149514" i="1" s="1"/>
  <c r="A149515" i="1" s="1"/>
  <c r="A149516" i="1" s="1"/>
  <c r="A149517" i="1" s="1"/>
  <c r="A149518" i="1" s="1"/>
  <c r="A149519" i="1" s="1"/>
  <c r="A149520" i="1" s="1"/>
  <c r="A149521" i="1" s="1"/>
  <c r="A149522" i="1" s="1"/>
  <c r="A149523" i="1" s="1"/>
  <c r="A149524" i="1" s="1"/>
  <c r="A149525" i="1" s="1"/>
  <c r="A149526" i="1" s="1"/>
  <c r="A149527" i="1" s="1"/>
  <c r="A149528" i="1" s="1"/>
  <c r="A149529" i="1" s="1"/>
  <c r="A149530" i="1" s="1"/>
  <c r="A149531" i="1" s="1"/>
  <c r="A149532" i="1" s="1"/>
  <c r="A149533" i="1" s="1"/>
  <c r="A149534" i="1" s="1"/>
  <c r="A149535" i="1" s="1"/>
  <c r="A149536" i="1" s="1"/>
  <c r="A149537" i="1" s="1"/>
  <c r="A149538" i="1" s="1"/>
  <c r="A149539" i="1" s="1"/>
  <c r="A149540" i="1" s="1"/>
  <c r="A149541" i="1" s="1"/>
  <c r="A149542" i="1" s="1"/>
  <c r="A149543" i="1" s="1"/>
  <c r="A149544" i="1" s="1"/>
  <c r="A149545" i="1" s="1"/>
  <c r="A149546" i="1" s="1"/>
  <c r="A149547" i="1" s="1"/>
  <c r="A149548" i="1" s="1"/>
  <c r="A149549" i="1" s="1"/>
  <c r="A149550" i="1" s="1"/>
  <c r="A149551" i="1" s="1"/>
  <c r="A149552" i="1" s="1"/>
  <c r="A149553" i="1" s="1"/>
  <c r="A149554" i="1" s="1"/>
  <c r="A149555" i="1" s="1"/>
  <c r="A149556" i="1" s="1"/>
  <c r="A149557" i="1" s="1"/>
  <c r="A149558" i="1" s="1"/>
  <c r="A149559" i="1" s="1"/>
  <c r="A149560" i="1" s="1"/>
  <c r="A149561" i="1" s="1"/>
  <c r="A149562" i="1" s="1"/>
  <c r="A149563" i="1" s="1"/>
  <c r="A149564" i="1" s="1"/>
  <c r="A149565" i="1" s="1"/>
  <c r="A149566" i="1" s="1"/>
  <c r="A149567" i="1" s="1"/>
  <c r="A149568" i="1" s="1"/>
  <c r="A149569" i="1" s="1"/>
  <c r="A149570" i="1" s="1"/>
  <c r="A149571" i="1" s="1"/>
  <c r="A149572" i="1" s="1"/>
  <c r="A149573" i="1" s="1"/>
  <c r="A149574" i="1" s="1"/>
  <c r="A149575" i="1" s="1"/>
  <c r="A149576" i="1" s="1"/>
  <c r="A149577" i="1" s="1"/>
  <c r="A149578" i="1" s="1"/>
  <c r="A149579" i="1" s="1"/>
  <c r="A149580" i="1" s="1"/>
  <c r="A149581" i="1" s="1"/>
  <c r="A149582" i="1" s="1"/>
  <c r="A149583" i="1" s="1"/>
  <c r="A149584" i="1" s="1"/>
  <c r="A149585" i="1" s="1"/>
  <c r="A149586" i="1" s="1"/>
  <c r="A149587" i="1" s="1"/>
  <c r="A149588" i="1" s="1"/>
  <c r="A149589" i="1" s="1"/>
  <c r="A149590" i="1" s="1"/>
  <c r="A149591" i="1" s="1"/>
  <c r="A149592" i="1" s="1"/>
  <c r="A149593" i="1" s="1"/>
  <c r="A149594" i="1" s="1"/>
  <c r="A149595" i="1" s="1"/>
  <c r="A149596" i="1" s="1"/>
  <c r="A149597" i="1" s="1"/>
  <c r="A149598" i="1" s="1"/>
  <c r="A149599" i="1" s="1"/>
  <c r="A149600" i="1" s="1"/>
  <c r="A149601" i="1" s="1"/>
  <c r="A149602" i="1" s="1"/>
  <c r="A149603" i="1" s="1"/>
  <c r="A149604" i="1" s="1"/>
  <c r="A149605" i="1" s="1"/>
  <c r="A149606" i="1" s="1"/>
  <c r="A149607" i="1" s="1"/>
  <c r="A149608" i="1" s="1"/>
  <c r="A149609" i="1" s="1"/>
  <c r="A149610" i="1" s="1"/>
  <c r="A149611" i="1" s="1"/>
  <c r="A149612" i="1" s="1"/>
  <c r="A149613" i="1" s="1"/>
  <c r="A149614" i="1" s="1"/>
  <c r="A149615" i="1" s="1"/>
  <c r="A149616" i="1" s="1"/>
  <c r="A149617" i="1" s="1"/>
  <c r="A149618" i="1" s="1"/>
  <c r="A149619" i="1" s="1"/>
  <c r="A149620" i="1" s="1"/>
  <c r="A149621" i="1" s="1"/>
  <c r="A149622" i="1" s="1"/>
  <c r="A149623" i="1" s="1"/>
  <c r="A149624" i="1" s="1"/>
  <c r="A149625" i="1" s="1"/>
  <c r="A149626" i="1" s="1"/>
  <c r="A149627" i="1" s="1"/>
  <c r="A149628" i="1" s="1"/>
  <c r="A149629" i="1" s="1"/>
  <c r="A149630" i="1" s="1"/>
  <c r="A149631" i="1" s="1"/>
  <c r="A149632" i="1" s="1"/>
  <c r="A149633" i="1" s="1"/>
  <c r="A149634" i="1" s="1"/>
  <c r="A149635" i="1" s="1"/>
  <c r="A149636" i="1" s="1"/>
  <c r="A149637" i="1" s="1"/>
  <c r="A149638" i="1" s="1"/>
  <c r="A149639" i="1" s="1"/>
  <c r="A149640" i="1" s="1"/>
  <c r="A149641" i="1" s="1"/>
  <c r="A149642" i="1" s="1"/>
  <c r="A149643" i="1" s="1"/>
  <c r="A149644" i="1" s="1"/>
  <c r="A149645" i="1" s="1"/>
  <c r="A149646" i="1" s="1"/>
  <c r="A149647" i="1" s="1"/>
  <c r="A149648" i="1" s="1"/>
  <c r="A149649" i="1" s="1"/>
  <c r="A149650" i="1" s="1"/>
  <c r="A149651" i="1" s="1"/>
  <c r="A149652" i="1" s="1"/>
  <c r="A149653" i="1" s="1"/>
  <c r="A149654" i="1" s="1"/>
  <c r="A149655" i="1" s="1"/>
  <c r="A149656" i="1" s="1"/>
  <c r="A149657" i="1" s="1"/>
  <c r="A149658" i="1" s="1"/>
  <c r="A149659" i="1" s="1"/>
  <c r="A149660" i="1" s="1"/>
  <c r="A149661" i="1" s="1"/>
  <c r="A149662" i="1" s="1"/>
  <c r="A149663" i="1" s="1"/>
  <c r="A149664" i="1" s="1"/>
  <c r="A149665" i="1" s="1"/>
  <c r="A149666" i="1" s="1"/>
  <c r="A149667" i="1" s="1"/>
  <c r="A149668" i="1" s="1"/>
  <c r="A149669" i="1" s="1"/>
  <c r="A149670" i="1" s="1"/>
  <c r="A149671" i="1" s="1"/>
  <c r="A149672" i="1" s="1"/>
  <c r="A149673" i="1" s="1"/>
  <c r="A149674" i="1" s="1"/>
  <c r="A149675" i="1" s="1"/>
  <c r="A149676" i="1" s="1"/>
  <c r="A149677" i="1" s="1"/>
  <c r="A149678" i="1" s="1"/>
  <c r="A149679" i="1" s="1"/>
  <c r="A149680" i="1" s="1"/>
  <c r="A149681" i="1" s="1"/>
  <c r="A149682" i="1" s="1"/>
  <c r="A149683" i="1" s="1"/>
  <c r="A149684" i="1" s="1"/>
  <c r="A149685" i="1" s="1"/>
  <c r="A149686" i="1" s="1"/>
  <c r="A149687" i="1" s="1"/>
  <c r="A149688" i="1" s="1"/>
  <c r="A149689" i="1" s="1"/>
  <c r="A149690" i="1" s="1"/>
  <c r="A149691" i="1" s="1"/>
  <c r="A149692" i="1" s="1"/>
  <c r="A149693" i="1" s="1"/>
  <c r="A149694" i="1" s="1"/>
  <c r="A149695" i="1" s="1"/>
  <c r="A149696" i="1" s="1"/>
  <c r="A149697" i="1" s="1"/>
  <c r="A149698" i="1" s="1"/>
  <c r="A149699" i="1" s="1"/>
  <c r="A149700" i="1" s="1"/>
  <c r="A149701" i="1" s="1"/>
  <c r="A149702" i="1" s="1"/>
  <c r="A149703" i="1" s="1"/>
  <c r="A149704" i="1" s="1"/>
  <c r="A149705" i="1" s="1"/>
  <c r="A149706" i="1" s="1"/>
  <c r="A149707" i="1" s="1"/>
  <c r="A149708" i="1" s="1"/>
  <c r="A149709" i="1" s="1"/>
  <c r="A149710" i="1" s="1"/>
  <c r="A149711" i="1" s="1"/>
  <c r="A149712" i="1" s="1"/>
  <c r="A149713" i="1" s="1"/>
  <c r="A149714" i="1" s="1"/>
  <c r="A149715" i="1" s="1"/>
  <c r="A149716" i="1" s="1"/>
  <c r="A149717" i="1" s="1"/>
  <c r="A149718" i="1" s="1"/>
  <c r="A149719" i="1" s="1"/>
  <c r="A149720" i="1" s="1"/>
  <c r="A149721" i="1" s="1"/>
  <c r="A149722" i="1" s="1"/>
  <c r="A149723" i="1" s="1"/>
  <c r="A149724" i="1" s="1"/>
  <c r="A149725" i="1" s="1"/>
  <c r="A149726" i="1" s="1"/>
  <c r="A149727" i="1" s="1"/>
  <c r="A149728" i="1" s="1"/>
  <c r="A149729" i="1" s="1"/>
  <c r="A149730" i="1" s="1"/>
  <c r="A149731" i="1" s="1"/>
  <c r="A149732" i="1" s="1"/>
  <c r="A149733" i="1" s="1"/>
  <c r="A149734" i="1" s="1"/>
  <c r="A149735" i="1" s="1"/>
  <c r="A149736" i="1" s="1"/>
  <c r="A149737" i="1" s="1"/>
  <c r="A149738" i="1" s="1"/>
  <c r="A149739" i="1" s="1"/>
  <c r="A149740" i="1" s="1"/>
  <c r="A149741" i="1" s="1"/>
  <c r="A149742" i="1" s="1"/>
  <c r="A149743" i="1" s="1"/>
  <c r="A149744" i="1" s="1"/>
  <c r="A149745" i="1" s="1"/>
  <c r="A149746" i="1" s="1"/>
  <c r="A149747" i="1" s="1"/>
  <c r="A149748" i="1" s="1"/>
  <c r="A149749" i="1" s="1"/>
  <c r="A149750" i="1" s="1"/>
  <c r="A149751" i="1" s="1"/>
  <c r="A149752" i="1" s="1"/>
  <c r="A149753" i="1" s="1"/>
  <c r="A149754" i="1" s="1"/>
  <c r="A149755" i="1" s="1"/>
  <c r="A149756" i="1" s="1"/>
  <c r="A149757" i="1" s="1"/>
  <c r="A149758" i="1" s="1"/>
  <c r="A149759" i="1" s="1"/>
  <c r="A149760" i="1" s="1"/>
  <c r="A149761" i="1" s="1"/>
  <c r="A149762" i="1" s="1"/>
  <c r="A149763" i="1" s="1"/>
  <c r="A149764" i="1" s="1"/>
  <c r="A149765" i="1" s="1"/>
  <c r="A149766" i="1" s="1"/>
  <c r="A149767" i="1" s="1"/>
  <c r="A149768" i="1" s="1"/>
  <c r="A149769" i="1" s="1"/>
  <c r="A149770" i="1" s="1"/>
  <c r="A149771" i="1" s="1"/>
  <c r="A149772" i="1" s="1"/>
  <c r="A149773" i="1" s="1"/>
  <c r="A149774" i="1" s="1"/>
  <c r="A149775" i="1" s="1"/>
  <c r="A149776" i="1" s="1"/>
  <c r="A149777" i="1" s="1"/>
  <c r="A149778" i="1" s="1"/>
  <c r="A149779" i="1" s="1"/>
  <c r="A149780" i="1" s="1"/>
  <c r="A149781" i="1" s="1"/>
  <c r="A149782" i="1" s="1"/>
  <c r="A149783" i="1" s="1"/>
  <c r="A149784" i="1" s="1"/>
  <c r="A149785" i="1" s="1"/>
  <c r="A149786" i="1" s="1"/>
  <c r="A149787" i="1" s="1"/>
  <c r="A149788" i="1" s="1"/>
  <c r="A149789" i="1" s="1"/>
  <c r="A149790" i="1" s="1"/>
  <c r="A149791" i="1" s="1"/>
  <c r="A149792" i="1" s="1"/>
  <c r="A149793" i="1" s="1"/>
  <c r="A149794" i="1" s="1"/>
  <c r="A149795" i="1" s="1"/>
  <c r="A149796" i="1" s="1"/>
  <c r="A149797" i="1" s="1"/>
  <c r="A149798" i="1" s="1"/>
  <c r="A149799" i="1" s="1"/>
  <c r="A149800" i="1" s="1"/>
  <c r="A149801" i="1" s="1"/>
  <c r="A149802" i="1" s="1"/>
  <c r="A149803" i="1" s="1"/>
  <c r="A149804" i="1" s="1"/>
  <c r="A149805" i="1" s="1"/>
  <c r="A149806" i="1" s="1"/>
  <c r="A149807" i="1" s="1"/>
  <c r="A149808" i="1" s="1"/>
  <c r="A149809" i="1" s="1"/>
  <c r="A149810" i="1" s="1"/>
  <c r="A149811" i="1" s="1"/>
  <c r="A149812" i="1" s="1"/>
  <c r="A149813" i="1" s="1"/>
  <c r="A149814" i="1" s="1"/>
  <c r="A149815" i="1" s="1"/>
  <c r="A149816" i="1" s="1"/>
  <c r="A149817" i="1" s="1"/>
  <c r="A149818" i="1" s="1"/>
  <c r="A149819" i="1" s="1"/>
  <c r="A149820" i="1" s="1"/>
  <c r="A149821" i="1" s="1"/>
  <c r="A149822" i="1" s="1"/>
  <c r="A149823" i="1" s="1"/>
  <c r="A149824" i="1" s="1"/>
  <c r="A149825" i="1" s="1"/>
  <c r="A149826" i="1" s="1"/>
  <c r="A149827" i="1" s="1"/>
  <c r="A149828" i="1" s="1"/>
  <c r="A149829" i="1" s="1"/>
  <c r="A149830" i="1" s="1"/>
  <c r="A149831" i="1" s="1"/>
  <c r="A149832" i="1" s="1"/>
  <c r="A149833" i="1" s="1"/>
  <c r="A149834" i="1" s="1"/>
  <c r="A149835" i="1" s="1"/>
  <c r="A149836" i="1" s="1"/>
  <c r="A149837" i="1" s="1"/>
  <c r="A149838" i="1" s="1"/>
  <c r="A149839" i="1" s="1"/>
  <c r="A149840" i="1" s="1"/>
  <c r="A149841" i="1" s="1"/>
  <c r="A149842" i="1" s="1"/>
  <c r="A149843" i="1" s="1"/>
  <c r="A149844" i="1" s="1"/>
  <c r="A149845" i="1" s="1"/>
  <c r="A149846" i="1" s="1"/>
  <c r="A149847" i="1" s="1"/>
  <c r="A149848" i="1" s="1"/>
  <c r="A149849" i="1" s="1"/>
  <c r="A149850" i="1" s="1"/>
  <c r="A149851" i="1" s="1"/>
  <c r="A149852" i="1" s="1"/>
  <c r="A149853" i="1" s="1"/>
  <c r="A149854" i="1" s="1"/>
  <c r="A149855" i="1" s="1"/>
  <c r="A149856" i="1" s="1"/>
  <c r="A149857" i="1" s="1"/>
  <c r="A149858" i="1" s="1"/>
  <c r="A149859" i="1" s="1"/>
  <c r="A149860" i="1" s="1"/>
  <c r="A149861" i="1" s="1"/>
  <c r="A149862" i="1" s="1"/>
  <c r="A149863" i="1" s="1"/>
  <c r="A149864" i="1" s="1"/>
  <c r="A149865" i="1" s="1"/>
  <c r="A149866" i="1" s="1"/>
  <c r="A149867" i="1" s="1"/>
  <c r="A149868" i="1" s="1"/>
  <c r="A149869" i="1" s="1"/>
  <c r="A149870" i="1" s="1"/>
  <c r="A149871" i="1" s="1"/>
  <c r="A149872" i="1" s="1"/>
  <c r="A149873" i="1" s="1"/>
  <c r="A149874" i="1" s="1"/>
  <c r="A149875" i="1" s="1"/>
  <c r="A149876" i="1" s="1"/>
  <c r="A149877" i="1" s="1"/>
  <c r="A149878" i="1" s="1"/>
  <c r="A149879" i="1" s="1"/>
  <c r="A149880" i="1" s="1"/>
  <c r="A149881" i="1" s="1"/>
  <c r="A149882" i="1" s="1"/>
  <c r="A149883" i="1" s="1"/>
  <c r="A149884" i="1" s="1"/>
  <c r="A149885" i="1" s="1"/>
  <c r="A149886" i="1" s="1"/>
  <c r="A149887" i="1" s="1"/>
  <c r="A149888" i="1" s="1"/>
  <c r="A149889" i="1" s="1"/>
  <c r="A149890" i="1" s="1"/>
  <c r="A149891" i="1" s="1"/>
  <c r="A149892" i="1" s="1"/>
  <c r="A149893" i="1" s="1"/>
  <c r="A149894" i="1" s="1"/>
  <c r="A149895" i="1" s="1"/>
  <c r="A149896" i="1" s="1"/>
  <c r="A149897" i="1" s="1"/>
  <c r="A149898" i="1" s="1"/>
  <c r="A149899" i="1" s="1"/>
  <c r="A149900" i="1" s="1"/>
  <c r="A149901" i="1" s="1"/>
  <c r="A149902" i="1" s="1"/>
  <c r="A149903" i="1" s="1"/>
  <c r="A149904" i="1" s="1"/>
  <c r="A149905" i="1" s="1"/>
  <c r="A149906" i="1" s="1"/>
  <c r="A149907" i="1" s="1"/>
  <c r="A149908" i="1" s="1"/>
  <c r="A149909" i="1" s="1"/>
  <c r="A149910" i="1" s="1"/>
  <c r="A149911" i="1" s="1"/>
  <c r="A149912" i="1" s="1"/>
  <c r="A149913" i="1" s="1"/>
  <c r="A149914" i="1" s="1"/>
  <c r="A149915" i="1" s="1"/>
  <c r="A149916" i="1" s="1"/>
  <c r="A149917" i="1" s="1"/>
  <c r="A149918" i="1" s="1"/>
  <c r="A149919" i="1" s="1"/>
  <c r="A149920" i="1" s="1"/>
  <c r="A149921" i="1" s="1"/>
  <c r="A149922" i="1" s="1"/>
  <c r="A149923" i="1" s="1"/>
  <c r="A149924" i="1" s="1"/>
  <c r="A149925" i="1" s="1"/>
  <c r="A149926" i="1" s="1"/>
  <c r="A149927" i="1" s="1"/>
  <c r="A149928" i="1" s="1"/>
  <c r="A149929" i="1" s="1"/>
  <c r="A149930" i="1" s="1"/>
  <c r="A149931" i="1" s="1"/>
  <c r="A149932" i="1" s="1"/>
  <c r="A149933" i="1" s="1"/>
  <c r="A149934" i="1" s="1"/>
  <c r="A149935" i="1" s="1"/>
  <c r="A149936" i="1" s="1"/>
  <c r="A149937" i="1" s="1"/>
  <c r="A149938" i="1" s="1"/>
  <c r="A149939" i="1" s="1"/>
  <c r="A149940" i="1" s="1"/>
  <c r="A149941" i="1" s="1"/>
  <c r="A149942" i="1" s="1"/>
  <c r="A149943" i="1" s="1"/>
  <c r="A149944" i="1" s="1"/>
  <c r="A149945" i="1" s="1"/>
  <c r="A149946" i="1" s="1"/>
  <c r="A149947" i="1" s="1"/>
  <c r="A149948" i="1" s="1"/>
  <c r="A149949" i="1" s="1"/>
  <c r="A149950" i="1" s="1"/>
  <c r="A149951" i="1" s="1"/>
  <c r="A149952" i="1" s="1"/>
  <c r="A149953" i="1" s="1"/>
  <c r="A149954" i="1" s="1"/>
  <c r="A149955" i="1" s="1"/>
  <c r="A149956" i="1" s="1"/>
  <c r="A149957" i="1" s="1"/>
  <c r="A149958" i="1" s="1"/>
  <c r="A149959" i="1" s="1"/>
  <c r="A149960" i="1" s="1"/>
  <c r="A149961" i="1" s="1"/>
  <c r="A149962" i="1" s="1"/>
  <c r="A149963" i="1" s="1"/>
  <c r="A149964" i="1" s="1"/>
  <c r="A149965" i="1" s="1"/>
  <c r="A149966" i="1" s="1"/>
  <c r="A149967" i="1" s="1"/>
  <c r="A149968" i="1" s="1"/>
  <c r="A149969" i="1" s="1"/>
  <c r="A149970" i="1" s="1"/>
  <c r="A149971" i="1" s="1"/>
  <c r="A149972" i="1" s="1"/>
  <c r="A149973" i="1" s="1"/>
  <c r="A149974" i="1" s="1"/>
  <c r="A149975" i="1" s="1"/>
  <c r="A149976" i="1" s="1"/>
  <c r="A149977" i="1" s="1"/>
  <c r="A149978" i="1" s="1"/>
  <c r="A149979" i="1" s="1"/>
  <c r="A149980" i="1" s="1"/>
  <c r="A149981" i="1" s="1"/>
  <c r="A149982" i="1" s="1"/>
  <c r="A149983" i="1" s="1"/>
  <c r="A149984" i="1" s="1"/>
  <c r="A149985" i="1" s="1"/>
  <c r="A149986" i="1" s="1"/>
  <c r="A149987" i="1" s="1"/>
  <c r="A149988" i="1" s="1"/>
  <c r="A149989" i="1" s="1"/>
  <c r="A149990" i="1" s="1"/>
  <c r="A149991" i="1" s="1"/>
  <c r="A149992" i="1" s="1"/>
  <c r="A149993" i="1" s="1"/>
  <c r="A149994" i="1" s="1"/>
  <c r="A149995" i="1" s="1"/>
  <c r="A149996" i="1" s="1"/>
  <c r="A149997" i="1" s="1"/>
  <c r="A149998" i="1" s="1"/>
  <c r="A149999" i="1" s="1"/>
  <c r="A150000" i="1" s="1"/>
  <c r="A150001" i="1" s="1"/>
  <c r="A150002" i="1" s="1"/>
  <c r="A150003" i="1" s="1"/>
  <c r="A150004" i="1" s="1"/>
  <c r="A150005" i="1" s="1"/>
  <c r="A150006" i="1" s="1"/>
  <c r="A150007" i="1" s="1"/>
  <c r="A150008" i="1" s="1"/>
  <c r="A150009" i="1" s="1"/>
  <c r="A150010" i="1" s="1"/>
  <c r="A150011" i="1" s="1"/>
  <c r="A150012" i="1" s="1"/>
  <c r="A150013" i="1" s="1"/>
  <c r="A150014" i="1" s="1"/>
  <c r="A150015" i="1" s="1"/>
  <c r="A150016" i="1" s="1"/>
  <c r="A150017" i="1" s="1"/>
  <c r="A150018" i="1" s="1"/>
  <c r="A150019" i="1" s="1"/>
  <c r="A150020" i="1" s="1"/>
  <c r="A150021" i="1" s="1"/>
  <c r="A150022" i="1" s="1"/>
  <c r="A150023" i="1" s="1"/>
  <c r="A150024" i="1" s="1"/>
  <c r="A150025" i="1" s="1"/>
  <c r="A150026" i="1" s="1"/>
  <c r="A150027" i="1" s="1"/>
  <c r="A150028" i="1" s="1"/>
  <c r="A150029" i="1" s="1"/>
  <c r="A150030" i="1" s="1"/>
  <c r="A150031" i="1" s="1"/>
  <c r="A150032" i="1" s="1"/>
  <c r="A150033" i="1" s="1"/>
  <c r="A150034" i="1" s="1"/>
  <c r="A150035" i="1" s="1"/>
  <c r="A150036" i="1" s="1"/>
  <c r="A150037" i="1" s="1"/>
  <c r="A150038" i="1" s="1"/>
  <c r="A150039" i="1" s="1"/>
  <c r="A150040" i="1" s="1"/>
  <c r="A150041" i="1" s="1"/>
  <c r="A150042" i="1" s="1"/>
  <c r="A150043" i="1" s="1"/>
  <c r="A150044" i="1" s="1"/>
  <c r="A150045" i="1" s="1"/>
  <c r="A150046" i="1" s="1"/>
  <c r="A150047" i="1" s="1"/>
  <c r="A150048" i="1" s="1"/>
  <c r="A150049" i="1" s="1"/>
  <c r="A150050" i="1" s="1"/>
  <c r="A150051" i="1" s="1"/>
  <c r="A150052" i="1" s="1"/>
  <c r="A150053" i="1" s="1"/>
  <c r="A150054" i="1" s="1"/>
  <c r="A150055" i="1" s="1"/>
  <c r="A150056" i="1" s="1"/>
  <c r="A150057" i="1" s="1"/>
  <c r="A150058" i="1" s="1"/>
  <c r="A150059" i="1" s="1"/>
  <c r="A150060" i="1" s="1"/>
  <c r="A150061" i="1" s="1"/>
  <c r="A150062" i="1" s="1"/>
  <c r="A150063" i="1" s="1"/>
  <c r="A150064" i="1" s="1"/>
  <c r="A150065" i="1" s="1"/>
  <c r="A150066" i="1" s="1"/>
  <c r="A150067" i="1" s="1"/>
  <c r="A150068" i="1" s="1"/>
  <c r="A150069" i="1" s="1"/>
  <c r="A150070" i="1" s="1"/>
  <c r="A150071" i="1" s="1"/>
  <c r="A150072" i="1" s="1"/>
  <c r="A150073" i="1" s="1"/>
  <c r="A150074" i="1" s="1"/>
  <c r="A150075" i="1" s="1"/>
  <c r="A150076" i="1" s="1"/>
  <c r="A150077" i="1" s="1"/>
  <c r="A150078" i="1" s="1"/>
  <c r="A150079" i="1" s="1"/>
  <c r="A150080" i="1" s="1"/>
  <c r="A150081" i="1" s="1"/>
  <c r="A150082" i="1" s="1"/>
  <c r="A150083" i="1" s="1"/>
  <c r="A150084" i="1" s="1"/>
  <c r="A150085" i="1" s="1"/>
  <c r="A150086" i="1" s="1"/>
  <c r="A150087" i="1" s="1"/>
  <c r="A150088" i="1" s="1"/>
  <c r="A150089" i="1" s="1"/>
  <c r="A150090" i="1" s="1"/>
  <c r="A150091" i="1" s="1"/>
  <c r="A150092" i="1" s="1"/>
  <c r="A150093" i="1" s="1"/>
  <c r="A150094" i="1" s="1"/>
  <c r="A150095" i="1" s="1"/>
  <c r="A150096" i="1" s="1"/>
  <c r="A150097" i="1" s="1"/>
  <c r="A150098" i="1" s="1"/>
  <c r="A150099" i="1" s="1"/>
  <c r="A150100" i="1" s="1"/>
  <c r="A150101" i="1" s="1"/>
  <c r="A150102" i="1" s="1"/>
  <c r="A150103" i="1" s="1"/>
  <c r="A150104" i="1" s="1"/>
  <c r="A150105" i="1" s="1"/>
  <c r="A150106" i="1" s="1"/>
  <c r="A150107" i="1" s="1"/>
  <c r="A150108" i="1" s="1"/>
  <c r="A150109" i="1" s="1"/>
  <c r="A150110" i="1" s="1"/>
  <c r="A150111" i="1" s="1"/>
  <c r="A150112" i="1" s="1"/>
  <c r="A150113" i="1" s="1"/>
  <c r="A150114" i="1" s="1"/>
  <c r="A150115" i="1" s="1"/>
  <c r="A150116" i="1" s="1"/>
  <c r="A150117" i="1" s="1"/>
  <c r="A150118" i="1" s="1"/>
  <c r="A150119" i="1" s="1"/>
  <c r="A150120" i="1" s="1"/>
  <c r="A150121" i="1" s="1"/>
  <c r="A150122" i="1" s="1"/>
  <c r="A150123" i="1" s="1"/>
  <c r="A150124" i="1" s="1"/>
  <c r="A150125" i="1" s="1"/>
  <c r="A150126" i="1" s="1"/>
  <c r="A150127" i="1" s="1"/>
  <c r="A150128" i="1" s="1"/>
  <c r="A150129" i="1" s="1"/>
  <c r="A150130" i="1" s="1"/>
  <c r="A150131" i="1" s="1"/>
  <c r="A150132" i="1" s="1"/>
  <c r="A150133" i="1" s="1"/>
  <c r="A150134" i="1" s="1"/>
  <c r="A150135" i="1" s="1"/>
  <c r="A150136" i="1" s="1"/>
  <c r="A150137" i="1" s="1"/>
  <c r="A150138" i="1" s="1"/>
  <c r="A150139" i="1" s="1"/>
  <c r="A150140" i="1" s="1"/>
  <c r="A150141" i="1" s="1"/>
  <c r="A150142" i="1" s="1"/>
  <c r="A150143" i="1" s="1"/>
  <c r="A150144" i="1" s="1"/>
  <c r="A150145" i="1" s="1"/>
  <c r="A150146" i="1" s="1"/>
  <c r="A150147" i="1" s="1"/>
  <c r="A150148" i="1" s="1"/>
  <c r="A150149" i="1" s="1"/>
  <c r="A150150" i="1" s="1"/>
  <c r="A150151" i="1" s="1"/>
  <c r="A150152" i="1" s="1"/>
  <c r="A150153" i="1" s="1"/>
  <c r="A150154" i="1" s="1"/>
  <c r="A150155" i="1" s="1"/>
  <c r="A150156" i="1" s="1"/>
  <c r="A150157" i="1" s="1"/>
  <c r="A150158" i="1" s="1"/>
  <c r="A150159" i="1" s="1"/>
  <c r="A150160" i="1" s="1"/>
  <c r="A150161" i="1" s="1"/>
  <c r="A150162" i="1" s="1"/>
  <c r="A150163" i="1" s="1"/>
  <c r="A150164" i="1" s="1"/>
  <c r="A150165" i="1" s="1"/>
  <c r="A150166" i="1" s="1"/>
  <c r="A150167" i="1" s="1"/>
  <c r="A150168" i="1" s="1"/>
  <c r="A150169" i="1" s="1"/>
  <c r="A150170" i="1" s="1"/>
  <c r="A150171" i="1" s="1"/>
  <c r="A150172" i="1" s="1"/>
  <c r="A150173" i="1" s="1"/>
  <c r="A150174" i="1" s="1"/>
  <c r="A150175" i="1" s="1"/>
  <c r="A150176" i="1" s="1"/>
  <c r="A150177" i="1" s="1"/>
  <c r="A150178" i="1" s="1"/>
  <c r="A150179" i="1" s="1"/>
  <c r="A150180" i="1" s="1"/>
  <c r="A150181" i="1" s="1"/>
  <c r="A150182" i="1" s="1"/>
  <c r="A150183" i="1" s="1"/>
  <c r="A150184" i="1" s="1"/>
  <c r="A150185" i="1" s="1"/>
  <c r="A150186" i="1" s="1"/>
  <c r="A150187" i="1" s="1"/>
  <c r="A150188" i="1" s="1"/>
  <c r="A150189" i="1" s="1"/>
  <c r="A150190" i="1" s="1"/>
  <c r="A150191" i="1" s="1"/>
  <c r="A150192" i="1" s="1"/>
  <c r="A150193" i="1" s="1"/>
  <c r="A150194" i="1" s="1"/>
  <c r="A150195" i="1" s="1"/>
  <c r="A150196" i="1" s="1"/>
  <c r="A150197" i="1" s="1"/>
  <c r="A150198" i="1" s="1"/>
  <c r="A150199" i="1" s="1"/>
  <c r="A150200" i="1" s="1"/>
  <c r="A150201" i="1" s="1"/>
  <c r="A150202" i="1" s="1"/>
  <c r="A150203" i="1" s="1"/>
  <c r="A150204" i="1" s="1"/>
  <c r="A150205" i="1" s="1"/>
  <c r="A150206" i="1" s="1"/>
  <c r="A150207" i="1" s="1"/>
  <c r="A150208" i="1" s="1"/>
  <c r="A150209" i="1" s="1"/>
  <c r="A150210" i="1" s="1"/>
  <c r="A150211" i="1" s="1"/>
  <c r="A150212" i="1" s="1"/>
  <c r="A150213" i="1" s="1"/>
  <c r="A150214" i="1" s="1"/>
  <c r="A150215" i="1" s="1"/>
  <c r="A150216" i="1" s="1"/>
  <c r="A150217" i="1" s="1"/>
  <c r="A150218" i="1" s="1"/>
  <c r="A150219" i="1" s="1"/>
  <c r="A150220" i="1" s="1"/>
  <c r="A150221" i="1" s="1"/>
  <c r="A150222" i="1" s="1"/>
  <c r="A150223" i="1" s="1"/>
  <c r="A150224" i="1" s="1"/>
  <c r="A150225" i="1" s="1"/>
  <c r="A150226" i="1" s="1"/>
  <c r="A150227" i="1" s="1"/>
  <c r="A150228" i="1" s="1"/>
  <c r="A150229" i="1" s="1"/>
  <c r="A150230" i="1" s="1"/>
  <c r="A150231" i="1" s="1"/>
  <c r="A150232" i="1" s="1"/>
  <c r="A150233" i="1" s="1"/>
  <c r="A150234" i="1" s="1"/>
  <c r="A150235" i="1" s="1"/>
  <c r="A150236" i="1" s="1"/>
  <c r="A150237" i="1" s="1"/>
  <c r="A150238" i="1" s="1"/>
  <c r="A150239" i="1" s="1"/>
  <c r="A150240" i="1" s="1"/>
  <c r="A150241" i="1" s="1"/>
  <c r="A150242" i="1" s="1"/>
  <c r="A150243" i="1" s="1"/>
  <c r="A150244" i="1" s="1"/>
  <c r="A150245" i="1" s="1"/>
  <c r="A150246" i="1" s="1"/>
  <c r="A150247" i="1" s="1"/>
  <c r="A150248" i="1" s="1"/>
  <c r="A150249" i="1" s="1"/>
  <c r="A150250" i="1" s="1"/>
  <c r="A150251" i="1" s="1"/>
  <c r="A150252" i="1" s="1"/>
  <c r="A150253" i="1" s="1"/>
  <c r="A150254" i="1" s="1"/>
  <c r="A150255" i="1" s="1"/>
  <c r="A150256" i="1" s="1"/>
  <c r="A150257" i="1" s="1"/>
  <c r="A150258" i="1" s="1"/>
  <c r="A150259" i="1" s="1"/>
  <c r="A150260" i="1" s="1"/>
  <c r="A150261" i="1" s="1"/>
  <c r="A150262" i="1" s="1"/>
  <c r="A150263" i="1" s="1"/>
  <c r="A150264" i="1" s="1"/>
  <c r="A150265" i="1" s="1"/>
  <c r="A150266" i="1" s="1"/>
  <c r="A150267" i="1" s="1"/>
  <c r="A150268" i="1" s="1"/>
  <c r="A150269" i="1" s="1"/>
  <c r="A150270" i="1" s="1"/>
  <c r="A150271" i="1" s="1"/>
  <c r="A150272" i="1" s="1"/>
  <c r="A150273" i="1" s="1"/>
  <c r="A150274" i="1" s="1"/>
  <c r="A150275" i="1" s="1"/>
  <c r="A150276" i="1" s="1"/>
  <c r="A150277" i="1" s="1"/>
  <c r="A150278" i="1" s="1"/>
  <c r="A150279" i="1" s="1"/>
  <c r="A150280" i="1" s="1"/>
  <c r="A150281" i="1" s="1"/>
  <c r="A150282" i="1" s="1"/>
  <c r="A150283" i="1" s="1"/>
  <c r="A150284" i="1" s="1"/>
  <c r="A150285" i="1" s="1"/>
  <c r="A150286" i="1" s="1"/>
  <c r="A150287" i="1" s="1"/>
  <c r="A150288" i="1" s="1"/>
  <c r="A150289" i="1" s="1"/>
  <c r="A150290" i="1" s="1"/>
  <c r="A150291" i="1" s="1"/>
  <c r="A150292" i="1" s="1"/>
  <c r="A150293" i="1" s="1"/>
  <c r="A150294" i="1" s="1"/>
  <c r="A150295" i="1" s="1"/>
  <c r="A150296" i="1" s="1"/>
  <c r="A150297" i="1" s="1"/>
  <c r="A150298" i="1" s="1"/>
  <c r="A150299" i="1" s="1"/>
  <c r="A150300" i="1" s="1"/>
  <c r="A150301" i="1" s="1"/>
  <c r="A150302" i="1" s="1"/>
  <c r="A150303" i="1" s="1"/>
  <c r="A150304" i="1" s="1"/>
  <c r="A150305" i="1" s="1"/>
  <c r="A150306" i="1" s="1"/>
  <c r="A150307" i="1" s="1"/>
  <c r="A150308" i="1" s="1"/>
  <c r="A150309" i="1" s="1"/>
  <c r="A150310" i="1" s="1"/>
  <c r="A150311" i="1" s="1"/>
  <c r="A150312" i="1" s="1"/>
  <c r="A150313" i="1" s="1"/>
  <c r="A150314" i="1" s="1"/>
  <c r="A150315" i="1" s="1"/>
  <c r="A150316" i="1" s="1"/>
  <c r="A150317" i="1" s="1"/>
  <c r="A150318" i="1" s="1"/>
  <c r="A150319" i="1" s="1"/>
  <c r="A150320" i="1" s="1"/>
  <c r="A150321" i="1" s="1"/>
  <c r="A150322" i="1" s="1"/>
  <c r="A150323" i="1" s="1"/>
  <c r="A150324" i="1" s="1"/>
  <c r="A150325" i="1" s="1"/>
  <c r="A150326" i="1" s="1"/>
  <c r="A150327" i="1" s="1"/>
  <c r="A150328" i="1" s="1"/>
  <c r="A150329" i="1" s="1"/>
  <c r="A150330" i="1" s="1"/>
  <c r="A150331" i="1" s="1"/>
  <c r="A150332" i="1" s="1"/>
  <c r="A150333" i="1" s="1"/>
  <c r="A150334" i="1" s="1"/>
  <c r="A150335" i="1" s="1"/>
  <c r="A150336" i="1" s="1"/>
  <c r="A150337" i="1" s="1"/>
  <c r="A150338" i="1" s="1"/>
  <c r="A150339" i="1" s="1"/>
  <c r="A150340" i="1" s="1"/>
  <c r="A150341" i="1" s="1"/>
  <c r="A150342" i="1" s="1"/>
  <c r="A150343" i="1" s="1"/>
  <c r="A150344" i="1" s="1"/>
  <c r="A150345" i="1" s="1"/>
  <c r="A150346" i="1" s="1"/>
  <c r="A150347" i="1" s="1"/>
  <c r="A150348" i="1" s="1"/>
  <c r="A150349" i="1" s="1"/>
  <c r="A150350" i="1" s="1"/>
  <c r="A150351" i="1" s="1"/>
  <c r="A150352" i="1" s="1"/>
  <c r="A150353" i="1" s="1"/>
  <c r="A150354" i="1" s="1"/>
  <c r="A150355" i="1" s="1"/>
  <c r="A150356" i="1" s="1"/>
  <c r="A150357" i="1" s="1"/>
  <c r="A150358" i="1" s="1"/>
  <c r="A150359" i="1" s="1"/>
  <c r="A150360" i="1" s="1"/>
  <c r="A150361" i="1" s="1"/>
  <c r="A150362" i="1" s="1"/>
  <c r="A150363" i="1" s="1"/>
  <c r="A150364" i="1" s="1"/>
  <c r="A150365" i="1" s="1"/>
  <c r="A150366" i="1" s="1"/>
  <c r="A150367" i="1" s="1"/>
  <c r="A150368" i="1" s="1"/>
  <c r="A150369" i="1" s="1"/>
  <c r="A150370" i="1" s="1"/>
  <c r="A150371" i="1" s="1"/>
  <c r="A150372" i="1" s="1"/>
  <c r="A150373" i="1" s="1"/>
  <c r="A150374" i="1" s="1"/>
  <c r="A150375" i="1" s="1"/>
  <c r="A150376" i="1" s="1"/>
  <c r="A150377" i="1" s="1"/>
  <c r="A150378" i="1" s="1"/>
  <c r="A150379" i="1" s="1"/>
  <c r="A150380" i="1" s="1"/>
  <c r="A150381" i="1" s="1"/>
  <c r="A150382" i="1" s="1"/>
  <c r="A150383" i="1" s="1"/>
  <c r="A150384" i="1" s="1"/>
  <c r="A150385" i="1" s="1"/>
  <c r="A150386" i="1" s="1"/>
  <c r="A150387" i="1" s="1"/>
  <c r="A150388" i="1" s="1"/>
  <c r="A150389" i="1" s="1"/>
  <c r="A150390" i="1" s="1"/>
  <c r="A150391" i="1" s="1"/>
  <c r="A150392" i="1" s="1"/>
  <c r="A150393" i="1" s="1"/>
  <c r="A150394" i="1" s="1"/>
  <c r="A150395" i="1" s="1"/>
  <c r="A150396" i="1" s="1"/>
  <c r="A150397" i="1" s="1"/>
  <c r="A150398" i="1" s="1"/>
  <c r="A150399" i="1" s="1"/>
  <c r="A150400" i="1" s="1"/>
  <c r="A150401" i="1" s="1"/>
  <c r="A150402" i="1" s="1"/>
  <c r="A150403" i="1" s="1"/>
  <c r="A150404" i="1" s="1"/>
  <c r="A150405" i="1" s="1"/>
  <c r="A150406" i="1" s="1"/>
  <c r="A150407" i="1" s="1"/>
  <c r="A150408" i="1" s="1"/>
  <c r="A150409" i="1" s="1"/>
  <c r="A150410" i="1" s="1"/>
  <c r="A150411" i="1" s="1"/>
  <c r="A150412" i="1" s="1"/>
  <c r="A150413" i="1" s="1"/>
  <c r="A150414" i="1" s="1"/>
  <c r="A150415" i="1" s="1"/>
  <c r="A150416" i="1" s="1"/>
  <c r="A150417" i="1" s="1"/>
  <c r="A150418" i="1" s="1"/>
  <c r="A150419" i="1" s="1"/>
  <c r="A150420" i="1" s="1"/>
  <c r="A150421" i="1" s="1"/>
  <c r="A150422" i="1" s="1"/>
  <c r="A150423" i="1" s="1"/>
  <c r="A150424" i="1" s="1"/>
  <c r="A150425" i="1" s="1"/>
  <c r="A150426" i="1" s="1"/>
  <c r="A150427" i="1" s="1"/>
  <c r="A150428" i="1" s="1"/>
  <c r="A150429" i="1" s="1"/>
  <c r="A150430" i="1" s="1"/>
  <c r="A150431" i="1" s="1"/>
  <c r="A150432" i="1" s="1"/>
  <c r="A150433" i="1" s="1"/>
  <c r="A150434" i="1" s="1"/>
  <c r="A150435" i="1" s="1"/>
  <c r="A150436" i="1" s="1"/>
  <c r="A150437" i="1" s="1"/>
  <c r="A150438" i="1" s="1"/>
  <c r="A150439" i="1" s="1"/>
  <c r="A150440" i="1" s="1"/>
  <c r="A150441" i="1" s="1"/>
  <c r="A150442" i="1" s="1"/>
  <c r="A150443" i="1" s="1"/>
  <c r="A150444" i="1" s="1"/>
  <c r="A150445" i="1" s="1"/>
  <c r="A150446" i="1" s="1"/>
  <c r="A150447" i="1" s="1"/>
  <c r="A150448" i="1" s="1"/>
  <c r="A150449" i="1" s="1"/>
  <c r="A150450" i="1" s="1"/>
  <c r="A150451" i="1" s="1"/>
  <c r="A150452" i="1" s="1"/>
  <c r="A150453" i="1" s="1"/>
  <c r="A150454" i="1" s="1"/>
  <c r="A150455" i="1" s="1"/>
  <c r="A150456" i="1" s="1"/>
  <c r="A150457" i="1" s="1"/>
  <c r="A150458" i="1" s="1"/>
  <c r="A150459" i="1" s="1"/>
  <c r="A150460" i="1" s="1"/>
  <c r="A150461" i="1" s="1"/>
  <c r="A150462" i="1" s="1"/>
  <c r="A150463" i="1" s="1"/>
  <c r="A150464" i="1" s="1"/>
  <c r="A150465" i="1" s="1"/>
  <c r="A150466" i="1" s="1"/>
  <c r="A150467" i="1" s="1"/>
  <c r="A150468" i="1" s="1"/>
  <c r="A150469" i="1" s="1"/>
  <c r="A150470" i="1" s="1"/>
  <c r="A150471" i="1" s="1"/>
  <c r="A150472" i="1" s="1"/>
  <c r="A150473" i="1" s="1"/>
  <c r="A150474" i="1" s="1"/>
  <c r="A150475" i="1" s="1"/>
  <c r="A150476" i="1" s="1"/>
  <c r="A150477" i="1" s="1"/>
  <c r="A150478" i="1" s="1"/>
  <c r="A150479" i="1" s="1"/>
  <c r="A150480" i="1" s="1"/>
  <c r="A150481" i="1" s="1"/>
  <c r="A150482" i="1" s="1"/>
  <c r="A150483" i="1" s="1"/>
  <c r="A150484" i="1" s="1"/>
  <c r="A150485" i="1" s="1"/>
  <c r="A150486" i="1" s="1"/>
  <c r="A150487" i="1" s="1"/>
  <c r="A150488" i="1" s="1"/>
  <c r="A150489" i="1" s="1"/>
  <c r="A150490" i="1" s="1"/>
  <c r="A150491" i="1" s="1"/>
  <c r="A150492" i="1" s="1"/>
  <c r="A150493" i="1" s="1"/>
  <c r="A150494" i="1" s="1"/>
  <c r="A150495" i="1" s="1"/>
  <c r="A150496" i="1" s="1"/>
  <c r="A150497" i="1" s="1"/>
  <c r="A150498" i="1" s="1"/>
  <c r="A150499" i="1" s="1"/>
  <c r="A150500" i="1" s="1"/>
  <c r="A150501" i="1" s="1"/>
  <c r="A150502" i="1" s="1"/>
  <c r="A150503" i="1" s="1"/>
  <c r="A150504" i="1" s="1"/>
  <c r="A150505" i="1" s="1"/>
  <c r="A150506" i="1" s="1"/>
  <c r="A150507" i="1" s="1"/>
  <c r="A150508" i="1" s="1"/>
  <c r="A150509" i="1" s="1"/>
  <c r="A150510" i="1" s="1"/>
  <c r="A150511" i="1" s="1"/>
  <c r="A150512" i="1" s="1"/>
  <c r="A150513" i="1" s="1"/>
  <c r="A150514" i="1" s="1"/>
  <c r="A150515" i="1" s="1"/>
  <c r="A150516" i="1" s="1"/>
  <c r="A150517" i="1" s="1"/>
  <c r="A150518" i="1" s="1"/>
  <c r="A150519" i="1" s="1"/>
  <c r="A150520" i="1" s="1"/>
  <c r="A150521" i="1" s="1"/>
  <c r="A150522" i="1" s="1"/>
  <c r="A150523" i="1" s="1"/>
  <c r="A150524" i="1" s="1"/>
  <c r="A150525" i="1" s="1"/>
  <c r="A150526" i="1" s="1"/>
  <c r="A150527" i="1" s="1"/>
  <c r="A150528" i="1" s="1"/>
  <c r="A150529" i="1" s="1"/>
  <c r="A150530" i="1" s="1"/>
  <c r="A150531" i="1" s="1"/>
  <c r="A150532" i="1" s="1"/>
  <c r="A150533" i="1" s="1"/>
  <c r="A150534" i="1" s="1"/>
  <c r="A150535" i="1" s="1"/>
  <c r="A150536" i="1" s="1"/>
  <c r="A150537" i="1" s="1"/>
  <c r="A150538" i="1" s="1"/>
  <c r="A150539" i="1" s="1"/>
  <c r="A150540" i="1" s="1"/>
  <c r="A150541" i="1" s="1"/>
  <c r="A150542" i="1" s="1"/>
  <c r="A150543" i="1" s="1"/>
  <c r="A150544" i="1" s="1"/>
  <c r="A150545" i="1" s="1"/>
  <c r="A150546" i="1" s="1"/>
  <c r="A150547" i="1" s="1"/>
  <c r="A150548" i="1" s="1"/>
  <c r="A150549" i="1" s="1"/>
  <c r="A150550" i="1" s="1"/>
  <c r="A150551" i="1" s="1"/>
  <c r="A150552" i="1" s="1"/>
  <c r="A150553" i="1" s="1"/>
  <c r="A150554" i="1" s="1"/>
  <c r="A150555" i="1" s="1"/>
  <c r="A150556" i="1" s="1"/>
  <c r="A150557" i="1" s="1"/>
  <c r="A150558" i="1" s="1"/>
  <c r="A150559" i="1" s="1"/>
  <c r="A150560" i="1" s="1"/>
  <c r="A150561" i="1" s="1"/>
  <c r="A150562" i="1" s="1"/>
  <c r="A150563" i="1" s="1"/>
  <c r="A150564" i="1" s="1"/>
  <c r="A150565" i="1" s="1"/>
  <c r="A150566" i="1" s="1"/>
  <c r="A150567" i="1" s="1"/>
  <c r="A150568" i="1" s="1"/>
  <c r="A150569" i="1" s="1"/>
  <c r="A150570" i="1" s="1"/>
  <c r="A150571" i="1" s="1"/>
  <c r="A150572" i="1" s="1"/>
  <c r="A150573" i="1" s="1"/>
  <c r="A150574" i="1" s="1"/>
  <c r="A150575" i="1" s="1"/>
  <c r="A150576" i="1" s="1"/>
  <c r="A150577" i="1" s="1"/>
  <c r="A150578" i="1" s="1"/>
  <c r="A150579" i="1" s="1"/>
  <c r="A150580" i="1" s="1"/>
  <c r="A150581" i="1" s="1"/>
  <c r="A150582" i="1" s="1"/>
  <c r="A150583" i="1" s="1"/>
  <c r="A150584" i="1" s="1"/>
  <c r="A150585" i="1" s="1"/>
  <c r="A150586" i="1" s="1"/>
  <c r="A150587" i="1" s="1"/>
  <c r="A150588" i="1" s="1"/>
  <c r="A150589" i="1" s="1"/>
  <c r="A150590" i="1" s="1"/>
  <c r="A150591" i="1" s="1"/>
  <c r="A150592" i="1" s="1"/>
  <c r="A150593" i="1" s="1"/>
  <c r="A150594" i="1" s="1"/>
  <c r="A150595" i="1" s="1"/>
  <c r="A150596" i="1" s="1"/>
  <c r="A150597" i="1" s="1"/>
  <c r="A150598" i="1" s="1"/>
  <c r="A150599" i="1" s="1"/>
  <c r="A150600" i="1" s="1"/>
  <c r="A150601" i="1" s="1"/>
  <c r="A150602" i="1" s="1"/>
  <c r="A150603" i="1" s="1"/>
  <c r="A150604" i="1" s="1"/>
  <c r="A150605" i="1" s="1"/>
  <c r="A150606" i="1" s="1"/>
  <c r="A150607" i="1" s="1"/>
  <c r="A150608" i="1" s="1"/>
  <c r="A150609" i="1" s="1"/>
  <c r="A150610" i="1" s="1"/>
  <c r="A150611" i="1" s="1"/>
  <c r="A150612" i="1" s="1"/>
  <c r="A150613" i="1" s="1"/>
  <c r="A150614" i="1" s="1"/>
  <c r="A150615" i="1" s="1"/>
  <c r="A150616" i="1" s="1"/>
  <c r="A150617" i="1" s="1"/>
  <c r="A150618" i="1" s="1"/>
  <c r="A150619" i="1" s="1"/>
  <c r="A150620" i="1" s="1"/>
  <c r="A150621" i="1" s="1"/>
  <c r="A150622" i="1" s="1"/>
  <c r="A150623" i="1" s="1"/>
  <c r="A150624" i="1" s="1"/>
  <c r="A150625" i="1" s="1"/>
  <c r="A150626" i="1" s="1"/>
  <c r="A150627" i="1" s="1"/>
  <c r="A150628" i="1" s="1"/>
  <c r="A150629" i="1" s="1"/>
  <c r="A150630" i="1" s="1"/>
  <c r="A150631" i="1" s="1"/>
  <c r="A150632" i="1" s="1"/>
  <c r="A150633" i="1" s="1"/>
  <c r="A150634" i="1" s="1"/>
  <c r="A150635" i="1" s="1"/>
  <c r="A150636" i="1" s="1"/>
  <c r="A150637" i="1" s="1"/>
  <c r="A150638" i="1" s="1"/>
  <c r="A150639" i="1" s="1"/>
  <c r="A150640" i="1" s="1"/>
  <c r="A150641" i="1" s="1"/>
  <c r="A150642" i="1" s="1"/>
  <c r="A150643" i="1" s="1"/>
  <c r="A150644" i="1" s="1"/>
  <c r="A150645" i="1" s="1"/>
  <c r="A150646" i="1" s="1"/>
  <c r="A150647" i="1" s="1"/>
  <c r="A150648" i="1" s="1"/>
  <c r="A150649" i="1" s="1"/>
  <c r="A150650" i="1" s="1"/>
  <c r="A150651" i="1" s="1"/>
  <c r="A150652" i="1" s="1"/>
  <c r="A150653" i="1" s="1"/>
  <c r="A150654" i="1" s="1"/>
  <c r="A150655" i="1" s="1"/>
  <c r="A150656" i="1" s="1"/>
  <c r="A150657" i="1" s="1"/>
  <c r="A150658" i="1" s="1"/>
  <c r="A150659" i="1" s="1"/>
  <c r="A150660" i="1" s="1"/>
  <c r="A150661" i="1" s="1"/>
  <c r="A150662" i="1" s="1"/>
  <c r="A150663" i="1" s="1"/>
  <c r="A150664" i="1" s="1"/>
  <c r="A150665" i="1" s="1"/>
  <c r="A150666" i="1" s="1"/>
  <c r="A150667" i="1" s="1"/>
  <c r="A150668" i="1" s="1"/>
  <c r="A150669" i="1" s="1"/>
  <c r="A150670" i="1" s="1"/>
  <c r="A150671" i="1" s="1"/>
  <c r="A150672" i="1" s="1"/>
  <c r="A150673" i="1" s="1"/>
  <c r="A150674" i="1" s="1"/>
  <c r="A150675" i="1" s="1"/>
  <c r="A150676" i="1" s="1"/>
  <c r="A150677" i="1" s="1"/>
  <c r="A150678" i="1" s="1"/>
  <c r="A150679" i="1" s="1"/>
  <c r="A150680" i="1" s="1"/>
  <c r="A150681" i="1" s="1"/>
  <c r="A150682" i="1" s="1"/>
  <c r="A150683" i="1" s="1"/>
  <c r="A150684" i="1" s="1"/>
  <c r="A150685" i="1" s="1"/>
  <c r="A150686" i="1" s="1"/>
  <c r="A150687" i="1" s="1"/>
  <c r="A150688" i="1" s="1"/>
  <c r="A150689" i="1" s="1"/>
  <c r="A150690" i="1" s="1"/>
  <c r="A150691" i="1" s="1"/>
  <c r="A150692" i="1" s="1"/>
  <c r="A150693" i="1" s="1"/>
  <c r="A150694" i="1" s="1"/>
  <c r="A150695" i="1" s="1"/>
  <c r="A150696" i="1" s="1"/>
  <c r="A150697" i="1" s="1"/>
  <c r="A150698" i="1" s="1"/>
  <c r="A150699" i="1" s="1"/>
  <c r="A150700" i="1" s="1"/>
  <c r="A150701" i="1" s="1"/>
  <c r="A150702" i="1" s="1"/>
  <c r="A150703" i="1" s="1"/>
  <c r="A150704" i="1" s="1"/>
  <c r="A150705" i="1" s="1"/>
  <c r="A150706" i="1" s="1"/>
  <c r="A150707" i="1" s="1"/>
  <c r="A150708" i="1" s="1"/>
  <c r="A150709" i="1" s="1"/>
  <c r="A150710" i="1" s="1"/>
  <c r="A150711" i="1" s="1"/>
  <c r="A150712" i="1" s="1"/>
  <c r="A150713" i="1" s="1"/>
  <c r="A150714" i="1" s="1"/>
  <c r="A150715" i="1" s="1"/>
  <c r="A150716" i="1" s="1"/>
  <c r="A150717" i="1" s="1"/>
  <c r="A150718" i="1" s="1"/>
  <c r="A150719" i="1" s="1"/>
  <c r="A150720" i="1" s="1"/>
  <c r="A150721" i="1" s="1"/>
  <c r="A150722" i="1" s="1"/>
  <c r="A150723" i="1" s="1"/>
  <c r="A150724" i="1" s="1"/>
  <c r="A150725" i="1" s="1"/>
  <c r="A150726" i="1" s="1"/>
  <c r="A150727" i="1" s="1"/>
  <c r="A150728" i="1" s="1"/>
  <c r="A150729" i="1" s="1"/>
  <c r="A150730" i="1" s="1"/>
  <c r="A150731" i="1" s="1"/>
  <c r="A150732" i="1" s="1"/>
  <c r="A150733" i="1" s="1"/>
  <c r="A150734" i="1" s="1"/>
  <c r="A150735" i="1" s="1"/>
  <c r="A150736" i="1" s="1"/>
  <c r="A150737" i="1" s="1"/>
  <c r="A150738" i="1" s="1"/>
  <c r="A150739" i="1" s="1"/>
  <c r="A150740" i="1" s="1"/>
  <c r="A150741" i="1" s="1"/>
  <c r="A150742" i="1" s="1"/>
  <c r="A150743" i="1" s="1"/>
  <c r="A150744" i="1" s="1"/>
  <c r="A150745" i="1" s="1"/>
  <c r="A150746" i="1" s="1"/>
  <c r="A150747" i="1" s="1"/>
  <c r="A150748" i="1" s="1"/>
  <c r="A150749" i="1" s="1"/>
  <c r="A150750" i="1" s="1"/>
  <c r="A150751" i="1" s="1"/>
  <c r="A150752" i="1" s="1"/>
  <c r="A150753" i="1" s="1"/>
  <c r="A150754" i="1" s="1"/>
  <c r="A150755" i="1" s="1"/>
  <c r="A150756" i="1" s="1"/>
  <c r="A150757" i="1" s="1"/>
  <c r="A150758" i="1" s="1"/>
  <c r="A150759" i="1" s="1"/>
  <c r="A150760" i="1" s="1"/>
  <c r="A150761" i="1" s="1"/>
  <c r="A150762" i="1" s="1"/>
  <c r="A150763" i="1" s="1"/>
  <c r="A150764" i="1" s="1"/>
  <c r="A150765" i="1" s="1"/>
  <c r="A150766" i="1" s="1"/>
  <c r="A150767" i="1" s="1"/>
  <c r="A150768" i="1" s="1"/>
  <c r="A150769" i="1" s="1"/>
  <c r="A150770" i="1" s="1"/>
  <c r="A150771" i="1" s="1"/>
  <c r="A150772" i="1" s="1"/>
  <c r="A150773" i="1" s="1"/>
  <c r="A150774" i="1" s="1"/>
  <c r="A150775" i="1" s="1"/>
  <c r="A150776" i="1" s="1"/>
  <c r="A150777" i="1" s="1"/>
  <c r="A150778" i="1" s="1"/>
  <c r="A150779" i="1" s="1"/>
  <c r="A150780" i="1" s="1"/>
  <c r="A150781" i="1" s="1"/>
  <c r="A150782" i="1" s="1"/>
  <c r="A150783" i="1" s="1"/>
  <c r="A150784" i="1" s="1"/>
  <c r="A150785" i="1" s="1"/>
  <c r="A150786" i="1" s="1"/>
  <c r="A150787" i="1" s="1"/>
  <c r="A150788" i="1" s="1"/>
  <c r="A150789" i="1" s="1"/>
  <c r="A150790" i="1" s="1"/>
  <c r="A150791" i="1" s="1"/>
  <c r="A150792" i="1" s="1"/>
  <c r="A150793" i="1" s="1"/>
  <c r="A150794" i="1" s="1"/>
  <c r="A150795" i="1" s="1"/>
  <c r="A150796" i="1" s="1"/>
  <c r="A150797" i="1" s="1"/>
  <c r="A150798" i="1" s="1"/>
  <c r="A150799" i="1" s="1"/>
  <c r="A150800" i="1" s="1"/>
  <c r="A150801" i="1" s="1"/>
  <c r="A150802" i="1" s="1"/>
  <c r="A150803" i="1" s="1"/>
  <c r="A150804" i="1" s="1"/>
  <c r="A150805" i="1" s="1"/>
  <c r="A150806" i="1" s="1"/>
  <c r="A150807" i="1" s="1"/>
  <c r="A150808" i="1" s="1"/>
  <c r="A150809" i="1" s="1"/>
  <c r="A150810" i="1" s="1"/>
  <c r="A150811" i="1" s="1"/>
  <c r="A150812" i="1" s="1"/>
  <c r="A150813" i="1" s="1"/>
  <c r="A150814" i="1" s="1"/>
  <c r="A150815" i="1" s="1"/>
  <c r="A150816" i="1" s="1"/>
  <c r="A150817" i="1" s="1"/>
  <c r="A150818" i="1" s="1"/>
  <c r="A150819" i="1" s="1"/>
  <c r="A150820" i="1" s="1"/>
  <c r="A150821" i="1" s="1"/>
  <c r="A150822" i="1" s="1"/>
  <c r="A150823" i="1" s="1"/>
  <c r="A150824" i="1" s="1"/>
  <c r="A150825" i="1" s="1"/>
  <c r="A150826" i="1" s="1"/>
  <c r="A150827" i="1" s="1"/>
  <c r="A150828" i="1" s="1"/>
  <c r="A150829" i="1" s="1"/>
  <c r="A150830" i="1" s="1"/>
  <c r="A150831" i="1" s="1"/>
  <c r="A150832" i="1" s="1"/>
  <c r="A150833" i="1" s="1"/>
  <c r="A150834" i="1" s="1"/>
  <c r="A150835" i="1" s="1"/>
  <c r="A150836" i="1" s="1"/>
  <c r="A150837" i="1" s="1"/>
  <c r="A150838" i="1" s="1"/>
  <c r="A150839" i="1" s="1"/>
  <c r="A150840" i="1" s="1"/>
  <c r="A150841" i="1" s="1"/>
  <c r="A150842" i="1" s="1"/>
  <c r="A150843" i="1" s="1"/>
  <c r="A150844" i="1" s="1"/>
  <c r="A150845" i="1" s="1"/>
  <c r="A150846" i="1" s="1"/>
  <c r="A150847" i="1" s="1"/>
  <c r="A150848" i="1" s="1"/>
  <c r="A150849" i="1" s="1"/>
  <c r="A150850" i="1" s="1"/>
  <c r="A150851" i="1" s="1"/>
  <c r="A150852" i="1" s="1"/>
  <c r="A150853" i="1" s="1"/>
  <c r="A150854" i="1" s="1"/>
  <c r="A150855" i="1" s="1"/>
  <c r="A150856" i="1" s="1"/>
  <c r="A150857" i="1" s="1"/>
  <c r="A150858" i="1" s="1"/>
  <c r="A150859" i="1" s="1"/>
  <c r="A150860" i="1" s="1"/>
  <c r="A150861" i="1" s="1"/>
  <c r="A150862" i="1" s="1"/>
  <c r="A150863" i="1" s="1"/>
  <c r="A150864" i="1" s="1"/>
  <c r="A150865" i="1" s="1"/>
  <c r="A150866" i="1" s="1"/>
  <c r="A150867" i="1" s="1"/>
  <c r="A150868" i="1" s="1"/>
  <c r="A150869" i="1" s="1"/>
  <c r="A150870" i="1" s="1"/>
  <c r="A150871" i="1" s="1"/>
  <c r="A150872" i="1" s="1"/>
  <c r="A150873" i="1" s="1"/>
  <c r="A150874" i="1" s="1"/>
  <c r="A150875" i="1" s="1"/>
  <c r="A150876" i="1" s="1"/>
  <c r="A150877" i="1" s="1"/>
  <c r="A150878" i="1" s="1"/>
  <c r="A150879" i="1" s="1"/>
  <c r="A150880" i="1" s="1"/>
  <c r="A150881" i="1" s="1"/>
  <c r="A150882" i="1" s="1"/>
  <c r="A150883" i="1" s="1"/>
  <c r="A150884" i="1" s="1"/>
  <c r="A150885" i="1" s="1"/>
  <c r="A150886" i="1" s="1"/>
  <c r="A150887" i="1" s="1"/>
  <c r="A150888" i="1" s="1"/>
  <c r="A150889" i="1" s="1"/>
  <c r="A150890" i="1" s="1"/>
  <c r="A150891" i="1" s="1"/>
  <c r="A150892" i="1" s="1"/>
  <c r="A150893" i="1" s="1"/>
  <c r="A150894" i="1" s="1"/>
  <c r="A150895" i="1" s="1"/>
  <c r="A150896" i="1" s="1"/>
  <c r="A150897" i="1" s="1"/>
  <c r="A150898" i="1" s="1"/>
  <c r="A150899" i="1" s="1"/>
  <c r="A150900" i="1" s="1"/>
  <c r="A150901" i="1" s="1"/>
  <c r="A150902" i="1" s="1"/>
  <c r="A150903" i="1" s="1"/>
  <c r="A150904" i="1" s="1"/>
  <c r="A150905" i="1" s="1"/>
  <c r="A150906" i="1" s="1"/>
  <c r="A150907" i="1" s="1"/>
  <c r="A150908" i="1" s="1"/>
  <c r="A150909" i="1" s="1"/>
  <c r="A150910" i="1" s="1"/>
  <c r="A150911" i="1" s="1"/>
  <c r="A150912" i="1" s="1"/>
  <c r="A150913" i="1" s="1"/>
  <c r="A150914" i="1" s="1"/>
  <c r="A150915" i="1" s="1"/>
  <c r="A150916" i="1" s="1"/>
  <c r="A150917" i="1" s="1"/>
  <c r="A150918" i="1" s="1"/>
  <c r="A150919" i="1" s="1"/>
  <c r="A150920" i="1" s="1"/>
  <c r="A150921" i="1" s="1"/>
  <c r="A150922" i="1" s="1"/>
  <c r="A150923" i="1" s="1"/>
  <c r="A150924" i="1" s="1"/>
  <c r="A150925" i="1" s="1"/>
  <c r="A150926" i="1" s="1"/>
  <c r="A150927" i="1" s="1"/>
  <c r="A150928" i="1" s="1"/>
  <c r="A150929" i="1" s="1"/>
  <c r="A150930" i="1" s="1"/>
  <c r="A150931" i="1" s="1"/>
  <c r="A150932" i="1" s="1"/>
  <c r="A150933" i="1" s="1"/>
  <c r="A150934" i="1" s="1"/>
  <c r="A150935" i="1" s="1"/>
  <c r="A150936" i="1" s="1"/>
  <c r="A150937" i="1" s="1"/>
  <c r="A150938" i="1" s="1"/>
  <c r="A150939" i="1" s="1"/>
  <c r="A150940" i="1" s="1"/>
  <c r="A150941" i="1" s="1"/>
  <c r="A150942" i="1" s="1"/>
  <c r="A150943" i="1" s="1"/>
  <c r="A150944" i="1" s="1"/>
  <c r="A150945" i="1" s="1"/>
  <c r="A150946" i="1" s="1"/>
  <c r="A150947" i="1" s="1"/>
  <c r="A150948" i="1" s="1"/>
  <c r="A150949" i="1" s="1"/>
  <c r="A150950" i="1" s="1"/>
  <c r="A150951" i="1" s="1"/>
  <c r="A150952" i="1" s="1"/>
  <c r="A150953" i="1" s="1"/>
  <c r="A150954" i="1" s="1"/>
  <c r="A150955" i="1" s="1"/>
  <c r="A150956" i="1" s="1"/>
  <c r="A150957" i="1" s="1"/>
  <c r="A150958" i="1" s="1"/>
  <c r="A150959" i="1" s="1"/>
  <c r="A150960" i="1" s="1"/>
  <c r="A150961" i="1" s="1"/>
  <c r="A150962" i="1" s="1"/>
  <c r="A150963" i="1" s="1"/>
  <c r="A150964" i="1" s="1"/>
  <c r="A150965" i="1" s="1"/>
  <c r="A150966" i="1" s="1"/>
  <c r="A150967" i="1" s="1"/>
  <c r="A150968" i="1" s="1"/>
  <c r="A150969" i="1" s="1"/>
  <c r="A150970" i="1" s="1"/>
  <c r="A150971" i="1" s="1"/>
  <c r="A150972" i="1" s="1"/>
  <c r="A150973" i="1" s="1"/>
  <c r="A150974" i="1" s="1"/>
  <c r="A150975" i="1" s="1"/>
  <c r="A150976" i="1" s="1"/>
  <c r="A150977" i="1" s="1"/>
  <c r="A150978" i="1" s="1"/>
  <c r="A150979" i="1" s="1"/>
  <c r="A150980" i="1" s="1"/>
  <c r="A150981" i="1" s="1"/>
  <c r="A150982" i="1" s="1"/>
  <c r="A150983" i="1" s="1"/>
  <c r="A150984" i="1" s="1"/>
  <c r="A150985" i="1" s="1"/>
  <c r="A150986" i="1" s="1"/>
  <c r="A150987" i="1" s="1"/>
  <c r="A150988" i="1" s="1"/>
  <c r="A150989" i="1" s="1"/>
  <c r="A150990" i="1" s="1"/>
  <c r="A150991" i="1" s="1"/>
  <c r="A150992" i="1" s="1"/>
  <c r="A150993" i="1" s="1"/>
  <c r="A150994" i="1" s="1"/>
  <c r="A150995" i="1" s="1"/>
  <c r="A150996" i="1" s="1"/>
  <c r="A150997" i="1" s="1"/>
  <c r="A150998" i="1" s="1"/>
  <c r="A150999" i="1" s="1"/>
  <c r="A151000" i="1" s="1"/>
  <c r="A151001" i="1" s="1"/>
  <c r="A151002" i="1" s="1"/>
  <c r="A151003" i="1" s="1"/>
  <c r="A151004" i="1" s="1"/>
  <c r="A151005" i="1" s="1"/>
  <c r="A151006" i="1" s="1"/>
  <c r="A151007" i="1" s="1"/>
  <c r="A151008" i="1" s="1"/>
  <c r="A151009" i="1" s="1"/>
  <c r="A151010" i="1" s="1"/>
  <c r="A151011" i="1" s="1"/>
  <c r="A151012" i="1" s="1"/>
  <c r="A151013" i="1" s="1"/>
  <c r="A151014" i="1" s="1"/>
  <c r="A151015" i="1" s="1"/>
  <c r="A151016" i="1" s="1"/>
  <c r="A151017" i="1" s="1"/>
  <c r="A151018" i="1" s="1"/>
  <c r="A151019" i="1" s="1"/>
  <c r="A151020" i="1" s="1"/>
  <c r="A151021" i="1" s="1"/>
  <c r="A151022" i="1" s="1"/>
  <c r="A151023" i="1" s="1"/>
  <c r="A151024" i="1" s="1"/>
  <c r="A151025" i="1" s="1"/>
  <c r="A151026" i="1" s="1"/>
  <c r="A151027" i="1" s="1"/>
  <c r="A151028" i="1" s="1"/>
  <c r="A151029" i="1" s="1"/>
  <c r="A151030" i="1" s="1"/>
  <c r="A151031" i="1" s="1"/>
  <c r="A151032" i="1" s="1"/>
  <c r="A151033" i="1" s="1"/>
  <c r="A151034" i="1" s="1"/>
  <c r="A151035" i="1" s="1"/>
  <c r="A151036" i="1" s="1"/>
  <c r="A151037" i="1" s="1"/>
  <c r="A151038" i="1" s="1"/>
  <c r="A151039" i="1" s="1"/>
  <c r="A151040" i="1" s="1"/>
  <c r="A151041" i="1" s="1"/>
  <c r="A151042" i="1" s="1"/>
  <c r="A151043" i="1" s="1"/>
  <c r="A151044" i="1" s="1"/>
  <c r="A151045" i="1" s="1"/>
  <c r="A151046" i="1" s="1"/>
  <c r="A151047" i="1" s="1"/>
  <c r="A151048" i="1" s="1"/>
  <c r="A151049" i="1" s="1"/>
  <c r="A151050" i="1" s="1"/>
  <c r="A151051" i="1" s="1"/>
  <c r="A151052" i="1" s="1"/>
  <c r="A151053" i="1" s="1"/>
  <c r="A151054" i="1" s="1"/>
  <c r="A151055" i="1" s="1"/>
  <c r="A151056" i="1" s="1"/>
  <c r="A151057" i="1" s="1"/>
  <c r="A151058" i="1" s="1"/>
  <c r="A151059" i="1" s="1"/>
  <c r="A151060" i="1" s="1"/>
  <c r="A151061" i="1" s="1"/>
  <c r="A151062" i="1" s="1"/>
  <c r="A151063" i="1" s="1"/>
  <c r="A151064" i="1" s="1"/>
  <c r="A151065" i="1" s="1"/>
  <c r="A151066" i="1" s="1"/>
  <c r="A151067" i="1" s="1"/>
  <c r="A151068" i="1" s="1"/>
  <c r="A151069" i="1" s="1"/>
  <c r="A151070" i="1" s="1"/>
  <c r="A151071" i="1" s="1"/>
  <c r="A151072" i="1" s="1"/>
  <c r="A151073" i="1" s="1"/>
  <c r="A151074" i="1" s="1"/>
  <c r="A151075" i="1" s="1"/>
  <c r="A151076" i="1" s="1"/>
  <c r="A151077" i="1" s="1"/>
  <c r="A151078" i="1" s="1"/>
  <c r="A151079" i="1" s="1"/>
  <c r="A151080" i="1" s="1"/>
  <c r="A151081" i="1" s="1"/>
  <c r="A151082" i="1" s="1"/>
  <c r="A151083" i="1" s="1"/>
  <c r="A151084" i="1" s="1"/>
  <c r="A151085" i="1" s="1"/>
  <c r="A151086" i="1" s="1"/>
  <c r="A151087" i="1" s="1"/>
  <c r="A151088" i="1" s="1"/>
  <c r="A151089" i="1" s="1"/>
  <c r="A151090" i="1" s="1"/>
  <c r="A151091" i="1" s="1"/>
  <c r="A151092" i="1" s="1"/>
  <c r="A151093" i="1" s="1"/>
  <c r="A151094" i="1" s="1"/>
  <c r="A151095" i="1" s="1"/>
  <c r="A151096" i="1" s="1"/>
  <c r="A151097" i="1" s="1"/>
  <c r="A151098" i="1" s="1"/>
  <c r="A151099" i="1" s="1"/>
  <c r="A151100" i="1" s="1"/>
  <c r="A151101" i="1" s="1"/>
  <c r="A151102" i="1" s="1"/>
  <c r="A151103" i="1" s="1"/>
  <c r="A151104" i="1" s="1"/>
  <c r="A151105" i="1" s="1"/>
  <c r="A151106" i="1" s="1"/>
  <c r="A151107" i="1" s="1"/>
  <c r="A151108" i="1" s="1"/>
  <c r="A151109" i="1" s="1"/>
  <c r="A151110" i="1" s="1"/>
  <c r="A151111" i="1" s="1"/>
  <c r="A151112" i="1" s="1"/>
  <c r="A151113" i="1" s="1"/>
  <c r="A151114" i="1" s="1"/>
  <c r="A151115" i="1" s="1"/>
  <c r="A151116" i="1" s="1"/>
  <c r="A151117" i="1" s="1"/>
  <c r="A151118" i="1" s="1"/>
  <c r="A151119" i="1" s="1"/>
  <c r="A151120" i="1" s="1"/>
  <c r="A151121" i="1" s="1"/>
  <c r="A151122" i="1" s="1"/>
  <c r="A151123" i="1" s="1"/>
  <c r="A151124" i="1" s="1"/>
  <c r="A151125" i="1" s="1"/>
  <c r="A151126" i="1" s="1"/>
  <c r="A151127" i="1" s="1"/>
  <c r="A151128" i="1" s="1"/>
  <c r="A151129" i="1" s="1"/>
  <c r="A151130" i="1" s="1"/>
  <c r="A151131" i="1" s="1"/>
  <c r="A151132" i="1" s="1"/>
  <c r="A151133" i="1" s="1"/>
  <c r="A151134" i="1" s="1"/>
  <c r="A151135" i="1" s="1"/>
  <c r="A151136" i="1" s="1"/>
  <c r="A151137" i="1" s="1"/>
  <c r="A151138" i="1" s="1"/>
  <c r="A151139" i="1" s="1"/>
  <c r="A151140" i="1" s="1"/>
  <c r="A151141" i="1" s="1"/>
  <c r="A151142" i="1" s="1"/>
  <c r="A151143" i="1" s="1"/>
  <c r="A151144" i="1" s="1"/>
  <c r="A151145" i="1" s="1"/>
  <c r="A151146" i="1" s="1"/>
  <c r="A151147" i="1" s="1"/>
  <c r="A151148" i="1" s="1"/>
  <c r="A151149" i="1" s="1"/>
  <c r="A151150" i="1" s="1"/>
  <c r="A151151" i="1" s="1"/>
  <c r="A151152" i="1" s="1"/>
  <c r="A151153" i="1" s="1"/>
  <c r="A151154" i="1" s="1"/>
  <c r="A151155" i="1" s="1"/>
  <c r="A151156" i="1" s="1"/>
  <c r="A151157" i="1" s="1"/>
  <c r="A151158" i="1" s="1"/>
  <c r="A151159" i="1" s="1"/>
  <c r="A151160" i="1" s="1"/>
  <c r="A151161" i="1" s="1"/>
  <c r="A151162" i="1" s="1"/>
  <c r="A151163" i="1" s="1"/>
  <c r="A151164" i="1" s="1"/>
  <c r="A151165" i="1" s="1"/>
  <c r="A151166" i="1" s="1"/>
  <c r="A151167" i="1" s="1"/>
  <c r="A151168" i="1" s="1"/>
  <c r="A151169" i="1" s="1"/>
  <c r="A151170" i="1" s="1"/>
  <c r="A151171" i="1" s="1"/>
  <c r="A151172" i="1" s="1"/>
  <c r="A151173" i="1" s="1"/>
  <c r="A151174" i="1" s="1"/>
  <c r="A151175" i="1" s="1"/>
  <c r="A151176" i="1" s="1"/>
  <c r="A151177" i="1" s="1"/>
  <c r="A151178" i="1" s="1"/>
  <c r="A151179" i="1" s="1"/>
  <c r="A151180" i="1" s="1"/>
  <c r="A151181" i="1" s="1"/>
  <c r="A151182" i="1" s="1"/>
  <c r="A151183" i="1" s="1"/>
  <c r="A151184" i="1" s="1"/>
  <c r="A151185" i="1" s="1"/>
  <c r="A151186" i="1" s="1"/>
  <c r="A151187" i="1" s="1"/>
  <c r="A151188" i="1" s="1"/>
  <c r="A151189" i="1" s="1"/>
  <c r="A151190" i="1" s="1"/>
  <c r="A151191" i="1" s="1"/>
  <c r="A151192" i="1" s="1"/>
  <c r="A151193" i="1" s="1"/>
  <c r="A151194" i="1" s="1"/>
  <c r="A151195" i="1" s="1"/>
  <c r="A151196" i="1" s="1"/>
  <c r="A151197" i="1" s="1"/>
  <c r="A151198" i="1" s="1"/>
  <c r="A151199" i="1" s="1"/>
  <c r="A151200" i="1" s="1"/>
  <c r="A151201" i="1" s="1"/>
  <c r="A151202" i="1" s="1"/>
  <c r="A151203" i="1" s="1"/>
  <c r="A151204" i="1" s="1"/>
  <c r="A151205" i="1" s="1"/>
  <c r="A151206" i="1" s="1"/>
  <c r="A151207" i="1" s="1"/>
  <c r="A151208" i="1" s="1"/>
  <c r="A151209" i="1" s="1"/>
  <c r="A151210" i="1" s="1"/>
  <c r="A151211" i="1" s="1"/>
  <c r="A151212" i="1" s="1"/>
  <c r="A151213" i="1" s="1"/>
  <c r="A151214" i="1" s="1"/>
  <c r="A151215" i="1" s="1"/>
  <c r="A151216" i="1" s="1"/>
  <c r="A151217" i="1" s="1"/>
  <c r="A151218" i="1" s="1"/>
  <c r="A151219" i="1" s="1"/>
  <c r="A151220" i="1" s="1"/>
  <c r="A151221" i="1" s="1"/>
  <c r="A151222" i="1" s="1"/>
  <c r="A151223" i="1" s="1"/>
  <c r="A151224" i="1" s="1"/>
  <c r="A151225" i="1" s="1"/>
  <c r="A151226" i="1" s="1"/>
  <c r="A151227" i="1" s="1"/>
  <c r="A151228" i="1" s="1"/>
  <c r="A151229" i="1" s="1"/>
  <c r="A151230" i="1" s="1"/>
  <c r="A151231" i="1" s="1"/>
  <c r="A151232" i="1" s="1"/>
  <c r="A151233" i="1" s="1"/>
  <c r="A151234" i="1" s="1"/>
  <c r="A151235" i="1" s="1"/>
  <c r="A151236" i="1" s="1"/>
  <c r="A151237" i="1" s="1"/>
  <c r="A151238" i="1" s="1"/>
  <c r="A151239" i="1" s="1"/>
  <c r="A151240" i="1" s="1"/>
  <c r="A151241" i="1" s="1"/>
  <c r="A151242" i="1" s="1"/>
  <c r="A151243" i="1" s="1"/>
  <c r="A151244" i="1" s="1"/>
  <c r="A151245" i="1" s="1"/>
  <c r="A151246" i="1" s="1"/>
  <c r="A151247" i="1" s="1"/>
  <c r="A151248" i="1" s="1"/>
  <c r="A151249" i="1" s="1"/>
  <c r="A151250" i="1" s="1"/>
  <c r="A151251" i="1" s="1"/>
  <c r="A151252" i="1" s="1"/>
  <c r="A151253" i="1" s="1"/>
  <c r="A151254" i="1" s="1"/>
  <c r="A151255" i="1" s="1"/>
  <c r="A151256" i="1" s="1"/>
  <c r="A151257" i="1" s="1"/>
  <c r="A151258" i="1" s="1"/>
  <c r="A151259" i="1" s="1"/>
  <c r="A151260" i="1" s="1"/>
  <c r="A151261" i="1" s="1"/>
  <c r="A151262" i="1" s="1"/>
  <c r="A151263" i="1" s="1"/>
  <c r="A151264" i="1" s="1"/>
  <c r="A151265" i="1" s="1"/>
  <c r="A151266" i="1" s="1"/>
  <c r="A151267" i="1" s="1"/>
  <c r="A151268" i="1" s="1"/>
  <c r="A151269" i="1" s="1"/>
  <c r="A151270" i="1" s="1"/>
  <c r="A151271" i="1" s="1"/>
  <c r="A151272" i="1" s="1"/>
  <c r="A151273" i="1" s="1"/>
  <c r="A151274" i="1" s="1"/>
  <c r="A151275" i="1" s="1"/>
  <c r="A151276" i="1" s="1"/>
  <c r="A151277" i="1" s="1"/>
  <c r="A151278" i="1" s="1"/>
  <c r="A151279" i="1" s="1"/>
  <c r="A151280" i="1" s="1"/>
  <c r="A151281" i="1" s="1"/>
  <c r="A151282" i="1" s="1"/>
  <c r="A151283" i="1" s="1"/>
  <c r="A151284" i="1" s="1"/>
  <c r="A151285" i="1" s="1"/>
  <c r="A151286" i="1" s="1"/>
  <c r="A151287" i="1" s="1"/>
  <c r="A151288" i="1" s="1"/>
  <c r="A151289" i="1" s="1"/>
  <c r="A151290" i="1" s="1"/>
  <c r="A151291" i="1" s="1"/>
  <c r="A151292" i="1" s="1"/>
  <c r="A151293" i="1" s="1"/>
  <c r="A151294" i="1" s="1"/>
  <c r="A151295" i="1" s="1"/>
  <c r="A151296" i="1" s="1"/>
  <c r="A151297" i="1" s="1"/>
  <c r="A151298" i="1" s="1"/>
  <c r="A151299" i="1" s="1"/>
  <c r="A151300" i="1" s="1"/>
  <c r="A151301" i="1" s="1"/>
  <c r="A151302" i="1" s="1"/>
  <c r="A151303" i="1" s="1"/>
  <c r="A151304" i="1" s="1"/>
  <c r="A151305" i="1" s="1"/>
  <c r="A151306" i="1" s="1"/>
  <c r="A151307" i="1" s="1"/>
  <c r="A151308" i="1" s="1"/>
  <c r="A151309" i="1" s="1"/>
  <c r="A151310" i="1" s="1"/>
  <c r="A151311" i="1" s="1"/>
  <c r="A151312" i="1" s="1"/>
  <c r="A151313" i="1" s="1"/>
  <c r="A151314" i="1" s="1"/>
  <c r="A151315" i="1" s="1"/>
  <c r="A151316" i="1" s="1"/>
  <c r="A151317" i="1" s="1"/>
  <c r="A151318" i="1" s="1"/>
  <c r="A151319" i="1" s="1"/>
  <c r="A151320" i="1" s="1"/>
  <c r="A151321" i="1" s="1"/>
  <c r="A151322" i="1" s="1"/>
  <c r="A151323" i="1" s="1"/>
  <c r="A151324" i="1" s="1"/>
  <c r="A151325" i="1" s="1"/>
  <c r="A151326" i="1" s="1"/>
  <c r="A151327" i="1" s="1"/>
  <c r="A151328" i="1" s="1"/>
  <c r="A151329" i="1" s="1"/>
  <c r="A151330" i="1" s="1"/>
  <c r="A151331" i="1" s="1"/>
  <c r="A151332" i="1" s="1"/>
  <c r="A151333" i="1" s="1"/>
  <c r="A151334" i="1" s="1"/>
  <c r="A151335" i="1" s="1"/>
  <c r="A151336" i="1" s="1"/>
  <c r="A151337" i="1" s="1"/>
  <c r="A151338" i="1" s="1"/>
  <c r="A151339" i="1" s="1"/>
  <c r="A151340" i="1" s="1"/>
  <c r="A151341" i="1" s="1"/>
  <c r="A151342" i="1" s="1"/>
  <c r="A151343" i="1" s="1"/>
  <c r="A151344" i="1" s="1"/>
  <c r="A151345" i="1" s="1"/>
  <c r="A151346" i="1" s="1"/>
  <c r="A151347" i="1" s="1"/>
  <c r="A151348" i="1" s="1"/>
  <c r="A151349" i="1" s="1"/>
  <c r="A151350" i="1" s="1"/>
  <c r="A151351" i="1" s="1"/>
  <c r="A151352" i="1" s="1"/>
  <c r="A151353" i="1" s="1"/>
  <c r="A151354" i="1" s="1"/>
  <c r="A151355" i="1" s="1"/>
  <c r="A151356" i="1" s="1"/>
  <c r="A151357" i="1" s="1"/>
  <c r="A151358" i="1" s="1"/>
  <c r="A151359" i="1" s="1"/>
  <c r="A151360" i="1" s="1"/>
  <c r="A151361" i="1" s="1"/>
  <c r="A151362" i="1" s="1"/>
  <c r="A151363" i="1" s="1"/>
  <c r="A151364" i="1" s="1"/>
  <c r="A151365" i="1" s="1"/>
  <c r="A151366" i="1" s="1"/>
  <c r="A151367" i="1" s="1"/>
  <c r="A151368" i="1" s="1"/>
  <c r="A151369" i="1" s="1"/>
  <c r="A151370" i="1" s="1"/>
  <c r="A151371" i="1" s="1"/>
  <c r="A151372" i="1" s="1"/>
  <c r="A151373" i="1" s="1"/>
  <c r="A151374" i="1" s="1"/>
  <c r="A151375" i="1" s="1"/>
  <c r="A151376" i="1" s="1"/>
  <c r="A151377" i="1" s="1"/>
  <c r="A151378" i="1" s="1"/>
  <c r="A151379" i="1" s="1"/>
  <c r="A151380" i="1" s="1"/>
  <c r="A151381" i="1" s="1"/>
  <c r="A151382" i="1" s="1"/>
  <c r="A151383" i="1" s="1"/>
  <c r="A151384" i="1" s="1"/>
  <c r="A151385" i="1" s="1"/>
  <c r="A151386" i="1" s="1"/>
  <c r="A151387" i="1" s="1"/>
  <c r="A151388" i="1" s="1"/>
  <c r="A151389" i="1" s="1"/>
  <c r="A151390" i="1" s="1"/>
  <c r="A151391" i="1" s="1"/>
  <c r="A151392" i="1" s="1"/>
  <c r="A151393" i="1" s="1"/>
  <c r="A151394" i="1" s="1"/>
  <c r="A151395" i="1" s="1"/>
  <c r="A151396" i="1" s="1"/>
  <c r="A151397" i="1" s="1"/>
  <c r="A151398" i="1" s="1"/>
  <c r="A151399" i="1" s="1"/>
  <c r="A151400" i="1" s="1"/>
  <c r="A151401" i="1" s="1"/>
  <c r="A151402" i="1" s="1"/>
  <c r="A151403" i="1" s="1"/>
  <c r="A151404" i="1" s="1"/>
  <c r="A151405" i="1" s="1"/>
  <c r="A151406" i="1" s="1"/>
  <c r="A151407" i="1" s="1"/>
  <c r="A151408" i="1" s="1"/>
  <c r="A151409" i="1" s="1"/>
  <c r="A151410" i="1" s="1"/>
  <c r="A151411" i="1" s="1"/>
  <c r="A151412" i="1" s="1"/>
  <c r="A151413" i="1" s="1"/>
  <c r="A151414" i="1" s="1"/>
  <c r="A151415" i="1" s="1"/>
  <c r="A151416" i="1" s="1"/>
  <c r="A151417" i="1" s="1"/>
  <c r="A151418" i="1" s="1"/>
  <c r="A151419" i="1" s="1"/>
  <c r="A151420" i="1" s="1"/>
  <c r="A151421" i="1" s="1"/>
  <c r="A151422" i="1" s="1"/>
  <c r="A151423" i="1" s="1"/>
  <c r="A151424" i="1" s="1"/>
  <c r="A151425" i="1" s="1"/>
  <c r="A151426" i="1" s="1"/>
  <c r="A151427" i="1" s="1"/>
  <c r="A151428" i="1" s="1"/>
  <c r="A151429" i="1" s="1"/>
  <c r="A151430" i="1" s="1"/>
  <c r="A151431" i="1" s="1"/>
  <c r="A151432" i="1" s="1"/>
  <c r="A151433" i="1" s="1"/>
  <c r="A151434" i="1" s="1"/>
  <c r="A151435" i="1" s="1"/>
  <c r="A151436" i="1" s="1"/>
  <c r="A151437" i="1" s="1"/>
  <c r="A151438" i="1" s="1"/>
  <c r="A151439" i="1" s="1"/>
  <c r="A151440" i="1" s="1"/>
  <c r="A151441" i="1" s="1"/>
  <c r="A151442" i="1" s="1"/>
  <c r="A151443" i="1" s="1"/>
  <c r="A151444" i="1" s="1"/>
  <c r="A151445" i="1" s="1"/>
  <c r="A151446" i="1" s="1"/>
  <c r="A151447" i="1" s="1"/>
  <c r="A151448" i="1" s="1"/>
  <c r="A151449" i="1" s="1"/>
  <c r="A151450" i="1" s="1"/>
  <c r="A151451" i="1" s="1"/>
  <c r="A151452" i="1" s="1"/>
  <c r="A151453" i="1" s="1"/>
  <c r="A151454" i="1" s="1"/>
  <c r="A151455" i="1" s="1"/>
  <c r="A151456" i="1" s="1"/>
  <c r="A151457" i="1" s="1"/>
  <c r="A151458" i="1" s="1"/>
  <c r="A151459" i="1" s="1"/>
  <c r="A151460" i="1" s="1"/>
  <c r="A151461" i="1" s="1"/>
  <c r="A151462" i="1" s="1"/>
  <c r="A151463" i="1" s="1"/>
  <c r="A151464" i="1" s="1"/>
  <c r="A151465" i="1" s="1"/>
  <c r="A151466" i="1" s="1"/>
  <c r="A151467" i="1" s="1"/>
  <c r="A151468" i="1" s="1"/>
  <c r="A151469" i="1" s="1"/>
  <c r="A151470" i="1" s="1"/>
  <c r="A151471" i="1" s="1"/>
  <c r="A151472" i="1" s="1"/>
  <c r="A151473" i="1" s="1"/>
  <c r="A151474" i="1" s="1"/>
  <c r="A151475" i="1" s="1"/>
  <c r="A151476" i="1" s="1"/>
  <c r="A151477" i="1" s="1"/>
  <c r="A151478" i="1" s="1"/>
  <c r="A151479" i="1" s="1"/>
  <c r="A151480" i="1" s="1"/>
  <c r="A151481" i="1" s="1"/>
  <c r="A151482" i="1" s="1"/>
  <c r="A151483" i="1" s="1"/>
  <c r="A151484" i="1" s="1"/>
  <c r="A151485" i="1" s="1"/>
  <c r="A151486" i="1" s="1"/>
  <c r="A151487" i="1" s="1"/>
  <c r="A151488" i="1" s="1"/>
  <c r="A151489" i="1" s="1"/>
  <c r="A151490" i="1" s="1"/>
  <c r="A151491" i="1" s="1"/>
  <c r="A151492" i="1" s="1"/>
  <c r="A151493" i="1" s="1"/>
  <c r="A151494" i="1" s="1"/>
  <c r="A151495" i="1" s="1"/>
  <c r="A151496" i="1" s="1"/>
  <c r="A151497" i="1" s="1"/>
  <c r="A151498" i="1" s="1"/>
  <c r="A151499" i="1" s="1"/>
  <c r="A151500" i="1" s="1"/>
  <c r="A151501" i="1" s="1"/>
  <c r="A151502" i="1" s="1"/>
  <c r="A151503" i="1" s="1"/>
  <c r="A151504" i="1" s="1"/>
  <c r="A151505" i="1" s="1"/>
  <c r="A151506" i="1" s="1"/>
  <c r="A151507" i="1" s="1"/>
  <c r="A151508" i="1" s="1"/>
  <c r="A151509" i="1" s="1"/>
  <c r="A151510" i="1" s="1"/>
  <c r="A151511" i="1" s="1"/>
  <c r="A151512" i="1" s="1"/>
  <c r="A151513" i="1" s="1"/>
  <c r="A151514" i="1" s="1"/>
  <c r="A151515" i="1" s="1"/>
  <c r="A151516" i="1" s="1"/>
  <c r="A151517" i="1" s="1"/>
  <c r="A151518" i="1" s="1"/>
  <c r="A151519" i="1" s="1"/>
  <c r="A151520" i="1" s="1"/>
  <c r="A151521" i="1" s="1"/>
  <c r="A151522" i="1" s="1"/>
  <c r="A151523" i="1" s="1"/>
  <c r="A151524" i="1" s="1"/>
  <c r="A151525" i="1" s="1"/>
  <c r="A151526" i="1" s="1"/>
  <c r="A151527" i="1" s="1"/>
  <c r="A151528" i="1" s="1"/>
  <c r="A151529" i="1" s="1"/>
  <c r="A151530" i="1" s="1"/>
  <c r="A151531" i="1" s="1"/>
  <c r="A151532" i="1" s="1"/>
  <c r="A151533" i="1" s="1"/>
  <c r="A151534" i="1" s="1"/>
  <c r="A151535" i="1" s="1"/>
  <c r="A151536" i="1" s="1"/>
  <c r="A151537" i="1" s="1"/>
  <c r="A151538" i="1" s="1"/>
  <c r="A151539" i="1" s="1"/>
  <c r="A151540" i="1" s="1"/>
  <c r="A151541" i="1" s="1"/>
  <c r="A151542" i="1" s="1"/>
  <c r="A151543" i="1" s="1"/>
  <c r="A151544" i="1" s="1"/>
  <c r="A151545" i="1" s="1"/>
  <c r="A151546" i="1" s="1"/>
  <c r="A151547" i="1" s="1"/>
  <c r="A151548" i="1" s="1"/>
  <c r="A151549" i="1" s="1"/>
  <c r="A151550" i="1" s="1"/>
  <c r="A151551" i="1" s="1"/>
  <c r="A151552" i="1" s="1"/>
  <c r="A151553" i="1" s="1"/>
  <c r="A151554" i="1" s="1"/>
  <c r="A151555" i="1" s="1"/>
  <c r="A151556" i="1" s="1"/>
  <c r="A151557" i="1" s="1"/>
  <c r="A151558" i="1" s="1"/>
  <c r="A151559" i="1" s="1"/>
  <c r="A151560" i="1" s="1"/>
  <c r="A151561" i="1" s="1"/>
  <c r="A151562" i="1" s="1"/>
  <c r="A151563" i="1" s="1"/>
  <c r="A151564" i="1" s="1"/>
  <c r="A151565" i="1" s="1"/>
  <c r="A151566" i="1" s="1"/>
  <c r="A151567" i="1" s="1"/>
  <c r="A151568" i="1" s="1"/>
  <c r="A151569" i="1" s="1"/>
  <c r="A151570" i="1" s="1"/>
  <c r="A151571" i="1" s="1"/>
  <c r="A151572" i="1" s="1"/>
  <c r="A151573" i="1" s="1"/>
  <c r="A151574" i="1" s="1"/>
  <c r="A151575" i="1" s="1"/>
  <c r="A151576" i="1" s="1"/>
  <c r="A151577" i="1" s="1"/>
  <c r="A151578" i="1" s="1"/>
  <c r="A151579" i="1" s="1"/>
  <c r="A151580" i="1" s="1"/>
  <c r="A151581" i="1" s="1"/>
  <c r="A151582" i="1" s="1"/>
  <c r="A151583" i="1" s="1"/>
  <c r="A151584" i="1" s="1"/>
  <c r="A151585" i="1" s="1"/>
  <c r="A151586" i="1" s="1"/>
  <c r="A151587" i="1" s="1"/>
  <c r="A151588" i="1" s="1"/>
  <c r="A151589" i="1" s="1"/>
  <c r="A151590" i="1" s="1"/>
  <c r="A151591" i="1" s="1"/>
  <c r="A151592" i="1" s="1"/>
  <c r="A151593" i="1" s="1"/>
  <c r="A151594" i="1" s="1"/>
  <c r="A151595" i="1" s="1"/>
  <c r="A151596" i="1" s="1"/>
  <c r="A151597" i="1" s="1"/>
  <c r="A151598" i="1" s="1"/>
  <c r="A151599" i="1" s="1"/>
  <c r="A151600" i="1" s="1"/>
  <c r="A151601" i="1" s="1"/>
  <c r="A151602" i="1" s="1"/>
  <c r="A151603" i="1" s="1"/>
  <c r="A151604" i="1" s="1"/>
  <c r="A151605" i="1" s="1"/>
  <c r="A151606" i="1" s="1"/>
  <c r="A151607" i="1" s="1"/>
  <c r="A151608" i="1" s="1"/>
  <c r="A151609" i="1" s="1"/>
  <c r="A151610" i="1" s="1"/>
  <c r="A151611" i="1" s="1"/>
  <c r="A151612" i="1" s="1"/>
  <c r="A151613" i="1" s="1"/>
  <c r="A151614" i="1" s="1"/>
  <c r="A151615" i="1" s="1"/>
  <c r="A151616" i="1" s="1"/>
  <c r="A151617" i="1" s="1"/>
  <c r="A151618" i="1" s="1"/>
  <c r="A151619" i="1" s="1"/>
  <c r="A151620" i="1" s="1"/>
  <c r="A151621" i="1" s="1"/>
  <c r="A151622" i="1" s="1"/>
  <c r="A151623" i="1" s="1"/>
  <c r="A151624" i="1" s="1"/>
  <c r="A151625" i="1" s="1"/>
  <c r="A151626" i="1" s="1"/>
  <c r="A151627" i="1" s="1"/>
  <c r="A151628" i="1" s="1"/>
  <c r="A151629" i="1" s="1"/>
  <c r="A151630" i="1" s="1"/>
  <c r="A151631" i="1" s="1"/>
  <c r="A151632" i="1" s="1"/>
  <c r="A151633" i="1" s="1"/>
  <c r="A151634" i="1" s="1"/>
  <c r="A151635" i="1" s="1"/>
  <c r="A151636" i="1" s="1"/>
  <c r="A151637" i="1" s="1"/>
  <c r="A151638" i="1" s="1"/>
  <c r="A151639" i="1" s="1"/>
  <c r="A151640" i="1" s="1"/>
  <c r="A151641" i="1" s="1"/>
  <c r="A151642" i="1" s="1"/>
  <c r="A151643" i="1" s="1"/>
  <c r="A151644" i="1" s="1"/>
  <c r="A151645" i="1" s="1"/>
  <c r="A151646" i="1" s="1"/>
  <c r="A151647" i="1" s="1"/>
  <c r="A151648" i="1" s="1"/>
  <c r="A151649" i="1" s="1"/>
  <c r="A151650" i="1" s="1"/>
  <c r="A151651" i="1" s="1"/>
  <c r="A151652" i="1" s="1"/>
  <c r="A151653" i="1" s="1"/>
  <c r="A151654" i="1" s="1"/>
  <c r="A151655" i="1" s="1"/>
  <c r="A151656" i="1" s="1"/>
  <c r="A151657" i="1" s="1"/>
  <c r="A151658" i="1" s="1"/>
  <c r="A151659" i="1" s="1"/>
  <c r="A151660" i="1" s="1"/>
  <c r="A151661" i="1" s="1"/>
  <c r="A151662" i="1" s="1"/>
  <c r="A151663" i="1" s="1"/>
  <c r="A151664" i="1" s="1"/>
  <c r="A151665" i="1" s="1"/>
  <c r="A151666" i="1" s="1"/>
  <c r="A151667" i="1" s="1"/>
  <c r="A151668" i="1" s="1"/>
  <c r="A151669" i="1" s="1"/>
  <c r="A151670" i="1" s="1"/>
  <c r="A151671" i="1" s="1"/>
  <c r="A151672" i="1" s="1"/>
  <c r="A151673" i="1" s="1"/>
  <c r="A151674" i="1" s="1"/>
  <c r="A151675" i="1" s="1"/>
  <c r="A151676" i="1" s="1"/>
  <c r="A151677" i="1" s="1"/>
  <c r="A151678" i="1" s="1"/>
  <c r="A151679" i="1" s="1"/>
  <c r="A151680" i="1" s="1"/>
  <c r="A151681" i="1" s="1"/>
  <c r="A151682" i="1" s="1"/>
  <c r="A151683" i="1" s="1"/>
  <c r="A151684" i="1" s="1"/>
  <c r="A151685" i="1" s="1"/>
  <c r="A151686" i="1" s="1"/>
  <c r="A151687" i="1" s="1"/>
  <c r="A151688" i="1" s="1"/>
  <c r="A151689" i="1" s="1"/>
  <c r="A151690" i="1" s="1"/>
  <c r="A151691" i="1" s="1"/>
  <c r="A151692" i="1" s="1"/>
  <c r="A151693" i="1" s="1"/>
  <c r="A151694" i="1" s="1"/>
  <c r="A151695" i="1" s="1"/>
  <c r="A151696" i="1" s="1"/>
  <c r="A151697" i="1" s="1"/>
  <c r="A151698" i="1" s="1"/>
  <c r="A151699" i="1" s="1"/>
  <c r="A151700" i="1" s="1"/>
  <c r="A151701" i="1" s="1"/>
  <c r="A151702" i="1" s="1"/>
  <c r="A151703" i="1" s="1"/>
  <c r="A151704" i="1" s="1"/>
  <c r="A151705" i="1" s="1"/>
  <c r="A151706" i="1" s="1"/>
  <c r="A151707" i="1" s="1"/>
  <c r="A151708" i="1" s="1"/>
  <c r="A151709" i="1" s="1"/>
  <c r="A151710" i="1" s="1"/>
  <c r="A151711" i="1" s="1"/>
  <c r="A151712" i="1" s="1"/>
  <c r="A151713" i="1" s="1"/>
  <c r="A151714" i="1" s="1"/>
  <c r="A151715" i="1" s="1"/>
  <c r="A151716" i="1" s="1"/>
  <c r="A151717" i="1" s="1"/>
  <c r="A151718" i="1" s="1"/>
  <c r="A151719" i="1" s="1"/>
  <c r="A151720" i="1" s="1"/>
  <c r="A151721" i="1" s="1"/>
  <c r="A151722" i="1" s="1"/>
  <c r="A151723" i="1" s="1"/>
  <c r="A151724" i="1" s="1"/>
  <c r="A151725" i="1" s="1"/>
  <c r="A151726" i="1" s="1"/>
  <c r="A151727" i="1" s="1"/>
  <c r="A151728" i="1" s="1"/>
  <c r="A151729" i="1" s="1"/>
  <c r="A151730" i="1" s="1"/>
  <c r="A151731" i="1" s="1"/>
  <c r="A151732" i="1" s="1"/>
  <c r="A151733" i="1" s="1"/>
  <c r="A151734" i="1" s="1"/>
  <c r="A151735" i="1" s="1"/>
  <c r="A151736" i="1" s="1"/>
  <c r="A151737" i="1" s="1"/>
  <c r="A151738" i="1" s="1"/>
  <c r="A151739" i="1" s="1"/>
  <c r="A151740" i="1" s="1"/>
  <c r="A151741" i="1" s="1"/>
  <c r="A151742" i="1" s="1"/>
  <c r="A151743" i="1" s="1"/>
  <c r="A151744" i="1" s="1"/>
  <c r="A151745" i="1" s="1"/>
  <c r="A151746" i="1" s="1"/>
  <c r="A151747" i="1" s="1"/>
  <c r="A151748" i="1" s="1"/>
  <c r="A151749" i="1" s="1"/>
  <c r="A151750" i="1" s="1"/>
  <c r="A151751" i="1" s="1"/>
  <c r="A151752" i="1" s="1"/>
  <c r="A151753" i="1" s="1"/>
  <c r="A151754" i="1" s="1"/>
  <c r="A151755" i="1" s="1"/>
  <c r="A151756" i="1" s="1"/>
  <c r="A151757" i="1" s="1"/>
  <c r="A151758" i="1" s="1"/>
  <c r="A151759" i="1" s="1"/>
  <c r="A151760" i="1" s="1"/>
  <c r="A151761" i="1" s="1"/>
  <c r="A151762" i="1" s="1"/>
  <c r="A151763" i="1" s="1"/>
  <c r="A151764" i="1" s="1"/>
  <c r="A151765" i="1" s="1"/>
  <c r="A151766" i="1" s="1"/>
  <c r="A151767" i="1" s="1"/>
  <c r="A151768" i="1" s="1"/>
  <c r="A151769" i="1" s="1"/>
  <c r="A151770" i="1" s="1"/>
  <c r="A151771" i="1" s="1"/>
  <c r="A151772" i="1" s="1"/>
  <c r="A151773" i="1" s="1"/>
  <c r="A151774" i="1" s="1"/>
  <c r="A151775" i="1" s="1"/>
  <c r="A151776" i="1" s="1"/>
  <c r="A151777" i="1" s="1"/>
  <c r="A151778" i="1" s="1"/>
  <c r="A151779" i="1" s="1"/>
  <c r="A151780" i="1" s="1"/>
  <c r="A151781" i="1" s="1"/>
  <c r="A151782" i="1" s="1"/>
  <c r="A151783" i="1" s="1"/>
  <c r="A151784" i="1" s="1"/>
  <c r="A151785" i="1" s="1"/>
  <c r="A151786" i="1" s="1"/>
  <c r="A151787" i="1" s="1"/>
  <c r="A151788" i="1" s="1"/>
  <c r="A151789" i="1" s="1"/>
  <c r="A151790" i="1" s="1"/>
  <c r="A151791" i="1" s="1"/>
  <c r="A151792" i="1" s="1"/>
  <c r="A151793" i="1" s="1"/>
  <c r="A151794" i="1" s="1"/>
  <c r="A151795" i="1" s="1"/>
  <c r="A151796" i="1" s="1"/>
  <c r="A151797" i="1" s="1"/>
  <c r="A151798" i="1" s="1"/>
  <c r="A151799" i="1" s="1"/>
  <c r="A151800" i="1" s="1"/>
  <c r="A151801" i="1" s="1"/>
  <c r="A151802" i="1" s="1"/>
  <c r="A151803" i="1" s="1"/>
  <c r="A151804" i="1" s="1"/>
  <c r="A151805" i="1" s="1"/>
  <c r="A151806" i="1" s="1"/>
  <c r="A151807" i="1" s="1"/>
  <c r="A151808" i="1" s="1"/>
  <c r="A151809" i="1" s="1"/>
  <c r="A151810" i="1" s="1"/>
  <c r="A151811" i="1" s="1"/>
  <c r="A151812" i="1" s="1"/>
  <c r="A151813" i="1" s="1"/>
  <c r="A151814" i="1" s="1"/>
  <c r="A151815" i="1" s="1"/>
  <c r="A151816" i="1" s="1"/>
  <c r="A151817" i="1" s="1"/>
  <c r="A151818" i="1" s="1"/>
  <c r="A151819" i="1" s="1"/>
  <c r="A151820" i="1" s="1"/>
  <c r="A151821" i="1" s="1"/>
  <c r="A151822" i="1" s="1"/>
  <c r="A151823" i="1" s="1"/>
  <c r="A151824" i="1" s="1"/>
  <c r="A151825" i="1" s="1"/>
  <c r="A151826" i="1" s="1"/>
  <c r="A151827" i="1" s="1"/>
  <c r="A151828" i="1" s="1"/>
  <c r="A151829" i="1" s="1"/>
  <c r="A151830" i="1" s="1"/>
  <c r="A151831" i="1" s="1"/>
  <c r="A151832" i="1" s="1"/>
  <c r="A151833" i="1" s="1"/>
  <c r="A151834" i="1" s="1"/>
  <c r="A151835" i="1" s="1"/>
  <c r="A151836" i="1" s="1"/>
  <c r="A151837" i="1" s="1"/>
  <c r="A151838" i="1" s="1"/>
  <c r="A151839" i="1" s="1"/>
  <c r="A151840" i="1" s="1"/>
  <c r="A151841" i="1" s="1"/>
  <c r="A151842" i="1" s="1"/>
  <c r="A151843" i="1" s="1"/>
  <c r="A151844" i="1" s="1"/>
  <c r="A151845" i="1" s="1"/>
  <c r="A151846" i="1" s="1"/>
  <c r="A151847" i="1" s="1"/>
  <c r="A151848" i="1" s="1"/>
  <c r="A151849" i="1" s="1"/>
  <c r="A151850" i="1" s="1"/>
  <c r="A151851" i="1" s="1"/>
  <c r="A151852" i="1" s="1"/>
  <c r="A151853" i="1" s="1"/>
  <c r="A151854" i="1" s="1"/>
  <c r="A151855" i="1" s="1"/>
  <c r="A151856" i="1" s="1"/>
  <c r="A151857" i="1" s="1"/>
  <c r="A151858" i="1" s="1"/>
  <c r="A151859" i="1" s="1"/>
  <c r="A151860" i="1" s="1"/>
  <c r="A151861" i="1" s="1"/>
  <c r="A151862" i="1" s="1"/>
  <c r="A151863" i="1" s="1"/>
  <c r="A151864" i="1" s="1"/>
  <c r="A151865" i="1" s="1"/>
  <c r="A151866" i="1" s="1"/>
  <c r="A151867" i="1" s="1"/>
  <c r="A151868" i="1" s="1"/>
  <c r="A151869" i="1" s="1"/>
  <c r="A151870" i="1" s="1"/>
  <c r="A151871" i="1" s="1"/>
  <c r="A151872" i="1" s="1"/>
  <c r="A151873" i="1" s="1"/>
  <c r="A151874" i="1" s="1"/>
  <c r="A151875" i="1" s="1"/>
  <c r="A151876" i="1" s="1"/>
  <c r="A151877" i="1" s="1"/>
  <c r="A151878" i="1" s="1"/>
  <c r="A151879" i="1" s="1"/>
  <c r="A151880" i="1" s="1"/>
  <c r="A151881" i="1" s="1"/>
  <c r="A151882" i="1" s="1"/>
  <c r="A151883" i="1" s="1"/>
  <c r="A151884" i="1" s="1"/>
  <c r="A151885" i="1" s="1"/>
  <c r="A151886" i="1" s="1"/>
  <c r="A151887" i="1" s="1"/>
  <c r="A151888" i="1" s="1"/>
  <c r="A151889" i="1" s="1"/>
  <c r="A151890" i="1" s="1"/>
  <c r="A151891" i="1" s="1"/>
  <c r="A151892" i="1" s="1"/>
  <c r="A151893" i="1" s="1"/>
  <c r="A151894" i="1" s="1"/>
  <c r="A151895" i="1" s="1"/>
  <c r="A151896" i="1" s="1"/>
  <c r="A151897" i="1" s="1"/>
  <c r="A151898" i="1" s="1"/>
  <c r="A151899" i="1" s="1"/>
  <c r="A151900" i="1" s="1"/>
  <c r="A151901" i="1" s="1"/>
  <c r="A151902" i="1" s="1"/>
  <c r="A151903" i="1" s="1"/>
  <c r="A151904" i="1" s="1"/>
  <c r="A151905" i="1" s="1"/>
  <c r="A151906" i="1" s="1"/>
  <c r="A151907" i="1" s="1"/>
  <c r="A151908" i="1" s="1"/>
  <c r="A151909" i="1" s="1"/>
  <c r="A151910" i="1" s="1"/>
  <c r="A151911" i="1" s="1"/>
  <c r="A151912" i="1" s="1"/>
  <c r="A151913" i="1" s="1"/>
  <c r="A151914" i="1" s="1"/>
  <c r="A151915" i="1" s="1"/>
  <c r="A151916" i="1" s="1"/>
  <c r="A151917" i="1" s="1"/>
  <c r="A151918" i="1" s="1"/>
  <c r="A151919" i="1" s="1"/>
  <c r="A151920" i="1" s="1"/>
  <c r="A151921" i="1" s="1"/>
  <c r="A151922" i="1" s="1"/>
  <c r="A151923" i="1" s="1"/>
  <c r="A151924" i="1" s="1"/>
  <c r="A151925" i="1" s="1"/>
  <c r="A151926" i="1" s="1"/>
  <c r="A151927" i="1" s="1"/>
  <c r="A151928" i="1" s="1"/>
  <c r="A151929" i="1" s="1"/>
  <c r="A151930" i="1" s="1"/>
  <c r="A151931" i="1" s="1"/>
  <c r="A151932" i="1" s="1"/>
  <c r="A151933" i="1" s="1"/>
  <c r="A151934" i="1" s="1"/>
  <c r="A151935" i="1" s="1"/>
  <c r="A151936" i="1" s="1"/>
  <c r="A151937" i="1" s="1"/>
  <c r="A151938" i="1" s="1"/>
  <c r="A151939" i="1" s="1"/>
  <c r="A151940" i="1" s="1"/>
  <c r="A151941" i="1" s="1"/>
  <c r="A151942" i="1" s="1"/>
  <c r="A151943" i="1" s="1"/>
  <c r="A151944" i="1" s="1"/>
  <c r="A151945" i="1" s="1"/>
  <c r="A151946" i="1" s="1"/>
  <c r="A151947" i="1" s="1"/>
  <c r="A151948" i="1" s="1"/>
  <c r="A151949" i="1" s="1"/>
  <c r="A151950" i="1" s="1"/>
  <c r="A151951" i="1" s="1"/>
  <c r="A151952" i="1" s="1"/>
  <c r="A151953" i="1" s="1"/>
  <c r="A151954" i="1" s="1"/>
  <c r="A151955" i="1" s="1"/>
  <c r="A151956" i="1" s="1"/>
  <c r="A151957" i="1" s="1"/>
  <c r="A151958" i="1" s="1"/>
  <c r="A151959" i="1" s="1"/>
  <c r="A151960" i="1" s="1"/>
  <c r="A151961" i="1" s="1"/>
  <c r="A151962" i="1" s="1"/>
  <c r="A151963" i="1" s="1"/>
  <c r="A151964" i="1" s="1"/>
  <c r="A151965" i="1" s="1"/>
  <c r="A151966" i="1" s="1"/>
  <c r="A151967" i="1" s="1"/>
  <c r="A151968" i="1" s="1"/>
  <c r="A151969" i="1" s="1"/>
  <c r="A151970" i="1" s="1"/>
  <c r="A151971" i="1" s="1"/>
  <c r="A151972" i="1" s="1"/>
  <c r="A151973" i="1" s="1"/>
  <c r="A151974" i="1" s="1"/>
  <c r="A151975" i="1" s="1"/>
  <c r="A151976" i="1" s="1"/>
  <c r="A151977" i="1" s="1"/>
  <c r="A151978" i="1" s="1"/>
  <c r="A151979" i="1" s="1"/>
  <c r="A151980" i="1" s="1"/>
  <c r="A151981" i="1" s="1"/>
  <c r="A151982" i="1" s="1"/>
  <c r="A151983" i="1" s="1"/>
  <c r="A151984" i="1" s="1"/>
  <c r="A151985" i="1" s="1"/>
  <c r="A151986" i="1" s="1"/>
  <c r="A151987" i="1" s="1"/>
  <c r="A151988" i="1" s="1"/>
  <c r="A151989" i="1" s="1"/>
  <c r="A151990" i="1" s="1"/>
  <c r="A151991" i="1" s="1"/>
  <c r="A151992" i="1" s="1"/>
  <c r="A151993" i="1" s="1"/>
  <c r="A151994" i="1" s="1"/>
  <c r="A151995" i="1" s="1"/>
  <c r="A151996" i="1" s="1"/>
  <c r="A151997" i="1" s="1"/>
  <c r="A151998" i="1" s="1"/>
  <c r="A151999" i="1" s="1"/>
  <c r="A152000" i="1" s="1"/>
  <c r="A152001" i="1" s="1"/>
  <c r="A152002" i="1" s="1"/>
  <c r="A152003" i="1" s="1"/>
  <c r="A152004" i="1" s="1"/>
  <c r="A152005" i="1" s="1"/>
  <c r="A152006" i="1" s="1"/>
  <c r="A152007" i="1" s="1"/>
  <c r="A152008" i="1" s="1"/>
  <c r="A152009" i="1" s="1"/>
  <c r="A152010" i="1" s="1"/>
  <c r="A152011" i="1" s="1"/>
  <c r="A152012" i="1" s="1"/>
  <c r="A152013" i="1" s="1"/>
  <c r="A152014" i="1" s="1"/>
  <c r="A152015" i="1" s="1"/>
  <c r="A152016" i="1" s="1"/>
  <c r="A152017" i="1" s="1"/>
  <c r="A152018" i="1" s="1"/>
  <c r="A152019" i="1" s="1"/>
  <c r="A152020" i="1" s="1"/>
  <c r="A152021" i="1" s="1"/>
  <c r="A152022" i="1" s="1"/>
  <c r="A152023" i="1" s="1"/>
  <c r="A152024" i="1" s="1"/>
  <c r="A152025" i="1" s="1"/>
  <c r="A152026" i="1" s="1"/>
  <c r="A152027" i="1" s="1"/>
  <c r="A152028" i="1" s="1"/>
  <c r="A152029" i="1" s="1"/>
  <c r="A152030" i="1" s="1"/>
  <c r="A152031" i="1" s="1"/>
  <c r="A152032" i="1" s="1"/>
  <c r="A152033" i="1" s="1"/>
  <c r="A152034" i="1" s="1"/>
  <c r="A152035" i="1" s="1"/>
  <c r="A152036" i="1" s="1"/>
  <c r="A152037" i="1" s="1"/>
  <c r="A152038" i="1" s="1"/>
  <c r="A152039" i="1" s="1"/>
  <c r="A152040" i="1" s="1"/>
  <c r="A152041" i="1" s="1"/>
  <c r="A152042" i="1" s="1"/>
  <c r="A152043" i="1" s="1"/>
  <c r="A152044" i="1" s="1"/>
  <c r="A152045" i="1" s="1"/>
  <c r="A152046" i="1" s="1"/>
  <c r="A152047" i="1" s="1"/>
  <c r="A152048" i="1" s="1"/>
  <c r="A152049" i="1" s="1"/>
  <c r="A152050" i="1" s="1"/>
  <c r="A152051" i="1" s="1"/>
  <c r="A152052" i="1" s="1"/>
  <c r="A152053" i="1" s="1"/>
  <c r="A152054" i="1" s="1"/>
  <c r="A152055" i="1" s="1"/>
  <c r="A152056" i="1" s="1"/>
  <c r="A152057" i="1" s="1"/>
  <c r="A152058" i="1" s="1"/>
  <c r="A152059" i="1" s="1"/>
  <c r="A152060" i="1" s="1"/>
  <c r="A152061" i="1" s="1"/>
  <c r="A152062" i="1" s="1"/>
  <c r="A152063" i="1" s="1"/>
  <c r="A152064" i="1" s="1"/>
  <c r="A152065" i="1" s="1"/>
  <c r="A152066" i="1" s="1"/>
  <c r="A152067" i="1" s="1"/>
  <c r="A152068" i="1" s="1"/>
  <c r="A152069" i="1" s="1"/>
  <c r="A152070" i="1" s="1"/>
  <c r="A152071" i="1" s="1"/>
  <c r="A152072" i="1" s="1"/>
  <c r="A152073" i="1" s="1"/>
  <c r="A152074" i="1" s="1"/>
  <c r="A152075" i="1" s="1"/>
  <c r="A152076" i="1" s="1"/>
  <c r="A152077" i="1" s="1"/>
  <c r="A152078" i="1" s="1"/>
  <c r="A152079" i="1" s="1"/>
  <c r="A152080" i="1" s="1"/>
  <c r="A152081" i="1" s="1"/>
  <c r="A152082" i="1" s="1"/>
  <c r="A152083" i="1" s="1"/>
  <c r="A152084" i="1" s="1"/>
  <c r="A152085" i="1" s="1"/>
  <c r="A152086" i="1" s="1"/>
  <c r="A152087" i="1" s="1"/>
  <c r="A152088" i="1" s="1"/>
  <c r="A152089" i="1" s="1"/>
  <c r="A152090" i="1" s="1"/>
  <c r="A152091" i="1" s="1"/>
  <c r="A152092" i="1" s="1"/>
  <c r="A152093" i="1" s="1"/>
  <c r="A152094" i="1" s="1"/>
  <c r="A152095" i="1" s="1"/>
  <c r="A152096" i="1" s="1"/>
  <c r="A152097" i="1" s="1"/>
  <c r="A152098" i="1" s="1"/>
  <c r="A152099" i="1" s="1"/>
  <c r="A152100" i="1" s="1"/>
  <c r="A152101" i="1" s="1"/>
  <c r="A152102" i="1" s="1"/>
  <c r="A152103" i="1" s="1"/>
  <c r="A152104" i="1" s="1"/>
  <c r="A152105" i="1" s="1"/>
  <c r="A152106" i="1" s="1"/>
  <c r="A152107" i="1" s="1"/>
  <c r="A152108" i="1" s="1"/>
  <c r="A152109" i="1" s="1"/>
  <c r="A152110" i="1" s="1"/>
  <c r="A152111" i="1" s="1"/>
  <c r="A152112" i="1" s="1"/>
  <c r="A152113" i="1" s="1"/>
  <c r="A152114" i="1" s="1"/>
  <c r="A152115" i="1" s="1"/>
  <c r="A152116" i="1" s="1"/>
  <c r="A152117" i="1" s="1"/>
  <c r="A152118" i="1" s="1"/>
  <c r="A152119" i="1" s="1"/>
  <c r="A152120" i="1" s="1"/>
  <c r="A152121" i="1" s="1"/>
  <c r="A152122" i="1" s="1"/>
  <c r="A152123" i="1" s="1"/>
  <c r="A152124" i="1" s="1"/>
  <c r="A152125" i="1" s="1"/>
  <c r="A152126" i="1" s="1"/>
  <c r="A152127" i="1" s="1"/>
  <c r="A152128" i="1" s="1"/>
  <c r="A152129" i="1" s="1"/>
  <c r="A152130" i="1" s="1"/>
  <c r="A152131" i="1" s="1"/>
  <c r="A152132" i="1" s="1"/>
  <c r="A152133" i="1" s="1"/>
  <c r="A152134" i="1" s="1"/>
  <c r="A152135" i="1" s="1"/>
  <c r="A152136" i="1" s="1"/>
  <c r="A152137" i="1" s="1"/>
  <c r="A152138" i="1" s="1"/>
  <c r="A152139" i="1" s="1"/>
  <c r="A152140" i="1" s="1"/>
  <c r="A152141" i="1" s="1"/>
  <c r="A152142" i="1" s="1"/>
  <c r="A152143" i="1" s="1"/>
  <c r="A152144" i="1" s="1"/>
  <c r="A152145" i="1" s="1"/>
  <c r="A152146" i="1" s="1"/>
  <c r="A152147" i="1" s="1"/>
  <c r="A152148" i="1" s="1"/>
  <c r="A152149" i="1" s="1"/>
  <c r="A152150" i="1" s="1"/>
  <c r="A152151" i="1" s="1"/>
  <c r="A152152" i="1" s="1"/>
  <c r="A152153" i="1" s="1"/>
  <c r="A152154" i="1" s="1"/>
  <c r="A152155" i="1" s="1"/>
  <c r="A152156" i="1" s="1"/>
  <c r="A152157" i="1" s="1"/>
  <c r="A152158" i="1" s="1"/>
  <c r="A152159" i="1" s="1"/>
  <c r="A152160" i="1" s="1"/>
  <c r="A152161" i="1" s="1"/>
  <c r="A152162" i="1" s="1"/>
  <c r="A152163" i="1" s="1"/>
  <c r="A152164" i="1" s="1"/>
  <c r="A152165" i="1" s="1"/>
  <c r="A152166" i="1" s="1"/>
  <c r="A152167" i="1" s="1"/>
  <c r="A152168" i="1" s="1"/>
  <c r="A152169" i="1" s="1"/>
  <c r="A152170" i="1" s="1"/>
  <c r="A152171" i="1" s="1"/>
  <c r="A152172" i="1" s="1"/>
  <c r="A152173" i="1" s="1"/>
  <c r="A152174" i="1" s="1"/>
  <c r="A152175" i="1" s="1"/>
  <c r="A152176" i="1" s="1"/>
  <c r="A152177" i="1" s="1"/>
  <c r="A152178" i="1" s="1"/>
  <c r="A152179" i="1" s="1"/>
  <c r="A152180" i="1" s="1"/>
  <c r="A152181" i="1" s="1"/>
  <c r="A152182" i="1" s="1"/>
  <c r="A152183" i="1" s="1"/>
  <c r="A152184" i="1" s="1"/>
  <c r="A152185" i="1" s="1"/>
  <c r="A152186" i="1" s="1"/>
  <c r="A152187" i="1" s="1"/>
  <c r="A152188" i="1" s="1"/>
  <c r="A152189" i="1" s="1"/>
  <c r="A152190" i="1" s="1"/>
  <c r="A152191" i="1" s="1"/>
  <c r="A152192" i="1" s="1"/>
  <c r="A152193" i="1" s="1"/>
  <c r="A152194" i="1" s="1"/>
  <c r="A152195" i="1" s="1"/>
  <c r="A152196" i="1" s="1"/>
  <c r="A152197" i="1" s="1"/>
  <c r="A152198" i="1" s="1"/>
  <c r="A152199" i="1" s="1"/>
  <c r="A152200" i="1" s="1"/>
  <c r="A152201" i="1" s="1"/>
  <c r="A152202" i="1" s="1"/>
  <c r="A152203" i="1" s="1"/>
  <c r="A152204" i="1" s="1"/>
  <c r="A152205" i="1" s="1"/>
  <c r="A152206" i="1" s="1"/>
  <c r="A152207" i="1" s="1"/>
  <c r="A152208" i="1" s="1"/>
  <c r="A152209" i="1" s="1"/>
  <c r="A152210" i="1" s="1"/>
  <c r="A152211" i="1" s="1"/>
  <c r="A152212" i="1" s="1"/>
  <c r="A152213" i="1" s="1"/>
  <c r="A152214" i="1" s="1"/>
  <c r="A152215" i="1" s="1"/>
  <c r="A152216" i="1" s="1"/>
  <c r="A152217" i="1" s="1"/>
  <c r="A152218" i="1" s="1"/>
  <c r="A152219" i="1" s="1"/>
  <c r="A152220" i="1" s="1"/>
  <c r="A152221" i="1" s="1"/>
  <c r="A152222" i="1" s="1"/>
  <c r="A152223" i="1" s="1"/>
  <c r="A152224" i="1" s="1"/>
  <c r="A152225" i="1" s="1"/>
  <c r="A152226" i="1" s="1"/>
  <c r="A152227" i="1" s="1"/>
  <c r="A152228" i="1" s="1"/>
  <c r="A152229" i="1" s="1"/>
  <c r="A152230" i="1" s="1"/>
  <c r="A152231" i="1" s="1"/>
  <c r="A152232" i="1" s="1"/>
  <c r="A152233" i="1" s="1"/>
  <c r="A152234" i="1" s="1"/>
  <c r="A152235" i="1" s="1"/>
  <c r="A152236" i="1" s="1"/>
  <c r="A152237" i="1" s="1"/>
  <c r="A152238" i="1" s="1"/>
  <c r="A152239" i="1" s="1"/>
  <c r="A152240" i="1" s="1"/>
  <c r="A152241" i="1" s="1"/>
  <c r="A152242" i="1" s="1"/>
  <c r="A152243" i="1" s="1"/>
  <c r="A152244" i="1" s="1"/>
  <c r="A152245" i="1" s="1"/>
  <c r="A152246" i="1" s="1"/>
  <c r="A152247" i="1" s="1"/>
  <c r="A152248" i="1" s="1"/>
  <c r="A152249" i="1" s="1"/>
  <c r="A152250" i="1" s="1"/>
  <c r="A152251" i="1" s="1"/>
  <c r="A152252" i="1" s="1"/>
  <c r="A152253" i="1" s="1"/>
  <c r="A152254" i="1" s="1"/>
  <c r="A152255" i="1" s="1"/>
  <c r="A152256" i="1" s="1"/>
  <c r="A152257" i="1" s="1"/>
  <c r="A152258" i="1" s="1"/>
  <c r="A152259" i="1" s="1"/>
  <c r="A152260" i="1" s="1"/>
  <c r="A152261" i="1" s="1"/>
  <c r="A152262" i="1" s="1"/>
  <c r="A152263" i="1" s="1"/>
  <c r="A152264" i="1" s="1"/>
  <c r="A152265" i="1" s="1"/>
  <c r="A152266" i="1" s="1"/>
  <c r="A152267" i="1" s="1"/>
  <c r="A152268" i="1" s="1"/>
  <c r="A152269" i="1" s="1"/>
  <c r="A152270" i="1" s="1"/>
  <c r="A152271" i="1" s="1"/>
  <c r="A152272" i="1" s="1"/>
  <c r="A152273" i="1" s="1"/>
  <c r="A152274" i="1" s="1"/>
  <c r="A152275" i="1" s="1"/>
  <c r="A152276" i="1" s="1"/>
  <c r="A152277" i="1" s="1"/>
  <c r="A152278" i="1" s="1"/>
  <c r="A152279" i="1" s="1"/>
  <c r="A152280" i="1" s="1"/>
  <c r="A152281" i="1" s="1"/>
  <c r="A152282" i="1" s="1"/>
  <c r="A152283" i="1" s="1"/>
  <c r="A152284" i="1" s="1"/>
  <c r="A152285" i="1" s="1"/>
  <c r="A152286" i="1" s="1"/>
  <c r="A152287" i="1" s="1"/>
  <c r="A152288" i="1" s="1"/>
  <c r="A152289" i="1" s="1"/>
  <c r="A152290" i="1" s="1"/>
  <c r="A152291" i="1" s="1"/>
  <c r="A152292" i="1" s="1"/>
  <c r="A152293" i="1" s="1"/>
  <c r="A152294" i="1" s="1"/>
  <c r="A152295" i="1" s="1"/>
  <c r="A152296" i="1" s="1"/>
  <c r="A152297" i="1" s="1"/>
  <c r="A152298" i="1" s="1"/>
  <c r="A152299" i="1" s="1"/>
  <c r="A152300" i="1" s="1"/>
  <c r="A152301" i="1" s="1"/>
  <c r="A152302" i="1" s="1"/>
  <c r="A152303" i="1" s="1"/>
  <c r="A152304" i="1" s="1"/>
  <c r="A152305" i="1" s="1"/>
  <c r="A152306" i="1" s="1"/>
  <c r="A152307" i="1" s="1"/>
  <c r="A152308" i="1" s="1"/>
  <c r="A152309" i="1" s="1"/>
  <c r="A152310" i="1" s="1"/>
  <c r="A152311" i="1" s="1"/>
  <c r="A152312" i="1" s="1"/>
  <c r="A152313" i="1" s="1"/>
  <c r="A152314" i="1" s="1"/>
  <c r="A152315" i="1" s="1"/>
  <c r="A152316" i="1" s="1"/>
  <c r="A152317" i="1" s="1"/>
  <c r="A152318" i="1" s="1"/>
  <c r="A152319" i="1" s="1"/>
  <c r="A152320" i="1" s="1"/>
  <c r="A152321" i="1" s="1"/>
  <c r="A152322" i="1" s="1"/>
  <c r="A152323" i="1" s="1"/>
  <c r="A152324" i="1" s="1"/>
  <c r="A152325" i="1" s="1"/>
  <c r="A152326" i="1" s="1"/>
  <c r="A152327" i="1" s="1"/>
  <c r="A152328" i="1" s="1"/>
  <c r="A152329" i="1" s="1"/>
  <c r="A152330" i="1" s="1"/>
  <c r="A152331" i="1" s="1"/>
  <c r="A152332" i="1" s="1"/>
  <c r="A152333" i="1" s="1"/>
  <c r="A152334" i="1" s="1"/>
  <c r="A152335" i="1" s="1"/>
  <c r="A152336" i="1" s="1"/>
  <c r="A152337" i="1" s="1"/>
  <c r="A152338" i="1" s="1"/>
  <c r="A152339" i="1" s="1"/>
  <c r="A152340" i="1" s="1"/>
  <c r="A152341" i="1" s="1"/>
  <c r="A152342" i="1" s="1"/>
  <c r="A152343" i="1" s="1"/>
  <c r="A152344" i="1" s="1"/>
  <c r="A152345" i="1" s="1"/>
  <c r="A152346" i="1" s="1"/>
  <c r="A152347" i="1" s="1"/>
  <c r="A152348" i="1" s="1"/>
  <c r="A152349" i="1" s="1"/>
  <c r="A152350" i="1" s="1"/>
  <c r="A152351" i="1" s="1"/>
  <c r="A152352" i="1" s="1"/>
  <c r="A152353" i="1" s="1"/>
  <c r="A152354" i="1" s="1"/>
  <c r="A152355" i="1" s="1"/>
  <c r="A152356" i="1" s="1"/>
  <c r="A152357" i="1" s="1"/>
  <c r="A152358" i="1" s="1"/>
  <c r="A152359" i="1" s="1"/>
  <c r="A152360" i="1" s="1"/>
  <c r="A152361" i="1" s="1"/>
  <c r="A152362" i="1" s="1"/>
  <c r="A152363" i="1" s="1"/>
  <c r="A152364" i="1" s="1"/>
  <c r="A152365" i="1" s="1"/>
  <c r="A152366" i="1" s="1"/>
  <c r="A152367" i="1" s="1"/>
  <c r="A152368" i="1" s="1"/>
  <c r="A152369" i="1" s="1"/>
  <c r="A152370" i="1" s="1"/>
  <c r="A152371" i="1" s="1"/>
  <c r="A152372" i="1" s="1"/>
  <c r="A152373" i="1" s="1"/>
  <c r="A152374" i="1" s="1"/>
  <c r="A152375" i="1" s="1"/>
  <c r="A152376" i="1" s="1"/>
  <c r="A152377" i="1" s="1"/>
  <c r="A152378" i="1" s="1"/>
  <c r="A152379" i="1" s="1"/>
  <c r="A152380" i="1" s="1"/>
  <c r="A152381" i="1" s="1"/>
  <c r="A152382" i="1" s="1"/>
  <c r="A152383" i="1" s="1"/>
  <c r="A152384" i="1" s="1"/>
  <c r="A152385" i="1" s="1"/>
  <c r="A152386" i="1" s="1"/>
  <c r="A152387" i="1" s="1"/>
  <c r="A152388" i="1" s="1"/>
  <c r="A152389" i="1" s="1"/>
  <c r="A152390" i="1" s="1"/>
  <c r="A152391" i="1" s="1"/>
  <c r="A152392" i="1" s="1"/>
  <c r="A152393" i="1" s="1"/>
  <c r="A152394" i="1" s="1"/>
  <c r="A152395" i="1" s="1"/>
  <c r="A152396" i="1" s="1"/>
  <c r="A152397" i="1" s="1"/>
  <c r="A152398" i="1" s="1"/>
  <c r="A152399" i="1" s="1"/>
  <c r="A152400" i="1" s="1"/>
  <c r="A152401" i="1" s="1"/>
  <c r="A152402" i="1" s="1"/>
  <c r="A152403" i="1" s="1"/>
  <c r="A152404" i="1" s="1"/>
  <c r="A152405" i="1" s="1"/>
  <c r="A152406" i="1" s="1"/>
  <c r="A152407" i="1" s="1"/>
  <c r="A152408" i="1" s="1"/>
  <c r="A152409" i="1" s="1"/>
  <c r="A152410" i="1" s="1"/>
  <c r="A152411" i="1" s="1"/>
  <c r="A152412" i="1" s="1"/>
  <c r="A152413" i="1" s="1"/>
  <c r="A152414" i="1" s="1"/>
  <c r="A152415" i="1" s="1"/>
  <c r="A152416" i="1" s="1"/>
  <c r="A152417" i="1" s="1"/>
  <c r="A152418" i="1" s="1"/>
  <c r="A152419" i="1" s="1"/>
  <c r="A152420" i="1" s="1"/>
  <c r="A152421" i="1" s="1"/>
  <c r="A152422" i="1" s="1"/>
  <c r="A152423" i="1" s="1"/>
  <c r="A152424" i="1" s="1"/>
  <c r="A152425" i="1" s="1"/>
  <c r="A152426" i="1" s="1"/>
  <c r="A152427" i="1" s="1"/>
  <c r="A152428" i="1" s="1"/>
  <c r="A152429" i="1" s="1"/>
  <c r="A152430" i="1" s="1"/>
  <c r="A152431" i="1" s="1"/>
  <c r="A152432" i="1" s="1"/>
  <c r="A152433" i="1" s="1"/>
  <c r="A152434" i="1" s="1"/>
  <c r="A152435" i="1" s="1"/>
  <c r="A152436" i="1" s="1"/>
  <c r="A152437" i="1" s="1"/>
  <c r="A152438" i="1" s="1"/>
  <c r="A152439" i="1" s="1"/>
  <c r="A152440" i="1" s="1"/>
  <c r="A152441" i="1" s="1"/>
  <c r="A152442" i="1" s="1"/>
  <c r="A152443" i="1" s="1"/>
  <c r="A152444" i="1" s="1"/>
  <c r="A152445" i="1" s="1"/>
  <c r="A152446" i="1" s="1"/>
  <c r="A152447" i="1" s="1"/>
  <c r="A152448" i="1" s="1"/>
  <c r="A152449" i="1" s="1"/>
  <c r="A152450" i="1" s="1"/>
  <c r="A152451" i="1" s="1"/>
  <c r="A152452" i="1" s="1"/>
  <c r="A152453" i="1" s="1"/>
  <c r="A152454" i="1" s="1"/>
  <c r="A152455" i="1" s="1"/>
  <c r="A152456" i="1" s="1"/>
  <c r="A152457" i="1" s="1"/>
  <c r="A152458" i="1" s="1"/>
  <c r="A152459" i="1" s="1"/>
  <c r="A152460" i="1" s="1"/>
  <c r="A152461" i="1" s="1"/>
  <c r="A152462" i="1" s="1"/>
  <c r="A152463" i="1" s="1"/>
  <c r="A152464" i="1" s="1"/>
  <c r="A152465" i="1" s="1"/>
  <c r="A152466" i="1" s="1"/>
  <c r="A152467" i="1" s="1"/>
  <c r="A152468" i="1" s="1"/>
  <c r="A152469" i="1" s="1"/>
  <c r="A152470" i="1" s="1"/>
  <c r="A152471" i="1" s="1"/>
  <c r="A152472" i="1" s="1"/>
  <c r="A152473" i="1" s="1"/>
  <c r="A152474" i="1" s="1"/>
  <c r="A152475" i="1" s="1"/>
  <c r="A152476" i="1" s="1"/>
  <c r="A152477" i="1" s="1"/>
  <c r="A152478" i="1" s="1"/>
  <c r="A152479" i="1" s="1"/>
  <c r="A152480" i="1" s="1"/>
  <c r="A152481" i="1" s="1"/>
  <c r="A152482" i="1" s="1"/>
  <c r="A152483" i="1" s="1"/>
  <c r="A152484" i="1" s="1"/>
  <c r="A152485" i="1" s="1"/>
  <c r="A152486" i="1" s="1"/>
  <c r="A152487" i="1" s="1"/>
  <c r="A152488" i="1" s="1"/>
  <c r="A152489" i="1" s="1"/>
  <c r="A152490" i="1" s="1"/>
  <c r="A152491" i="1" s="1"/>
  <c r="A152492" i="1" s="1"/>
  <c r="A152493" i="1" s="1"/>
  <c r="A152494" i="1" s="1"/>
  <c r="A152495" i="1" s="1"/>
  <c r="A152496" i="1" s="1"/>
  <c r="A152497" i="1" s="1"/>
  <c r="A152498" i="1" s="1"/>
  <c r="A152499" i="1" s="1"/>
  <c r="A152500" i="1" s="1"/>
  <c r="A152501" i="1" s="1"/>
  <c r="A152502" i="1" s="1"/>
  <c r="A152503" i="1" s="1"/>
  <c r="A152504" i="1" s="1"/>
  <c r="A152505" i="1" s="1"/>
  <c r="A152506" i="1" s="1"/>
  <c r="A152507" i="1" s="1"/>
  <c r="A152508" i="1" s="1"/>
  <c r="A152509" i="1" s="1"/>
  <c r="A152510" i="1" s="1"/>
  <c r="A152511" i="1" s="1"/>
  <c r="A152512" i="1" s="1"/>
  <c r="A152513" i="1" s="1"/>
  <c r="A152514" i="1" s="1"/>
  <c r="A152515" i="1" s="1"/>
  <c r="A152516" i="1" s="1"/>
  <c r="A152517" i="1" s="1"/>
  <c r="A152518" i="1" s="1"/>
  <c r="A152519" i="1" s="1"/>
  <c r="A152520" i="1" s="1"/>
  <c r="A152521" i="1" s="1"/>
  <c r="A152522" i="1" s="1"/>
  <c r="A152523" i="1" s="1"/>
  <c r="A152524" i="1" s="1"/>
  <c r="A152525" i="1" s="1"/>
  <c r="A152526" i="1" s="1"/>
  <c r="A152527" i="1" s="1"/>
  <c r="A152528" i="1" s="1"/>
  <c r="A152529" i="1" s="1"/>
  <c r="A152530" i="1" s="1"/>
  <c r="A152531" i="1" s="1"/>
  <c r="A152532" i="1" s="1"/>
  <c r="A152533" i="1" s="1"/>
  <c r="A152534" i="1" s="1"/>
  <c r="A152535" i="1" s="1"/>
  <c r="A152536" i="1" s="1"/>
  <c r="A152537" i="1" s="1"/>
  <c r="A152538" i="1" s="1"/>
  <c r="A152539" i="1" s="1"/>
  <c r="A152540" i="1" s="1"/>
  <c r="A152541" i="1" s="1"/>
  <c r="A152542" i="1" s="1"/>
  <c r="A152543" i="1" s="1"/>
  <c r="A152544" i="1" s="1"/>
  <c r="A152545" i="1" s="1"/>
  <c r="A152546" i="1" s="1"/>
  <c r="A152547" i="1" s="1"/>
  <c r="A152548" i="1" s="1"/>
  <c r="A152549" i="1" s="1"/>
  <c r="A152550" i="1" s="1"/>
  <c r="A152551" i="1" s="1"/>
  <c r="A152552" i="1" s="1"/>
  <c r="A152553" i="1" s="1"/>
  <c r="A152554" i="1" s="1"/>
  <c r="A152555" i="1" s="1"/>
  <c r="A152556" i="1" s="1"/>
  <c r="A152557" i="1" s="1"/>
  <c r="A152558" i="1" s="1"/>
  <c r="A152559" i="1" s="1"/>
  <c r="A152560" i="1" s="1"/>
  <c r="A152561" i="1" s="1"/>
  <c r="A152562" i="1" s="1"/>
  <c r="A152563" i="1" s="1"/>
  <c r="A152564" i="1" s="1"/>
  <c r="A152565" i="1" s="1"/>
  <c r="A152566" i="1" s="1"/>
  <c r="A152567" i="1" s="1"/>
  <c r="A152568" i="1" s="1"/>
  <c r="A152569" i="1" s="1"/>
  <c r="A152570" i="1" s="1"/>
  <c r="A152571" i="1" s="1"/>
  <c r="A152572" i="1" s="1"/>
  <c r="A152573" i="1" s="1"/>
  <c r="A152574" i="1" s="1"/>
  <c r="A152575" i="1" s="1"/>
  <c r="A152576" i="1" s="1"/>
  <c r="A152577" i="1" s="1"/>
  <c r="A152578" i="1" s="1"/>
  <c r="A152579" i="1" s="1"/>
  <c r="A152580" i="1" s="1"/>
  <c r="A152581" i="1" s="1"/>
  <c r="A152582" i="1" s="1"/>
  <c r="A152583" i="1" s="1"/>
  <c r="A152584" i="1" s="1"/>
  <c r="A152585" i="1" s="1"/>
  <c r="A152586" i="1" s="1"/>
  <c r="A152587" i="1" s="1"/>
  <c r="A152588" i="1" s="1"/>
  <c r="A152589" i="1" s="1"/>
  <c r="A152590" i="1" s="1"/>
  <c r="A152591" i="1" s="1"/>
  <c r="A152592" i="1" s="1"/>
  <c r="A152593" i="1" s="1"/>
  <c r="A152594" i="1" s="1"/>
  <c r="A152595" i="1" s="1"/>
  <c r="A152596" i="1" s="1"/>
  <c r="A152597" i="1" s="1"/>
  <c r="A152598" i="1" s="1"/>
  <c r="A152599" i="1" s="1"/>
  <c r="A152600" i="1" s="1"/>
  <c r="A152601" i="1" s="1"/>
  <c r="A152602" i="1" s="1"/>
  <c r="A152603" i="1" s="1"/>
  <c r="A152604" i="1" s="1"/>
  <c r="A152605" i="1" s="1"/>
  <c r="A152606" i="1" s="1"/>
  <c r="A152607" i="1" s="1"/>
  <c r="A152608" i="1" s="1"/>
  <c r="A152609" i="1" s="1"/>
  <c r="A152610" i="1" s="1"/>
  <c r="A152611" i="1" s="1"/>
  <c r="A152612" i="1" s="1"/>
  <c r="A152613" i="1" s="1"/>
  <c r="A152614" i="1" s="1"/>
  <c r="A152615" i="1" s="1"/>
  <c r="A152616" i="1" s="1"/>
  <c r="A152617" i="1" s="1"/>
  <c r="A152618" i="1" s="1"/>
  <c r="A152619" i="1" s="1"/>
  <c r="A152620" i="1" s="1"/>
  <c r="A152621" i="1" s="1"/>
  <c r="A152622" i="1" s="1"/>
  <c r="A152623" i="1" s="1"/>
  <c r="A152624" i="1" s="1"/>
  <c r="A152625" i="1" s="1"/>
  <c r="A152626" i="1" s="1"/>
  <c r="A152627" i="1" s="1"/>
  <c r="A152628" i="1" s="1"/>
  <c r="A152629" i="1" s="1"/>
  <c r="A152630" i="1" s="1"/>
  <c r="A152631" i="1" s="1"/>
  <c r="A152632" i="1" s="1"/>
  <c r="A152633" i="1" s="1"/>
  <c r="A152634" i="1" s="1"/>
  <c r="A152635" i="1" s="1"/>
  <c r="A152636" i="1" s="1"/>
  <c r="A152637" i="1" s="1"/>
  <c r="A152638" i="1" s="1"/>
  <c r="A152639" i="1" s="1"/>
  <c r="A152640" i="1" s="1"/>
  <c r="A152641" i="1" s="1"/>
  <c r="A152642" i="1" s="1"/>
  <c r="A152643" i="1" s="1"/>
  <c r="A152644" i="1" s="1"/>
  <c r="A152645" i="1" s="1"/>
  <c r="A152646" i="1" s="1"/>
  <c r="A152647" i="1" s="1"/>
  <c r="A152648" i="1" s="1"/>
  <c r="A152649" i="1" s="1"/>
  <c r="A152650" i="1" s="1"/>
  <c r="A152651" i="1" s="1"/>
  <c r="A152652" i="1" s="1"/>
  <c r="A152653" i="1" s="1"/>
  <c r="A152654" i="1" s="1"/>
  <c r="A152655" i="1" s="1"/>
  <c r="A152656" i="1" s="1"/>
  <c r="A152657" i="1" s="1"/>
  <c r="A152658" i="1" s="1"/>
  <c r="A152659" i="1" s="1"/>
  <c r="A152660" i="1" s="1"/>
  <c r="A152661" i="1" s="1"/>
  <c r="A152662" i="1" s="1"/>
  <c r="A152663" i="1" s="1"/>
  <c r="A152664" i="1" s="1"/>
  <c r="A152665" i="1" s="1"/>
  <c r="A152666" i="1" s="1"/>
  <c r="A152667" i="1" s="1"/>
  <c r="A152668" i="1" s="1"/>
  <c r="A152669" i="1" s="1"/>
  <c r="A152670" i="1" s="1"/>
  <c r="A152671" i="1" s="1"/>
  <c r="A152672" i="1" s="1"/>
  <c r="A152673" i="1" s="1"/>
  <c r="A152674" i="1" s="1"/>
  <c r="A152675" i="1" s="1"/>
  <c r="A152676" i="1" s="1"/>
  <c r="A152677" i="1" s="1"/>
  <c r="A152678" i="1" s="1"/>
  <c r="A152679" i="1" s="1"/>
  <c r="A152680" i="1" s="1"/>
  <c r="A152681" i="1" s="1"/>
  <c r="A152682" i="1" s="1"/>
  <c r="A152683" i="1" s="1"/>
  <c r="A152684" i="1" s="1"/>
  <c r="A152685" i="1" s="1"/>
  <c r="A152686" i="1" s="1"/>
  <c r="A152687" i="1" s="1"/>
  <c r="A152688" i="1" s="1"/>
  <c r="A152689" i="1" s="1"/>
  <c r="A152690" i="1" s="1"/>
  <c r="A152691" i="1" s="1"/>
  <c r="A152692" i="1" s="1"/>
  <c r="A152693" i="1" s="1"/>
  <c r="A152694" i="1" s="1"/>
  <c r="A152695" i="1" s="1"/>
  <c r="A152696" i="1" s="1"/>
  <c r="A152697" i="1" s="1"/>
  <c r="A152698" i="1" s="1"/>
  <c r="A152699" i="1" s="1"/>
  <c r="A152700" i="1" s="1"/>
  <c r="A152701" i="1" s="1"/>
  <c r="A152702" i="1" s="1"/>
  <c r="A152703" i="1" s="1"/>
  <c r="A152704" i="1" s="1"/>
  <c r="A152705" i="1" s="1"/>
  <c r="A152706" i="1" s="1"/>
  <c r="A152707" i="1" s="1"/>
  <c r="A152708" i="1" s="1"/>
  <c r="A152709" i="1" s="1"/>
  <c r="A152710" i="1" s="1"/>
  <c r="A152711" i="1" s="1"/>
  <c r="A152712" i="1" s="1"/>
  <c r="A152713" i="1" s="1"/>
  <c r="A152714" i="1" s="1"/>
  <c r="A152715" i="1" s="1"/>
  <c r="A152716" i="1" s="1"/>
  <c r="A152717" i="1" s="1"/>
  <c r="A152718" i="1" s="1"/>
  <c r="A152719" i="1" s="1"/>
  <c r="A152720" i="1" s="1"/>
  <c r="A152721" i="1" s="1"/>
  <c r="A152722" i="1" s="1"/>
  <c r="A152723" i="1" s="1"/>
  <c r="A152724" i="1" s="1"/>
  <c r="A152725" i="1" s="1"/>
  <c r="A152726" i="1" s="1"/>
  <c r="A152727" i="1" s="1"/>
  <c r="A152728" i="1" s="1"/>
  <c r="A152729" i="1" s="1"/>
  <c r="A152730" i="1" s="1"/>
  <c r="A152731" i="1" s="1"/>
  <c r="A152732" i="1" s="1"/>
  <c r="A152733" i="1" s="1"/>
  <c r="A152734" i="1" s="1"/>
  <c r="A152735" i="1" s="1"/>
  <c r="A152736" i="1" s="1"/>
  <c r="A152737" i="1" s="1"/>
  <c r="A152738" i="1" s="1"/>
  <c r="A152739" i="1" s="1"/>
  <c r="A152740" i="1" s="1"/>
  <c r="A152741" i="1" s="1"/>
  <c r="A152742" i="1" s="1"/>
  <c r="A152743" i="1" s="1"/>
  <c r="A152744" i="1" s="1"/>
  <c r="A152745" i="1" s="1"/>
  <c r="A152746" i="1" s="1"/>
  <c r="A152747" i="1" s="1"/>
  <c r="A152748" i="1" s="1"/>
  <c r="A152749" i="1" s="1"/>
  <c r="A152750" i="1" s="1"/>
  <c r="A152751" i="1" s="1"/>
  <c r="A152752" i="1" s="1"/>
  <c r="A152753" i="1" s="1"/>
  <c r="A152754" i="1" s="1"/>
  <c r="A152755" i="1" s="1"/>
  <c r="A152756" i="1" s="1"/>
  <c r="A152757" i="1" s="1"/>
  <c r="A152758" i="1" s="1"/>
  <c r="A152759" i="1" s="1"/>
  <c r="A152760" i="1" s="1"/>
  <c r="A152761" i="1" s="1"/>
  <c r="A152762" i="1" s="1"/>
  <c r="A152763" i="1" s="1"/>
  <c r="A152764" i="1" s="1"/>
  <c r="A152765" i="1" s="1"/>
  <c r="A152766" i="1" s="1"/>
  <c r="A152767" i="1" s="1"/>
  <c r="A152768" i="1" s="1"/>
  <c r="A152769" i="1" s="1"/>
  <c r="A152770" i="1" s="1"/>
  <c r="A152771" i="1" s="1"/>
  <c r="A152772" i="1" s="1"/>
  <c r="A152773" i="1" s="1"/>
  <c r="A152774" i="1" s="1"/>
  <c r="A152775" i="1" s="1"/>
  <c r="A152776" i="1" s="1"/>
  <c r="A152777" i="1" s="1"/>
  <c r="A152778" i="1" s="1"/>
  <c r="A152779" i="1" s="1"/>
  <c r="A152780" i="1" s="1"/>
  <c r="A152781" i="1" s="1"/>
  <c r="A152782" i="1" s="1"/>
  <c r="A152783" i="1" s="1"/>
  <c r="A152784" i="1" s="1"/>
  <c r="A152785" i="1" s="1"/>
  <c r="A152786" i="1" s="1"/>
  <c r="A152787" i="1" s="1"/>
  <c r="A152788" i="1" s="1"/>
  <c r="A152789" i="1" s="1"/>
  <c r="A152790" i="1" s="1"/>
  <c r="A152791" i="1" s="1"/>
  <c r="A152792" i="1" s="1"/>
  <c r="A152793" i="1" s="1"/>
  <c r="A152794" i="1" s="1"/>
  <c r="A152795" i="1" s="1"/>
  <c r="A152796" i="1" s="1"/>
  <c r="A152797" i="1" s="1"/>
  <c r="A152798" i="1" s="1"/>
  <c r="A152799" i="1" s="1"/>
  <c r="A152800" i="1" s="1"/>
  <c r="A152801" i="1" s="1"/>
  <c r="A152802" i="1" s="1"/>
  <c r="A152803" i="1" s="1"/>
  <c r="A152804" i="1" s="1"/>
  <c r="A152805" i="1" s="1"/>
  <c r="A152806" i="1" s="1"/>
  <c r="A152807" i="1" s="1"/>
  <c r="A152808" i="1" s="1"/>
  <c r="A152809" i="1" s="1"/>
  <c r="A152810" i="1" s="1"/>
  <c r="A152811" i="1" s="1"/>
  <c r="A152812" i="1" s="1"/>
  <c r="A152813" i="1" s="1"/>
  <c r="A152814" i="1" s="1"/>
  <c r="A152815" i="1" s="1"/>
  <c r="A152816" i="1" s="1"/>
  <c r="A152817" i="1" s="1"/>
  <c r="A152818" i="1" s="1"/>
  <c r="A152819" i="1" s="1"/>
  <c r="A152820" i="1" s="1"/>
  <c r="A152821" i="1" s="1"/>
  <c r="A152822" i="1" s="1"/>
  <c r="A152823" i="1" s="1"/>
  <c r="A152824" i="1" s="1"/>
  <c r="A152825" i="1" s="1"/>
  <c r="A152826" i="1" s="1"/>
  <c r="A152827" i="1" s="1"/>
  <c r="A152828" i="1" s="1"/>
  <c r="A152829" i="1" s="1"/>
  <c r="A152830" i="1" s="1"/>
  <c r="A152831" i="1" s="1"/>
  <c r="A152832" i="1" s="1"/>
  <c r="A152833" i="1" s="1"/>
  <c r="A152834" i="1" s="1"/>
  <c r="A152835" i="1" s="1"/>
  <c r="A152836" i="1" s="1"/>
  <c r="A152837" i="1" s="1"/>
  <c r="A152838" i="1" s="1"/>
  <c r="A152839" i="1" s="1"/>
  <c r="A152840" i="1" s="1"/>
  <c r="A152841" i="1" s="1"/>
  <c r="A152842" i="1" s="1"/>
  <c r="A152843" i="1" s="1"/>
  <c r="A152844" i="1" s="1"/>
  <c r="A152845" i="1" s="1"/>
  <c r="A152846" i="1" s="1"/>
  <c r="A152847" i="1" s="1"/>
  <c r="A152848" i="1" s="1"/>
  <c r="A152849" i="1" s="1"/>
  <c r="A152850" i="1" s="1"/>
  <c r="A152851" i="1" s="1"/>
  <c r="A152852" i="1" s="1"/>
  <c r="A152853" i="1" s="1"/>
  <c r="A152854" i="1" s="1"/>
  <c r="A152855" i="1" s="1"/>
  <c r="A152856" i="1" s="1"/>
  <c r="A152857" i="1" s="1"/>
  <c r="A152858" i="1" s="1"/>
  <c r="A152859" i="1" s="1"/>
  <c r="A152860" i="1" s="1"/>
  <c r="A152861" i="1" s="1"/>
  <c r="A152862" i="1" s="1"/>
  <c r="A152863" i="1" s="1"/>
  <c r="A152864" i="1" s="1"/>
  <c r="A152865" i="1" s="1"/>
  <c r="A152866" i="1" s="1"/>
  <c r="A152867" i="1" s="1"/>
  <c r="A152868" i="1" s="1"/>
  <c r="A152869" i="1" s="1"/>
  <c r="A152870" i="1" s="1"/>
  <c r="A152871" i="1" s="1"/>
  <c r="A152872" i="1" s="1"/>
  <c r="A152873" i="1" s="1"/>
  <c r="A152874" i="1" s="1"/>
  <c r="A152875" i="1" s="1"/>
  <c r="A152876" i="1" s="1"/>
  <c r="A152877" i="1" s="1"/>
  <c r="A152878" i="1" s="1"/>
  <c r="A152879" i="1" s="1"/>
  <c r="A152880" i="1" s="1"/>
  <c r="A152881" i="1" s="1"/>
  <c r="A152882" i="1" s="1"/>
  <c r="A152883" i="1" s="1"/>
  <c r="A152884" i="1" s="1"/>
  <c r="A152885" i="1" s="1"/>
  <c r="A152886" i="1" s="1"/>
  <c r="A152887" i="1" s="1"/>
  <c r="A152888" i="1" s="1"/>
  <c r="A152889" i="1" s="1"/>
  <c r="A152890" i="1" s="1"/>
  <c r="A152891" i="1" s="1"/>
  <c r="A152892" i="1" s="1"/>
  <c r="A152893" i="1" s="1"/>
  <c r="A152894" i="1" s="1"/>
  <c r="A152895" i="1" s="1"/>
  <c r="A152896" i="1" s="1"/>
  <c r="A152897" i="1" s="1"/>
  <c r="A152898" i="1" s="1"/>
  <c r="A152899" i="1" s="1"/>
  <c r="A152900" i="1" s="1"/>
  <c r="A152901" i="1" s="1"/>
  <c r="A152902" i="1" s="1"/>
  <c r="A152903" i="1" s="1"/>
  <c r="A152904" i="1" s="1"/>
  <c r="A152905" i="1" s="1"/>
  <c r="A152906" i="1" s="1"/>
  <c r="A152907" i="1" s="1"/>
  <c r="A152908" i="1" s="1"/>
  <c r="A152909" i="1" s="1"/>
  <c r="A152910" i="1" s="1"/>
  <c r="A152911" i="1" s="1"/>
  <c r="A152912" i="1" s="1"/>
  <c r="A152913" i="1" s="1"/>
  <c r="A152914" i="1" s="1"/>
  <c r="A152915" i="1" s="1"/>
  <c r="A152916" i="1" s="1"/>
  <c r="A152917" i="1" s="1"/>
  <c r="A152918" i="1" s="1"/>
  <c r="A152919" i="1" s="1"/>
  <c r="A152920" i="1" s="1"/>
  <c r="A152921" i="1" s="1"/>
  <c r="A152922" i="1" s="1"/>
  <c r="A152923" i="1" s="1"/>
  <c r="A152924" i="1" s="1"/>
  <c r="A152925" i="1" s="1"/>
  <c r="A152926" i="1" s="1"/>
  <c r="A152927" i="1" s="1"/>
  <c r="A152928" i="1" s="1"/>
  <c r="A152929" i="1" s="1"/>
  <c r="A152930" i="1" s="1"/>
  <c r="A152931" i="1" s="1"/>
  <c r="A152932" i="1" s="1"/>
  <c r="A152933" i="1" s="1"/>
  <c r="A152934" i="1" s="1"/>
  <c r="A152935" i="1" s="1"/>
  <c r="A152936" i="1" s="1"/>
  <c r="A152937" i="1" s="1"/>
  <c r="A152938" i="1" s="1"/>
  <c r="A152939" i="1" s="1"/>
  <c r="A152940" i="1" s="1"/>
  <c r="A152941" i="1" s="1"/>
  <c r="A152942" i="1" s="1"/>
  <c r="A152943" i="1" s="1"/>
  <c r="A152944" i="1" s="1"/>
  <c r="A152945" i="1" s="1"/>
  <c r="A152946" i="1" s="1"/>
  <c r="A152947" i="1" s="1"/>
  <c r="A152948" i="1" s="1"/>
  <c r="A152949" i="1" s="1"/>
  <c r="A152950" i="1" s="1"/>
  <c r="A152951" i="1" s="1"/>
  <c r="A152952" i="1" s="1"/>
  <c r="A152953" i="1" s="1"/>
  <c r="A152954" i="1" s="1"/>
  <c r="A152955" i="1" s="1"/>
  <c r="A152956" i="1" s="1"/>
  <c r="A152957" i="1" s="1"/>
  <c r="A152958" i="1" s="1"/>
  <c r="A152959" i="1" s="1"/>
  <c r="A152960" i="1" s="1"/>
  <c r="A152961" i="1" s="1"/>
  <c r="A152962" i="1" s="1"/>
  <c r="A152963" i="1" s="1"/>
  <c r="A152964" i="1" s="1"/>
  <c r="A152965" i="1" s="1"/>
  <c r="A152966" i="1" s="1"/>
  <c r="A152967" i="1" s="1"/>
  <c r="A152968" i="1" s="1"/>
  <c r="A152969" i="1" s="1"/>
  <c r="A152970" i="1" s="1"/>
  <c r="A152971" i="1" s="1"/>
  <c r="A152972" i="1" s="1"/>
  <c r="A152973" i="1" s="1"/>
  <c r="A152974" i="1" s="1"/>
  <c r="A152975" i="1" s="1"/>
  <c r="A152976" i="1" s="1"/>
  <c r="A152977" i="1" s="1"/>
  <c r="A152978" i="1" s="1"/>
  <c r="A152979" i="1" s="1"/>
  <c r="A152980" i="1" s="1"/>
  <c r="A152981" i="1" s="1"/>
  <c r="A152982" i="1" s="1"/>
  <c r="A152983" i="1" s="1"/>
  <c r="A152984" i="1" s="1"/>
  <c r="A152985" i="1" s="1"/>
  <c r="A152986" i="1" s="1"/>
  <c r="A152987" i="1" s="1"/>
  <c r="A152988" i="1" s="1"/>
  <c r="A152989" i="1" s="1"/>
  <c r="A152990" i="1" s="1"/>
  <c r="A152991" i="1" s="1"/>
  <c r="A152992" i="1" s="1"/>
  <c r="A152993" i="1" s="1"/>
  <c r="A152994" i="1" s="1"/>
  <c r="A152995" i="1" s="1"/>
  <c r="A152996" i="1" s="1"/>
  <c r="A152997" i="1" s="1"/>
  <c r="A152998" i="1" s="1"/>
  <c r="A152999" i="1" s="1"/>
  <c r="A153000" i="1" s="1"/>
  <c r="A153001" i="1" s="1"/>
  <c r="A153002" i="1" s="1"/>
  <c r="A153003" i="1" s="1"/>
  <c r="A153004" i="1" s="1"/>
  <c r="A153005" i="1" s="1"/>
  <c r="A153006" i="1" s="1"/>
  <c r="A153007" i="1" s="1"/>
  <c r="A153008" i="1" s="1"/>
  <c r="A153009" i="1" s="1"/>
  <c r="A153010" i="1" s="1"/>
  <c r="A153011" i="1" s="1"/>
  <c r="A153012" i="1" s="1"/>
  <c r="A153013" i="1" s="1"/>
  <c r="A153014" i="1" s="1"/>
  <c r="A153015" i="1" s="1"/>
  <c r="A153016" i="1" s="1"/>
  <c r="A153017" i="1" s="1"/>
  <c r="A153018" i="1" s="1"/>
  <c r="A153019" i="1" s="1"/>
  <c r="A153020" i="1" s="1"/>
  <c r="A153021" i="1" s="1"/>
  <c r="A153022" i="1" s="1"/>
  <c r="A153023" i="1" s="1"/>
  <c r="A153024" i="1" s="1"/>
  <c r="A153025" i="1" s="1"/>
  <c r="A153026" i="1" s="1"/>
  <c r="A153027" i="1" s="1"/>
  <c r="A153028" i="1" s="1"/>
  <c r="A153029" i="1" s="1"/>
  <c r="A153030" i="1" s="1"/>
  <c r="A153031" i="1" s="1"/>
  <c r="A153032" i="1" s="1"/>
  <c r="A153033" i="1" s="1"/>
  <c r="A153034" i="1" s="1"/>
  <c r="A153035" i="1" s="1"/>
  <c r="A153036" i="1" s="1"/>
  <c r="A153037" i="1" s="1"/>
  <c r="A153038" i="1" s="1"/>
  <c r="A153039" i="1" s="1"/>
  <c r="A153040" i="1" s="1"/>
  <c r="A153041" i="1" s="1"/>
  <c r="A153042" i="1" s="1"/>
  <c r="A153043" i="1" s="1"/>
  <c r="A153044" i="1" s="1"/>
  <c r="A153045" i="1" s="1"/>
  <c r="A153046" i="1" s="1"/>
  <c r="A153047" i="1" s="1"/>
  <c r="A153048" i="1" s="1"/>
  <c r="A153049" i="1" s="1"/>
  <c r="A153050" i="1" s="1"/>
  <c r="A153051" i="1" s="1"/>
  <c r="A153052" i="1" s="1"/>
  <c r="A153053" i="1" s="1"/>
  <c r="A153054" i="1" s="1"/>
  <c r="A153055" i="1" s="1"/>
  <c r="A153056" i="1" s="1"/>
  <c r="A153057" i="1" s="1"/>
  <c r="A153058" i="1" s="1"/>
  <c r="A153059" i="1" s="1"/>
  <c r="A153060" i="1" s="1"/>
  <c r="A153061" i="1" s="1"/>
  <c r="A153062" i="1" s="1"/>
  <c r="A153063" i="1" s="1"/>
  <c r="A153064" i="1" s="1"/>
  <c r="A153065" i="1" s="1"/>
  <c r="A153066" i="1" s="1"/>
  <c r="A153067" i="1" s="1"/>
  <c r="A153068" i="1" s="1"/>
  <c r="A153069" i="1" s="1"/>
  <c r="A153070" i="1" s="1"/>
  <c r="A153071" i="1" s="1"/>
  <c r="A153072" i="1" s="1"/>
  <c r="A153073" i="1" s="1"/>
  <c r="A153074" i="1" s="1"/>
  <c r="A153075" i="1" s="1"/>
  <c r="A153076" i="1" s="1"/>
  <c r="A153077" i="1" s="1"/>
  <c r="A153078" i="1" s="1"/>
  <c r="A153079" i="1" s="1"/>
  <c r="A153080" i="1" s="1"/>
  <c r="A153081" i="1" s="1"/>
  <c r="A153082" i="1" s="1"/>
  <c r="A153083" i="1" s="1"/>
  <c r="A153084" i="1" s="1"/>
  <c r="A153085" i="1" s="1"/>
  <c r="A153086" i="1" s="1"/>
  <c r="A153087" i="1" s="1"/>
  <c r="A153088" i="1" s="1"/>
  <c r="A153089" i="1" s="1"/>
  <c r="A153090" i="1" s="1"/>
  <c r="A153091" i="1" s="1"/>
  <c r="A153092" i="1" s="1"/>
  <c r="A153093" i="1" s="1"/>
  <c r="A153094" i="1" s="1"/>
  <c r="A153095" i="1" s="1"/>
  <c r="A153096" i="1" s="1"/>
  <c r="A153097" i="1" s="1"/>
  <c r="A153098" i="1" s="1"/>
  <c r="A153099" i="1" s="1"/>
  <c r="A153100" i="1" s="1"/>
  <c r="A153101" i="1" s="1"/>
  <c r="A153102" i="1" s="1"/>
  <c r="A153103" i="1" s="1"/>
  <c r="A153104" i="1" s="1"/>
  <c r="A153105" i="1" s="1"/>
  <c r="A153106" i="1" s="1"/>
  <c r="A153107" i="1" s="1"/>
  <c r="A153108" i="1" s="1"/>
  <c r="A153109" i="1" s="1"/>
  <c r="A153110" i="1" s="1"/>
  <c r="A153111" i="1" s="1"/>
  <c r="A153112" i="1" s="1"/>
  <c r="A153113" i="1" s="1"/>
  <c r="A153114" i="1" s="1"/>
  <c r="A153115" i="1" s="1"/>
  <c r="A153116" i="1" s="1"/>
  <c r="A153117" i="1" s="1"/>
  <c r="A153118" i="1" s="1"/>
  <c r="A153119" i="1" s="1"/>
  <c r="A153120" i="1" s="1"/>
  <c r="A153121" i="1" s="1"/>
  <c r="A153122" i="1" s="1"/>
  <c r="A153123" i="1" s="1"/>
  <c r="A153124" i="1" s="1"/>
  <c r="A153125" i="1" s="1"/>
  <c r="A153126" i="1" s="1"/>
  <c r="A153127" i="1" s="1"/>
  <c r="A153128" i="1" s="1"/>
  <c r="A153129" i="1" s="1"/>
  <c r="A153130" i="1" s="1"/>
  <c r="A153131" i="1" s="1"/>
  <c r="A153132" i="1" s="1"/>
  <c r="A153133" i="1" s="1"/>
  <c r="A153134" i="1" s="1"/>
  <c r="A153135" i="1" s="1"/>
  <c r="A153136" i="1" s="1"/>
  <c r="A153137" i="1" s="1"/>
  <c r="A153138" i="1" s="1"/>
  <c r="A153139" i="1" s="1"/>
  <c r="A153140" i="1" s="1"/>
  <c r="A153141" i="1" s="1"/>
  <c r="A153142" i="1" s="1"/>
  <c r="A153143" i="1" s="1"/>
  <c r="A153144" i="1" s="1"/>
  <c r="A153145" i="1" s="1"/>
  <c r="A153146" i="1" s="1"/>
  <c r="A153147" i="1" s="1"/>
  <c r="A153148" i="1" s="1"/>
  <c r="A153149" i="1" s="1"/>
  <c r="A153150" i="1" s="1"/>
  <c r="A153151" i="1" s="1"/>
  <c r="A153152" i="1" s="1"/>
  <c r="A153153" i="1" s="1"/>
  <c r="A153154" i="1" s="1"/>
  <c r="A153155" i="1" s="1"/>
  <c r="A153156" i="1" s="1"/>
  <c r="A153157" i="1" s="1"/>
  <c r="A153158" i="1" s="1"/>
  <c r="A153159" i="1" s="1"/>
  <c r="A153160" i="1" s="1"/>
  <c r="A153161" i="1" s="1"/>
  <c r="A153162" i="1" s="1"/>
  <c r="A153163" i="1" s="1"/>
  <c r="A153164" i="1" s="1"/>
  <c r="A153165" i="1" s="1"/>
  <c r="A153166" i="1" s="1"/>
  <c r="A153167" i="1" s="1"/>
  <c r="A153168" i="1" s="1"/>
  <c r="A153169" i="1" s="1"/>
  <c r="A153170" i="1" s="1"/>
  <c r="A153171" i="1" s="1"/>
  <c r="A153172" i="1" s="1"/>
  <c r="A153173" i="1" s="1"/>
  <c r="A153174" i="1" s="1"/>
  <c r="A153175" i="1" s="1"/>
  <c r="A153176" i="1" s="1"/>
  <c r="A153177" i="1" s="1"/>
  <c r="A153178" i="1" s="1"/>
  <c r="A153179" i="1" s="1"/>
  <c r="A153180" i="1" s="1"/>
  <c r="A153181" i="1" s="1"/>
  <c r="A153182" i="1" s="1"/>
  <c r="A153183" i="1" s="1"/>
  <c r="A153184" i="1" s="1"/>
  <c r="A153185" i="1" s="1"/>
  <c r="A153186" i="1" s="1"/>
  <c r="A153187" i="1" s="1"/>
  <c r="A153188" i="1" s="1"/>
  <c r="A153189" i="1" s="1"/>
  <c r="A153190" i="1" s="1"/>
  <c r="A153191" i="1" s="1"/>
  <c r="A153192" i="1" s="1"/>
  <c r="A153193" i="1" s="1"/>
  <c r="A153194" i="1" s="1"/>
  <c r="A153195" i="1" s="1"/>
  <c r="A153196" i="1" s="1"/>
  <c r="A153197" i="1" s="1"/>
  <c r="A153198" i="1" s="1"/>
  <c r="A153199" i="1" s="1"/>
  <c r="A153200" i="1" s="1"/>
  <c r="A153201" i="1" s="1"/>
  <c r="A153202" i="1" s="1"/>
  <c r="A153203" i="1" s="1"/>
  <c r="A153204" i="1" s="1"/>
  <c r="A153205" i="1" s="1"/>
  <c r="A153206" i="1" s="1"/>
  <c r="A153207" i="1" s="1"/>
  <c r="A153208" i="1" s="1"/>
  <c r="A153209" i="1" s="1"/>
  <c r="A153210" i="1" s="1"/>
  <c r="A153211" i="1" s="1"/>
  <c r="A153212" i="1" s="1"/>
  <c r="A153213" i="1" s="1"/>
  <c r="A153214" i="1" s="1"/>
  <c r="A153215" i="1" s="1"/>
  <c r="A153216" i="1" s="1"/>
  <c r="A153217" i="1" s="1"/>
  <c r="A153218" i="1" s="1"/>
  <c r="A153219" i="1" s="1"/>
  <c r="A153220" i="1" s="1"/>
  <c r="A153221" i="1" s="1"/>
  <c r="A153222" i="1" s="1"/>
  <c r="A153223" i="1" s="1"/>
  <c r="A153224" i="1" s="1"/>
  <c r="A153225" i="1" s="1"/>
  <c r="A153226" i="1" s="1"/>
  <c r="A153227" i="1" s="1"/>
  <c r="A153228" i="1" s="1"/>
  <c r="A153229" i="1" s="1"/>
  <c r="A153230" i="1" s="1"/>
  <c r="A153231" i="1" s="1"/>
  <c r="A153232" i="1" s="1"/>
  <c r="A153233" i="1" s="1"/>
  <c r="A153234" i="1" s="1"/>
  <c r="A153235" i="1" s="1"/>
  <c r="A153236" i="1" s="1"/>
  <c r="A153237" i="1" s="1"/>
  <c r="A153238" i="1" s="1"/>
  <c r="A153239" i="1" s="1"/>
  <c r="A153240" i="1" s="1"/>
  <c r="A153241" i="1" s="1"/>
  <c r="A153242" i="1" s="1"/>
  <c r="A153243" i="1" s="1"/>
  <c r="A153244" i="1" s="1"/>
  <c r="A153245" i="1" s="1"/>
  <c r="A153246" i="1" s="1"/>
  <c r="A153247" i="1" s="1"/>
  <c r="A153248" i="1" s="1"/>
  <c r="A153249" i="1" s="1"/>
  <c r="A153250" i="1" s="1"/>
  <c r="A153251" i="1" s="1"/>
  <c r="A153252" i="1" s="1"/>
  <c r="A153253" i="1" s="1"/>
  <c r="A153254" i="1" s="1"/>
  <c r="A153255" i="1" s="1"/>
  <c r="A153256" i="1" s="1"/>
  <c r="A153257" i="1" s="1"/>
  <c r="A153258" i="1" s="1"/>
  <c r="A153259" i="1" s="1"/>
  <c r="A153260" i="1" s="1"/>
  <c r="A153261" i="1" s="1"/>
  <c r="A153262" i="1" s="1"/>
  <c r="A153263" i="1" s="1"/>
  <c r="A153264" i="1" s="1"/>
  <c r="A153265" i="1" s="1"/>
  <c r="A153266" i="1" s="1"/>
  <c r="A153267" i="1" s="1"/>
  <c r="A153268" i="1" s="1"/>
  <c r="A153269" i="1" s="1"/>
  <c r="A153270" i="1" s="1"/>
  <c r="A153271" i="1" s="1"/>
  <c r="A153272" i="1" s="1"/>
  <c r="A153273" i="1" s="1"/>
  <c r="A153274" i="1" s="1"/>
  <c r="A153275" i="1" s="1"/>
  <c r="A153276" i="1" s="1"/>
  <c r="A153277" i="1" s="1"/>
  <c r="A153278" i="1" s="1"/>
  <c r="A153279" i="1" s="1"/>
  <c r="A153280" i="1" s="1"/>
  <c r="A153281" i="1" s="1"/>
  <c r="A153282" i="1" s="1"/>
  <c r="A153283" i="1" s="1"/>
  <c r="A153284" i="1" s="1"/>
  <c r="A153285" i="1" s="1"/>
  <c r="A153286" i="1" s="1"/>
  <c r="A153287" i="1" s="1"/>
  <c r="A153288" i="1" s="1"/>
  <c r="A153289" i="1" s="1"/>
  <c r="A153290" i="1" s="1"/>
  <c r="A153291" i="1" s="1"/>
  <c r="A153292" i="1" s="1"/>
  <c r="A153293" i="1" s="1"/>
  <c r="A153294" i="1" s="1"/>
  <c r="A153295" i="1" s="1"/>
  <c r="A153296" i="1" s="1"/>
  <c r="A153297" i="1" s="1"/>
  <c r="A153298" i="1" s="1"/>
  <c r="A153299" i="1" s="1"/>
  <c r="A153300" i="1" s="1"/>
  <c r="A153301" i="1" s="1"/>
  <c r="A153302" i="1" s="1"/>
  <c r="A153303" i="1" s="1"/>
  <c r="A153304" i="1" s="1"/>
  <c r="A153305" i="1" s="1"/>
  <c r="A153306" i="1" s="1"/>
  <c r="A153307" i="1" s="1"/>
  <c r="A153308" i="1" s="1"/>
  <c r="A153309" i="1" s="1"/>
  <c r="A153310" i="1" s="1"/>
  <c r="A153311" i="1" s="1"/>
  <c r="A153312" i="1" s="1"/>
  <c r="A153313" i="1" s="1"/>
  <c r="A153314" i="1" s="1"/>
  <c r="A153315" i="1" s="1"/>
  <c r="A153316" i="1" s="1"/>
  <c r="A153317" i="1" s="1"/>
  <c r="A153318" i="1" s="1"/>
  <c r="A153319" i="1" s="1"/>
  <c r="A153320" i="1" s="1"/>
  <c r="A153321" i="1" s="1"/>
  <c r="A153322" i="1" s="1"/>
  <c r="A153323" i="1" s="1"/>
  <c r="A153324" i="1" s="1"/>
  <c r="A153325" i="1" s="1"/>
  <c r="A153326" i="1" s="1"/>
  <c r="A153327" i="1" s="1"/>
  <c r="A153328" i="1" s="1"/>
  <c r="A153329" i="1" s="1"/>
  <c r="A153330" i="1" s="1"/>
  <c r="A153331" i="1" s="1"/>
  <c r="A153332" i="1" s="1"/>
  <c r="A153333" i="1" s="1"/>
  <c r="A153334" i="1" s="1"/>
  <c r="A153335" i="1" s="1"/>
  <c r="A153336" i="1" s="1"/>
  <c r="A153337" i="1" s="1"/>
  <c r="A153338" i="1" s="1"/>
  <c r="A153339" i="1" s="1"/>
  <c r="A153340" i="1" s="1"/>
  <c r="A153341" i="1" s="1"/>
  <c r="A153342" i="1" s="1"/>
  <c r="A153343" i="1" s="1"/>
  <c r="A153344" i="1" s="1"/>
  <c r="A153345" i="1" s="1"/>
  <c r="A153346" i="1" s="1"/>
  <c r="A153347" i="1" s="1"/>
  <c r="A153348" i="1" s="1"/>
  <c r="A153349" i="1" s="1"/>
  <c r="A153350" i="1" s="1"/>
  <c r="A153351" i="1" s="1"/>
  <c r="A153352" i="1" s="1"/>
  <c r="A153353" i="1" s="1"/>
  <c r="A153354" i="1" s="1"/>
  <c r="A153355" i="1" s="1"/>
  <c r="A153356" i="1" s="1"/>
  <c r="A153357" i="1" s="1"/>
  <c r="A153358" i="1" s="1"/>
  <c r="A153359" i="1" s="1"/>
  <c r="A153360" i="1" s="1"/>
  <c r="A153361" i="1" s="1"/>
  <c r="A153362" i="1" s="1"/>
  <c r="A153363" i="1" s="1"/>
  <c r="A153364" i="1" s="1"/>
  <c r="A153365" i="1" s="1"/>
  <c r="A153366" i="1" s="1"/>
  <c r="A153367" i="1" s="1"/>
  <c r="A153368" i="1" s="1"/>
  <c r="A153369" i="1" s="1"/>
  <c r="A153370" i="1" s="1"/>
  <c r="A153371" i="1" s="1"/>
  <c r="A153372" i="1" s="1"/>
  <c r="A153373" i="1" s="1"/>
  <c r="A153374" i="1" s="1"/>
  <c r="A153375" i="1" s="1"/>
  <c r="A153376" i="1" s="1"/>
  <c r="A153377" i="1" s="1"/>
  <c r="A153378" i="1" s="1"/>
  <c r="A153379" i="1" s="1"/>
  <c r="A153380" i="1" s="1"/>
  <c r="A153381" i="1" s="1"/>
  <c r="A153382" i="1" s="1"/>
  <c r="A153383" i="1" s="1"/>
  <c r="A153384" i="1" s="1"/>
  <c r="A153385" i="1" s="1"/>
  <c r="A153386" i="1" s="1"/>
  <c r="A153387" i="1" s="1"/>
  <c r="A153388" i="1" s="1"/>
  <c r="A153389" i="1" s="1"/>
  <c r="A153390" i="1" s="1"/>
  <c r="A153391" i="1" s="1"/>
  <c r="A153392" i="1" s="1"/>
  <c r="A153393" i="1" s="1"/>
  <c r="A153394" i="1" s="1"/>
  <c r="A153395" i="1" s="1"/>
  <c r="A153396" i="1" s="1"/>
  <c r="A153397" i="1" s="1"/>
  <c r="A153398" i="1" s="1"/>
  <c r="A153399" i="1" s="1"/>
  <c r="A153400" i="1" s="1"/>
  <c r="A153401" i="1" s="1"/>
  <c r="A153402" i="1" s="1"/>
  <c r="A153403" i="1" s="1"/>
  <c r="A153404" i="1" s="1"/>
  <c r="A153405" i="1" s="1"/>
  <c r="A153406" i="1" s="1"/>
  <c r="A153407" i="1" s="1"/>
  <c r="A153408" i="1" s="1"/>
  <c r="A153409" i="1" s="1"/>
  <c r="A153410" i="1" s="1"/>
  <c r="A153411" i="1" s="1"/>
  <c r="A153412" i="1" s="1"/>
  <c r="A153413" i="1" s="1"/>
  <c r="A153414" i="1" s="1"/>
  <c r="A153415" i="1" s="1"/>
  <c r="A153416" i="1" s="1"/>
  <c r="A153417" i="1" s="1"/>
  <c r="A153418" i="1" s="1"/>
  <c r="A153419" i="1" s="1"/>
  <c r="A153420" i="1" s="1"/>
  <c r="A153421" i="1" s="1"/>
  <c r="A153422" i="1" s="1"/>
  <c r="A153423" i="1" s="1"/>
  <c r="A153424" i="1" s="1"/>
  <c r="A153425" i="1" s="1"/>
  <c r="A153426" i="1" s="1"/>
  <c r="A153427" i="1" s="1"/>
  <c r="A153428" i="1" s="1"/>
  <c r="A153429" i="1" s="1"/>
  <c r="A153430" i="1" s="1"/>
  <c r="A153431" i="1" s="1"/>
  <c r="A153432" i="1" s="1"/>
  <c r="A153433" i="1" s="1"/>
  <c r="A153434" i="1" s="1"/>
  <c r="A153435" i="1" s="1"/>
  <c r="A153436" i="1" s="1"/>
  <c r="A153437" i="1" s="1"/>
  <c r="A153438" i="1" s="1"/>
  <c r="A153439" i="1" s="1"/>
  <c r="A153440" i="1" s="1"/>
  <c r="A153441" i="1" s="1"/>
  <c r="A153442" i="1" s="1"/>
  <c r="A153443" i="1" s="1"/>
  <c r="A153444" i="1" s="1"/>
  <c r="A153445" i="1" s="1"/>
  <c r="A153446" i="1" s="1"/>
  <c r="A153447" i="1" s="1"/>
  <c r="A153448" i="1" s="1"/>
  <c r="A153449" i="1" s="1"/>
  <c r="A153450" i="1" s="1"/>
  <c r="A153451" i="1" s="1"/>
  <c r="A153452" i="1" s="1"/>
  <c r="A153453" i="1" s="1"/>
  <c r="A153454" i="1" s="1"/>
  <c r="A153455" i="1" s="1"/>
  <c r="A153456" i="1" s="1"/>
  <c r="A153457" i="1" s="1"/>
  <c r="A153458" i="1" s="1"/>
  <c r="A153459" i="1" s="1"/>
  <c r="A153460" i="1" s="1"/>
  <c r="A153461" i="1" s="1"/>
  <c r="A153462" i="1" s="1"/>
  <c r="A153463" i="1" s="1"/>
  <c r="A153464" i="1" s="1"/>
  <c r="A153465" i="1" s="1"/>
  <c r="A153466" i="1" s="1"/>
  <c r="A153467" i="1" s="1"/>
  <c r="A153468" i="1" s="1"/>
  <c r="A153469" i="1" s="1"/>
  <c r="A153470" i="1" s="1"/>
  <c r="A153471" i="1" s="1"/>
  <c r="A153472" i="1" s="1"/>
  <c r="A153473" i="1" s="1"/>
  <c r="A153474" i="1" s="1"/>
  <c r="A153475" i="1" s="1"/>
  <c r="A153476" i="1" s="1"/>
  <c r="A153477" i="1" s="1"/>
  <c r="A153478" i="1" s="1"/>
  <c r="A153479" i="1" s="1"/>
  <c r="A153480" i="1" s="1"/>
  <c r="A153481" i="1" s="1"/>
  <c r="A153482" i="1" s="1"/>
  <c r="A153483" i="1" s="1"/>
  <c r="A153484" i="1" s="1"/>
  <c r="A153485" i="1" s="1"/>
  <c r="A153486" i="1" s="1"/>
  <c r="A153487" i="1" s="1"/>
  <c r="A153488" i="1" s="1"/>
  <c r="A153489" i="1" s="1"/>
  <c r="A153490" i="1" s="1"/>
  <c r="A153491" i="1" s="1"/>
  <c r="A153492" i="1" s="1"/>
  <c r="A153493" i="1" s="1"/>
  <c r="A153494" i="1" s="1"/>
  <c r="A153495" i="1" s="1"/>
  <c r="A153496" i="1" s="1"/>
  <c r="A153497" i="1" s="1"/>
  <c r="A153498" i="1" s="1"/>
  <c r="A153499" i="1" s="1"/>
  <c r="A153500" i="1" s="1"/>
  <c r="A153501" i="1" s="1"/>
  <c r="A153502" i="1" s="1"/>
  <c r="A153503" i="1" s="1"/>
  <c r="A153504" i="1" s="1"/>
  <c r="A153505" i="1" s="1"/>
  <c r="A153506" i="1" s="1"/>
  <c r="A153507" i="1" s="1"/>
  <c r="A153508" i="1" s="1"/>
  <c r="A153509" i="1" s="1"/>
  <c r="A153510" i="1" s="1"/>
  <c r="A153511" i="1" s="1"/>
  <c r="A153512" i="1" s="1"/>
  <c r="A153513" i="1" s="1"/>
  <c r="A153514" i="1" s="1"/>
  <c r="A153515" i="1" s="1"/>
  <c r="A153516" i="1" s="1"/>
  <c r="A153517" i="1" s="1"/>
  <c r="A153518" i="1" s="1"/>
  <c r="A153519" i="1" s="1"/>
  <c r="A153520" i="1" s="1"/>
  <c r="A153521" i="1" s="1"/>
  <c r="A153522" i="1" s="1"/>
  <c r="A153523" i="1" s="1"/>
  <c r="A153524" i="1" s="1"/>
  <c r="A153525" i="1" s="1"/>
  <c r="A153526" i="1" s="1"/>
  <c r="A153527" i="1" s="1"/>
  <c r="A153528" i="1" s="1"/>
  <c r="A153529" i="1" s="1"/>
  <c r="A153530" i="1" s="1"/>
  <c r="A153531" i="1" s="1"/>
  <c r="A153532" i="1" s="1"/>
  <c r="A153533" i="1" s="1"/>
  <c r="A153534" i="1" s="1"/>
  <c r="A153535" i="1" s="1"/>
  <c r="A153536" i="1" s="1"/>
  <c r="A153537" i="1" s="1"/>
  <c r="A153538" i="1" s="1"/>
  <c r="A153539" i="1" s="1"/>
  <c r="A153540" i="1" s="1"/>
  <c r="A153541" i="1" s="1"/>
  <c r="A153542" i="1" s="1"/>
  <c r="A153543" i="1" s="1"/>
  <c r="A153544" i="1" s="1"/>
  <c r="A153545" i="1" s="1"/>
  <c r="A153546" i="1" s="1"/>
  <c r="A153547" i="1" s="1"/>
  <c r="A153548" i="1" s="1"/>
  <c r="A153549" i="1" s="1"/>
  <c r="A153550" i="1" s="1"/>
  <c r="A153551" i="1" s="1"/>
  <c r="A153552" i="1" s="1"/>
  <c r="A153553" i="1" s="1"/>
  <c r="A153554" i="1" s="1"/>
  <c r="A153555" i="1" s="1"/>
  <c r="A153556" i="1" s="1"/>
  <c r="A153557" i="1" s="1"/>
  <c r="A153558" i="1" s="1"/>
  <c r="A153559" i="1" s="1"/>
  <c r="A153560" i="1" s="1"/>
  <c r="A153561" i="1" s="1"/>
  <c r="A153562" i="1" s="1"/>
  <c r="A153563" i="1" s="1"/>
  <c r="A153564" i="1" s="1"/>
  <c r="A153565" i="1" s="1"/>
  <c r="A153566" i="1" s="1"/>
  <c r="A153567" i="1" s="1"/>
  <c r="A153568" i="1" s="1"/>
  <c r="A153569" i="1" s="1"/>
  <c r="A153570" i="1" s="1"/>
  <c r="A153571" i="1" s="1"/>
  <c r="A153572" i="1" s="1"/>
  <c r="A153573" i="1" s="1"/>
  <c r="A153574" i="1" s="1"/>
  <c r="A153575" i="1" s="1"/>
  <c r="A153576" i="1" s="1"/>
  <c r="A153577" i="1" s="1"/>
  <c r="A153578" i="1" s="1"/>
  <c r="A153579" i="1" s="1"/>
  <c r="A153580" i="1" s="1"/>
  <c r="A153581" i="1" s="1"/>
  <c r="A153582" i="1" s="1"/>
  <c r="A153583" i="1" s="1"/>
  <c r="A153584" i="1" s="1"/>
  <c r="A153585" i="1" s="1"/>
  <c r="A153586" i="1" s="1"/>
  <c r="A153587" i="1" s="1"/>
  <c r="A153588" i="1" s="1"/>
  <c r="A153589" i="1" s="1"/>
  <c r="A153590" i="1" s="1"/>
  <c r="A153591" i="1" s="1"/>
  <c r="A153592" i="1" s="1"/>
  <c r="A153593" i="1" s="1"/>
  <c r="A153594" i="1" s="1"/>
  <c r="A153595" i="1" s="1"/>
  <c r="A153596" i="1" s="1"/>
  <c r="A153597" i="1" s="1"/>
  <c r="A153598" i="1" s="1"/>
  <c r="A153599" i="1" s="1"/>
  <c r="A153600" i="1" s="1"/>
  <c r="A153601" i="1" s="1"/>
  <c r="A153602" i="1" s="1"/>
  <c r="A153603" i="1" s="1"/>
  <c r="A153604" i="1" s="1"/>
  <c r="A153605" i="1" s="1"/>
  <c r="A153606" i="1" s="1"/>
  <c r="A153607" i="1" s="1"/>
  <c r="A153608" i="1" s="1"/>
  <c r="A153609" i="1" s="1"/>
  <c r="A153610" i="1" s="1"/>
  <c r="A153611" i="1" s="1"/>
  <c r="A153612" i="1" s="1"/>
  <c r="A153613" i="1" s="1"/>
  <c r="A153614" i="1" s="1"/>
  <c r="A153615" i="1" s="1"/>
  <c r="A153616" i="1" s="1"/>
  <c r="A153617" i="1" s="1"/>
  <c r="A153618" i="1" s="1"/>
  <c r="A153619" i="1" s="1"/>
  <c r="A153620" i="1" s="1"/>
  <c r="A153621" i="1" s="1"/>
  <c r="A153622" i="1" s="1"/>
  <c r="A153623" i="1" s="1"/>
  <c r="A153624" i="1" s="1"/>
  <c r="A153625" i="1" s="1"/>
  <c r="A153626" i="1" s="1"/>
  <c r="A153627" i="1" s="1"/>
  <c r="A153628" i="1" s="1"/>
  <c r="A153629" i="1" s="1"/>
  <c r="A153630" i="1" s="1"/>
  <c r="A153631" i="1" s="1"/>
  <c r="A153632" i="1" s="1"/>
  <c r="A153633" i="1" s="1"/>
  <c r="A153634" i="1" s="1"/>
  <c r="A153635" i="1" s="1"/>
  <c r="A153636" i="1" s="1"/>
  <c r="A153637" i="1" s="1"/>
  <c r="A153638" i="1" s="1"/>
  <c r="A153639" i="1" s="1"/>
  <c r="A153640" i="1" s="1"/>
  <c r="A153641" i="1" s="1"/>
  <c r="A153642" i="1" s="1"/>
  <c r="A153643" i="1" s="1"/>
  <c r="A153644" i="1" s="1"/>
  <c r="A153645" i="1" s="1"/>
  <c r="A153646" i="1" s="1"/>
  <c r="A153647" i="1" s="1"/>
  <c r="A153648" i="1" s="1"/>
  <c r="A153649" i="1" s="1"/>
  <c r="A153650" i="1" s="1"/>
  <c r="A153651" i="1" s="1"/>
  <c r="A153652" i="1" s="1"/>
  <c r="A153653" i="1" s="1"/>
  <c r="A153654" i="1" s="1"/>
  <c r="A153655" i="1" s="1"/>
  <c r="A153656" i="1" s="1"/>
  <c r="A153657" i="1" s="1"/>
  <c r="A153658" i="1" s="1"/>
  <c r="A153659" i="1" s="1"/>
  <c r="A153660" i="1" s="1"/>
  <c r="A153661" i="1" s="1"/>
  <c r="A153662" i="1" s="1"/>
  <c r="A153663" i="1" s="1"/>
  <c r="A153664" i="1" s="1"/>
  <c r="A153665" i="1" s="1"/>
  <c r="A153666" i="1" s="1"/>
  <c r="A153667" i="1" s="1"/>
  <c r="A153668" i="1" s="1"/>
  <c r="A153669" i="1" s="1"/>
  <c r="A153670" i="1" s="1"/>
  <c r="A153671" i="1" s="1"/>
  <c r="A153672" i="1" s="1"/>
  <c r="A153673" i="1" s="1"/>
  <c r="A153674" i="1" s="1"/>
  <c r="A153675" i="1" s="1"/>
  <c r="A153676" i="1" s="1"/>
  <c r="A153677" i="1" s="1"/>
  <c r="A153678" i="1" s="1"/>
  <c r="A153679" i="1" s="1"/>
  <c r="A153680" i="1" s="1"/>
  <c r="A153681" i="1" s="1"/>
  <c r="A153682" i="1" s="1"/>
  <c r="A153683" i="1" s="1"/>
  <c r="A153684" i="1" s="1"/>
  <c r="A153685" i="1" s="1"/>
  <c r="A153686" i="1" s="1"/>
  <c r="A153687" i="1" s="1"/>
  <c r="A153688" i="1" s="1"/>
  <c r="A153689" i="1" s="1"/>
  <c r="A153690" i="1" s="1"/>
  <c r="A153691" i="1" s="1"/>
  <c r="A153692" i="1" s="1"/>
  <c r="A153693" i="1" s="1"/>
  <c r="A153694" i="1" s="1"/>
  <c r="A153695" i="1" s="1"/>
  <c r="A153696" i="1" s="1"/>
  <c r="A153697" i="1" s="1"/>
  <c r="A153698" i="1" s="1"/>
  <c r="A153699" i="1" s="1"/>
  <c r="A153700" i="1" s="1"/>
  <c r="A153701" i="1" s="1"/>
  <c r="A153702" i="1" s="1"/>
  <c r="A153703" i="1" s="1"/>
  <c r="A153704" i="1" s="1"/>
  <c r="A153705" i="1" s="1"/>
  <c r="A153706" i="1" s="1"/>
  <c r="A153707" i="1" s="1"/>
  <c r="A153708" i="1" s="1"/>
  <c r="A153709" i="1" s="1"/>
  <c r="A153710" i="1" s="1"/>
  <c r="A153711" i="1" s="1"/>
  <c r="A153712" i="1" s="1"/>
  <c r="A153713" i="1" s="1"/>
  <c r="A153714" i="1" s="1"/>
  <c r="A153715" i="1" s="1"/>
  <c r="A153716" i="1" s="1"/>
  <c r="A153717" i="1" s="1"/>
  <c r="A153718" i="1" s="1"/>
  <c r="A153719" i="1" s="1"/>
  <c r="A153720" i="1" s="1"/>
  <c r="A153721" i="1" s="1"/>
  <c r="A153722" i="1" s="1"/>
  <c r="A153723" i="1" s="1"/>
  <c r="A153724" i="1" s="1"/>
  <c r="A153725" i="1" s="1"/>
  <c r="A153726" i="1" s="1"/>
  <c r="A153727" i="1" s="1"/>
  <c r="A153728" i="1" s="1"/>
  <c r="A153729" i="1" s="1"/>
  <c r="A153730" i="1" s="1"/>
  <c r="A153731" i="1" s="1"/>
  <c r="A153732" i="1" s="1"/>
  <c r="A153733" i="1" s="1"/>
  <c r="A153734" i="1" s="1"/>
  <c r="A153735" i="1" s="1"/>
  <c r="A153736" i="1" s="1"/>
  <c r="A153737" i="1" s="1"/>
  <c r="A153738" i="1" s="1"/>
  <c r="A153739" i="1" s="1"/>
  <c r="A153740" i="1" s="1"/>
  <c r="A153741" i="1" s="1"/>
  <c r="A153742" i="1" s="1"/>
  <c r="A153743" i="1" s="1"/>
  <c r="A153744" i="1" s="1"/>
  <c r="A153745" i="1" s="1"/>
  <c r="A153746" i="1" s="1"/>
  <c r="A153747" i="1" s="1"/>
  <c r="A153748" i="1" s="1"/>
  <c r="A153749" i="1" s="1"/>
  <c r="A153750" i="1" s="1"/>
  <c r="A153751" i="1" s="1"/>
  <c r="A153752" i="1" s="1"/>
  <c r="A153753" i="1" s="1"/>
  <c r="A153754" i="1" s="1"/>
  <c r="A153755" i="1" s="1"/>
  <c r="A153756" i="1" s="1"/>
  <c r="A153757" i="1" s="1"/>
  <c r="A153758" i="1" s="1"/>
  <c r="A153759" i="1" s="1"/>
  <c r="A153760" i="1" s="1"/>
  <c r="A153761" i="1" s="1"/>
  <c r="A153762" i="1" s="1"/>
  <c r="A153763" i="1" s="1"/>
  <c r="A153764" i="1" s="1"/>
  <c r="A153765" i="1" s="1"/>
  <c r="A153766" i="1" s="1"/>
  <c r="A153767" i="1" s="1"/>
  <c r="A153768" i="1" s="1"/>
  <c r="A153769" i="1" s="1"/>
  <c r="A153770" i="1" s="1"/>
  <c r="A153771" i="1" s="1"/>
  <c r="A153772" i="1" s="1"/>
  <c r="A153773" i="1" s="1"/>
  <c r="A153774" i="1" s="1"/>
  <c r="A153775" i="1" s="1"/>
  <c r="A153776" i="1" s="1"/>
  <c r="A153777" i="1" s="1"/>
  <c r="A153778" i="1" s="1"/>
  <c r="A153779" i="1" s="1"/>
  <c r="A153780" i="1" s="1"/>
  <c r="A153781" i="1" s="1"/>
  <c r="A153782" i="1" s="1"/>
  <c r="A153783" i="1" s="1"/>
  <c r="A153784" i="1" s="1"/>
  <c r="A153785" i="1" s="1"/>
  <c r="A153786" i="1" s="1"/>
  <c r="A153787" i="1" s="1"/>
  <c r="A153788" i="1" s="1"/>
  <c r="A153789" i="1" s="1"/>
  <c r="A153790" i="1" s="1"/>
  <c r="A153791" i="1" s="1"/>
  <c r="A153792" i="1" s="1"/>
  <c r="A153793" i="1" s="1"/>
  <c r="A153794" i="1" s="1"/>
  <c r="A153795" i="1" s="1"/>
  <c r="A153796" i="1" s="1"/>
  <c r="A153797" i="1" s="1"/>
  <c r="A153798" i="1" s="1"/>
  <c r="A153799" i="1" s="1"/>
  <c r="A153800" i="1" s="1"/>
  <c r="A153801" i="1" s="1"/>
  <c r="A153802" i="1" s="1"/>
  <c r="A153803" i="1" s="1"/>
  <c r="A153804" i="1" s="1"/>
  <c r="A153805" i="1" s="1"/>
  <c r="A153806" i="1" s="1"/>
  <c r="A153807" i="1" s="1"/>
  <c r="A153808" i="1" s="1"/>
  <c r="A153809" i="1" s="1"/>
  <c r="A153810" i="1" s="1"/>
  <c r="A153811" i="1" s="1"/>
  <c r="A153812" i="1" s="1"/>
  <c r="A153813" i="1" s="1"/>
  <c r="A153814" i="1" s="1"/>
  <c r="A153815" i="1" s="1"/>
  <c r="A153816" i="1" s="1"/>
  <c r="A153817" i="1" s="1"/>
  <c r="A153818" i="1" s="1"/>
  <c r="A153819" i="1" s="1"/>
  <c r="A153820" i="1" s="1"/>
  <c r="A153821" i="1" s="1"/>
  <c r="A153822" i="1" s="1"/>
  <c r="A153823" i="1" s="1"/>
  <c r="A153824" i="1" s="1"/>
  <c r="A153825" i="1" s="1"/>
  <c r="A153826" i="1" s="1"/>
  <c r="A153827" i="1" s="1"/>
  <c r="A153828" i="1" s="1"/>
  <c r="A153829" i="1" s="1"/>
  <c r="A153830" i="1" s="1"/>
  <c r="A153831" i="1" s="1"/>
  <c r="A153832" i="1" s="1"/>
  <c r="A153833" i="1" s="1"/>
  <c r="A153834" i="1" s="1"/>
  <c r="A153835" i="1" s="1"/>
  <c r="A153836" i="1" s="1"/>
  <c r="A153837" i="1" s="1"/>
  <c r="A153838" i="1" s="1"/>
  <c r="A153839" i="1" s="1"/>
  <c r="A153840" i="1" s="1"/>
  <c r="A153841" i="1" s="1"/>
  <c r="A153842" i="1" s="1"/>
  <c r="A153843" i="1" s="1"/>
  <c r="A153844" i="1" s="1"/>
  <c r="A153845" i="1" s="1"/>
  <c r="A153846" i="1" s="1"/>
  <c r="A153847" i="1" s="1"/>
  <c r="A153848" i="1" s="1"/>
  <c r="A153849" i="1" s="1"/>
  <c r="A153850" i="1" s="1"/>
  <c r="A153851" i="1" s="1"/>
  <c r="A153852" i="1" s="1"/>
  <c r="A153853" i="1" s="1"/>
  <c r="A153854" i="1" s="1"/>
  <c r="A153855" i="1" s="1"/>
  <c r="A153856" i="1" s="1"/>
  <c r="A153857" i="1" s="1"/>
  <c r="A153858" i="1" s="1"/>
  <c r="A153859" i="1" s="1"/>
  <c r="A153860" i="1" s="1"/>
  <c r="A153861" i="1" s="1"/>
  <c r="A153862" i="1" s="1"/>
  <c r="A153863" i="1" s="1"/>
  <c r="A153864" i="1" s="1"/>
  <c r="A153865" i="1" s="1"/>
  <c r="A153866" i="1" s="1"/>
  <c r="A153867" i="1" s="1"/>
  <c r="A153868" i="1" s="1"/>
  <c r="A153869" i="1" s="1"/>
  <c r="A153870" i="1" s="1"/>
  <c r="A153871" i="1" s="1"/>
  <c r="A153872" i="1" s="1"/>
  <c r="A153873" i="1" s="1"/>
  <c r="A153874" i="1" s="1"/>
  <c r="A153875" i="1" s="1"/>
  <c r="A153876" i="1" s="1"/>
  <c r="A153877" i="1" s="1"/>
  <c r="A153878" i="1" s="1"/>
  <c r="A153879" i="1" s="1"/>
  <c r="A153880" i="1" s="1"/>
  <c r="A153881" i="1" s="1"/>
  <c r="A153882" i="1" s="1"/>
  <c r="A153883" i="1" s="1"/>
  <c r="A153884" i="1" s="1"/>
  <c r="A153885" i="1" s="1"/>
  <c r="A153886" i="1" s="1"/>
  <c r="A153887" i="1" s="1"/>
  <c r="A153888" i="1" s="1"/>
  <c r="A153889" i="1" s="1"/>
  <c r="A153890" i="1" s="1"/>
  <c r="A153891" i="1" s="1"/>
  <c r="A153892" i="1" s="1"/>
  <c r="A153893" i="1" s="1"/>
  <c r="A153894" i="1" s="1"/>
  <c r="A153895" i="1" s="1"/>
  <c r="A153896" i="1" s="1"/>
  <c r="A153897" i="1" s="1"/>
  <c r="A153898" i="1" s="1"/>
  <c r="A153899" i="1" s="1"/>
  <c r="A153900" i="1" s="1"/>
  <c r="A153901" i="1" s="1"/>
  <c r="A153902" i="1" s="1"/>
  <c r="A153903" i="1" s="1"/>
  <c r="A153904" i="1" s="1"/>
  <c r="A153905" i="1" s="1"/>
  <c r="A153906" i="1" s="1"/>
  <c r="A153907" i="1" s="1"/>
  <c r="A153908" i="1" s="1"/>
  <c r="A153909" i="1" s="1"/>
  <c r="A153910" i="1" s="1"/>
  <c r="A153911" i="1" s="1"/>
  <c r="A153912" i="1" s="1"/>
  <c r="A153913" i="1" s="1"/>
  <c r="A153914" i="1" s="1"/>
  <c r="A153915" i="1" s="1"/>
  <c r="A153916" i="1" s="1"/>
  <c r="A153917" i="1" s="1"/>
  <c r="A153918" i="1" s="1"/>
  <c r="A153919" i="1" s="1"/>
  <c r="A153920" i="1" s="1"/>
  <c r="A153921" i="1" s="1"/>
  <c r="A153922" i="1" s="1"/>
  <c r="A153923" i="1" s="1"/>
  <c r="A153924" i="1" s="1"/>
  <c r="A153925" i="1" s="1"/>
  <c r="A153926" i="1" s="1"/>
  <c r="A153927" i="1" s="1"/>
  <c r="A153928" i="1" s="1"/>
  <c r="A153929" i="1" s="1"/>
  <c r="A153930" i="1" s="1"/>
  <c r="A153931" i="1" s="1"/>
  <c r="A153932" i="1" s="1"/>
  <c r="A153933" i="1" s="1"/>
  <c r="A153934" i="1" s="1"/>
  <c r="A153935" i="1" s="1"/>
  <c r="A153936" i="1" s="1"/>
  <c r="A153937" i="1" s="1"/>
  <c r="A153938" i="1" s="1"/>
  <c r="A153939" i="1" s="1"/>
  <c r="A153940" i="1" s="1"/>
  <c r="A153941" i="1" s="1"/>
  <c r="A153942" i="1" s="1"/>
  <c r="A153943" i="1" s="1"/>
  <c r="A153944" i="1" s="1"/>
  <c r="A153945" i="1" s="1"/>
  <c r="A153946" i="1" s="1"/>
  <c r="A153947" i="1" s="1"/>
  <c r="A153948" i="1" s="1"/>
  <c r="A153949" i="1" s="1"/>
  <c r="A153950" i="1" s="1"/>
  <c r="A153951" i="1" s="1"/>
  <c r="A153952" i="1" s="1"/>
  <c r="A153953" i="1" s="1"/>
  <c r="A153954" i="1" s="1"/>
  <c r="A153955" i="1" s="1"/>
  <c r="A153956" i="1" s="1"/>
  <c r="A153957" i="1" s="1"/>
  <c r="A153958" i="1" s="1"/>
  <c r="A153959" i="1" s="1"/>
  <c r="A153960" i="1" s="1"/>
  <c r="A153961" i="1" s="1"/>
  <c r="A153962" i="1" s="1"/>
  <c r="A153963" i="1" s="1"/>
  <c r="A153964" i="1" s="1"/>
  <c r="A153965" i="1" s="1"/>
  <c r="A153966" i="1" s="1"/>
  <c r="A153967" i="1" s="1"/>
  <c r="A153968" i="1" s="1"/>
  <c r="A153969" i="1" s="1"/>
  <c r="A153970" i="1" s="1"/>
  <c r="A153971" i="1" s="1"/>
  <c r="A153972" i="1" s="1"/>
  <c r="A153973" i="1" s="1"/>
  <c r="A153974" i="1" s="1"/>
  <c r="A153975" i="1" s="1"/>
  <c r="A153976" i="1" s="1"/>
  <c r="A153977" i="1" s="1"/>
  <c r="A153978" i="1" s="1"/>
  <c r="A153979" i="1" s="1"/>
  <c r="A153980" i="1" s="1"/>
  <c r="A153981" i="1" s="1"/>
  <c r="A153982" i="1" s="1"/>
  <c r="A153983" i="1" s="1"/>
  <c r="A153984" i="1" s="1"/>
  <c r="A153985" i="1" s="1"/>
  <c r="A153986" i="1" s="1"/>
  <c r="A153987" i="1" s="1"/>
  <c r="A153988" i="1" s="1"/>
  <c r="A153989" i="1" s="1"/>
  <c r="A153990" i="1" s="1"/>
  <c r="A153991" i="1" s="1"/>
  <c r="A153992" i="1" s="1"/>
  <c r="A153993" i="1" s="1"/>
  <c r="A153994" i="1" s="1"/>
  <c r="A153995" i="1" s="1"/>
  <c r="A153996" i="1" s="1"/>
  <c r="A153997" i="1" s="1"/>
  <c r="A153998" i="1" s="1"/>
  <c r="A153999" i="1" s="1"/>
  <c r="A154000" i="1" s="1"/>
  <c r="A154001" i="1" s="1"/>
  <c r="A154002" i="1" s="1"/>
  <c r="A154003" i="1" s="1"/>
  <c r="A154004" i="1" s="1"/>
  <c r="A154005" i="1" s="1"/>
  <c r="A154006" i="1" s="1"/>
  <c r="A154007" i="1" s="1"/>
  <c r="A154008" i="1" s="1"/>
  <c r="A154009" i="1" s="1"/>
  <c r="A154010" i="1" s="1"/>
  <c r="A154011" i="1" s="1"/>
  <c r="A154012" i="1" s="1"/>
  <c r="A154013" i="1" s="1"/>
  <c r="A154014" i="1" s="1"/>
  <c r="A154015" i="1" s="1"/>
  <c r="A154016" i="1" s="1"/>
  <c r="A154017" i="1" s="1"/>
  <c r="A154018" i="1" s="1"/>
  <c r="A154019" i="1" s="1"/>
  <c r="A154020" i="1" s="1"/>
  <c r="A154021" i="1" s="1"/>
  <c r="A154022" i="1" s="1"/>
  <c r="A154023" i="1" s="1"/>
  <c r="A154024" i="1" s="1"/>
  <c r="A154025" i="1" s="1"/>
  <c r="A154026" i="1" s="1"/>
  <c r="A154027" i="1" s="1"/>
  <c r="A154028" i="1" s="1"/>
  <c r="A154029" i="1" s="1"/>
  <c r="A154030" i="1" s="1"/>
  <c r="A154031" i="1" s="1"/>
  <c r="A154032" i="1" s="1"/>
  <c r="A154033" i="1" s="1"/>
  <c r="A154034" i="1" s="1"/>
  <c r="A154035" i="1" s="1"/>
  <c r="A154036" i="1" s="1"/>
  <c r="A154037" i="1" s="1"/>
  <c r="A154038" i="1" s="1"/>
  <c r="A154039" i="1" s="1"/>
  <c r="A154040" i="1" s="1"/>
  <c r="A154041" i="1" s="1"/>
  <c r="A154042" i="1" s="1"/>
  <c r="A154043" i="1" s="1"/>
  <c r="A154044" i="1" s="1"/>
  <c r="A154045" i="1" s="1"/>
  <c r="A154046" i="1" s="1"/>
  <c r="A154047" i="1" s="1"/>
  <c r="A154048" i="1" s="1"/>
  <c r="A154049" i="1" s="1"/>
  <c r="A154050" i="1" s="1"/>
  <c r="A154051" i="1" s="1"/>
  <c r="A154052" i="1" s="1"/>
  <c r="A154053" i="1" s="1"/>
  <c r="A154054" i="1" s="1"/>
  <c r="A154055" i="1" s="1"/>
  <c r="A154056" i="1" s="1"/>
  <c r="A154057" i="1" s="1"/>
  <c r="A154058" i="1" s="1"/>
  <c r="A154059" i="1" s="1"/>
  <c r="A154060" i="1" s="1"/>
  <c r="A154061" i="1" s="1"/>
  <c r="A154062" i="1" s="1"/>
  <c r="A154063" i="1" s="1"/>
  <c r="A154064" i="1" s="1"/>
  <c r="A154065" i="1" s="1"/>
  <c r="A154066" i="1" s="1"/>
  <c r="A154067" i="1" s="1"/>
  <c r="A154068" i="1" s="1"/>
  <c r="A154069" i="1" s="1"/>
  <c r="A154070" i="1" s="1"/>
  <c r="A154071" i="1" s="1"/>
  <c r="A154072" i="1" s="1"/>
  <c r="A154073" i="1" s="1"/>
  <c r="A154074" i="1" s="1"/>
  <c r="A154075" i="1" s="1"/>
  <c r="A154076" i="1" s="1"/>
  <c r="A154077" i="1" s="1"/>
  <c r="A154078" i="1" s="1"/>
  <c r="A154079" i="1" s="1"/>
  <c r="A154080" i="1" s="1"/>
  <c r="A154081" i="1" s="1"/>
  <c r="A154082" i="1" s="1"/>
  <c r="A154083" i="1" s="1"/>
  <c r="A154084" i="1" s="1"/>
  <c r="A154085" i="1" s="1"/>
  <c r="A154086" i="1" s="1"/>
  <c r="A154087" i="1" s="1"/>
  <c r="A154088" i="1" s="1"/>
  <c r="A154089" i="1" s="1"/>
  <c r="A154090" i="1" s="1"/>
  <c r="A154091" i="1" s="1"/>
  <c r="A154092" i="1" s="1"/>
  <c r="A154093" i="1" s="1"/>
  <c r="A154094" i="1" s="1"/>
  <c r="A154095" i="1" s="1"/>
  <c r="A154096" i="1" s="1"/>
  <c r="A154097" i="1" s="1"/>
  <c r="A154098" i="1" s="1"/>
  <c r="A154099" i="1" s="1"/>
  <c r="A154100" i="1" s="1"/>
  <c r="A154101" i="1" s="1"/>
  <c r="A154102" i="1" s="1"/>
  <c r="A154103" i="1" s="1"/>
  <c r="A154104" i="1" s="1"/>
  <c r="A154105" i="1" s="1"/>
  <c r="A154106" i="1" s="1"/>
  <c r="A154107" i="1" s="1"/>
  <c r="A154108" i="1" s="1"/>
  <c r="A154109" i="1" s="1"/>
  <c r="A154110" i="1" s="1"/>
  <c r="A154111" i="1" s="1"/>
  <c r="A154112" i="1" s="1"/>
  <c r="A154113" i="1" s="1"/>
  <c r="A154114" i="1" s="1"/>
  <c r="A154115" i="1" s="1"/>
  <c r="A154116" i="1" s="1"/>
  <c r="A154117" i="1" s="1"/>
  <c r="A154118" i="1" s="1"/>
  <c r="A154119" i="1" s="1"/>
  <c r="A154120" i="1" s="1"/>
  <c r="A154121" i="1" s="1"/>
  <c r="A154122" i="1" s="1"/>
  <c r="A154123" i="1" s="1"/>
  <c r="A154124" i="1" s="1"/>
  <c r="A154125" i="1" s="1"/>
  <c r="A154126" i="1" s="1"/>
  <c r="A154127" i="1" s="1"/>
  <c r="A154128" i="1" s="1"/>
  <c r="A154129" i="1" s="1"/>
  <c r="A154130" i="1" s="1"/>
  <c r="A154131" i="1" s="1"/>
  <c r="A154132" i="1" s="1"/>
  <c r="A154133" i="1" s="1"/>
  <c r="A154134" i="1" s="1"/>
  <c r="A154135" i="1" s="1"/>
  <c r="A154136" i="1" s="1"/>
  <c r="A154137" i="1" s="1"/>
  <c r="A154138" i="1" s="1"/>
  <c r="A154139" i="1" s="1"/>
  <c r="A154140" i="1" s="1"/>
  <c r="A154141" i="1" s="1"/>
  <c r="A154142" i="1" s="1"/>
  <c r="A154143" i="1" s="1"/>
  <c r="A154144" i="1" s="1"/>
  <c r="A154145" i="1" s="1"/>
  <c r="A154146" i="1" s="1"/>
  <c r="A154147" i="1" s="1"/>
  <c r="A154148" i="1" s="1"/>
  <c r="A154149" i="1" s="1"/>
  <c r="A154150" i="1" s="1"/>
  <c r="A154151" i="1" s="1"/>
  <c r="A154152" i="1" s="1"/>
  <c r="A154153" i="1" s="1"/>
  <c r="A154154" i="1" s="1"/>
  <c r="A154155" i="1" s="1"/>
  <c r="A154156" i="1" s="1"/>
  <c r="A154157" i="1" s="1"/>
  <c r="A154158" i="1" s="1"/>
  <c r="A154159" i="1" s="1"/>
  <c r="A154160" i="1" s="1"/>
  <c r="A154161" i="1" s="1"/>
  <c r="A154162" i="1" s="1"/>
  <c r="A154163" i="1" s="1"/>
  <c r="A154164" i="1" s="1"/>
  <c r="A154165" i="1" s="1"/>
  <c r="A154166" i="1" s="1"/>
  <c r="A154167" i="1" s="1"/>
  <c r="A154168" i="1" s="1"/>
  <c r="A154169" i="1" s="1"/>
  <c r="A154170" i="1" s="1"/>
  <c r="A154171" i="1" s="1"/>
  <c r="A154172" i="1" s="1"/>
  <c r="A154173" i="1" s="1"/>
  <c r="A154174" i="1" s="1"/>
  <c r="A154175" i="1" s="1"/>
  <c r="A154176" i="1" s="1"/>
  <c r="A154177" i="1" s="1"/>
  <c r="A154178" i="1" s="1"/>
  <c r="A154179" i="1" s="1"/>
  <c r="A154180" i="1" s="1"/>
  <c r="A154181" i="1" s="1"/>
  <c r="A154182" i="1" s="1"/>
  <c r="A154183" i="1" s="1"/>
  <c r="A154184" i="1" s="1"/>
  <c r="A154185" i="1" s="1"/>
  <c r="A154186" i="1" s="1"/>
  <c r="A154187" i="1" s="1"/>
  <c r="A154188" i="1" s="1"/>
  <c r="A154189" i="1" s="1"/>
  <c r="A154190" i="1" s="1"/>
  <c r="A154191" i="1" s="1"/>
  <c r="A154192" i="1" s="1"/>
  <c r="A154193" i="1" s="1"/>
  <c r="A154194" i="1" s="1"/>
  <c r="A154195" i="1" s="1"/>
  <c r="A154196" i="1" s="1"/>
  <c r="A154197" i="1" s="1"/>
  <c r="A154198" i="1" s="1"/>
  <c r="A154199" i="1" s="1"/>
  <c r="A154200" i="1" s="1"/>
  <c r="A154201" i="1" s="1"/>
  <c r="A154202" i="1" s="1"/>
  <c r="A154203" i="1" s="1"/>
  <c r="A154204" i="1" s="1"/>
  <c r="A154205" i="1" s="1"/>
  <c r="A154206" i="1" s="1"/>
  <c r="A154207" i="1" s="1"/>
  <c r="A154208" i="1" s="1"/>
  <c r="A154209" i="1" s="1"/>
  <c r="A154210" i="1" s="1"/>
  <c r="A154211" i="1" s="1"/>
  <c r="A154212" i="1" s="1"/>
  <c r="A154213" i="1" s="1"/>
  <c r="A154214" i="1" s="1"/>
  <c r="A154215" i="1" s="1"/>
  <c r="A154216" i="1" s="1"/>
  <c r="A154217" i="1" s="1"/>
  <c r="A154218" i="1" s="1"/>
  <c r="A154219" i="1" s="1"/>
  <c r="A154220" i="1" s="1"/>
  <c r="A154221" i="1" s="1"/>
  <c r="A154222" i="1" s="1"/>
  <c r="A154223" i="1" s="1"/>
  <c r="A154224" i="1" s="1"/>
  <c r="A154225" i="1" s="1"/>
  <c r="A154226" i="1" s="1"/>
  <c r="A154227" i="1" s="1"/>
  <c r="A154228" i="1" s="1"/>
  <c r="A154229" i="1" s="1"/>
  <c r="A154230" i="1" s="1"/>
  <c r="A154231" i="1" s="1"/>
  <c r="A154232" i="1" s="1"/>
  <c r="A154233" i="1" s="1"/>
  <c r="A154234" i="1" s="1"/>
  <c r="A154235" i="1" s="1"/>
  <c r="A154236" i="1" s="1"/>
  <c r="A154237" i="1" s="1"/>
  <c r="A154238" i="1" s="1"/>
  <c r="A154239" i="1" s="1"/>
  <c r="A154240" i="1" s="1"/>
  <c r="A154241" i="1" s="1"/>
  <c r="A154242" i="1" s="1"/>
  <c r="A154243" i="1" s="1"/>
  <c r="A154244" i="1" s="1"/>
  <c r="A154245" i="1" s="1"/>
  <c r="A154246" i="1" s="1"/>
  <c r="A154247" i="1" s="1"/>
  <c r="A154248" i="1" s="1"/>
  <c r="A154249" i="1" s="1"/>
  <c r="A154250" i="1" s="1"/>
  <c r="A154251" i="1" s="1"/>
  <c r="A154252" i="1" s="1"/>
  <c r="A154253" i="1" s="1"/>
  <c r="A154254" i="1" s="1"/>
  <c r="A154255" i="1" s="1"/>
  <c r="A154256" i="1" s="1"/>
  <c r="A154257" i="1" s="1"/>
  <c r="A154258" i="1" s="1"/>
  <c r="A154259" i="1" s="1"/>
  <c r="A154260" i="1" s="1"/>
  <c r="A154261" i="1" s="1"/>
  <c r="A154262" i="1" s="1"/>
  <c r="A154263" i="1" s="1"/>
  <c r="A154264" i="1" s="1"/>
  <c r="A154265" i="1" s="1"/>
  <c r="A154266" i="1" s="1"/>
  <c r="A154267" i="1" s="1"/>
  <c r="A154268" i="1" s="1"/>
  <c r="A154269" i="1" s="1"/>
  <c r="A154270" i="1" s="1"/>
  <c r="A154271" i="1" s="1"/>
  <c r="A154272" i="1" s="1"/>
  <c r="A154273" i="1" s="1"/>
  <c r="A154274" i="1" s="1"/>
  <c r="A154275" i="1" s="1"/>
  <c r="A154276" i="1" s="1"/>
  <c r="A154277" i="1" s="1"/>
  <c r="A154278" i="1" s="1"/>
  <c r="A154279" i="1" s="1"/>
  <c r="A154280" i="1" s="1"/>
  <c r="A154281" i="1" s="1"/>
  <c r="A154282" i="1" s="1"/>
  <c r="A154283" i="1" s="1"/>
  <c r="A154284" i="1" s="1"/>
  <c r="A154285" i="1" s="1"/>
  <c r="A154286" i="1" s="1"/>
  <c r="A154287" i="1" s="1"/>
  <c r="A154288" i="1" s="1"/>
  <c r="A154289" i="1" s="1"/>
  <c r="A154290" i="1" s="1"/>
  <c r="A154291" i="1" s="1"/>
  <c r="A154292" i="1" s="1"/>
  <c r="A154293" i="1" s="1"/>
  <c r="A154294" i="1" s="1"/>
  <c r="A154295" i="1" s="1"/>
  <c r="A154296" i="1" s="1"/>
  <c r="A154297" i="1" s="1"/>
  <c r="A154298" i="1" s="1"/>
  <c r="A154299" i="1" s="1"/>
  <c r="A154300" i="1" s="1"/>
  <c r="A154301" i="1" s="1"/>
  <c r="A154302" i="1" s="1"/>
  <c r="A154303" i="1" s="1"/>
  <c r="A154304" i="1" s="1"/>
  <c r="A154305" i="1" s="1"/>
  <c r="A154306" i="1" s="1"/>
  <c r="A154307" i="1" s="1"/>
  <c r="A154308" i="1" s="1"/>
  <c r="A154309" i="1" s="1"/>
  <c r="A154310" i="1" s="1"/>
  <c r="A154311" i="1" s="1"/>
  <c r="A154312" i="1" s="1"/>
  <c r="A154313" i="1" s="1"/>
  <c r="A154314" i="1" s="1"/>
  <c r="A154315" i="1" s="1"/>
  <c r="A154316" i="1" s="1"/>
  <c r="A154317" i="1" s="1"/>
  <c r="A154318" i="1" s="1"/>
  <c r="A154319" i="1" s="1"/>
  <c r="A154320" i="1" s="1"/>
  <c r="A154321" i="1" s="1"/>
  <c r="A154322" i="1" s="1"/>
  <c r="A154323" i="1" s="1"/>
  <c r="A154324" i="1" s="1"/>
  <c r="A154325" i="1" s="1"/>
  <c r="A154326" i="1" s="1"/>
  <c r="A154327" i="1" s="1"/>
  <c r="A154328" i="1" s="1"/>
  <c r="A154329" i="1" s="1"/>
  <c r="A154330" i="1" s="1"/>
  <c r="A154331" i="1" s="1"/>
  <c r="A154332" i="1" s="1"/>
  <c r="A154333" i="1" s="1"/>
  <c r="A154334" i="1" s="1"/>
  <c r="A154335" i="1" s="1"/>
  <c r="A154336" i="1" s="1"/>
  <c r="A154337" i="1" s="1"/>
  <c r="A154338" i="1" s="1"/>
  <c r="A154339" i="1" s="1"/>
  <c r="A154340" i="1" s="1"/>
  <c r="A154341" i="1" s="1"/>
  <c r="A154342" i="1" s="1"/>
  <c r="A154343" i="1" s="1"/>
  <c r="A154344" i="1" s="1"/>
  <c r="A154345" i="1" s="1"/>
  <c r="A154346" i="1" s="1"/>
  <c r="A154347" i="1" s="1"/>
  <c r="A154348" i="1" s="1"/>
  <c r="A154349" i="1" s="1"/>
  <c r="A154350" i="1" s="1"/>
  <c r="A154351" i="1" s="1"/>
  <c r="A154352" i="1" s="1"/>
  <c r="A154353" i="1" s="1"/>
  <c r="A154354" i="1" s="1"/>
  <c r="A154355" i="1" s="1"/>
  <c r="A154356" i="1" s="1"/>
  <c r="A154357" i="1" s="1"/>
  <c r="A154358" i="1" s="1"/>
  <c r="A154359" i="1" s="1"/>
  <c r="A154360" i="1" s="1"/>
  <c r="A154361" i="1" s="1"/>
  <c r="A154362" i="1" s="1"/>
  <c r="A154363" i="1" s="1"/>
  <c r="A154364" i="1" s="1"/>
  <c r="A154365" i="1" s="1"/>
  <c r="A154366" i="1" s="1"/>
  <c r="A154367" i="1" s="1"/>
  <c r="A154368" i="1" s="1"/>
  <c r="A154369" i="1" s="1"/>
  <c r="A154370" i="1" s="1"/>
  <c r="A154371" i="1" s="1"/>
  <c r="A154372" i="1" s="1"/>
  <c r="A154373" i="1" s="1"/>
  <c r="A154374" i="1" s="1"/>
  <c r="A154375" i="1" s="1"/>
  <c r="A154376" i="1" s="1"/>
  <c r="A154377" i="1" s="1"/>
  <c r="A154378" i="1" s="1"/>
  <c r="A154379" i="1" s="1"/>
  <c r="A154380" i="1" s="1"/>
  <c r="A154381" i="1" s="1"/>
  <c r="A154382" i="1" s="1"/>
  <c r="A154383" i="1" s="1"/>
  <c r="A154384" i="1" s="1"/>
  <c r="A154385" i="1" s="1"/>
  <c r="A154386" i="1" s="1"/>
  <c r="A154387" i="1" s="1"/>
  <c r="A154388" i="1" s="1"/>
  <c r="A154389" i="1" s="1"/>
  <c r="A154390" i="1" s="1"/>
  <c r="A154391" i="1" s="1"/>
  <c r="A154392" i="1" s="1"/>
  <c r="A154393" i="1" s="1"/>
  <c r="A154394" i="1" s="1"/>
  <c r="A154395" i="1" s="1"/>
  <c r="A154396" i="1" s="1"/>
  <c r="A154397" i="1" s="1"/>
  <c r="A154398" i="1" s="1"/>
  <c r="A154399" i="1" s="1"/>
  <c r="A154400" i="1" s="1"/>
  <c r="A154401" i="1" s="1"/>
  <c r="A154402" i="1" s="1"/>
  <c r="A154403" i="1" s="1"/>
  <c r="A154404" i="1" s="1"/>
  <c r="A154405" i="1" s="1"/>
  <c r="A154406" i="1" s="1"/>
  <c r="A154407" i="1" s="1"/>
  <c r="A154408" i="1" s="1"/>
  <c r="A154409" i="1" s="1"/>
  <c r="A154410" i="1" s="1"/>
  <c r="A154411" i="1" s="1"/>
  <c r="A154412" i="1" s="1"/>
  <c r="A154413" i="1" s="1"/>
  <c r="A154414" i="1" s="1"/>
  <c r="A154415" i="1" s="1"/>
  <c r="A154416" i="1" s="1"/>
  <c r="A154417" i="1" s="1"/>
  <c r="A154418" i="1" s="1"/>
  <c r="A154419" i="1" s="1"/>
  <c r="A154420" i="1" s="1"/>
  <c r="A154421" i="1" s="1"/>
  <c r="A154422" i="1" s="1"/>
  <c r="A154423" i="1" s="1"/>
  <c r="A154424" i="1" s="1"/>
  <c r="A154425" i="1" s="1"/>
  <c r="A154426" i="1" s="1"/>
  <c r="A154427" i="1" s="1"/>
  <c r="A154428" i="1" s="1"/>
  <c r="A154429" i="1" s="1"/>
  <c r="A154430" i="1" s="1"/>
  <c r="A154431" i="1" s="1"/>
  <c r="A154432" i="1" s="1"/>
  <c r="A154433" i="1" s="1"/>
  <c r="A154434" i="1" s="1"/>
  <c r="A154435" i="1" s="1"/>
  <c r="A154436" i="1" s="1"/>
  <c r="A154437" i="1" s="1"/>
  <c r="A154438" i="1" s="1"/>
  <c r="A154439" i="1" s="1"/>
  <c r="A154440" i="1" s="1"/>
  <c r="A154441" i="1" s="1"/>
  <c r="A154442" i="1" s="1"/>
  <c r="A154443" i="1" s="1"/>
  <c r="A154444" i="1" s="1"/>
  <c r="A154445" i="1" s="1"/>
  <c r="A154446" i="1" s="1"/>
  <c r="A154447" i="1" s="1"/>
  <c r="A154448" i="1" s="1"/>
  <c r="A154449" i="1" s="1"/>
  <c r="A154450" i="1" s="1"/>
  <c r="A154451" i="1" s="1"/>
  <c r="A154452" i="1" s="1"/>
  <c r="A154453" i="1" s="1"/>
  <c r="A154454" i="1" s="1"/>
  <c r="A154455" i="1" s="1"/>
  <c r="A154456" i="1" s="1"/>
  <c r="A154457" i="1" s="1"/>
  <c r="A154458" i="1" s="1"/>
  <c r="A154459" i="1" s="1"/>
  <c r="A154460" i="1" s="1"/>
  <c r="A154461" i="1" s="1"/>
  <c r="A154462" i="1" s="1"/>
  <c r="A154463" i="1" s="1"/>
  <c r="A154464" i="1" s="1"/>
  <c r="A154465" i="1" s="1"/>
  <c r="A154466" i="1" s="1"/>
  <c r="A154467" i="1" s="1"/>
  <c r="A154468" i="1" s="1"/>
  <c r="A154469" i="1" s="1"/>
  <c r="A154470" i="1" s="1"/>
  <c r="A154471" i="1" s="1"/>
  <c r="A154472" i="1" s="1"/>
  <c r="A154473" i="1" s="1"/>
  <c r="A154474" i="1" s="1"/>
  <c r="A154475" i="1" s="1"/>
  <c r="A154476" i="1" s="1"/>
  <c r="A154477" i="1" s="1"/>
  <c r="A154478" i="1" s="1"/>
  <c r="A154479" i="1" s="1"/>
  <c r="A154480" i="1" s="1"/>
  <c r="A154481" i="1" s="1"/>
  <c r="A154482" i="1" s="1"/>
  <c r="A154483" i="1" s="1"/>
  <c r="A154484" i="1" s="1"/>
  <c r="A154485" i="1" s="1"/>
  <c r="A154486" i="1" s="1"/>
  <c r="A154487" i="1" s="1"/>
  <c r="A154488" i="1" s="1"/>
  <c r="A154489" i="1" s="1"/>
  <c r="A154490" i="1" s="1"/>
  <c r="A154491" i="1" s="1"/>
  <c r="A154492" i="1" s="1"/>
  <c r="A154493" i="1" s="1"/>
  <c r="A154494" i="1" s="1"/>
  <c r="A154495" i="1" s="1"/>
  <c r="A154496" i="1" s="1"/>
  <c r="A154497" i="1" s="1"/>
  <c r="A154498" i="1" s="1"/>
  <c r="A154499" i="1" s="1"/>
  <c r="A154500" i="1" s="1"/>
  <c r="A154501" i="1" s="1"/>
  <c r="A154502" i="1" s="1"/>
  <c r="A154503" i="1" s="1"/>
  <c r="A154504" i="1" s="1"/>
  <c r="A154505" i="1" s="1"/>
  <c r="A154506" i="1" s="1"/>
  <c r="A154507" i="1" s="1"/>
  <c r="A154508" i="1" s="1"/>
  <c r="A154509" i="1" s="1"/>
  <c r="A154510" i="1" s="1"/>
  <c r="A154511" i="1" s="1"/>
  <c r="A154512" i="1" s="1"/>
  <c r="A154513" i="1" s="1"/>
  <c r="A154514" i="1" s="1"/>
  <c r="A154515" i="1" s="1"/>
  <c r="A154516" i="1" s="1"/>
  <c r="A154517" i="1" s="1"/>
  <c r="A154518" i="1" s="1"/>
  <c r="A154519" i="1" s="1"/>
  <c r="A154520" i="1" s="1"/>
  <c r="A154521" i="1" s="1"/>
  <c r="A154522" i="1" s="1"/>
  <c r="A154523" i="1" s="1"/>
  <c r="A154524" i="1" s="1"/>
  <c r="A154525" i="1" s="1"/>
  <c r="A154526" i="1" s="1"/>
  <c r="A154527" i="1" s="1"/>
  <c r="A154528" i="1" s="1"/>
  <c r="A154529" i="1" s="1"/>
  <c r="A154530" i="1" s="1"/>
  <c r="A154531" i="1" s="1"/>
  <c r="A154532" i="1" s="1"/>
  <c r="A154533" i="1" s="1"/>
  <c r="A154534" i="1" s="1"/>
  <c r="A154535" i="1" s="1"/>
  <c r="A154536" i="1" s="1"/>
  <c r="A154537" i="1" s="1"/>
  <c r="A154538" i="1" s="1"/>
  <c r="A154539" i="1" s="1"/>
  <c r="A154540" i="1" s="1"/>
  <c r="A154541" i="1" s="1"/>
  <c r="A154542" i="1" s="1"/>
  <c r="A154543" i="1" s="1"/>
  <c r="A154544" i="1" s="1"/>
  <c r="A154545" i="1" s="1"/>
  <c r="A154546" i="1" s="1"/>
  <c r="A154547" i="1" s="1"/>
  <c r="A154548" i="1" s="1"/>
  <c r="A154549" i="1" s="1"/>
  <c r="A154550" i="1" s="1"/>
  <c r="A154551" i="1" s="1"/>
  <c r="A154552" i="1" s="1"/>
  <c r="A154553" i="1" s="1"/>
  <c r="A154554" i="1" s="1"/>
  <c r="A154555" i="1" s="1"/>
  <c r="A154556" i="1" s="1"/>
  <c r="A154557" i="1" s="1"/>
  <c r="A154558" i="1" s="1"/>
  <c r="A154559" i="1" s="1"/>
  <c r="A154560" i="1" s="1"/>
  <c r="A154561" i="1" s="1"/>
  <c r="A154562" i="1" s="1"/>
  <c r="A154563" i="1" s="1"/>
  <c r="A154564" i="1" s="1"/>
  <c r="A154565" i="1" s="1"/>
  <c r="A154566" i="1" s="1"/>
  <c r="A154567" i="1" s="1"/>
  <c r="A154568" i="1" s="1"/>
  <c r="A154569" i="1" s="1"/>
  <c r="A154570" i="1" s="1"/>
  <c r="A154571" i="1" s="1"/>
  <c r="A154572" i="1" s="1"/>
  <c r="A154573" i="1" s="1"/>
  <c r="A154574" i="1" s="1"/>
  <c r="A154575" i="1" s="1"/>
  <c r="A154576" i="1" s="1"/>
  <c r="A154577" i="1" s="1"/>
  <c r="A154578" i="1" s="1"/>
  <c r="A154579" i="1" s="1"/>
  <c r="A154580" i="1" s="1"/>
  <c r="A154581" i="1" s="1"/>
  <c r="A154582" i="1" s="1"/>
  <c r="A154583" i="1" s="1"/>
  <c r="A154584" i="1" s="1"/>
  <c r="A154585" i="1" s="1"/>
  <c r="A154586" i="1" s="1"/>
  <c r="A154587" i="1" s="1"/>
  <c r="A154588" i="1" s="1"/>
  <c r="A154589" i="1" s="1"/>
  <c r="A154590" i="1" s="1"/>
  <c r="A154591" i="1" s="1"/>
  <c r="A154592" i="1" s="1"/>
  <c r="A154593" i="1" s="1"/>
  <c r="A154594" i="1" s="1"/>
  <c r="A154595" i="1" s="1"/>
  <c r="A154596" i="1" s="1"/>
  <c r="A154597" i="1" s="1"/>
  <c r="A154598" i="1" s="1"/>
  <c r="A154599" i="1" s="1"/>
  <c r="A154600" i="1" s="1"/>
  <c r="A154601" i="1" s="1"/>
  <c r="A154602" i="1" s="1"/>
  <c r="A154603" i="1" s="1"/>
  <c r="A154604" i="1" s="1"/>
  <c r="A154605" i="1" s="1"/>
  <c r="A154606" i="1" s="1"/>
  <c r="A154607" i="1" s="1"/>
  <c r="A154608" i="1" s="1"/>
  <c r="A154609" i="1" s="1"/>
  <c r="A154610" i="1" s="1"/>
  <c r="A154611" i="1" s="1"/>
  <c r="A154612" i="1" s="1"/>
  <c r="A154613" i="1" s="1"/>
  <c r="A154614" i="1" s="1"/>
  <c r="A154615" i="1" s="1"/>
  <c r="A154616" i="1" s="1"/>
  <c r="A154617" i="1" s="1"/>
  <c r="A154618" i="1" s="1"/>
  <c r="A154619" i="1" s="1"/>
  <c r="A154620" i="1" s="1"/>
  <c r="A154621" i="1" s="1"/>
  <c r="A154622" i="1" s="1"/>
  <c r="A154623" i="1" s="1"/>
  <c r="A154624" i="1" s="1"/>
  <c r="A154625" i="1" s="1"/>
  <c r="A154626" i="1" s="1"/>
  <c r="A154627" i="1" s="1"/>
  <c r="A154628" i="1" s="1"/>
  <c r="A154629" i="1" s="1"/>
  <c r="A154630" i="1" s="1"/>
  <c r="A154631" i="1" s="1"/>
  <c r="A154632" i="1" s="1"/>
  <c r="A154633" i="1" s="1"/>
  <c r="A154634" i="1" s="1"/>
  <c r="A154635" i="1" s="1"/>
  <c r="A154636" i="1" s="1"/>
  <c r="A154637" i="1" s="1"/>
  <c r="A154638" i="1" s="1"/>
  <c r="A154639" i="1" s="1"/>
  <c r="A154640" i="1" s="1"/>
  <c r="A154641" i="1" s="1"/>
  <c r="A154642" i="1" s="1"/>
  <c r="A154643" i="1" s="1"/>
  <c r="A154644" i="1" s="1"/>
  <c r="A154645" i="1" s="1"/>
  <c r="A154646" i="1" s="1"/>
  <c r="A154647" i="1" s="1"/>
  <c r="A154648" i="1" s="1"/>
  <c r="A154649" i="1" s="1"/>
  <c r="A154650" i="1" s="1"/>
  <c r="A154651" i="1" s="1"/>
  <c r="A154652" i="1" s="1"/>
  <c r="A154653" i="1" s="1"/>
  <c r="A154654" i="1" s="1"/>
  <c r="A154655" i="1" s="1"/>
  <c r="A154656" i="1" s="1"/>
  <c r="A154657" i="1" s="1"/>
  <c r="A154658" i="1" s="1"/>
  <c r="A154659" i="1" s="1"/>
  <c r="A154660" i="1" s="1"/>
  <c r="A154661" i="1" s="1"/>
  <c r="A154662" i="1" s="1"/>
  <c r="A154663" i="1" s="1"/>
  <c r="A154664" i="1" s="1"/>
  <c r="A154665" i="1" s="1"/>
  <c r="A154666" i="1" s="1"/>
  <c r="A154667" i="1" s="1"/>
  <c r="A154668" i="1" s="1"/>
  <c r="A154669" i="1" s="1"/>
  <c r="A154670" i="1" s="1"/>
  <c r="A154671" i="1" s="1"/>
  <c r="A154672" i="1" s="1"/>
  <c r="A154673" i="1" s="1"/>
  <c r="A154674" i="1" s="1"/>
  <c r="A154675" i="1" s="1"/>
  <c r="A154676" i="1" s="1"/>
  <c r="A154677" i="1" s="1"/>
  <c r="A154678" i="1" s="1"/>
  <c r="A154679" i="1" s="1"/>
  <c r="A154680" i="1" s="1"/>
  <c r="A154681" i="1" s="1"/>
  <c r="A154682" i="1" s="1"/>
  <c r="A154683" i="1" s="1"/>
  <c r="A154684" i="1" s="1"/>
  <c r="A154685" i="1" s="1"/>
  <c r="A154686" i="1" s="1"/>
  <c r="A154687" i="1" s="1"/>
  <c r="A154688" i="1" s="1"/>
  <c r="A154689" i="1" s="1"/>
  <c r="A154690" i="1" s="1"/>
  <c r="A154691" i="1" s="1"/>
  <c r="A154692" i="1" s="1"/>
  <c r="A154693" i="1" s="1"/>
  <c r="A154694" i="1" s="1"/>
  <c r="A154695" i="1" s="1"/>
  <c r="A154696" i="1" s="1"/>
  <c r="A154697" i="1" s="1"/>
  <c r="A154698" i="1" s="1"/>
  <c r="A154699" i="1" s="1"/>
  <c r="A154700" i="1" s="1"/>
  <c r="A154701" i="1" s="1"/>
  <c r="A154702" i="1" s="1"/>
  <c r="A154703" i="1" s="1"/>
  <c r="A154704" i="1" s="1"/>
  <c r="A154705" i="1" s="1"/>
  <c r="A154706" i="1" s="1"/>
  <c r="A154707" i="1" s="1"/>
  <c r="A154708" i="1" s="1"/>
  <c r="A154709" i="1" s="1"/>
  <c r="A154710" i="1" s="1"/>
  <c r="A154711" i="1" s="1"/>
  <c r="A154712" i="1" s="1"/>
  <c r="A154713" i="1" s="1"/>
  <c r="A154714" i="1" s="1"/>
  <c r="A154715" i="1" s="1"/>
  <c r="A154716" i="1" s="1"/>
  <c r="A154717" i="1" s="1"/>
  <c r="A154718" i="1" s="1"/>
  <c r="A154719" i="1" s="1"/>
  <c r="A154720" i="1" s="1"/>
  <c r="A154721" i="1" s="1"/>
  <c r="A154722" i="1" s="1"/>
  <c r="A154723" i="1" s="1"/>
  <c r="A154724" i="1" s="1"/>
  <c r="A154725" i="1" s="1"/>
  <c r="A154726" i="1" s="1"/>
  <c r="A154727" i="1" s="1"/>
  <c r="A154728" i="1" s="1"/>
  <c r="A154729" i="1" s="1"/>
  <c r="A154730" i="1" s="1"/>
  <c r="A154731" i="1" s="1"/>
  <c r="A154732" i="1" s="1"/>
  <c r="A154733" i="1" s="1"/>
  <c r="A154734" i="1" s="1"/>
  <c r="A154735" i="1" s="1"/>
  <c r="A154736" i="1" s="1"/>
  <c r="A154737" i="1" s="1"/>
  <c r="A154738" i="1" s="1"/>
  <c r="A154739" i="1" s="1"/>
  <c r="A154740" i="1" s="1"/>
  <c r="A154741" i="1" s="1"/>
  <c r="A154742" i="1" s="1"/>
  <c r="A154743" i="1" s="1"/>
  <c r="A154744" i="1" s="1"/>
  <c r="A154745" i="1" s="1"/>
  <c r="A154746" i="1" s="1"/>
  <c r="A154747" i="1" s="1"/>
  <c r="A154748" i="1" s="1"/>
  <c r="A154749" i="1" s="1"/>
  <c r="A154750" i="1" s="1"/>
  <c r="A154751" i="1" s="1"/>
  <c r="A154752" i="1" s="1"/>
  <c r="A154753" i="1" s="1"/>
  <c r="A154754" i="1" s="1"/>
  <c r="A154755" i="1" s="1"/>
  <c r="A154756" i="1" s="1"/>
  <c r="A154757" i="1" s="1"/>
  <c r="A154758" i="1" s="1"/>
  <c r="A154759" i="1" s="1"/>
  <c r="A154760" i="1" s="1"/>
  <c r="A154761" i="1" s="1"/>
  <c r="A154762" i="1" s="1"/>
  <c r="A154763" i="1" s="1"/>
  <c r="A154764" i="1" s="1"/>
  <c r="A154765" i="1" s="1"/>
  <c r="A154766" i="1" s="1"/>
  <c r="A154767" i="1" s="1"/>
  <c r="A154768" i="1" s="1"/>
  <c r="A154769" i="1" s="1"/>
  <c r="A154770" i="1" s="1"/>
  <c r="A154771" i="1" s="1"/>
  <c r="A154772" i="1" s="1"/>
  <c r="A154773" i="1" s="1"/>
  <c r="A154774" i="1" s="1"/>
  <c r="A154775" i="1" s="1"/>
  <c r="A154776" i="1" s="1"/>
  <c r="A154777" i="1" s="1"/>
  <c r="A154778" i="1" s="1"/>
  <c r="A154779" i="1" s="1"/>
  <c r="A154780" i="1" s="1"/>
  <c r="A154781" i="1" s="1"/>
  <c r="A154782" i="1" s="1"/>
  <c r="A154783" i="1" s="1"/>
  <c r="A154784" i="1" s="1"/>
  <c r="A154785" i="1" s="1"/>
  <c r="A154786" i="1" s="1"/>
  <c r="A154787" i="1" s="1"/>
  <c r="A154788" i="1" s="1"/>
  <c r="A154789" i="1" s="1"/>
  <c r="A154790" i="1" s="1"/>
  <c r="A154791" i="1" s="1"/>
  <c r="A154792" i="1" s="1"/>
  <c r="A154793" i="1" s="1"/>
  <c r="A154794" i="1" s="1"/>
  <c r="A154795" i="1" s="1"/>
  <c r="A154796" i="1" s="1"/>
  <c r="A154797" i="1" s="1"/>
  <c r="A154798" i="1" s="1"/>
  <c r="A154799" i="1" s="1"/>
  <c r="A154800" i="1" s="1"/>
  <c r="A154801" i="1" s="1"/>
  <c r="A154802" i="1" s="1"/>
  <c r="A154803" i="1" s="1"/>
  <c r="A154804" i="1" s="1"/>
  <c r="A154805" i="1" s="1"/>
  <c r="A154806" i="1" s="1"/>
  <c r="A154807" i="1" s="1"/>
  <c r="A154808" i="1" s="1"/>
  <c r="A154809" i="1" s="1"/>
  <c r="A154810" i="1" s="1"/>
  <c r="A154811" i="1" s="1"/>
  <c r="A154812" i="1" s="1"/>
  <c r="A154813" i="1" s="1"/>
  <c r="A154814" i="1" s="1"/>
  <c r="A154815" i="1" s="1"/>
  <c r="A154816" i="1" s="1"/>
  <c r="A154817" i="1" s="1"/>
  <c r="A154818" i="1" s="1"/>
  <c r="A154819" i="1" s="1"/>
  <c r="A154820" i="1" s="1"/>
  <c r="A154821" i="1" s="1"/>
  <c r="A154822" i="1" s="1"/>
  <c r="A154823" i="1" s="1"/>
  <c r="A154824" i="1" s="1"/>
  <c r="A154825" i="1" s="1"/>
  <c r="A154826" i="1" s="1"/>
  <c r="A154827" i="1" s="1"/>
  <c r="A154828" i="1" s="1"/>
  <c r="A154829" i="1" s="1"/>
  <c r="A154830" i="1" s="1"/>
  <c r="A154831" i="1" s="1"/>
  <c r="A154832" i="1" s="1"/>
  <c r="A154833" i="1" s="1"/>
  <c r="A154834" i="1" s="1"/>
  <c r="A154835" i="1" s="1"/>
  <c r="A154836" i="1" s="1"/>
  <c r="A154837" i="1" s="1"/>
  <c r="A154838" i="1" s="1"/>
  <c r="A154839" i="1" s="1"/>
  <c r="A154840" i="1" s="1"/>
  <c r="A154841" i="1" s="1"/>
  <c r="A154842" i="1" s="1"/>
  <c r="A154843" i="1" s="1"/>
  <c r="A154844" i="1" s="1"/>
  <c r="A154845" i="1" s="1"/>
  <c r="A154846" i="1" s="1"/>
  <c r="A154847" i="1" s="1"/>
  <c r="A154848" i="1" s="1"/>
  <c r="A154849" i="1" s="1"/>
  <c r="A154850" i="1" s="1"/>
  <c r="A154851" i="1" s="1"/>
  <c r="A154852" i="1" s="1"/>
  <c r="A154853" i="1" s="1"/>
  <c r="A154854" i="1" s="1"/>
  <c r="A154855" i="1" s="1"/>
  <c r="A154856" i="1" s="1"/>
  <c r="A154857" i="1" s="1"/>
  <c r="A154858" i="1" s="1"/>
  <c r="A154859" i="1" s="1"/>
  <c r="A154860" i="1" s="1"/>
  <c r="A154861" i="1" s="1"/>
  <c r="A154862" i="1" s="1"/>
  <c r="A154863" i="1" s="1"/>
  <c r="A154864" i="1" s="1"/>
  <c r="A154865" i="1" s="1"/>
  <c r="A154866" i="1" s="1"/>
  <c r="A154867" i="1" s="1"/>
  <c r="A154868" i="1" s="1"/>
  <c r="A154869" i="1" s="1"/>
  <c r="A154870" i="1" s="1"/>
  <c r="A154871" i="1" s="1"/>
  <c r="A154872" i="1" s="1"/>
  <c r="A154873" i="1" s="1"/>
  <c r="A154874" i="1" s="1"/>
  <c r="A154875" i="1" s="1"/>
  <c r="A154876" i="1" s="1"/>
  <c r="A154877" i="1" s="1"/>
  <c r="A154878" i="1" s="1"/>
  <c r="A154879" i="1" s="1"/>
  <c r="A154880" i="1" s="1"/>
  <c r="A154881" i="1" s="1"/>
  <c r="A154882" i="1" s="1"/>
  <c r="A154883" i="1" s="1"/>
  <c r="A154884" i="1" s="1"/>
  <c r="A154885" i="1" s="1"/>
  <c r="A154886" i="1" s="1"/>
  <c r="A154887" i="1" s="1"/>
  <c r="A154888" i="1" s="1"/>
  <c r="A154889" i="1" s="1"/>
  <c r="A154890" i="1" s="1"/>
  <c r="A154891" i="1" s="1"/>
  <c r="A154892" i="1" s="1"/>
  <c r="A154893" i="1" s="1"/>
  <c r="A154894" i="1" s="1"/>
  <c r="A154895" i="1" s="1"/>
  <c r="A154896" i="1" s="1"/>
  <c r="A154897" i="1" s="1"/>
  <c r="A154898" i="1" s="1"/>
  <c r="A154899" i="1" s="1"/>
  <c r="A154900" i="1" s="1"/>
  <c r="A154901" i="1" s="1"/>
  <c r="A154902" i="1" s="1"/>
  <c r="A154903" i="1" s="1"/>
  <c r="A154904" i="1" s="1"/>
  <c r="A154905" i="1" s="1"/>
  <c r="A154906" i="1" s="1"/>
  <c r="A154907" i="1" s="1"/>
  <c r="A154908" i="1" s="1"/>
  <c r="A154909" i="1" s="1"/>
  <c r="A154910" i="1" s="1"/>
  <c r="A154911" i="1" s="1"/>
  <c r="A154912" i="1" s="1"/>
  <c r="A154913" i="1" s="1"/>
  <c r="A154914" i="1" s="1"/>
  <c r="A154915" i="1" s="1"/>
  <c r="A154916" i="1" s="1"/>
  <c r="A154917" i="1" s="1"/>
  <c r="A154918" i="1" s="1"/>
  <c r="A154919" i="1" s="1"/>
  <c r="A154920" i="1" s="1"/>
  <c r="A154921" i="1" s="1"/>
  <c r="A154922" i="1" s="1"/>
  <c r="A154923" i="1" s="1"/>
  <c r="A154924" i="1" s="1"/>
  <c r="A154925" i="1" s="1"/>
  <c r="A154926" i="1" s="1"/>
  <c r="A154927" i="1" s="1"/>
  <c r="A154928" i="1" s="1"/>
  <c r="A154929" i="1" s="1"/>
  <c r="A154930" i="1" s="1"/>
  <c r="A154931" i="1" s="1"/>
  <c r="A154932" i="1" s="1"/>
  <c r="A154933" i="1" s="1"/>
  <c r="A154934" i="1" s="1"/>
  <c r="A154935" i="1" s="1"/>
  <c r="A154936" i="1" s="1"/>
  <c r="A154937" i="1" s="1"/>
  <c r="A154938" i="1" s="1"/>
  <c r="A154939" i="1" s="1"/>
  <c r="A154940" i="1" s="1"/>
  <c r="A154941" i="1" s="1"/>
  <c r="A154942" i="1" s="1"/>
  <c r="A154943" i="1" s="1"/>
  <c r="A154944" i="1" s="1"/>
  <c r="A154945" i="1" s="1"/>
  <c r="A154946" i="1" s="1"/>
  <c r="A154947" i="1" s="1"/>
  <c r="A154948" i="1" s="1"/>
  <c r="A154949" i="1" s="1"/>
  <c r="A154950" i="1" s="1"/>
  <c r="A154951" i="1" s="1"/>
  <c r="A154952" i="1" s="1"/>
  <c r="A154953" i="1" s="1"/>
  <c r="A154954" i="1" s="1"/>
  <c r="A154955" i="1" s="1"/>
  <c r="A154956" i="1" s="1"/>
  <c r="A154957" i="1" s="1"/>
  <c r="A154958" i="1" s="1"/>
  <c r="A154959" i="1" s="1"/>
  <c r="A154960" i="1" s="1"/>
  <c r="A154961" i="1" s="1"/>
  <c r="A154962" i="1" s="1"/>
  <c r="A154963" i="1" s="1"/>
  <c r="A154964" i="1" s="1"/>
  <c r="A154965" i="1" s="1"/>
  <c r="A154966" i="1" s="1"/>
  <c r="A154967" i="1" s="1"/>
  <c r="A154968" i="1" s="1"/>
  <c r="A154969" i="1" s="1"/>
  <c r="A154970" i="1" s="1"/>
  <c r="A154971" i="1" s="1"/>
  <c r="A154972" i="1" s="1"/>
  <c r="A154973" i="1" s="1"/>
  <c r="A154974" i="1" s="1"/>
  <c r="A154975" i="1" s="1"/>
  <c r="A154976" i="1" s="1"/>
  <c r="A154977" i="1" s="1"/>
  <c r="A154978" i="1" s="1"/>
  <c r="A154979" i="1" s="1"/>
  <c r="A154980" i="1" s="1"/>
  <c r="A154981" i="1" s="1"/>
  <c r="A154982" i="1" s="1"/>
  <c r="A154983" i="1" s="1"/>
  <c r="A154984" i="1" s="1"/>
  <c r="A154985" i="1" s="1"/>
  <c r="A154986" i="1" s="1"/>
  <c r="A154987" i="1" s="1"/>
  <c r="A154988" i="1" s="1"/>
  <c r="A154989" i="1" s="1"/>
  <c r="A154990" i="1" s="1"/>
  <c r="A154991" i="1" s="1"/>
  <c r="A154992" i="1" s="1"/>
  <c r="A154993" i="1" s="1"/>
  <c r="A154994" i="1" s="1"/>
  <c r="A154995" i="1" s="1"/>
  <c r="A154996" i="1" s="1"/>
  <c r="A154997" i="1" s="1"/>
  <c r="A154998" i="1" s="1"/>
  <c r="A154999" i="1" s="1"/>
  <c r="A155000" i="1" s="1"/>
  <c r="A155001" i="1" s="1"/>
  <c r="A155002" i="1" s="1"/>
  <c r="A155003" i="1" s="1"/>
  <c r="A155004" i="1" s="1"/>
  <c r="A155005" i="1" s="1"/>
  <c r="A155006" i="1" s="1"/>
  <c r="A155007" i="1" s="1"/>
  <c r="A155008" i="1" s="1"/>
  <c r="A155009" i="1" s="1"/>
  <c r="A155010" i="1" s="1"/>
  <c r="A155011" i="1" s="1"/>
  <c r="A155012" i="1" s="1"/>
  <c r="A155013" i="1" s="1"/>
  <c r="A155014" i="1" s="1"/>
  <c r="A155015" i="1" s="1"/>
  <c r="A155016" i="1" s="1"/>
  <c r="A155017" i="1" s="1"/>
  <c r="A155018" i="1" s="1"/>
  <c r="A155019" i="1" s="1"/>
  <c r="A155020" i="1" s="1"/>
  <c r="A155021" i="1" s="1"/>
  <c r="A155022" i="1" s="1"/>
  <c r="A155023" i="1" s="1"/>
  <c r="A155024" i="1" s="1"/>
  <c r="A155025" i="1" s="1"/>
  <c r="A155026" i="1" s="1"/>
  <c r="A155027" i="1" s="1"/>
  <c r="A155028" i="1" s="1"/>
  <c r="A155029" i="1" s="1"/>
  <c r="A155030" i="1" s="1"/>
  <c r="A155031" i="1" s="1"/>
  <c r="A155032" i="1" s="1"/>
  <c r="A155033" i="1" s="1"/>
  <c r="A155034" i="1" s="1"/>
  <c r="A155035" i="1" s="1"/>
  <c r="A155036" i="1" s="1"/>
  <c r="A155037" i="1" s="1"/>
  <c r="A155038" i="1" s="1"/>
  <c r="A155039" i="1" s="1"/>
  <c r="A155040" i="1" s="1"/>
  <c r="A155041" i="1" s="1"/>
  <c r="A155042" i="1" s="1"/>
  <c r="A155043" i="1" s="1"/>
  <c r="A155044" i="1" s="1"/>
  <c r="A155045" i="1" s="1"/>
  <c r="A155046" i="1" s="1"/>
  <c r="A155047" i="1" s="1"/>
  <c r="A155048" i="1" s="1"/>
  <c r="A155049" i="1" s="1"/>
  <c r="A155050" i="1" s="1"/>
  <c r="A155051" i="1" s="1"/>
  <c r="A155052" i="1" s="1"/>
  <c r="A155053" i="1" s="1"/>
  <c r="A155054" i="1" s="1"/>
  <c r="A155055" i="1" s="1"/>
  <c r="A155056" i="1" s="1"/>
  <c r="A155057" i="1" s="1"/>
  <c r="A155058" i="1" s="1"/>
  <c r="A155059" i="1" s="1"/>
  <c r="A155060" i="1" s="1"/>
  <c r="A155061" i="1" s="1"/>
  <c r="A155062" i="1" s="1"/>
  <c r="A155063" i="1" s="1"/>
  <c r="A155064" i="1" s="1"/>
  <c r="A155065" i="1" s="1"/>
  <c r="A155066" i="1" s="1"/>
  <c r="A155067" i="1" s="1"/>
  <c r="A155068" i="1" s="1"/>
  <c r="A155069" i="1" s="1"/>
  <c r="A155070" i="1" s="1"/>
  <c r="A155071" i="1" s="1"/>
  <c r="A155072" i="1" s="1"/>
  <c r="A155073" i="1" s="1"/>
  <c r="A155074" i="1" s="1"/>
  <c r="A155075" i="1" s="1"/>
  <c r="A155076" i="1" s="1"/>
  <c r="A155077" i="1" s="1"/>
  <c r="A155078" i="1" s="1"/>
  <c r="A155079" i="1" s="1"/>
  <c r="A155080" i="1" s="1"/>
  <c r="A155081" i="1" s="1"/>
  <c r="A155082" i="1" s="1"/>
  <c r="A155083" i="1" s="1"/>
  <c r="A155084" i="1" s="1"/>
  <c r="A155085" i="1" s="1"/>
  <c r="A155086" i="1" s="1"/>
  <c r="A155087" i="1" s="1"/>
  <c r="A155088" i="1" s="1"/>
  <c r="A155089" i="1" s="1"/>
  <c r="A155090" i="1" s="1"/>
  <c r="A155091" i="1" s="1"/>
  <c r="A155092" i="1" s="1"/>
  <c r="A155093" i="1" s="1"/>
  <c r="A155094" i="1" s="1"/>
  <c r="A155095" i="1" s="1"/>
  <c r="A155096" i="1" s="1"/>
  <c r="A155097" i="1" s="1"/>
  <c r="A155098" i="1" s="1"/>
  <c r="A155099" i="1" s="1"/>
  <c r="A155100" i="1" s="1"/>
  <c r="A155101" i="1" s="1"/>
  <c r="A155102" i="1" s="1"/>
  <c r="A155103" i="1" s="1"/>
  <c r="A155104" i="1" s="1"/>
  <c r="A155105" i="1" s="1"/>
  <c r="A155106" i="1" s="1"/>
  <c r="A155107" i="1" s="1"/>
  <c r="A155108" i="1" s="1"/>
  <c r="A155109" i="1" s="1"/>
  <c r="A155110" i="1" s="1"/>
  <c r="A155111" i="1" s="1"/>
  <c r="A155112" i="1" s="1"/>
  <c r="A155113" i="1" s="1"/>
  <c r="A155114" i="1" s="1"/>
  <c r="A155115" i="1" s="1"/>
  <c r="A155116" i="1" s="1"/>
  <c r="A155117" i="1" s="1"/>
  <c r="A155118" i="1" s="1"/>
  <c r="A155119" i="1" s="1"/>
  <c r="A155120" i="1" s="1"/>
  <c r="A155121" i="1" s="1"/>
  <c r="A155122" i="1" s="1"/>
  <c r="A155123" i="1" s="1"/>
  <c r="A155124" i="1" s="1"/>
  <c r="A155125" i="1" s="1"/>
  <c r="A155126" i="1" s="1"/>
  <c r="A155127" i="1" s="1"/>
  <c r="A155128" i="1" s="1"/>
  <c r="A155129" i="1" s="1"/>
  <c r="A155130" i="1" s="1"/>
  <c r="A155131" i="1" s="1"/>
  <c r="A155132" i="1" s="1"/>
  <c r="A155133" i="1" s="1"/>
  <c r="A155134" i="1" s="1"/>
  <c r="A155135" i="1" s="1"/>
  <c r="A155136" i="1" s="1"/>
  <c r="A155137" i="1" s="1"/>
  <c r="A155138" i="1" s="1"/>
  <c r="A155139" i="1" s="1"/>
  <c r="A155140" i="1" s="1"/>
  <c r="A155141" i="1" s="1"/>
  <c r="A155142" i="1" s="1"/>
  <c r="A155143" i="1" s="1"/>
  <c r="A155144" i="1" s="1"/>
  <c r="A155145" i="1" s="1"/>
  <c r="A155146" i="1" s="1"/>
  <c r="A155147" i="1" s="1"/>
  <c r="A155148" i="1" s="1"/>
  <c r="A155149" i="1" s="1"/>
  <c r="A155150" i="1" s="1"/>
  <c r="A155151" i="1" s="1"/>
  <c r="A155152" i="1" s="1"/>
  <c r="A155153" i="1" s="1"/>
  <c r="A155154" i="1" s="1"/>
  <c r="A155155" i="1" s="1"/>
  <c r="A155156" i="1" s="1"/>
  <c r="A155157" i="1" s="1"/>
  <c r="A155158" i="1" s="1"/>
  <c r="A155159" i="1" s="1"/>
  <c r="A155160" i="1" s="1"/>
  <c r="A155161" i="1" s="1"/>
  <c r="A155162" i="1" s="1"/>
  <c r="A155163" i="1" s="1"/>
  <c r="A155164" i="1" s="1"/>
  <c r="A155165" i="1" s="1"/>
  <c r="A155166" i="1" s="1"/>
  <c r="A155167" i="1" s="1"/>
  <c r="A155168" i="1" s="1"/>
  <c r="A155169" i="1" s="1"/>
  <c r="A155170" i="1" s="1"/>
  <c r="A155171" i="1" s="1"/>
  <c r="A155172" i="1" s="1"/>
  <c r="A155173" i="1" s="1"/>
  <c r="A155174" i="1" s="1"/>
  <c r="A155175" i="1" s="1"/>
  <c r="A155176" i="1" s="1"/>
  <c r="A155177" i="1" s="1"/>
  <c r="A155178" i="1" s="1"/>
  <c r="A155179" i="1" s="1"/>
  <c r="A155180" i="1" s="1"/>
  <c r="A155181" i="1" s="1"/>
  <c r="A155182" i="1" s="1"/>
  <c r="A155183" i="1" s="1"/>
  <c r="A155184" i="1" s="1"/>
  <c r="A155185" i="1" s="1"/>
  <c r="A155186" i="1" s="1"/>
  <c r="A155187" i="1" s="1"/>
  <c r="A155188" i="1" s="1"/>
  <c r="A155189" i="1" s="1"/>
  <c r="A155190" i="1" s="1"/>
  <c r="A155191" i="1" s="1"/>
  <c r="A155192" i="1" s="1"/>
  <c r="A155193" i="1" s="1"/>
  <c r="A155194" i="1" s="1"/>
  <c r="A155195" i="1" s="1"/>
  <c r="A155196" i="1" s="1"/>
  <c r="A155197" i="1" s="1"/>
  <c r="A155198" i="1" s="1"/>
  <c r="A155199" i="1" s="1"/>
  <c r="A155200" i="1" s="1"/>
  <c r="A155201" i="1" s="1"/>
  <c r="A155202" i="1" s="1"/>
  <c r="A155203" i="1" s="1"/>
  <c r="A155204" i="1" s="1"/>
  <c r="A155205" i="1" s="1"/>
  <c r="A155206" i="1" s="1"/>
  <c r="A155207" i="1" s="1"/>
  <c r="A155208" i="1" s="1"/>
  <c r="A155209" i="1" s="1"/>
  <c r="A155210" i="1" s="1"/>
  <c r="A155211" i="1" s="1"/>
  <c r="A155212" i="1" s="1"/>
  <c r="A155213" i="1" s="1"/>
  <c r="A155214" i="1" s="1"/>
  <c r="A155215" i="1" s="1"/>
  <c r="A155216" i="1" s="1"/>
  <c r="A155217" i="1" s="1"/>
  <c r="A155218" i="1" s="1"/>
  <c r="A155219" i="1" s="1"/>
  <c r="A155220" i="1" s="1"/>
  <c r="A155221" i="1" s="1"/>
  <c r="A155222" i="1" s="1"/>
  <c r="A155223" i="1" s="1"/>
  <c r="A155224" i="1" s="1"/>
  <c r="A155225" i="1" s="1"/>
  <c r="A155226" i="1" s="1"/>
  <c r="A155227" i="1" s="1"/>
  <c r="A155228" i="1" s="1"/>
  <c r="A155229" i="1" s="1"/>
  <c r="A155230" i="1" s="1"/>
  <c r="A155231" i="1" s="1"/>
  <c r="A155232" i="1" s="1"/>
  <c r="A155233" i="1" s="1"/>
  <c r="A155234" i="1" s="1"/>
  <c r="A155235" i="1" s="1"/>
  <c r="A155236" i="1" s="1"/>
  <c r="A155237" i="1" s="1"/>
  <c r="A155238" i="1" s="1"/>
  <c r="A155239" i="1" s="1"/>
  <c r="A155240" i="1" s="1"/>
  <c r="A155241" i="1" s="1"/>
  <c r="A155242" i="1" s="1"/>
  <c r="A155243" i="1" s="1"/>
  <c r="A155244" i="1" s="1"/>
  <c r="A155245" i="1" s="1"/>
  <c r="A155246" i="1" s="1"/>
  <c r="A155247" i="1" s="1"/>
  <c r="A155248" i="1" s="1"/>
  <c r="A155249" i="1" s="1"/>
  <c r="A155250" i="1" s="1"/>
  <c r="A155251" i="1" s="1"/>
  <c r="A155252" i="1" s="1"/>
  <c r="A155253" i="1" s="1"/>
  <c r="A155254" i="1" s="1"/>
  <c r="A155255" i="1" s="1"/>
  <c r="A155256" i="1" s="1"/>
  <c r="A155257" i="1" s="1"/>
  <c r="A155258" i="1" s="1"/>
  <c r="A155259" i="1" s="1"/>
  <c r="A155260" i="1" s="1"/>
  <c r="A155261" i="1" s="1"/>
  <c r="A155262" i="1" s="1"/>
  <c r="A155263" i="1" s="1"/>
  <c r="A155264" i="1" s="1"/>
  <c r="A155265" i="1" s="1"/>
  <c r="A155266" i="1" s="1"/>
  <c r="A155267" i="1" s="1"/>
  <c r="A155268" i="1" s="1"/>
  <c r="A155269" i="1" s="1"/>
  <c r="A155270" i="1" s="1"/>
  <c r="A155271" i="1" s="1"/>
  <c r="A155272" i="1" s="1"/>
  <c r="A155273" i="1" s="1"/>
  <c r="A155274" i="1" s="1"/>
  <c r="A155275" i="1" s="1"/>
  <c r="A155276" i="1" s="1"/>
  <c r="A155277" i="1" s="1"/>
  <c r="A155278" i="1" s="1"/>
  <c r="A155279" i="1" s="1"/>
  <c r="A155280" i="1" s="1"/>
  <c r="A155281" i="1" s="1"/>
  <c r="A155282" i="1" s="1"/>
  <c r="A155283" i="1" s="1"/>
  <c r="A155284" i="1" s="1"/>
  <c r="A155285" i="1" s="1"/>
  <c r="A155286" i="1" s="1"/>
  <c r="A155287" i="1" s="1"/>
  <c r="A155288" i="1" s="1"/>
  <c r="A155289" i="1" s="1"/>
  <c r="A155290" i="1" s="1"/>
  <c r="A155291" i="1" s="1"/>
  <c r="A155292" i="1" s="1"/>
  <c r="A155293" i="1" s="1"/>
  <c r="A155294" i="1" s="1"/>
  <c r="A155295" i="1" s="1"/>
  <c r="A155296" i="1" s="1"/>
  <c r="A155297" i="1" s="1"/>
  <c r="A155298" i="1" s="1"/>
  <c r="A155299" i="1" s="1"/>
  <c r="A155300" i="1" s="1"/>
  <c r="A155301" i="1" s="1"/>
  <c r="A155302" i="1" s="1"/>
  <c r="A155303" i="1" s="1"/>
  <c r="A155304" i="1" s="1"/>
  <c r="A155305" i="1" s="1"/>
  <c r="A155306" i="1" s="1"/>
  <c r="A155307" i="1" s="1"/>
  <c r="A155308" i="1" s="1"/>
  <c r="A155309" i="1" s="1"/>
  <c r="A155310" i="1" s="1"/>
  <c r="A155311" i="1" s="1"/>
  <c r="A155312" i="1" s="1"/>
  <c r="A155313" i="1" s="1"/>
  <c r="A155314" i="1" s="1"/>
  <c r="A155315" i="1" s="1"/>
  <c r="A155316" i="1" s="1"/>
  <c r="A155317" i="1" s="1"/>
  <c r="A155318" i="1" s="1"/>
  <c r="A155319" i="1" s="1"/>
  <c r="A155320" i="1" s="1"/>
  <c r="A155321" i="1" s="1"/>
  <c r="A155322" i="1" s="1"/>
  <c r="A155323" i="1" s="1"/>
  <c r="A155324" i="1" s="1"/>
  <c r="A155325" i="1" s="1"/>
  <c r="A155326" i="1" s="1"/>
  <c r="A155327" i="1" s="1"/>
  <c r="A155328" i="1" s="1"/>
  <c r="A155329" i="1" s="1"/>
  <c r="A155330" i="1" s="1"/>
  <c r="A155331" i="1" s="1"/>
  <c r="A155332" i="1" s="1"/>
  <c r="A155333" i="1" s="1"/>
  <c r="A155334" i="1" s="1"/>
  <c r="A155335" i="1" s="1"/>
  <c r="A155336" i="1" s="1"/>
  <c r="A155337" i="1" s="1"/>
  <c r="A155338" i="1" s="1"/>
  <c r="A155339" i="1" s="1"/>
  <c r="A155340" i="1" s="1"/>
  <c r="A155341" i="1" s="1"/>
  <c r="A155342" i="1" s="1"/>
  <c r="A155343" i="1" s="1"/>
  <c r="A155344" i="1" s="1"/>
  <c r="A155345" i="1" s="1"/>
  <c r="A155346" i="1" s="1"/>
  <c r="A155347" i="1" s="1"/>
  <c r="A155348" i="1" s="1"/>
  <c r="A155349" i="1" s="1"/>
  <c r="A155350" i="1" s="1"/>
  <c r="A155351" i="1" s="1"/>
  <c r="A155352" i="1" s="1"/>
  <c r="A155353" i="1" s="1"/>
  <c r="A155354" i="1" s="1"/>
  <c r="A155355" i="1" s="1"/>
  <c r="A155356" i="1" s="1"/>
  <c r="A155357" i="1" s="1"/>
  <c r="A155358" i="1" s="1"/>
  <c r="A155359" i="1" s="1"/>
  <c r="A155360" i="1" s="1"/>
  <c r="A155361" i="1" s="1"/>
  <c r="A155362" i="1" s="1"/>
  <c r="A155363" i="1" s="1"/>
  <c r="A155364" i="1" s="1"/>
  <c r="A155365" i="1" s="1"/>
  <c r="A155366" i="1" s="1"/>
  <c r="A155367" i="1" s="1"/>
  <c r="A155368" i="1" s="1"/>
  <c r="A155369" i="1" s="1"/>
  <c r="A155370" i="1" s="1"/>
  <c r="A155371" i="1" s="1"/>
  <c r="A155372" i="1" s="1"/>
  <c r="A155373" i="1" s="1"/>
  <c r="A155374" i="1" s="1"/>
  <c r="A155375" i="1" s="1"/>
  <c r="A155376" i="1" s="1"/>
  <c r="A155377" i="1" s="1"/>
  <c r="A155378" i="1" s="1"/>
  <c r="A155379" i="1" s="1"/>
  <c r="A155380" i="1" s="1"/>
  <c r="A155381" i="1" s="1"/>
  <c r="A155382" i="1" s="1"/>
  <c r="A155383" i="1" s="1"/>
  <c r="A155384" i="1" s="1"/>
  <c r="A155385" i="1" s="1"/>
  <c r="A155386" i="1" s="1"/>
  <c r="A155387" i="1" s="1"/>
  <c r="A155388" i="1" s="1"/>
  <c r="A155389" i="1" s="1"/>
  <c r="A155390" i="1" s="1"/>
  <c r="A155391" i="1" s="1"/>
  <c r="A155392" i="1" s="1"/>
  <c r="A155393" i="1" s="1"/>
  <c r="A155394" i="1" s="1"/>
  <c r="A155395" i="1" s="1"/>
  <c r="A155396" i="1" s="1"/>
  <c r="A155397" i="1" s="1"/>
  <c r="A155398" i="1" s="1"/>
  <c r="A155399" i="1" s="1"/>
  <c r="A155400" i="1" s="1"/>
  <c r="A155401" i="1" s="1"/>
  <c r="A155402" i="1" s="1"/>
  <c r="A155403" i="1" s="1"/>
  <c r="A155404" i="1" s="1"/>
  <c r="A155405" i="1" s="1"/>
  <c r="A155406" i="1" s="1"/>
  <c r="A155407" i="1" s="1"/>
  <c r="A155408" i="1" s="1"/>
  <c r="A155409" i="1" s="1"/>
  <c r="A155410" i="1" s="1"/>
  <c r="A155411" i="1" s="1"/>
  <c r="A155412" i="1" s="1"/>
  <c r="A155413" i="1" s="1"/>
  <c r="A155414" i="1" s="1"/>
  <c r="A155415" i="1" s="1"/>
  <c r="A155416" i="1" s="1"/>
  <c r="A155417" i="1" s="1"/>
  <c r="A155418" i="1" s="1"/>
  <c r="A155419" i="1" s="1"/>
  <c r="A155420" i="1" s="1"/>
  <c r="A155421" i="1" s="1"/>
  <c r="A155422" i="1" s="1"/>
  <c r="A155423" i="1" s="1"/>
  <c r="A155424" i="1" s="1"/>
  <c r="A155425" i="1" s="1"/>
  <c r="A155426" i="1" s="1"/>
  <c r="A155427" i="1" s="1"/>
  <c r="A155428" i="1" s="1"/>
  <c r="A155429" i="1" s="1"/>
  <c r="A155430" i="1" s="1"/>
  <c r="A155431" i="1" s="1"/>
  <c r="A155432" i="1" s="1"/>
  <c r="A155433" i="1" s="1"/>
  <c r="A155434" i="1" s="1"/>
  <c r="A155435" i="1" s="1"/>
  <c r="A155436" i="1" s="1"/>
  <c r="A155437" i="1" s="1"/>
  <c r="A155438" i="1" s="1"/>
  <c r="A155439" i="1" s="1"/>
  <c r="A155440" i="1" s="1"/>
  <c r="A155441" i="1" s="1"/>
  <c r="A155442" i="1" s="1"/>
  <c r="A155443" i="1" s="1"/>
  <c r="A155444" i="1" s="1"/>
  <c r="A155445" i="1" s="1"/>
  <c r="A155446" i="1" s="1"/>
  <c r="A155447" i="1" s="1"/>
  <c r="A155448" i="1" s="1"/>
  <c r="A155449" i="1" s="1"/>
  <c r="A155450" i="1" s="1"/>
  <c r="A155451" i="1" s="1"/>
  <c r="A155452" i="1" s="1"/>
  <c r="A155453" i="1" s="1"/>
  <c r="A155454" i="1" s="1"/>
  <c r="A155455" i="1" s="1"/>
  <c r="A155456" i="1" s="1"/>
  <c r="A155457" i="1" s="1"/>
  <c r="A155458" i="1" s="1"/>
  <c r="A155459" i="1" s="1"/>
  <c r="A155460" i="1" s="1"/>
  <c r="A155461" i="1" s="1"/>
  <c r="A155462" i="1" s="1"/>
  <c r="A155463" i="1" s="1"/>
  <c r="A155464" i="1" s="1"/>
  <c r="A155465" i="1" s="1"/>
  <c r="A155466" i="1" s="1"/>
  <c r="A155467" i="1" s="1"/>
  <c r="A155468" i="1" s="1"/>
  <c r="A155469" i="1" s="1"/>
  <c r="A155470" i="1" s="1"/>
  <c r="A155471" i="1" s="1"/>
  <c r="A155472" i="1" s="1"/>
  <c r="A155473" i="1" s="1"/>
  <c r="A155474" i="1" s="1"/>
  <c r="A155475" i="1" s="1"/>
  <c r="A155476" i="1" s="1"/>
  <c r="A155477" i="1" s="1"/>
  <c r="A155478" i="1" s="1"/>
  <c r="A155479" i="1" s="1"/>
  <c r="A155480" i="1" s="1"/>
  <c r="A155481" i="1" s="1"/>
  <c r="A155482" i="1" s="1"/>
  <c r="A155483" i="1" s="1"/>
  <c r="A155484" i="1" s="1"/>
  <c r="A155485" i="1" s="1"/>
  <c r="A155486" i="1" s="1"/>
  <c r="A155487" i="1" s="1"/>
  <c r="A155488" i="1" s="1"/>
  <c r="A155489" i="1" s="1"/>
  <c r="A155490" i="1" s="1"/>
  <c r="A155491" i="1" s="1"/>
  <c r="A155492" i="1" s="1"/>
  <c r="A155493" i="1" s="1"/>
  <c r="A155494" i="1" s="1"/>
  <c r="A155495" i="1" s="1"/>
  <c r="A155496" i="1" s="1"/>
  <c r="A155497" i="1" s="1"/>
  <c r="A155498" i="1" s="1"/>
  <c r="A155499" i="1" s="1"/>
  <c r="A155500" i="1" s="1"/>
  <c r="A155501" i="1" s="1"/>
  <c r="A155502" i="1" s="1"/>
  <c r="A155503" i="1" s="1"/>
  <c r="A155504" i="1" s="1"/>
  <c r="A155505" i="1" s="1"/>
  <c r="A155506" i="1" s="1"/>
  <c r="A155507" i="1" s="1"/>
  <c r="A155508" i="1" s="1"/>
  <c r="A155509" i="1" s="1"/>
  <c r="A155510" i="1" s="1"/>
  <c r="A155511" i="1" s="1"/>
  <c r="A155512" i="1" s="1"/>
  <c r="A155513" i="1" s="1"/>
  <c r="A155514" i="1" s="1"/>
  <c r="A155515" i="1" s="1"/>
  <c r="A155516" i="1" s="1"/>
  <c r="A155517" i="1" s="1"/>
  <c r="A155518" i="1" s="1"/>
  <c r="A155519" i="1" s="1"/>
  <c r="A155520" i="1" s="1"/>
  <c r="A155521" i="1" s="1"/>
  <c r="A155522" i="1" s="1"/>
  <c r="A155523" i="1" s="1"/>
  <c r="A155524" i="1" s="1"/>
  <c r="A155525" i="1" s="1"/>
  <c r="A155526" i="1" s="1"/>
  <c r="A155527" i="1" s="1"/>
  <c r="A155528" i="1" s="1"/>
  <c r="A155529" i="1" s="1"/>
  <c r="A155530" i="1" s="1"/>
  <c r="A155531" i="1" s="1"/>
  <c r="A155532" i="1" s="1"/>
  <c r="A155533" i="1" s="1"/>
  <c r="A155534" i="1" s="1"/>
  <c r="A155535" i="1" s="1"/>
  <c r="A155536" i="1" s="1"/>
  <c r="A155537" i="1" s="1"/>
  <c r="A155538" i="1" s="1"/>
  <c r="A155539" i="1" s="1"/>
  <c r="A155540" i="1" s="1"/>
  <c r="A155541" i="1" s="1"/>
  <c r="A155542" i="1" s="1"/>
  <c r="A155543" i="1" s="1"/>
  <c r="A155544" i="1" s="1"/>
  <c r="A155545" i="1" s="1"/>
  <c r="A155546" i="1" s="1"/>
  <c r="A155547" i="1" s="1"/>
  <c r="A155548" i="1" s="1"/>
  <c r="A155549" i="1" s="1"/>
  <c r="A155550" i="1" s="1"/>
  <c r="A155551" i="1" s="1"/>
  <c r="A155552" i="1" s="1"/>
  <c r="A155553" i="1" s="1"/>
  <c r="A155554" i="1" s="1"/>
  <c r="A155555" i="1" s="1"/>
  <c r="A155556" i="1" s="1"/>
  <c r="A155557" i="1" s="1"/>
  <c r="A155558" i="1" s="1"/>
  <c r="A155559" i="1" s="1"/>
  <c r="A155560" i="1" s="1"/>
  <c r="A155561" i="1" s="1"/>
  <c r="A155562" i="1" s="1"/>
  <c r="A155563" i="1" s="1"/>
  <c r="A155564" i="1" s="1"/>
  <c r="A155565" i="1" s="1"/>
  <c r="A155566" i="1" s="1"/>
  <c r="A155567" i="1" s="1"/>
  <c r="A155568" i="1" s="1"/>
  <c r="A155569" i="1" s="1"/>
  <c r="A155570" i="1" s="1"/>
  <c r="A155571" i="1" s="1"/>
  <c r="A155572" i="1" s="1"/>
  <c r="A155573" i="1" s="1"/>
  <c r="A155574" i="1" s="1"/>
  <c r="A155575" i="1" s="1"/>
  <c r="A155576" i="1" s="1"/>
  <c r="A155577" i="1" s="1"/>
  <c r="A155578" i="1" s="1"/>
  <c r="A155579" i="1" s="1"/>
  <c r="A155580" i="1" s="1"/>
  <c r="A155581" i="1" s="1"/>
  <c r="A155582" i="1" s="1"/>
  <c r="A155583" i="1" s="1"/>
  <c r="A155584" i="1" s="1"/>
  <c r="A155585" i="1" s="1"/>
  <c r="A155586" i="1" s="1"/>
  <c r="A155587" i="1" s="1"/>
  <c r="A155588" i="1" s="1"/>
  <c r="A155589" i="1" s="1"/>
  <c r="A155590" i="1" s="1"/>
  <c r="A155591" i="1" s="1"/>
  <c r="A155592" i="1" s="1"/>
  <c r="A155593" i="1" s="1"/>
  <c r="A155594" i="1" s="1"/>
  <c r="A155595" i="1" s="1"/>
  <c r="A155596" i="1" s="1"/>
  <c r="A155597" i="1" s="1"/>
  <c r="A155598" i="1" s="1"/>
  <c r="A155599" i="1" s="1"/>
  <c r="A155600" i="1" s="1"/>
  <c r="A155601" i="1" s="1"/>
  <c r="A155602" i="1" s="1"/>
  <c r="A155603" i="1" s="1"/>
  <c r="A155604" i="1" s="1"/>
  <c r="A155605" i="1" s="1"/>
  <c r="A155606" i="1" s="1"/>
  <c r="A155607" i="1" s="1"/>
  <c r="A155608" i="1" s="1"/>
  <c r="A155609" i="1" s="1"/>
  <c r="A155610" i="1" s="1"/>
  <c r="A155611" i="1" s="1"/>
  <c r="A155612" i="1" s="1"/>
  <c r="A155613" i="1" s="1"/>
  <c r="A155614" i="1" s="1"/>
  <c r="A155615" i="1" s="1"/>
  <c r="A155616" i="1" s="1"/>
  <c r="A155617" i="1" s="1"/>
  <c r="A155618" i="1" s="1"/>
  <c r="A155619" i="1" s="1"/>
  <c r="A155620" i="1" s="1"/>
  <c r="A155621" i="1" s="1"/>
  <c r="A155622" i="1" s="1"/>
  <c r="A155623" i="1" s="1"/>
  <c r="A155624" i="1" s="1"/>
  <c r="A155625" i="1" s="1"/>
  <c r="A155626" i="1" s="1"/>
  <c r="A155627" i="1" s="1"/>
  <c r="A155628" i="1" s="1"/>
  <c r="A155629" i="1" s="1"/>
  <c r="A155630" i="1" s="1"/>
  <c r="A155631" i="1" s="1"/>
  <c r="A155632" i="1" s="1"/>
  <c r="A155633" i="1" s="1"/>
  <c r="A155634" i="1" s="1"/>
  <c r="A155635" i="1" s="1"/>
  <c r="A155636" i="1" s="1"/>
  <c r="A155637" i="1" s="1"/>
  <c r="A155638" i="1" s="1"/>
  <c r="A155639" i="1" s="1"/>
  <c r="A155640" i="1" s="1"/>
  <c r="A155641" i="1" s="1"/>
  <c r="A155642" i="1" s="1"/>
  <c r="A155643" i="1" s="1"/>
  <c r="A155644" i="1" s="1"/>
  <c r="A155645" i="1" s="1"/>
  <c r="A155646" i="1" s="1"/>
  <c r="A155647" i="1" s="1"/>
  <c r="A155648" i="1" s="1"/>
  <c r="A155649" i="1" s="1"/>
  <c r="A155650" i="1" s="1"/>
  <c r="A155651" i="1" s="1"/>
  <c r="A155652" i="1" s="1"/>
  <c r="A155653" i="1" s="1"/>
  <c r="A155654" i="1" s="1"/>
  <c r="A155655" i="1" s="1"/>
  <c r="A155656" i="1" s="1"/>
  <c r="A155657" i="1" s="1"/>
  <c r="A155658" i="1" s="1"/>
  <c r="A155659" i="1" s="1"/>
  <c r="A155660" i="1" s="1"/>
  <c r="A155661" i="1" s="1"/>
  <c r="A155662" i="1" s="1"/>
  <c r="A155663" i="1" s="1"/>
  <c r="A155664" i="1" s="1"/>
  <c r="A155665" i="1" s="1"/>
  <c r="A155666" i="1" s="1"/>
  <c r="A155667" i="1" s="1"/>
  <c r="A155668" i="1" s="1"/>
  <c r="A155669" i="1" s="1"/>
  <c r="A155670" i="1" s="1"/>
  <c r="A155671" i="1" s="1"/>
  <c r="A155672" i="1" s="1"/>
  <c r="A155673" i="1" s="1"/>
  <c r="A155674" i="1" s="1"/>
  <c r="A155675" i="1" s="1"/>
  <c r="A155676" i="1" s="1"/>
  <c r="A155677" i="1" s="1"/>
  <c r="A155678" i="1" s="1"/>
  <c r="A155679" i="1" s="1"/>
  <c r="A155680" i="1" s="1"/>
  <c r="A155681" i="1" s="1"/>
  <c r="A155682" i="1" s="1"/>
  <c r="A155683" i="1" s="1"/>
  <c r="A155684" i="1" s="1"/>
  <c r="A155685" i="1" s="1"/>
  <c r="A155686" i="1" s="1"/>
  <c r="A155687" i="1" s="1"/>
  <c r="A155688" i="1" s="1"/>
  <c r="A155689" i="1" s="1"/>
  <c r="A155690" i="1" s="1"/>
  <c r="A155691" i="1" s="1"/>
  <c r="A155692" i="1" s="1"/>
  <c r="A155693" i="1" s="1"/>
  <c r="A155694" i="1" s="1"/>
  <c r="A155695" i="1" s="1"/>
  <c r="A155696" i="1" s="1"/>
  <c r="A155697" i="1" s="1"/>
  <c r="A155698" i="1" s="1"/>
  <c r="A155699" i="1" s="1"/>
  <c r="A155700" i="1" s="1"/>
  <c r="A155701" i="1" s="1"/>
  <c r="A155702" i="1" s="1"/>
  <c r="A155703" i="1" s="1"/>
  <c r="A155704" i="1" s="1"/>
  <c r="A155705" i="1" s="1"/>
  <c r="A155706" i="1" s="1"/>
  <c r="A155707" i="1" s="1"/>
  <c r="A155708" i="1" s="1"/>
  <c r="A155709" i="1" s="1"/>
  <c r="A155710" i="1" s="1"/>
  <c r="A155711" i="1" s="1"/>
  <c r="A155712" i="1" s="1"/>
  <c r="A155713" i="1" s="1"/>
  <c r="A155714" i="1" s="1"/>
  <c r="A155715" i="1" s="1"/>
  <c r="A155716" i="1" s="1"/>
  <c r="A155717" i="1" s="1"/>
  <c r="A155718" i="1" s="1"/>
  <c r="A155719" i="1" s="1"/>
  <c r="A155720" i="1" s="1"/>
  <c r="A155721" i="1" s="1"/>
  <c r="A155722" i="1" s="1"/>
  <c r="A155723" i="1" s="1"/>
  <c r="A155724" i="1" s="1"/>
  <c r="A155725" i="1" s="1"/>
  <c r="A155726" i="1" s="1"/>
  <c r="A155727" i="1" s="1"/>
  <c r="A155728" i="1" s="1"/>
  <c r="A155729" i="1" s="1"/>
  <c r="A155730" i="1" s="1"/>
  <c r="A155731" i="1" s="1"/>
  <c r="A155732" i="1" s="1"/>
  <c r="A155733" i="1" s="1"/>
  <c r="A155734" i="1" s="1"/>
  <c r="A155735" i="1" s="1"/>
  <c r="A155736" i="1" s="1"/>
  <c r="A155737" i="1" s="1"/>
  <c r="A155738" i="1" s="1"/>
  <c r="A155739" i="1" s="1"/>
  <c r="A155740" i="1" s="1"/>
  <c r="A155741" i="1" s="1"/>
  <c r="A155742" i="1" s="1"/>
  <c r="A155743" i="1" s="1"/>
  <c r="A155744" i="1" s="1"/>
  <c r="A155745" i="1" s="1"/>
  <c r="A155746" i="1" s="1"/>
  <c r="A155747" i="1" s="1"/>
  <c r="A155748" i="1" s="1"/>
  <c r="A155749" i="1" s="1"/>
  <c r="A155750" i="1" s="1"/>
  <c r="A155751" i="1" s="1"/>
  <c r="A155752" i="1" s="1"/>
  <c r="A155753" i="1" s="1"/>
  <c r="A155754" i="1" s="1"/>
  <c r="A155755" i="1" s="1"/>
  <c r="A155756" i="1" s="1"/>
  <c r="A155757" i="1" s="1"/>
  <c r="A155758" i="1" s="1"/>
  <c r="A155759" i="1" s="1"/>
  <c r="A155760" i="1" s="1"/>
  <c r="A155761" i="1" s="1"/>
  <c r="A155762" i="1" s="1"/>
  <c r="A155763" i="1" s="1"/>
  <c r="A155764" i="1" s="1"/>
  <c r="A155765" i="1" s="1"/>
  <c r="A155766" i="1" s="1"/>
  <c r="A155767" i="1" s="1"/>
  <c r="A155768" i="1" s="1"/>
  <c r="A155769" i="1" s="1"/>
  <c r="A155770" i="1" s="1"/>
  <c r="A155771" i="1" s="1"/>
  <c r="A155772" i="1" s="1"/>
  <c r="A155773" i="1" s="1"/>
  <c r="A155774" i="1" s="1"/>
  <c r="A155775" i="1" s="1"/>
  <c r="A155776" i="1" s="1"/>
  <c r="A155777" i="1" s="1"/>
  <c r="A155778" i="1" s="1"/>
  <c r="A155779" i="1" s="1"/>
  <c r="A155780" i="1" s="1"/>
  <c r="A155781" i="1" s="1"/>
  <c r="A155782" i="1" s="1"/>
  <c r="A155783" i="1" s="1"/>
  <c r="A155784" i="1" s="1"/>
  <c r="A155785" i="1" s="1"/>
  <c r="A155786" i="1" s="1"/>
  <c r="A155787" i="1" s="1"/>
  <c r="A155788" i="1" s="1"/>
  <c r="A155789" i="1" s="1"/>
  <c r="A155790" i="1" s="1"/>
  <c r="A155791" i="1" s="1"/>
  <c r="A155792" i="1" s="1"/>
  <c r="A155793" i="1" s="1"/>
  <c r="A155794" i="1" s="1"/>
  <c r="A155795" i="1" s="1"/>
  <c r="A155796" i="1" s="1"/>
  <c r="A155797" i="1" s="1"/>
  <c r="A155798" i="1" s="1"/>
  <c r="A155799" i="1" s="1"/>
  <c r="A155800" i="1" s="1"/>
  <c r="A155801" i="1" s="1"/>
  <c r="A155802" i="1" s="1"/>
  <c r="A155803" i="1" s="1"/>
  <c r="A155804" i="1" s="1"/>
  <c r="A155805" i="1" s="1"/>
  <c r="A155806" i="1" s="1"/>
  <c r="A155807" i="1" s="1"/>
  <c r="A155808" i="1" s="1"/>
  <c r="A155809" i="1" s="1"/>
  <c r="A155810" i="1" s="1"/>
  <c r="A155811" i="1" s="1"/>
  <c r="A155812" i="1" s="1"/>
  <c r="A155813" i="1" s="1"/>
  <c r="A155814" i="1" s="1"/>
  <c r="A155815" i="1" s="1"/>
  <c r="A155816" i="1" s="1"/>
  <c r="A155817" i="1" s="1"/>
  <c r="A155818" i="1" s="1"/>
  <c r="A155819" i="1" s="1"/>
  <c r="A155820" i="1" s="1"/>
  <c r="A155821" i="1" s="1"/>
  <c r="A155822" i="1" s="1"/>
  <c r="A155823" i="1" s="1"/>
  <c r="A155824" i="1" s="1"/>
  <c r="A155825" i="1" s="1"/>
  <c r="A155826" i="1" s="1"/>
  <c r="A155827" i="1" s="1"/>
  <c r="A155828" i="1" s="1"/>
  <c r="A155829" i="1" s="1"/>
  <c r="A155830" i="1" s="1"/>
  <c r="A155831" i="1" s="1"/>
  <c r="A155832" i="1" s="1"/>
  <c r="A155833" i="1" s="1"/>
  <c r="A155834" i="1" s="1"/>
  <c r="A155835" i="1" s="1"/>
  <c r="A155836" i="1" s="1"/>
  <c r="A155837" i="1" s="1"/>
  <c r="A155838" i="1" s="1"/>
  <c r="A155839" i="1" s="1"/>
  <c r="A155840" i="1" s="1"/>
  <c r="A155841" i="1" s="1"/>
  <c r="A155842" i="1" s="1"/>
  <c r="A155843" i="1" s="1"/>
  <c r="A155844" i="1" s="1"/>
  <c r="A155845" i="1" s="1"/>
  <c r="A155846" i="1" s="1"/>
  <c r="A155847" i="1" s="1"/>
  <c r="A155848" i="1" s="1"/>
  <c r="A155849" i="1" s="1"/>
  <c r="A155850" i="1" s="1"/>
  <c r="A155851" i="1" s="1"/>
  <c r="A155852" i="1" s="1"/>
  <c r="A155853" i="1" s="1"/>
  <c r="A155854" i="1" s="1"/>
  <c r="A155855" i="1" s="1"/>
  <c r="A155856" i="1" s="1"/>
  <c r="A155857" i="1" s="1"/>
  <c r="A155858" i="1" s="1"/>
  <c r="A155859" i="1" s="1"/>
  <c r="A155860" i="1" s="1"/>
  <c r="A155861" i="1" s="1"/>
  <c r="A155862" i="1" s="1"/>
  <c r="A155863" i="1" s="1"/>
  <c r="A155864" i="1" s="1"/>
  <c r="A155865" i="1" s="1"/>
  <c r="A155866" i="1" s="1"/>
  <c r="A155867" i="1" s="1"/>
  <c r="A155868" i="1" s="1"/>
  <c r="A155869" i="1" s="1"/>
  <c r="A155870" i="1" s="1"/>
  <c r="A155871" i="1" s="1"/>
  <c r="A155872" i="1" s="1"/>
  <c r="A155873" i="1" s="1"/>
  <c r="A155874" i="1" s="1"/>
  <c r="A155875" i="1" s="1"/>
  <c r="A155876" i="1" s="1"/>
  <c r="A155877" i="1" s="1"/>
  <c r="A155878" i="1" s="1"/>
  <c r="A155879" i="1" s="1"/>
  <c r="A155880" i="1" s="1"/>
  <c r="A155881" i="1" s="1"/>
  <c r="A155882" i="1" s="1"/>
  <c r="A155883" i="1" s="1"/>
  <c r="A155884" i="1" s="1"/>
  <c r="A155885" i="1" s="1"/>
  <c r="A155886" i="1" s="1"/>
  <c r="A155887" i="1" s="1"/>
  <c r="A155888" i="1" s="1"/>
  <c r="A155889" i="1" s="1"/>
  <c r="A155890" i="1" s="1"/>
  <c r="A155891" i="1" s="1"/>
  <c r="A155892" i="1" s="1"/>
  <c r="A155893" i="1" s="1"/>
  <c r="A155894" i="1" s="1"/>
  <c r="A155895" i="1" s="1"/>
  <c r="A155896" i="1" s="1"/>
  <c r="A155897" i="1" s="1"/>
  <c r="A155898" i="1" s="1"/>
  <c r="A155899" i="1" s="1"/>
  <c r="A155900" i="1" s="1"/>
  <c r="A155901" i="1" s="1"/>
  <c r="A155902" i="1" s="1"/>
  <c r="A155903" i="1" s="1"/>
  <c r="A155904" i="1" s="1"/>
  <c r="A155905" i="1" s="1"/>
  <c r="A155906" i="1" s="1"/>
  <c r="A155907" i="1" s="1"/>
  <c r="A155908" i="1" s="1"/>
  <c r="A155909" i="1" s="1"/>
  <c r="A155910" i="1" s="1"/>
  <c r="A155911" i="1" s="1"/>
  <c r="A155912" i="1" s="1"/>
  <c r="A155913" i="1" s="1"/>
  <c r="A155914" i="1" s="1"/>
  <c r="A155915" i="1" s="1"/>
  <c r="A155916" i="1" s="1"/>
  <c r="A155917" i="1" s="1"/>
  <c r="A155918" i="1" s="1"/>
  <c r="A155919" i="1" s="1"/>
  <c r="A155920" i="1" s="1"/>
  <c r="A155921" i="1" s="1"/>
  <c r="A155922" i="1" s="1"/>
  <c r="A155923" i="1" s="1"/>
  <c r="A155924" i="1" s="1"/>
  <c r="A155925" i="1" s="1"/>
  <c r="A155926" i="1" s="1"/>
  <c r="A155927" i="1" s="1"/>
  <c r="A155928" i="1" s="1"/>
  <c r="A155929" i="1" s="1"/>
  <c r="A155930" i="1" s="1"/>
  <c r="A155931" i="1" s="1"/>
  <c r="A155932" i="1" s="1"/>
  <c r="A155933" i="1" s="1"/>
  <c r="A155934" i="1" s="1"/>
  <c r="A155935" i="1" s="1"/>
  <c r="A155936" i="1" s="1"/>
  <c r="A155937" i="1" s="1"/>
  <c r="A155938" i="1" s="1"/>
  <c r="A155939" i="1" s="1"/>
  <c r="A155940" i="1" s="1"/>
  <c r="A155941" i="1" s="1"/>
  <c r="A155942" i="1" s="1"/>
  <c r="A155943" i="1" s="1"/>
  <c r="A155944" i="1" s="1"/>
  <c r="A155945" i="1" s="1"/>
  <c r="A155946" i="1" s="1"/>
  <c r="A155947" i="1" s="1"/>
  <c r="A155948" i="1" s="1"/>
  <c r="A155949" i="1" s="1"/>
  <c r="A155950" i="1" s="1"/>
  <c r="A155951" i="1" s="1"/>
  <c r="A155952" i="1" s="1"/>
  <c r="A155953" i="1" s="1"/>
  <c r="A155954" i="1" s="1"/>
  <c r="A155955" i="1" s="1"/>
  <c r="A155956" i="1" s="1"/>
  <c r="A155957" i="1" s="1"/>
  <c r="A155958" i="1" s="1"/>
  <c r="A155959" i="1" s="1"/>
  <c r="A155960" i="1" s="1"/>
  <c r="A155961" i="1" s="1"/>
  <c r="A155962" i="1" s="1"/>
  <c r="A155963" i="1" s="1"/>
  <c r="A155964" i="1" s="1"/>
  <c r="A155965" i="1" s="1"/>
  <c r="A155966" i="1" s="1"/>
  <c r="A155967" i="1" s="1"/>
  <c r="A155968" i="1" s="1"/>
  <c r="A155969" i="1" s="1"/>
  <c r="A155970" i="1" s="1"/>
  <c r="A155971" i="1" s="1"/>
  <c r="A155972" i="1" s="1"/>
  <c r="A155973" i="1" s="1"/>
  <c r="A155974" i="1" s="1"/>
  <c r="A155975" i="1" s="1"/>
  <c r="A155976" i="1" s="1"/>
  <c r="A155977" i="1" s="1"/>
  <c r="A155978" i="1" s="1"/>
  <c r="A155979" i="1" s="1"/>
  <c r="A155980" i="1" s="1"/>
  <c r="A155981" i="1" s="1"/>
  <c r="A155982" i="1" s="1"/>
  <c r="A155983" i="1" s="1"/>
  <c r="A155984" i="1" s="1"/>
  <c r="A155985" i="1" s="1"/>
  <c r="A155986" i="1" s="1"/>
  <c r="A155987" i="1" s="1"/>
  <c r="A155988" i="1" s="1"/>
  <c r="A155989" i="1" s="1"/>
  <c r="A155990" i="1" s="1"/>
  <c r="A155991" i="1" s="1"/>
  <c r="A155992" i="1" s="1"/>
  <c r="A155993" i="1" s="1"/>
  <c r="A155994" i="1" s="1"/>
  <c r="A155995" i="1" s="1"/>
  <c r="A155996" i="1" s="1"/>
  <c r="A155997" i="1" s="1"/>
  <c r="A155998" i="1" s="1"/>
  <c r="A155999" i="1" s="1"/>
  <c r="A156000" i="1" s="1"/>
  <c r="A156001" i="1" s="1"/>
  <c r="A156002" i="1" s="1"/>
  <c r="A156003" i="1" s="1"/>
  <c r="A156004" i="1" s="1"/>
  <c r="A156005" i="1" s="1"/>
  <c r="A156006" i="1" s="1"/>
  <c r="A156007" i="1" s="1"/>
  <c r="A156008" i="1" s="1"/>
  <c r="A156009" i="1" s="1"/>
  <c r="A156010" i="1" s="1"/>
  <c r="A156011" i="1" s="1"/>
  <c r="A156012" i="1" s="1"/>
  <c r="A156013" i="1" s="1"/>
  <c r="A156014" i="1" s="1"/>
  <c r="A156015" i="1" s="1"/>
  <c r="A156016" i="1" s="1"/>
  <c r="A156017" i="1" s="1"/>
  <c r="A156018" i="1" s="1"/>
  <c r="A156019" i="1" s="1"/>
  <c r="A156020" i="1" s="1"/>
  <c r="A156021" i="1" s="1"/>
  <c r="A156022" i="1" s="1"/>
  <c r="A156023" i="1" s="1"/>
  <c r="A156024" i="1" s="1"/>
  <c r="A156025" i="1" s="1"/>
  <c r="A156026" i="1" s="1"/>
  <c r="A156027" i="1" s="1"/>
  <c r="A156028" i="1" s="1"/>
  <c r="A156029" i="1" s="1"/>
  <c r="A156030" i="1" s="1"/>
  <c r="A156031" i="1" s="1"/>
  <c r="A156032" i="1" s="1"/>
  <c r="A156033" i="1" s="1"/>
  <c r="A156034" i="1" s="1"/>
  <c r="A156035" i="1" s="1"/>
  <c r="A156036" i="1" s="1"/>
  <c r="A156037" i="1" s="1"/>
  <c r="A156038" i="1" s="1"/>
  <c r="A156039" i="1" s="1"/>
  <c r="A156040" i="1" s="1"/>
  <c r="A156041" i="1" s="1"/>
  <c r="A156042" i="1" s="1"/>
  <c r="A156043" i="1" s="1"/>
  <c r="A156044" i="1" s="1"/>
  <c r="A156045" i="1" s="1"/>
  <c r="A156046" i="1" s="1"/>
  <c r="A156047" i="1" s="1"/>
  <c r="A156048" i="1" s="1"/>
  <c r="A156049" i="1" s="1"/>
  <c r="A156050" i="1" s="1"/>
  <c r="A156051" i="1" s="1"/>
  <c r="A156052" i="1" s="1"/>
  <c r="A156053" i="1" s="1"/>
  <c r="A156054" i="1" s="1"/>
  <c r="A156055" i="1" s="1"/>
  <c r="A156056" i="1" s="1"/>
  <c r="A156057" i="1" s="1"/>
  <c r="A156058" i="1" s="1"/>
  <c r="A156059" i="1" s="1"/>
  <c r="A156060" i="1" s="1"/>
  <c r="A156061" i="1" s="1"/>
  <c r="A156062" i="1" s="1"/>
  <c r="A156063" i="1" s="1"/>
  <c r="A156064" i="1" s="1"/>
  <c r="A156065" i="1" s="1"/>
  <c r="A156066" i="1" s="1"/>
  <c r="A156067" i="1" s="1"/>
  <c r="A156068" i="1" s="1"/>
  <c r="A156069" i="1" s="1"/>
  <c r="A156070" i="1" s="1"/>
  <c r="A156071" i="1" s="1"/>
  <c r="A156072" i="1" s="1"/>
  <c r="A156073" i="1" s="1"/>
  <c r="A156074" i="1" s="1"/>
  <c r="A156075" i="1" s="1"/>
  <c r="A156076" i="1" s="1"/>
  <c r="A156077" i="1" s="1"/>
  <c r="A156078" i="1" s="1"/>
  <c r="A156079" i="1" s="1"/>
  <c r="A156080" i="1" s="1"/>
  <c r="A156081" i="1" s="1"/>
  <c r="A156082" i="1" s="1"/>
  <c r="A156083" i="1" s="1"/>
  <c r="A156084" i="1" s="1"/>
  <c r="A156085" i="1" s="1"/>
  <c r="A156086" i="1" s="1"/>
  <c r="A156087" i="1" s="1"/>
  <c r="A156088" i="1" s="1"/>
  <c r="A156089" i="1" s="1"/>
  <c r="A156090" i="1" s="1"/>
  <c r="A156091" i="1" s="1"/>
  <c r="A156092" i="1" s="1"/>
  <c r="A156093" i="1" s="1"/>
  <c r="A156094" i="1" s="1"/>
  <c r="A156095" i="1" s="1"/>
  <c r="A156096" i="1" s="1"/>
  <c r="A156097" i="1" s="1"/>
  <c r="A156098" i="1" s="1"/>
  <c r="A156099" i="1" s="1"/>
  <c r="A156100" i="1" s="1"/>
  <c r="A156101" i="1" s="1"/>
  <c r="A156102" i="1" s="1"/>
  <c r="A156103" i="1" s="1"/>
  <c r="A156104" i="1" s="1"/>
  <c r="A156105" i="1" s="1"/>
  <c r="A156106" i="1" s="1"/>
  <c r="A156107" i="1" s="1"/>
  <c r="A156108" i="1" s="1"/>
  <c r="A156109" i="1" s="1"/>
  <c r="A156110" i="1" s="1"/>
  <c r="A156111" i="1" s="1"/>
  <c r="A156112" i="1" s="1"/>
  <c r="A156113" i="1" s="1"/>
  <c r="A156114" i="1" s="1"/>
  <c r="A156115" i="1" s="1"/>
  <c r="A156116" i="1" s="1"/>
  <c r="A156117" i="1" s="1"/>
  <c r="A156118" i="1" s="1"/>
  <c r="A156119" i="1" s="1"/>
  <c r="A156120" i="1" s="1"/>
  <c r="A156121" i="1" s="1"/>
  <c r="A156122" i="1" s="1"/>
  <c r="A156123" i="1" s="1"/>
  <c r="A156124" i="1" s="1"/>
  <c r="A156125" i="1" s="1"/>
  <c r="A156126" i="1" s="1"/>
  <c r="A156127" i="1" s="1"/>
  <c r="A156128" i="1" s="1"/>
  <c r="A156129" i="1" s="1"/>
  <c r="A156130" i="1" s="1"/>
  <c r="A156131" i="1" s="1"/>
  <c r="A156132" i="1" s="1"/>
  <c r="A156133" i="1" s="1"/>
  <c r="A156134" i="1" s="1"/>
  <c r="A156135" i="1" s="1"/>
  <c r="A156136" i="1" s="1"/>
  <c r="A156137" i="1" s="1"/>
  <c r="A156138" i="1" s="1"/>
  <c r="A156139" i="1" s="1"/>
  <c r="A156140" i="1" s="1"/>
  <c r="A156141" i="1" s="1"/>
  <c r="A156142" i="1" s="1"/>
  <c r="A156143" i="1" s="1"/>
  <c r="A156144" i="1" s="1"/>
  <c r="A156145" i="1" s="1"/>
  <c r="A156146" i="1" s="1"/>
  <c r="A156147" i="1" s="1"/>
  <c r="A156148" i="1" s="1"/>
  <c r="A156149" i="1" s="1"/>
  <c r="A156150" i="1" s="1"/>
  <c r="A156151" i="1" s="1"/>
  <c r="A156152" i="1" s="1"/>
  <c r="A156153" i="1" s="1"/>
  <c r="A156154" i="1" s="1"/>
  <c r="A156155" i="1" s="1"/>
  <c r="A156156" i="1" s="1"/>
  <c r="A156157" i="1" s="1"/>
  <c r="A156158" i="1" s="1"/>
  <c r="A156159" i="1" s="1"/>
  <c r="A156160" i="1" s="1"/>
  <c r="A156161" i="1" s="1"/>
  <c r="A156162" i="1" s="1"/>
  <c r="A156163" i="1" s="1"/>
  <c r="A156164" i="1" s="1"/>
  <c r="A156165" i="1" s="1"/>
  <c r="A156166" i="1" s="1"/>
  <c r="A156167" i="1" s="1"/>
  <c r="A156168" i="1" s="1"/>
  <c r="A156169" i="1" s="1"/>
  <c r="A156170" i="1" s="1"/>
  <c r="A156171" i="1" s="1"/>
  <c r="A156172" i="1" s="1"/>
  <c r="A156173" i="1" s="1"/>
  <c r="A156174" i="1" s="1"/>
  <c r="A156175" i="1" s="1"/>
  <c r="A156176" i="1" s="1"/>
  <c r="A156177" i="1" s="1"/>
  <c r="A156178" i="1" s="1"/>
  <c r="A156179" i="1" s="1"/>
  <c r="A156180" i="1" s="1"/>
  <c r="A156181" i="1" s="1"/>
  <c r="A156182" i="1" s="1"/>
  <c r="A156183" i="1" s="1"/>
  <c r="A156184" i="1" s="1"/>
  <c r="A156185" i="1" s="1"/>
  <c r="A156186" i="1" s="1"/>
  <c r="A156187" i="1" s="1"/>
  <c r="A156188" i="1" s="1"/>
  <c r="A156189" i="1" s="1"/>
  <c r="A156190" i="1" s="1"/>
  <c r="A156191" i="1" s="1"/>
  <c r="A156192" i="1" s="1"/>
  <c r="A156193" i="1" s="1"/>
  <c r="A156194" i="1" s="1"/>
  <c r="A156195" i="1" s="1"/>
  <c r="A156196" i="1" s="1"/>
  <c r="A156197" i="1" s="1"/>
  <c r="A156198" i="1" s="1"/>
  <c r="A156199" i="1" s="1"/>
  <c r="A156200" i="1" s="1"/>
  <c r="A156201" i="1" s="1"/>
  <c r="A156202" i="1" s="1"/>
  <c r="A156203" i="1" s="1"/>
  <c r="A156204" i="1" s="1"/>
  <c r="A156205" i="1" s="1"/>
  <c r="A156206" i="1" s="1"/>
  <c r="A156207" i="1" s="1"/>
  <c r="A156208" i="1" s="1"/>
  <c r="A156209" i="1" s="1"/>
  <c r="A156210" i="1" s="1"/>
  <c r="A156211" i="1" s="1"/>
  <c r="A156212" i="1" s="1"/>
  <c r="A156213" i="1" s="1"/>
  <c r="A156214" i="1" s="1"/>
  <c r="A156215" i="1" s="1"/>
  <c r="A156216" i="1" s="1"/>
  <c r="A156217" i="1" s="1"/>
  <c r="A156218" i="1" s="1"/>
  <c r="A156219" i="1" s="1"/>
  <c r="A156220" i="1" s="1"/>
  <c r="A156221" i="1" s="1"/>
  <c r="A156222" i="1" s="1"/>
  <c r="A156223" i="1" s="1"/>
  <c r="A156224" i="1" s="1"/>
  <c r="A156225" i="1" s="1"/>
  <c r="A156226" i="1" s="1"/>
  <c r="A156227" i="1" s="1"/>
  <c r="A156228" i="1" s="1"/>
  <c r="A156229" i="1" s="1"/>
  <c r="A156230" i="1" s="1"/>
  <c r="A156231" i="1" s="1"/>
  <c r="A156232" i="1" s="1"/>
  <c r="A156233" i="1" s="1"/>
  <c r="A156234" i="1" s="1"/>
  <c r="A156235" i="1" s="1"/>
  <c r="A156236" i="1" s="1"/>
  <c r="A156237" i="1" s="1"/>
  <c r="A156238" i="1" s="1"/>
  <c r="A156239" i="1" s="1"/>
  <c r="A156240" i="1" s="1"/>
  <c r="A156241" i="1" s="1"/>
  <c r="A156242" i="1" s="1"/>
  <c r="A156243" i="1" s="1"/>
  <c r="A156244" i="1" s="1"/>
  <c r="A156245" i="1" s="1"/>
  <c r="A156246" i="1" s="1"/>
  <c r="A156247" i="1" s="1"/>
  <c r="A156248" i="1" s="1"/>
  <c r="A156249" i="1" s="1"/>
  <c r="A156250" i="1" s="1"/>
  <c r="A156251" i="1" s="1"/>
  <c r="A156252" i="1" s="1"/>
  <c r="A156253" i="1" s="1"/>
  <c r="A156254" i="1" s="1"/>
  <c r="A156255" i="1" s="1"/>
  <c r="A156256" i="1" s="1"/>
  <c r="A156257" i="1" s="1"/>
  <c r="A156258" i="1" s="1"/>
  <c r="A156259" i="1" s="1"/>
  <c r="A156260" i="1" s="1"/>
  <c r="A156261" i="1" s="1"/>
  <c r="A156262" i="1" s="1"/>
  <c r="A156263" i="1" s="1"/>
  <c r="A156264" i="1" s="1"/>
  <c r="A156265" i="1" s="1"/>
  <c r="A156266" i="1" s="1"/>
  <c r="A156267" i="1" s="1"/>
  <c r="A156268" i="1" s="1"/>
  <c r="A156269" i="1" s="1"/>
  <c r="A156270" i="1" s="1"/>
  <c r="A156271" i="1" s="1"/>
  <c r="A156272" i="1" s="1"/>
  <c r="A156273" i="1" s="1"/>
  <c r="A156274" i="1" s="1"/>
  <c r="A156275" i="1" s="1"/>
  <c r="A156276" i="1" s="1"/>
  <c r="A156277" i="1" s="1"/>
  <c r="A156278" i="1" s="1"/>
  <c r="A156279" i="1" s="1"/>
  <c r="A156280" i="1" s="1"/>
  <c r="A156281" i="1" s="1"/>
  <c r="A156282" i="1" s="1"/>
  <c r="A156283" i="1" s="1"/>
  <c r="A156284" i="1" s="1"/>
  <c r="A156285" i="1" s="1"/>
  <c r="A156286" i="1" s="1"/>
  <c r="A156287" i="1" s="1"/>
  <c r="A156288" i="1" s="1"/>
  <c r="A156289" i="1" s="1"/>
  <c r="A156290" i="1" s="1"/>
  <c r="A156291" i="1" s="1"/>
  <c r="A156292" i="1" s="1"/>
  <c r="A156293" i="1" s="1"/>
  <c r="A156294" i="1" s="1"/>
  <c r="A156295" i="1" s="1"/>
  <c r="A156296" i="1" s="1"/>
  <c r="A156297" i="1" s="1"/>
  <c r="A156298" i="1" s="1"/>
  <c r="A156299" i="1" s="1"/>
  <c r="A156300" i="1" s="1"/>
  <c r="A156301" i="1" s="1"/>
  <c r="A156302" i="1" s="1"/>
  <c r="A156303" i="1" s="1"/>
  <c r="A156304" i="1" s="1"/>
  <c r="A156305" i="1" s="1"/>
  <c r="A156306" i="1" s="1"/>
  <c r="A156307" i="1" s="1"/>
  <c r="A156308" i="1" s="1"/>
  <c r="A156309" i="1" s="1"/>
  <c r="A156310" i="1" s="1"/>
  <c r="A156311" i="1" s="1"/>
  <c r="A156312" i="1" s="1"/>
  <c r="A156313" i="1" s="1"/>
  <c r="A156314" i="1" s="1"/>
  <c r="A156315" i="1" s="1"/>
  <c r="A156316" i="1" s="1"/>
  <c r="A156317" i="1" s="1"/>
  <c r="A156318" i="1" s="1"/>
  <c r="A156319" i="1" s="1"/>
  <c r="A156320" i="1" s="1"/>
  <c r="A156321" i="1" s="1"/>
  <c r="A156322" i="1" s="1"/>
  <c r="A156323" i="1" s="1"/>
  <c r="A156324" i="1" s="1"/>
  <c r="A156325" i="1" s="1"/>
  <c r="A156326" i="1" s="1"/>
  <c r="A156327" i="1" s="1"/>
  <c r="A156328" i="1" s="1"/>
  <c r="A156329" i="1" s="1"/>
  <c r="A156330" i="1" s="1"/>
  <c r="A156331" i="1" s="1"/>
  <c r="A156332" i="1" s="1"/>
  <c r="A156333" i="1" s="1"/>
  <c r="A156334" i="1" s="1"/>
  <c r="A156335" i="1" s="1"/>
  <c r="A156336" i="1" s="1"/>
  <c r="A156337" i="1" s="1"/>
  <c r="A156338" i="1" s="1"/>
  <c r="A156339" i="1" s="1"/>
  <c r="A156340" i="1" s="1"/>
  <c r="A156341" i="1" s="1"/>
  <c r="A156342" i="1" s="1"/>
  <c r="A156343" i="1" s="1"/>
  <c r="A156344" i="1" s="1"/>
  <c r="A156345" i="1" s="1"/>
  <c r="A156346" i="1" s="1"/>
  <c r="A156347" i="1" s="1"/>
  <c r="A156348" i="1" s="1"/>
  <c r="A156349" i="1" s="1"/>
  <c r="A156350" i="1" s="1"/>
  <c r="A156351" i="1" s="1"/>
  <c r="A156352" i="1" s="1"/>
  <c r="A156353" i="1" s="1"/>
  <c r="A156354" i="1" s="1"/>
  <c r="A156355" i="1" s="1"/>
  <c r="A156356" i="1" s="1"/>
  <c r="A156357" i="1" s="1"/>
  <c r="A156358" i="1" s="1"/>
  <c r="A156359" i="1" s="1"/>
  <c r="A156360" i="1" s="1"/>
  <c r="A156361" i="1" s="1"/>
  <c r="A156362" i="1" s="1"/>
  <c r="A156363" i="1" s="1"/>
  <c r="A156364" i="1" s="1"/>
  <c r="A156365" i="1" s="1"/>
  <c r="A156366" i="1" s="1"/>
  <c r="A156367" i="1" s="1"/>
  <c r="A156368" i="1" s="1"/>
  <c r="A156369" i="1" s="1"/>
  <c r="A156370" i="1" s="1"/>
  <c r="A156371" i="1" s="1"/>
  <c r="A156372" i="1" s="1"/>
  <c r="A156373" i="1" s="1"/>
  <c r="A156374" i="1" s="1"/>
  <c r="A156375" i="1" s="1"/>
  <c r="A156376" i="1" s="1"/>
  <c r="A156377" i="1" s="1"/>
  <c r="A156378" i="1" s="1"/>
  <c r="A156379" i="1" s="1"/>
  <c r="A156380" i="1" s="1"/>
  <c r="A156381" i="1" s="1"/>
  <c r="A156382" i="1" s="1"/>
  <c r="A156383" i="1" s="1"/>
  <c r="A156384" i="1" s="1"/>
  <c r="A156385" i="1" s="1"/>
  <c r="A156386" i="1" s="1"/>
  <c r="A156387" i="1" s="1"/>
  <c r="A156388" i="1" s="1"/>
  <c r="A156389" i="1" s="1"/>
  <c r="A156390" i="1" s="1"/>
  <c r="A156391" i="1" s="1"/>
  <c r="A156392" i="1" s="1"/>
  <c r="A156393" i="1" s="1"/>
  <c r="A156394" i="1" s="1"/>
  <c r="A156395" i="1" s="1"/>
  <c r="A156396" i="1" s="1"/>
  <c r="A156397" i="1" s="1"/>
  <c r="A156398" i="1" s="1"/>
  <c r="A156399" i="1" s="1"/>
  <c r="A156400" i="1" s="1"/>
  <c r="A156401" i="1" s="1"/>
  <c r="A156402" i="1" s="1"/>
  <c r="A156403" i="1" s="1"/>
  <c r="A156404" i="1" s="1"/>
  <c r="A156405" i="1" s="1"/>
  <c r="A156406" i="1" s="1"/>
  <c r="A156407" i="1" s="1"/>
  <c r="A156408" i="1" s="1"/>
  <c r="A156409" i="1" s="1"/>
  <c r="A156410" i="1" s="1"/>
  <c r="A156411" i="1" s="1"/>
  <c r="A156412" i="1" s="1"/>
  <c r="A156413" i="1" s="1"/>
  <c r="A156414" i="1" s="1"/>
  <c r="A156415" i="1" s="1"/>
  <c r="A156416" i="1" s="1"/>
  <c r="A156417" i="1" s="1"/>
  <c r="A156418" i="1" s="1"/>
  <c r="A156419" i="1" s="1"/>
  <c r="A156420" i="1" s="1"/>
  <c r="A156421" i="1" s="1"/>
  <c r="A156422" i="1" s="1"/>
  <c r="A156423" i="1" s="1"/>
  <c r="A156424" i="1" s="1"/>
  <c r="A156425" i="1" s="1"/>
  <c r="A156426" i="1" s="1"/>
  <c r="A156427" i="1" s="1"/>
  <c r="A156428" i="1" s="1"/>
  <c r="A156429" i="1" s="1"/>
  <c r="A156430" i="1" s="1"/>
  <c r="A156431" i="1" s="1"/>
  <c r="A156432" i="1" s="1"/>
  <c r="A156433" i="1" s="1"/>
  <c r="A156434" i="1" s="1"/>
  <c r="A156435" i="1" s="1"/>
  <c r="A156436" i="1" s="1"/>
  <c r="A156437" i="1" s="1"/>
  <c r="A156438" i="1" s="1"/>
  <c r="A156439" i="1" s="1"/>
  <c r="A156440" i="1" s="1"/>
  <c r="A156441" i="1" s="1"/>
  <c r="A156442" i="1" s="1"/>
  <c r="A156443" i="1" s="1"/>
  <c r="A156444" i="1" s="1"/>
  <c r="A156445" i="1" s="1"/>
  <c r="A156446" i="1" s="1"/>
  <c r="A156447" i="1" s="1"/>
  <c r="A156448" i="1" s="1"/>
  <c r="A156449" i="1" s="1"/>
  <c r="A156450" i="1" s="1"/>
  <c r="A156451" i="1" s="1"/>
  <c r="A156452" i="1" s="1"/>
  <c r="A156453" i="1" s="1"/>
  <c r="A156454" i="1" s="1"/>
  <c r="A156455" i="1" s="1"/>
  <c r="A156456" i="1" s="1"/>
  <c r="A156457" i="1" s="1"/>
  <c r="A156458" i="1" s="1"/>
  <c r="A156459" i="1" s="1"/>
  <c r="A156460" i="1" s="1"/>
  <c r="A156461" i="1" s="1"/>
  <c r="A156462" i="1" s="1"/>
  <c r="A156463" i="1" s="1"/>
  <c r="A156464" i="1" s="1"/>
  <c r="A156465" i="1" s="1"/>
  <c r="A156466" i="1" s="1"/>
  <c r="A156467" i="1" s="1"/>
  <c r="A156468" i="1" s="1"/>
  <c r="A156469" i="1" s="1"/>
  <c r="A156470" i="1" s="1"/>
  <c r="A156471" i="1" s="1"/>
  <c r="A156472" i="1" s="1"/>
  <c r="A156473" i="1" s="1"/>
  <c r="A156474" i="1" s="1"/>
  <c r="A156475" i="1" s="1"/>
  <c r="A156476" i="1" s="1"/>
  <c r="A156477" i="1" s="1"/>
  <c r="A156478" i="1" s="1"/>
  <c r="A156479" i="1" s="1"/>
  <c r="A156480" i="1" s="1"/>
  <c r="A156481" i="1" s="1"/>
  <c r="A156482" i="1" s="1"/>
  <c r="A156483" i="1" s="1"/>
  <c r="A156484" i="1" s="1"/>
  <c r="A156485" i="1" s="1"/>
  <c r="A156486" i="1" s="1"/>
  <c r="A156487" i="1" s="1"/>
  <c r="A156488" i="1" s="1"/>
  <c r="A156489" i="1" s="1"/>
  <c r="A156490" i="1" s="1"/>
  <c r="A156491" i="1" s="1"/>
  <c r="A156492" i="1" s="1"/>
  <c r="A156493" i="1" s="1"/>
  <c r="A156494" i="1" s="1"/>
  <c r="A156495" i="1" s="1"/>
  <c r="A156496" i="1" s="1"/>
  <c r="A156497" i="1" s="1"/>
  <c r="A156498" i="1" s="1"/>
  <c r="A156499" i="1" s="1"/>
  <c r="A156500" i="1" s="1"/>
  <c r="A156501" i="1" s="1"/>
  <c r="A156502" i="1" s="1"/>
  <c r="A156503" i="1" s="1"/>
  <c r="A156504" i="1" s="1"/>
  <c r="A156505" i="1" s="1"/>
  <c r="A156506" i="1" s="1"/>
  <c r="A156507" i="1" s="1"/>
  <c r="A156508" i="1" s="1"/>
  <c r="A156509" i="1" s="1"/>
  <c r="A156510" i="1" s="1"/>
  <c r="A156511" i="1" s="1"/>
  <c r="A156512" i="1" s="1"/>
  <c r="A156513" i="1" s="1"/>
  <c r="A156514" i="1" s="1"/>
  <c r="A156515" i="1" s="1"/>
  <c r="A156516" i="1" s="1"/>
  <c r="A156517" i="1" s="1"/>
  <c r="A156518" i="1" s="1"/>
  <c r="A156519" i="1" s="1"/>
  <c r="A156520" i="1" s="1"/>
  <c r="A156521" i="1" s="1"/>
  <c r="A156522" i="1" s="1"/>
  <c r="A156523" i="1" s="1"/>
  <c r="A156524" i="1" s="1"/>
  <c r="A156525" i="1" s="1"/>
  <c r="A156526" i="1" s="1"/>
  <c r="A156527" i="1" s="1"/>
  <c r="A156528" i="1" s="1"/>
  <c r="A156529" i="1" s="1"/>
  <c r="A156530" i="1" s="1"/>
  <c r="A156531" i="1" s="1"/>
  <c r="A156532" i="1" s="1"/>
  <c r="A156533" i="1" s="1"/>
  <c r="A156534" i="1" s="1"/>
  <c r="A156535" i="1" s="1"/>
  <c r="A156536" i="1" s="1"/>
  <c r="A156537" i="1" s="1"/>
  <c r="A156538" i="1" s="1"/>
  <c r="A156539" i="1" s="1"/>
  <c r="A156540" i="1" s="1"/>
  <c r="A156541" i="1" s="1"/>
  <c r="A156542" i="1" s="1"/>
  <c r="A156543" i="1" s="1"/>
  <c r="A156544" i="1" s="1"/>
  <c r="A156545" i="1" s="1"/>
  <c r="A156546" i="1" s="1"/>
  <c r="A156547" i="1" s="1"/>
  <c r="A156548" i="1" s="1"/>
  <c r="A156549" i="1" s="1"/>
  <c r="A156550" i="1" s="1"/>
  <c r="A156551" i="1" s="1"/>
  <c r="A156552" i="1" s="1"/>
  <c r="A156553" i="1" s="1"/>
  <c r="A156554" i="1" s="1"/>
  <c r="A156555" i="1" s="1"/>
  <c r="A156556" i="1" s="1"/>
  <c r="A156557" i="1" s="1"/>
  <c r="A156558" i="1" s="1"/>
  <c r="A156559" i="1" s="1"/>
  <c r="A156560" i="1" s="1"/>
  <c r="A156561" i="1" s="1"/>
  <c r="A156562" i="1" s="1"/>
  <c r="A156563" i="1" s="1"/>
  <c r="A156564" i="1" s="1"/>
  <c r="A156565" i="1" s="1"/>
  <c r="A156566" i="1" s="1"/>
  <c r="A156567" i="1" s="1"/>
  <c r="A156568" i="1" s="1"/>
  <c r="A156569" i="1" s="1"/>
  <c r="A156570" i="1" s="1"/>
  <c r="A156571" i="1" s="1"/>
  <c r="A156572" i="1" s="1"/>
  <c r="A156573" i="1" s="1"/>
  <c r="A156574" i="1" s="1"/>
  <c r="A156575" i="1" s="1"/>
  <c r="A156576" i="1" s="1"/>
  <c r="A156577" i="1" s="1"/>
  <c r="A156578" i="1" s="1"/>
  <c r="A156579" i="1" s="1"/>
  <c r="A156580" i="1" s="1"/>
  <c r="A156581" i="1" s="1"/>
  <c r="A156582" i="1" s="1"/>
  <c r="A156583" i="1" s="1"/>
  <c r="A156584" i="1" s="1"/>
  <c r="A156585" i="1" s="1"/>
  <c r="A156586" i="1" s="1"/>
  <c r="A156587" i="1" s="1"/>
  <c r="A156588" i="1" s="1"/>
  <c r="A156589" i="1" s="1"/>
  <c r="A156590" i="1" s="1"/>
  <c r="A156591" i="1" s="1"/>
  <c r="A156592" i="1" s="1"/>
  <c r="A156593" i="1" s="1"/>
  <c r="A156594" i="1" s="1"/>
  <c r="A156595" i="1" s="1"/>
  <c r="A156596" i="1" s="1"/>
  <c r="A156597" i="1" s="1"/>
  <c r="A156598" i="1" s="1"/>
  <c r="A156599" i="1" s="1"/>
  <c r="A156600" i="1" s="1"/>
  <c r="A156601" i="1" s="1"/>
  <c r="A156602" i="1" s="1"/>
  <c r="A156603" i="1" s="1"/>
  <c r="A156604" i="1" s="1"/>
  <c r="A156605" i="1" s="1"/>
  <c r="A156606" i="1" s="1"/>
  <c r="A156607" i="1" s="1"/>
  <c r="A156608" i="1" s="1"/>
  <c r="A156609" i="1" s="1"/>
  <c r="A156610" i="1" s="1"/>
  <c r="A156611" i="1" s="1"/>
  <c r="A156612" i="1" s="1"/>
  <c r="A156613" i="1" s="1"/>
  <c r="A156614" i="1" s="1"/>
  <c r="A156615" i="1" s="1"/>
  <c r="A156616" i="1" s="1"/>
  <c r="A156617" i="1" s="1"/>
  <c r="A156618" i="1" s="1"/>
  <c r="A156619" i="1" s="1"/>
  <c r="A156620" i="1" s="1"/>
  <c r="A156621" i="1" s="1"/>
  <c r="A156622" i="1" s="1"/>
  <c r="A156623" i="1" s="1"/>
  <c r="A156624" i="1" s="1"/>
  <c r="A156625" i="1" s="1"/>
  <c r="A156626" i="1" s="1"/>
  <c r="A156627" i="1" s="1"/>
  <c r="A156628" i="1" s="1"/>
  <c r="A156629" i="1" s="1"/>
  <c r="A156630" i="1" s="1"/>
  <c r="A156631" i="1" s="1"/>
  <c r="A156632" i="1" s="1"/>
  <c r="A156633" i="1" s="1"/>
  <c r="A156634" i="1" s="1"/>
  <c r="A156635" i="1" s="1"/>
  <c r="A156636" i="1" s="1"/>
  <c r="A156637" i="1" s="1"/>
  <c r="A156638" i="1" s="1"/>
  <c r="A156639" i="1" s="1"/>
  <c r="A156640" i="1" s="1"/>
  <c r="A156641" i="1" s="1"/>
  <c r="A156642" i="1" s="1"/>
  <c r="A156643" i="1" s="1"/>
  <c r="A156644" i="1" s="1"/>
  <c r="A156645" i="1" s="1"/>
  <c r="A156646" i="1" s="1"/>
  <c r="A156647" i="1" s="1"/>
  <c r="A156648" i="1" s="1"/>
  <c r="A156649" i="1" s="1"/>
  <c r="A156650" i="1" s="1"/>
  <c r="A156651" i="1" s="1"/>
  <c r="A156652" i="1" s="1"/>
  <c r="A156653" i="1" s="1"/>
  <c r="A156654" i="1" s="1"/>
  <c r="A156655" i="1" s="1"/>
  <c r="A156656" i="1" s="1"/>
  <c r="A156657" i="1" s="1"/>
  <c r="A156658" i="1" s="1"/>
  <c r="A156659" i="1" s="1"/>
  <c r="A156660" i="1" s="1"/>
  <c r="A156661" i="1" s="1"/>
  <c r="A156662" i="1" s="1"/>
  <c r="A156663" i="1" s="1"/>
  <c r="A156664" i="1" s="1"/>
  <c r="A156665" i="1" s="1"/>
  <c r="A156666" i="1" s="1"/>
  <c r="A156667" i="1" s="1"/>
  <c r="A156668" i="1" s="1"/>
  <c r="A156669" i="1" s="1"/>
  <c r="A156670" i="1" s="1"/>
  <c r="A156671" i="1" s="1"/>
  <c r="A156672" i="1" s="1"/>
  <c r="A156673" i="1" s="1"/>
  <c r="A156674" i="1" s="1"/>
  <c r="A156675" i="1" s="1"/>
  <c r="A156676" i="1" s="1"/>
  <c r="A156677" i="1" s="1"/>
  <c r="A156678" i="1" s="1"/>
  <c r="A156679" i="1" s="1"/>
  <c r="A156680" i="1" s="1"/>
  <c r="A156681" i="1" s="1"/>
  <c r="A156682" i="1" s="1"/>
  <c r="A156683" i="1" s="1"/>
  <c r="A156684" i="1" s="1"/>
  <c r="A156685" i="1" s="1"/>
  <c r="A156686" i="1" s="1"/>
  <c r="A156687" i="1" s="1"/>
  <c r="A156688" i="1" s="1"/>
  <c r="A156689" i="1" s="1"/>
  <c r="A156690" i="1" s="1"/>
  <c r="A156691" i="1" s="1"/>
  <c r="A156692" i="1" s="1"/>
  <c r="A156693" i="1" s="1"/>
  <c r="A156694" i="1" s="1"/>
  <c r="A156695" i="1" s="1"/>
  <c r="A156696" i="1" s="1"/>
  <c r="A156697" i="1" s="1"/>
  <c r="A156698" i="1" s="1"/>
  <c r="A156699" i="1" s="1"/>
  <c r="A156700" i="1" s="1"/>
  <c r="A156701" i="1" s="1"/>
  <c r="A156702" i="1" s="1"/>
  <c r="A156703" i="1" s="1"/>
  <c r="A156704" i="1" s="1"/>
  <c r="A156705" i="1" s="1"/>
  <c r="A156706" i="1" s="1"/>
  <c r="A156707" i="1" s="1"/>
  <c r="A156708" i="1" s="1"/>
  <c r="A156709" i="1" s="1"/>
  <c r="A156710" i="1" s="1"/>
  <c r="A156711" i="1" s="1"/>
  <c r="A156712" i="1" s="1"/>
  <c r="A156713" i="1" s="1"/>
  <c r="A156714" i="1" s="1"/>
  <c r="A156715" i="1" s="1"/>
  <c r="A156716" i="1" s="1"/>
  <c r="A156717" i="1" s="1"/>
  <c r="A156718" i="1" s="1"/>
  <c r="A156719" i="1" s="1"/>
  <c r="A156720" i="1" s="1"/>
  <c r="A156721" i="1" s="1"/>
  <c r="A156722" i="1" s="1"/>
  <c r="A156723" i="1" s="1"/>
  <c r="A156724" i="1" s="1"/>
  <c r="A156725" i="1" s="1"/>
  <c r="A156726" i="1" s="1"/>
  <c r="A156727" i="1" s="1"/>
  <c r="A156728" i="1" s="1"/>
  <c r="A156729" i="1" s="1"/>
  <c r="A156730" i="1" s="1"/>
  <c r="A156731" i="1" s="1"/>
  <c r="A156732" i="1" s="1"/>
  <c r="A156733" i="1" s="1"/>
  <c r="A156734" i="1" s="1"/>
  <c r="A156735" i="1" s="1"/>
  <c r="A156736" i="1" s="1"/>
  <c r="A156737" i="1" s="1"/>
  <c r="A156738" i="1" s="1"/>
  <c r="A156739" i="1" s="1"/>
  <c r="A156740" i="1" s="1"/>
  <c r="A156741" i="1" s="1"/>
  <c r="A156742" i="1" s="1"/>
  <c r="A156743" i="1" s="1"/>
  <c r="A156744" i="1" s="1"/>
  <c r="A156745" i="1" s="1"/>
  <c r="A156746" i="1" s="1"/>
  <c r="A156747" i="1" s="1"/>
  <c r="A156748" i="1" s="1"/>
  <c r="A156749" i="1" s="1"/>
  <c r="A156750" i="1" s="1"/>
  <c r="A156751" i="1" s="1"/>
  <c r="A156752" i="1" s="1"/>
  <c r="A156753" i="1" s="1"/>
  <c r="A156754" i="1" s="1"/>
  <c r="A156755" i="1" s="1"/>
  <c r="A156756" i="1" s="1"/>
  <c r="A156757" i="1" s="1"/>
  <c r="A156758" i="1" s="1"/>
  <c r="A156759" i="1" s="1"/>
  <c r="A156760" i="1" s="1"/>
  <c r="A156761" i="1" s="1"/>
  <c r="A156762" i="1" s="1"/>
  <c r="A156763" i="1" s="1"/>
  <c r="A156764" i="1" s="1"/>
  <c r="A156765" i="1" s="1"/>
  <c r="A156766" i="1" s="1"/>
  <c r="A156767" i="1" s="1"/>
  <c r="A156768" i="1" s="1"/>
  <c r="A156769" i="1" s="1"/>
  <c r="A156770" i="1" s="1"/>
  <c r="A156771" i="1" s="1"/>
  <c r="A156772" i="1" s="1"/>
  <c r="A156773" i="1" s="1"/>
  <c r="A156774" i="1" s="1"/>
  <c r="A156775" i="1" s="1"/>
  <c r="A156776" i="1" s="1"/>
  <c r="A156777" i="1" s="1"/>
  <c r="A156778" i="1" s="1"/>
  <c r="A156779" i="1" s="1"/>
  <c r="A156780" i="1" s="1"/>
  <c r="A156781" i="1" s="1"/>
  <c r="A156782" i="1" s="1"/>
  <c r="A156783" i="1" s="1"/>
  <c r="A156784" i="1" s="1"/>
  <c r="A156785" i="1" s="1"/>
  <c r="A156786" i="1" s="1"/>
  <c r="A156787" i="1" s="1"/>
  <c r="A156788" i="1" s="1"/>
  <c r="A156789" i="1" s="1"/>
  <c r="A156790" i="1" s="1"/>
  <c r="A156791" i="1" s="1"/>
  <c r="A156792" i="1" s="1"/>
  <c r="A156793" i="1" s="1"/>
  <c r="A156794" i="1" s="1"/>
  <c r="A156795" i="1" s="1"/>
  <c r="A156796" i="1" s="1"/>
  <c r="A156797" i="1" s="1"/>
  <c r="A156798" i="1" s="1"/>
  <c r="A156799" i="1" s="1"/>
  <c r="A156800" i="1" s="1"/>
  <c r="A156801" i="1" s="1"/>
  <c r="A156802" i="1" s="1"/>
  <c r="A156803" i="1" s="1"/>
  <c r="A156804" i="1" s="1"/>
  <c r="A156805" i="1" s="1"/>
  <c r="A156806" i="1" s="1"/>
  <c r="A156807" i="1" s="1"/>
  <c r="A156808" i="1" s="1"/>
  <c r="A156809" i="1" s="1"/>
  <c r="A156810" i="1" s="1"/>
  <c r="A156811" i="1" s="1"/>
  <c r="A156812" i="1" s="1"/>
  <c r="A156813" i="1" s="1"/>
  <c r="A156814" i="1" s="1"/>
  <c r="A156815" i="1" s="1"/>
  <c r="A156816" i="1" s="1"/>
  <c r="A156817" i="1" s="1"/>
  <c r="A156818" i="1" s="1"/>
  <c r="A156819" i="1" s="1"/>
  <c r="A156820" i="1" s="1"/>
  <c r="A156821" i="1" s="1"/>
  <c r="A156822" i="1" s="1"/>
  <c r="A156823" i="1" s="1"/>
  <c r="A156824" i="1" s="1"/>
  <c r="A156825" i="1" s="1"/>
  <c r="A156826" i="1" s="1"/>
  <c r="A156827" i="1" s="1"/>
  <c r="A156828" i="1" s="1"/>
  <c r="A156829" i="1" s="1"/>
  <c r="A156830" i="1" s="1"/>
  <c r="A156831" i="1" s="1"/>
  <c r="A156832" i="1" s="1"/>
  <c r="A156833" i="1" s="1"/>
  <c r="A156834" i="1" s="1"/>
  <c r="A156835" i="1" s="1"/>
  <c r="A156836" i="1" s="1"/>
  <c r="A156837" i="1" s="1"/>
  <c r="A156838" i="1" s="1"/>
  <c r="A156839" i="1" s="1"/>
  <c r="A156840" i="1" s="1"/>
  <c r="A156841" i="1" s="1"/>
  <c r="A156842" i="1" s="1"/>
  <c r="A156843" i="1" s="1"/>
  <c r="A156844" i="1" s="1"/>
  <c r="A156845" i="1" s="1"/>
  <c r="A156846" i="1" s="1"/>
  <c r="A156847" i="1" s="1"/>
  <c r="A156848" i="1" s="1"/>
  <c r="A156849" i="1" s="1"/>
  <c r="A156850" i="1" s="1"/>
  <c r="A156851" i="1" s="1"/>
  <c r="A156852" i="1" s="1"/>
  <c r="A156853" i="1" s="1"/>
  <c r="A156854" i="1" s="1"/>
  <c r="A156855" i="1" s="1"/>
  <c r="A156856" i="1" s="1"/>
  <c r="A156857" i="1" s="1"/>
  <c r="A156858" i="1" s="1"/>
  <c r="A156859" i="1" s="1"/>
  <c r="A156860" i="1" s="1"/>
  <c r="A156861" i="1" s="1"/>
  <c r="A156862" i="1" s="1"/>
  <c r="A156863" i="1" s="1"/>
  <c r="A156864" i="1" s="1"/>
  <c r="A156865" i="1" s="1"/>
  <c r="A156866" i="1" s="1"/>
  <c r="A156867" i="1" s="1"/>
  <c r="A156868" i="1" s="1"/>
  <c r="A156869" i="1" s="1"/>
  <c r="A156870" i="1" s="1"/>
  <c r="A156871" i="1" s="1"/>
  <c r="A156872" i="1" s="1"/>
  <c r="A156873" i="1" s="1"/>
  <c r="A156874" i="1" s="1"/>
  <c r="A156875" i="1" s="1"/>
  <c r="A156876" i="1" s="1"/>
  <c r="A156877" i="1" s="1"/>
  <c r="A156878" i="1" s="1"/>
  <c r="A156879" i="1" s="1"/>
  <c r="A156880" i="1" s="1"/>
  <c r="A156881" i="1" s="1"/>
  <c r="A156882" i="1" s="1"/>
  <c r="A156883" i="1" s="1"/>
  <c r="A156884" i="1" s="1"/>
  <c r="A156885" i="1" s="1"/>
  <c r="A156886" i="1" s="1"/>
  <c r="A156887" i="1" s="1"/>
  <c r="A156888" i="1" s="1"/>
  <c r="A156889" i="1" s="1"/>
  <c r="A156890" i="1" s="1"/>
  <c r="A156891" i="1" s="1"/>
  <c r="A156892" i="1" s="1"/>
  <c r="A156893" i="1" s="1"/>
  <c r="A156894" i="1" s="1"/>
  <c r="A156895" i="1" s="1"/>
  <c r="A156896" i="1" s="1"/>
  <c r="A156897" i="1" s="1"/>
  <c r="A156898" i="1" s="1"/>
  <c r="A156899" i="1" s="1"/>
  <c r="A156900" i="1" s="1"/>
  <c r="A156901" i="1" s="1"/>
  <c r="A156902" i="1" s="1"/>
  <c r="A156903" i="1" s="1"/>
  <c r="A156904" i="1" s="1"/>
  <c r="A156905" i="1" s="1"/>
  <c r="A156906" i="1" s="1"/>
  <c r="A156907" i="1" s="1"/>
  <c r="A156908" i="1" s="1"/>
  <c r="A156909" i="1" s="1"/>
  <c r="A156910" i="1" s="1"/>
  <c r="A156911" i="1" s="1"/>
  <c r="A156912" i="1" s="1"/>
  <c r="A156913" i="1" s="1"/>
  <c r="A156914" i="1" s="1"/>
  <c r="A156915" i="1" s="1"/>
  <c r="A156916" i="1" s="1"/>
  <c r="A156917" i="1" s="1"/>
  <c r="A156918" i="1" s="1"/>
  <c r="A156919" i="1" s="1"/>
  <c r="A156920" i="1" s="1"/>
  <c r="A156921" i="1" s="1"/>
  <c r="A156922" i="1" s="1"/>
  <c r="A156923" i="1" s="1"/>
  <c r="A156924" i="1" s="1"/>
  <c r="A156925" i="1" s="1"/>
  <c r="A156926" i="1" s="1"/>
  <c r="A156927" i="1" s="1"/>
  <c r="A156928" i="1" s="1"/>
  <c r="A156929" i="1" s="1"/>
  <c r="A156930" i="1" s="1"/>
  <c r="A156931" i="1" s="1"/>
  <c r="A156932" i="1" s="1"/>
  <c r="A156933" i="1" s="1"/>
  <c r="A156934" i="1" s="1"/>
  <c r="A156935" i="1" s="1"/>
  <c r="A156936" i="1" s="1"/>
  <c r="A156937" i="1" s="1"/>
  <c r="A156938" i="1" s="1"/>
  <c r="A156939" i="1" s="1"/>
  <c r="A156940" i="1" s="1"/>
  <c r="A156941" i="1" s="1"/>
  <c r="A156942" i="1" s="1"/>
  <c r="A156943" i="1" s="1"/>
  <c r="A156944" i="1" s="1"/>
  <c r="A156945" i="1" s="1"/>
  <c r="A156946" i="1" s="1"/>
  <c r="A156947" i="1" s="1"/>
  <c r="A156948" i="1" s="1"/>
  <c r="A156949" i="1" s="1"/>
  <c r="A156950" i="1" s="1"/>
  <c r="A156951" i="1" s="1"/>
  <c r="A156952" i="1" s="1"/>
  <c r="A156953" i="1" s="1"/>
  <c r="A156954" i="1" s="1"/>
  <c r="A156955" i="1" s="1"/>
  <c r="A156956" i="1" s="1"/>
  <c r="A156957" i="1" s="1"/>
  <c r="A156958" i="1" s="1"/>
  <c r="A156959" i="1" s="1"/>
  <c r="A156960" i="1" s="1"/>
  <c r="A156961" i="1" s="1"/>
  <c r="A156962" i="1" s="1"/>
  <c r="A156963" i="1" s="1"/>
  <c r="A156964" i="1" s="1"/>
  <c r="A156965" i="1" s="1"/>
  <c r="A156966" i="1" s="1"/>
  <c r="A156967" i="1" s="1"/>
  <c r="A156968" i="1" s="1"/>
  <c r="A156969" i="1" s="1"/>
  <c r="A156970" i="1" s="1"/>
  <c r="A156971" i="1" s="1"/>
  <c r="A156972" i="1" s="1"/>
  <c r="A156973" i="1" s="1"/>
  <c r="A156974" i="1" s="1"/>
  <c r="A156975" i="1" s="1"/>
  <c r="A156976" i="1" s="1"/>
  <c r="A156977" i="1" s="1"/>
  <c r="A156978" i="1" s="1"/>
  <c r="A156979" i="1" s="1"/>
  <c r="A156980" i="1" s="1"/>
  <c r="A156981" i="1" s="1"/>
  <c r="A156982" i="1" s="1"/>
  <c r="A156983" i="1" s="1"/>
  <c r="A156984" i="1" s="1"/>
  <c r="A156985" i="1" s="1"/>
  <c r="A156986" i="1" s="1"/>
  <c r="A156987" i="1" s="1"/>
  <c r="A156988" i="1" s="1"/>
  <c r="A156989" i="1" s="1"/>
  <c r="A156990" i="1" s="1"/>
  <c r="A156991" i="1" s="1"/>
  <c r="A156992" i="1" s="1"/>
  <c r="A156993" i="1" s="1"/>
  <c r="A156994" i="1" s="1"/>
  <c r="A156995" i="1" s="1"/>
  <c r="A156996" i="1" s="1"/>
  <c r="A156997" i="1" s="1"/>
  <c r="A156998" i="1" s="1"/>
  <c r="A156999" i="1" s="1"/>
  <c r="A157000" i="1" s="1"/>
  <c r="A157001" i="1" s="1"/>
  <c r="A157002" i="1" s="1"/>
  <c r="A157003" i="1" s="1"/>
  <c r="A157004" i="1" s="1"/>
  <c r="A157005" i="1" s="1"/>
  <c r="A157006" i="1" s="1"/>
  <c r="A157007" i="1" s="1"/>
  <c r="A157008" i="1" s="1"/>
  <c r="A157009" i="1" s="1"/>
  <c r="A157010" i="1" s="1"/>
  <c r="A157011" i="1" s="1"/>
  <c r="A157012" i="1" s="1"/>
  <c r="A157013" i="1" s="1"/>
  <c r="A157014" i="1" s="1"/>
  <c r="A157015" i="1" s="1"/>
  <c r="A157016" i="1" s="1"/>
  <c r="A157017" i="1" s="1"/>
  <c r="A157018" i="1" s="1"/>
  <c r="A157019" i="1" s="1"/>
  <c r="A157020" i="1" s="1"/>
  <c r="A157021" i="1" s="1"/>
  <c r="A157022" i="1" s="1"/>
  <c r="A157023" i="1" s="1"/>
  <c r="A157024" i="1" s="1"/>
  <c r="A157025" i="1" s="1"/>
  <c r="A157026" i="1" s="1"/>
  <c r="A157027" i="1" s="1"/>
  <c r="A157028" i="1" s="1"/>
  <c r="A157029" i="1" s="1"/>
  <c r="A157030" i="1" s="1"/>
  <c r="A157031" i="1" s="1"/>
  <c r="A157032" i="1" s="1"/>
  <c r="A157033" i="1" s="1"/>
  <c r="A157034" i="1" s="1"/>
  <c r="A157035" i="1" s="1"/>
  <c r="A157036" i="1" s="1"/>
  <c r="A157037" i="1" s="1"/>
  <c r="A157038" i="1" s="1"/>
  <c r="A157039" i="1" s="1"/>
  <c r="A157040" i="1" s="1"/>
  <c r="A157041" i="1" s="1"/>
  <c r="A157042" i="1" s="1"/>
  <c r="A157043" i="1" s="1"/>
  <c r="A157044" i="1" s="1"/>
  <c r="A157045" i="1" s="1"/>
  <c r="A157046" i="1" s="1"/>
  <c r="A157047" i="1" s="1"/>
  <c r="A157048" i="1" s="1"/>
  <c r="A157049" i="1" s="1"/>
  <c r="A157050" i="1" s="1"/>
  <c r="A157051" i="1" s="1"/>
  <c r="A157052" i="1" s="1"/>
  <c r="A157053" i="1" s="1"/>
  <c r="A157054" i="1" s="1"/>
  <c r="A157055" i="1" s="1"/>
  <c r="A157056" i="1" s="1"/>
  <c r="A157057" i="1" s="1"/>
  <c r="A157058" i="1" s="1"/>
  <c r="A157059" i="1" s="1"/>
  <c r="A157060" i="1" s="1"/>
  <c r="A157061" i="1" s="1"/>
  <c r="A157062" i="1" s="1"/>
  <c r="A157063" i="1" s="1"/>
  <c r="A157064" i="1" s="1"/>
  <c r="A157065" i="1" s="1"/>
  <c r="A157066" i="1" s="1"/>
  <c r="A157067" i="1" s="1"/>
  <c r="A157068" i="1" s="1"/>
  <c r="A157069" i="1" s="1"/>
  <c r="A157070" i="1" s="1"/>
  <c r="A157071" i="1" s="1"/>
  <c r="A157072" i="1" s="1"/>
  <c r="A157073" i="1" s="1"/>
  <c r="A157074" i="1" s="1"/>
  <c r="A157075" i="1" s="1"/>
  <c r="A157076" i="1" s="1"/>
  <c r="A157077" i="1" s="1"/>
  <c r="A157078" i="1" s="1"/>
  <c r="A157079" i="1" s="1"/>
  <c r="A157080" i="1" s="1"/>
  <c r="A157081" i="1" s="1"/>
  <c r="A157082" i="1" s="1"/>
  <c r="A157083" i="1" s="1"/>
  <c r="A157084" i="1" s="1"/>
  <c r="A157085" i="1" s="1"/>
  <c r="A157086" i="1" s="1"/>
  <c r="A157087" i="1" s="1"/>
  <c r="A157088" i="1" s="1"/>
  <c r="A157089" i="1" s="1"/>
  <c r="A157090" i="1" s="1"/>
  <c r="A157091" i="1" s="1"/>
  <c r="A157092" i="1" s="1"/>
  <c r="A157093" i="1" s="1"/>
  <c r="A157094" i="1" s="1"/>
  <c r="A157095" i="1" s="1"/>
  <c r="A157096" i="1" s="1"/>
  <c r="A157097" i="1" s="1"/>
  <c r="A157098" i="1" s="1"/>
  <c r="A157099" i="1" s="1"/>
  <c r="A157100" i="1" s="1"/>
  <c r="A157101" i="1" s="1"/>
  <c r="A157102" i="1" s="1"/>
  <c r="A157103" i="1" s="1"/>
  <c r="A157104" i="1" s="1"/>
  <c r="A157105" i="1" s="1"/>
  <c r="A157106" i="1" s="1"/>
  <c r="A157107" i="1" s="1"/>
  <c r="A157108" i="1" s="1"/>
  <c r="A157109" i="1" s="1"/>
  <c r="A157110" i="1" s="1"/>
  <c r="A157111" i="1" s="1"/>
  <c r="A157112" i="1" s="1"/>
  <c r="A157113" i="1" s="1"/>
  <c r="A157114" i="1" s="1"/>
  <c r="A157115" i="1" s="1"/>
  <c r="A157116" i="1" s="1"/>
  <c r="A157117" i="1" s="1"/>
  <c r="A157118" i="1" s="1"/>
  <c r="A157119" i="1" s="1"/>
  <c r="A157120" i="1" s="1"/>
  <c r="A157121" i="1" s="1"/>
  <c r="A157122" i="1" s="1"/>
  <c r="A157123" i="1" s="1"/>
  <c r="A157124" i="1" s="1"/>
  <c r="A157125" i="1" s="1"/>
  <c r="A157126" i="1" s="1"/>
  <c r="A157127" i="1" s="1"/>
  <c r="A157128" i="1" s="1"/>
  <c r="A157129" i="1" s="1"/>
  <c r="A157130" i="1" s="1"/>
  <c r="A157131" i="1" s="1"/>
  <c r="A157132" i="1" s="1"/>
  <c r="A157133" i="1" s="1"/>
  <c r="A157134" i="1" s="1"/>
  <c r="A157135" i="1" s="1"/>
  <c r="A157136" i="1" s="1"/>
  <c r="A157137" i="1" s="1"/>
  <c r="A157138" i="1" s="1"/>
  <c r="A157139" i="1" s="1"/>
  <c r="A157140" i="1" s="1"/>
  <c r="A157141" i="1" s="1"/>
  <c r="A157142" i="1" s="1"/>
  <c r="A157143" i="1" s="1"/>
  <c r="A157144" i="1" s="1"/>
  <c r="A157145" i="1" s="1"/>
  <c r="A157146" i="1" s="1"/>
  <c r="A157147" i="1" s="1"/>
  <c r="A157148" i="1" s="1"/>
  <c r="A157149" i="1" s="1"/>
  <c r="A157150" i="1" s="1"/>
  <c r="A157151" i="1" s="1"/>
  <c r="A157152" i="1" s="1"/>
  <c r="A157153" i="1" s="1"/>
  <c r="A157154" i="1" s="1"/>
  <c r="A157155" i="1" s="1"/>
  <c r="A157156" i="1" s="1"/>
  <c r="A157157" i="1" s="1"/>
  <c r="A157158" i="1" s="1"/>
  <c r="A157159" i="1" s="1"/>
  <c r="A157160" i="1" s="1"/>
  <c r="A157161" i="1" s="1"/>
  <c r="A157162" i="1" s="1"/>
  <c r="A157163" i="1" s="1"/>
  <c r="A157164" i="1" s="1"/>
  <c r="A157165" i="1" s="1"/>
  <c r="A157166" i="1" s="1"/>
  <c r="A157167" i="1" s="1"/>
  <c r="A157168" i="1" s="1"/>
  <c r="A157169" i="1" s="1"/>
  <c r="A157170" i="1" s="1"/>
  <c r="A157171" i="1" s="1"/>
  <c r="A157172" i="1" s="1"/>
  <c r="A157173" i="1" s="1"/>
  <c r="A157174" i="1" s="1"/>
  <c r="A157175" i="1" s="1"/>
  <c r="A157176" i="1" s="1"/>
  <c r="A157177" i="1" s="1"/>
  <c r="A157178" i="1" s="1"/>
  <c r="A157179" i="1" s="1"/>
  <c r="A157180" i="1" s="1"/>
  <c r="A157181" i="1" s="1"/>
  <c r="A157182" i="1" s="1"/>
  <c r="A157183" i="1" s="1"/>
  <c r="A157184" i="1" s="1"/>
  <c r="A157185" i="1" s="1"/>
  <c r="A157186" i="1" s="1"/>
  <c r="A157187" i="1" s="1"/>
  <c r="A157188" i="1" s="1"/>
  <c r="A157189" i="1" s="1"/>
  <c r="A157190" i="1" s="1"/>
  <c r="A157191" i="1" s="1"/>
  <c r="A157192" i="1" s="1"/>
  <c r="A157193" i="1" s="1"/>
  <c r="A157194" i="1" s="1"/>
  <c r="A157195" i="1" s="1"/>
  <c r="A157196" i="1" s="1"/>
  <c r="A157197" i="1" s="1"/>
  <c r="A157198" i="1" s="1"/>
  <c r="A157199" i="1" s="1"/>
  <c r="A157200" i="1" s="1"/>
  <c r="A157201" i="1" s="1"/>
  <c r="A157202" i="1" s="1"/>
  <c r="A157203" i="1" s="1"/>
  <c r="A157204" i="1" s="1"/>
  <c r="A157205" i="1" s="1"/>
  <c r="A157206" i="1" s="1"/>
  <c r="A157207" i="1" s="1"/>
  <c r="A157208" i="1" s="1"/>
  <c r="A157209" i="1" s="1"/>
  <c r="A157210" i="1" s="1"/>
  <c r="A157211" i="1" s="1"/>
  <c r="A157212" i="1" s="1"/>
  <c r="A157213" i="1" s="1"/>
  <c r="A157214" i="1" s="1"/>
  <c r="A157215" i="1" s="1"/>
  <c r="A157216" i="1" s="1"/>
  <c r="A157217" i="1" s="1"/>
  <c r="A157218" i="1" s="1"/>
  <c r="A157219" i="1" s="1"/>
  <c r="A157220" i="1" s="1"/>
  <c r="A157221" i="1" s="1"/>
  <c r="A157222" i="1" s="1"/>
  <c r="A157223" i="1" s="1"/>
  <c r="A157224" i="1" s="1"/>
  <c r="A157225" i="1" s="1"/>
  <c r="A157226" i="1" s="1"/>
  <c r="A157227" i="1" s="1"/>
  <c r="A157228" i="1" s="1"/>
  <c r="A157229" i="1" s="1"/>
  <c r="A157230" i="1" s="1"/>
  <c r="A157231" i="1" s="1"/>
  <c r="A157232" i="1" s="1"/>
  <c r="A157233" i="1" s="1"/>
  <c r="A157234" i="1" s="1"/>
  <c r="A157235" i="1" s="1"/>
  <c r="A157236" i="1" s="1"/>
  <c r="A157237" i="1" s="1"/>
  <c r="A157238" i="1" s="1"/>
  <c r="A157239" i="1" s="1"/>
  <c r="A157240" i="1" s="1"/>
  <c r="A157241" i="1" s="1"/>
  <c r="A157242" i="1" s="1"/>
  <c r="A157243" i="1" s="1"/>
  <c r="A157244" i="1" s="1"/>
  <c r="A157245" i="1" s="1"/>
  <c r="A157246" i="1" s="1"/>
  <c r="A157247" i="1" s="1"/>
  <c r="A157248" i="1" s="1"/>
  <c r="A157249" i="1" s="1"/>
  <c r="A157250" i="1" s="1"/>
  <c r="A157251" i="1" s="1"/>
  <c r="A157252" i="1" s="1"/>
  <c r="A157253" i="1" s="1"/>
  <c r="A157254" i="1" s="1"/>
  <c r="A157255" i="1" s="1"/>
  <c r="A157256" i="1" s="1"/>
  <c r="A157257" i="1" s="1"/>
  <c r="A157258" i="1" s="1"/>
  <c r="A157259" i="1" s="1"/>
  <c r="A157260" i="1" s="1"/>
  <c r="A157261" i="1" s="1"/>
  <c r="A157262" i="1" s="1"/>
  <c r="A157263" i="1" s="1"/>
  <c r="A157264" i="1" s="1"/>
  <c r="A157265" i="1" s="1"/>
  <c r="A157266" i="1" s="1"/>
  <c r="A157267" i="1" s="1"/>
  <c r="A157268" i="1" s="1"/>
  <c r="A157269" i="1" s="1"/>
  <c r="A157270" i="1" s="1"/>
  <c r="A157271" i="1" s="1"/>
  <c r="A157272" i="1" s="1"/>
  <c r="A157273" i="1" s="1"/>
  <c r="A157274" i="1" s="1"/>
  <c r="A157275" i="1" s="1"/>
  <c r="A157276" i="1" s="1"/>
  <c r="A157277" i="1" s="1"/>
  <c r="A157278" i="1" s="1"/>
  <c r="A157279" i="1" s="1"/>
  <c r="A157280" i="1" s="1"/>
  <c r="A157281" i="1" s="1"/>
  <c r="A157282" i="1" s="1"/>
  <c r="A157283" i="1" s="1"/>
  <c r="A157284" i="1" s="1"/>
  <c r="A157285" i="1" s="1"/>
  <c r="A157286" i="1" s="1"/>
  <c r="A157287" i="1" s="1"/>
  <c r="A157288" i="1" s="1"/>
  <c r="A157289" i="1" s="1"/>
  <c r="A157290" i="1" s="1"/>
  <c r="A157291" i="1" s="1"/>
  <c r="A157292" i="1" s="1"/>
  <c r="A157293" i="1" s="1"/>
  <c r="A157294" i="1" s="1"/>
  <c r="A157295" i="1" s="1"/>
  <c r="A157296" i="1" s="1"/>
  <c r="A157297" i="1" s="1"/>
  <c r="A157298" i="1" s="1"/>
  <c r="A157299" i="1" s="1"/>
  <c r="A157300" i="1" s="1"/>
  <c r="A157301" i="1" s="1"/>
  <c r="A157302" i="1" s="1"/>
  <c r="A157303" i="1" s="1"/>
  <c r="A157304" i="1" s="1"/>
  <c r="A157305" i="1" s="1"/>
  <c r="A157306" i="1" s="1"/>
  <c r="A157307" i="1" s="1"/>
  <c r="A157308" i="1" s="1"/>
  <c r="A157309" i="1" s="1"/>
  <c r="A157310" i="1" s="1"/>
  <c r="A157311" i="1" s="1"/>
  <c r="A157312" i="1" s="1"/>
  <c r="A157313" i="1" s="1"/>
  <c r="A157314" i="1" s="1"/>
  <c r="A157315" i="1" s="1"/>
  <c r="A157316" i="1" s="1"/>
  <c r="A157317" i="1" s="1"/>
  <c r="A157318" i="1" s="1"/>
  <c r="A157319" i="1" s="1"/>
  <c r="A157320" i="1" s="1"/>
  <c r="A157321" i="1" s="1"/>
  <c r="A157322" i="1" s="1"/>
  <c r="A157323" i="1" s="1"/>
  <c r="A157324" i="1" s="1"/>
  <c r="A157325" i="1" s="1"/>
  <c r="A157326" i="1" s="1"/>
  <c r="A157327" i="1" s="1"/>
  <c r="A157328" i="1" s="1"/>
  <c r="A157329" i="1" s="1"/>
  <c r="A157330" i="1" s="1"/>
  <c r="A157331" i="1" s="1"/>
  <c r="A157332" i="1" s="1"/>
  <c r="A157333" i="1" s="1"/>
  <c r="A157334" i="1" s="1"/>
  <c r="A157335" i="1" s="1"/>
  <c r="A157336" i="1" s="1"/>
  <c r="A157337" i="1" s="1"/>
  <c r="A157338" i="1" s="1"/>
  <c r="A157339" i="1" s="1"/>
  <c r="A157340" i="1" s="1"/>
  <c r="A157341" i="1" s="1"/>
  <c r="A157342" i="1" s="1"/>
  <c r="A157343" i="1" s="1"/>
  <c r="A157344" i="1" s="1"/>
  <c r="A157345" i="1" s="1"/>
  <c r="A157346" i="1" s="1"/>
  <c r="A157347" i="1" s="1"/>
  <c r="A157348" i="1" s="1"/>
  <c r="A157349" i="1" s="1"/>
  <c r="A157350" i="1" s="1"/>
  <c r="A157351" i="1" s="1"/>
  <c r="A157352" i="1" s="1"/>
  <c r="A157353" i="1" s="1"/>
  <c r="A157354" i="1" s="1"/>
  <c r="A157355" i="1" s="1"/>
  <c r="A157356" i="1" s="1"/>
  <c r="A157357" i="1" s="1"/>
  <c r="A157358" i="1" s="1"/>
  <c r="A157359" i="1" s="1"/>
  <c r="A157360" i="1" s="1"/>
  <c r="A157361" i="1" s="1"/>
  <c r="A157362" i="1" s="1"/>
  <c r="A157363" i="1" s="1"/>
  <c r="A157364" i="1" s="1"/>
  <c r="A157365" i="1" s="1"/>
  <c r="A157366" i="1" s="1"/>
  <c r="A157367" i="1" s="1"/>
  <c r="A157368" i="1" s="1"/>
  <c r="A157369" i="1" s="1"/>
  <c r="A157370" i="1" s="1"/>
  <c r="A157371" i="1" s="1"/>
  <c r="A157372" i="1" s="1"/>
  <c r="A157373" i="1" s="1"/>
  <c r="A157374" i="1" s="1"/>
  <c r="A157375" i="1" s="1"/>
  <c r="A157376" i="1" s="1"/>
  <c r="A157377" i="1" s="1"/>
  <c r="A157378" i="1" s="1"/>
  <c r="A157379" i="1" s="1"/>
  <c r="A157380" i="1" s="1"/>
  <c r="A157381" i="1" s="1"/>
  <c r="A157382" i="1" s="1"/>
  <c r="A157383" i="1" s="1"/>
  <c r="A157384" i="1" s="1"/>
  <c r="A157385" i="1" s="1"/>
  <c r="A157386" i="1" s="1"/>
  <c r="A157387" i="1" s="1"/>
  <c r="A157388" i="1" s="1"/>
  <c r="A157389" i="1" s="1"/>
  <c r="A157390" i="1" s="1"/>
  <c r="A157391" i="1" s="1"/>
  <c r="A157392" i="1" s="1"/>
  <c r="A157393" i="1" s="1"/>
  <c r="A157394" i="1" s="1"/>
  <c r="A157395" i="1" s="1"/>
  <c r="A157396" i="1" s="1"/>
  <c r="A157397" i="1" s="1"/>
  <c r="A157398" i="1" s="1"/>
  <c r="A157399" i="1" s="1"/>
  <c r="A157400" i="1" s="1"/>
  <c r="A157401" i="1" s="1"/>
  <c r="A157402" i="1" s="1"/>
  <c r="A157403" i="1" s="1"/>
  <c r="A157404" i="1" s="1"/>
  <c r="A157405" i="1" s="1"/>
  <c r="A157406" i="1" s="1"/>
  <c r="A157407" i="1" s="1"/>
  <c r="A157408" i="1" s="1"/>
  <c r="A157409" i="1" s="1"/>
  <c r="A157410" i="1" s="1"/>
  <c r="A157411" i="1" s="1"/>
  <c r="A157412" i="1" s="1"/>
  <c r="A157413" i="1" s="1"/>
  <c r="A157414" i="1" s="1"/>
  <c r="A157415" i="1" s="1"/>
  <c r="A157416" i="1" s="1"/>
  <c r="A157417" i="1" s="1"/>
  <c r="A157418" i="1" s="1"/>
  <c r="A157419" i="1" s="1"/>
  <c r="A157420" i="1" s="1"/>
  <c r="A157421" i="1" s="1"/>
  <c r="A157422" i="1" s="1"/>
  <c r="A157423" i="1" s="1"/>
  <c r="A157424" i="1" s="1"/>
  <c r="A157425" i="1" s="1"/>
  <c r="A157426" i="1" s="1"/>
  <c r="A157427" i="1" s="1"/>
  <c r="A157428" i="1" s="1"/>
  <c r="A157429" i="1" s="1"/>
  <c r="A157430" i="1" s="1"/>
  <c r="A157431" i="1" s="1"/>
  <c r="A157432" i="1" s="1"/>
  <c r="A157433" i="1" s="1"/>
  <c r="A157434" i="1" s="1"/>
  <c r="A157435" i="1" s="1"/>
  <c r="A157436" i="1" s="1"/>
  <c r="A157437" i="1" s="1"/>
  <c r="A157438" i="1" s="1"/>
  <c r="A157439" i="1" s="1"/>
  <c r="A157440" i="1" s="1"/>
  <c r="A157441" i="1" s="1"/>
  <c r="A157442" i="1" s="1"/>
  <c r="A157443" i="1" s="1"/>
  <c r="A157444" i="1" s="1"/>
  <c r="A157445" i="1" s="1"/>
  <c r="A157446" i="1" s="1"/>
  <c r="A157447" i="1" s="1"/>
  <c r="A157448" i="1" s="1"/>
  <c r="A157449" i="1" s="1"/>
  <c r="A157450" i="1" s="1"/>
  <c r="A157451" i="1" s="1"/>
  <c r="A157452" i="1" s="1"/>
  <c r="A157453" i="1" s="1"/>
  <c r="A157454" i="1" s="1"/>
  <c r="A157455" i="1" s="1"/>
  <c r="A157456" i="1" s="1"/>
  <c r="A157457" i="1" s="1"/>
  <c r="A157458" i="1" s="1"/>
  <c r="A157459" i="1" s="1"/>
  <c r="A157460" i="1" s="1"/>
  <c r="A157461" i="1" s="1"/>
  <c r="A157462" i="1" s="1"/>
  <c r="A157463" i="1" s="1"/>
  <c r="A157464" i="1" s="1"/>
  <c r="A157465" i="1" s="1"/>
  <c r="A157466" i="1" s="1"/>
  <c r="A157467" i="1" s="1"/>
  <c r="A157468" i="1" s="1"/>
  <c r="A157469" i="1" s="1"/>
  <c r="A157470" i="1" s="1"/>
  <c r="A157471" i="1" s="1"/>
  <c r="A157472" i="1" s="1"/>
  <c r="A157473" i="1" s="1"/>
  <c r="A157474" i="1" s="1"/>
  <c r="A157475" i="1" s="1"/>
  <c r="A157476" i="1" s="1"/>
  <c r="A157477" i="1" s="1"/>
  <c r="A157478" i="1" s="1"/>
  <c r="A157479" i="1" s="1"/>
  <c r="A157480" i="1" s="1"/>
  <c r="A157481" i="1" s="1"/>
  <c r="A157482" i="1" s="1"/>
  <c r="A157483" i="1" s="1"/>
  <c r="A157484" i="1" s="1"/>
  <c r="A157485" i="1" s="1"/>
  <c r="A157486" i="1" s="1"/>
  <c r="A157487" i="1" s="1"/>
  <c r="A157488" i="1" s="1"/>
  <c r="A157489" i="1" s="1"/>
  <c r="A157490" i="1" s="1"/>
  <c r="A157491" i="1" s="1"/>
  <c r="A157492" i="1" s="1"/>
  <c r="A157493" i="1" s="1"/>
  <c r="A157494" i="1" s="1"/>
  <c r="A157495" i="1" s="1"/>
  <c r="A157496" i="1" s="1"/>
  <c r="A157497" i="1" s="1"/>
  <c r="A157498" i="1" s="1"/>
  <c r="A157499" i="1" s="1"/>
  <c r="A157500" i="1" s="1"/>
  <c r="A157501" i="1" s="1"/>
  <c r="A157502" i="1" s="1"/>
  <c r="A157503" i="1" s="1"/>
  <c r="A157504" i="1" s="1"/>
  <c r="A157505" i="1" s="1"/>
  <c r="A157506" i="1" s="1"/>
  <c r="A157507" i="1" s="1"/>
  <c r="A157508" i="1" s="1"/>
  <c r="A157509" i="1" s="1"/>
  <c r="A157510" i="1" s="1"/>
  <c r="A157511" i="1" s="1"/>
  <c r="A157512" i="1" s="1"/>
  <c r="A157513" i="1" s="1"/>
  <c r="A157514" i="1" s="1"/>
  <c r="A157515" i="1" s="1"/>
  <c r="A157516" i="1" s="1"/>
  <c r="A157517" i="1" s="1"/>
  <c r="A157518" i="1" s="1"/>
  <c r="A157519" i="1" s="1"/>
  <c r="A157520" i="1" s="1"/>
  <c r="A157521" i="1" s="1"/>
  <c r="A157522" i="1" s="1"/>
  <c r="A157523" i="1" s="1"/>
  <c r="A157524" i="1" s="1"/>
  <c r="A157525" i="1" s="1"/>
  <c r="A157526" i="1" s="1"/>
  <c r="A157527" i="1" s="1"/>
  <c r="A157528" i="1" s="1"/>
  <c r="A157529" i="1" s="1"/>
  <c r="A157530" i="1" s="1"/>
  <c r="A157531" i="1" s="1"/>
  <c r="A157532" i="1" s="1"/>
  <c r="A157533" i="1" s="1"/>
  <c r="A157534" i="1" s="1"/>
  <c r="A157535" i="1" s="1"/>
  <c r="A157536" i="1" s="1"/>
  <c r="A157537" i="1" s="1"/>
  <c r="A157538" i="1" s="1"/>
  <c r="A157539" i="1" s="1"/>
  <c r="A157540" i="1" s="1"/>
  <c r="A157541" i="1" s="1"/>
  <c r="A157542" i="1" s="1"/>
  <c r="A157543" i="1" s="1"/>
  <c r="A157544" i="1" s="1"/>
  <c r="A157545" i="1" s="1"/>
  <c r="A157546" i="1" s="1"/>
  <c r="A157547" i="1" s="1"/>
  <c r="A157548" i="1" s="1"/>
  <c r="A157549" i="1" s="1"/>
  <c r="A157550" i="1" s="1"/>
  <c r="A157551" i="1" s="1"/>
  <c r="A157552" i="1" s="1"/>
  <c r="A157553" i="1" s="1"/>
  <c r="A157554" i="1" s="1"/>
  <c r="A157555" i="1" s="1"/>
  <c r="A157556" i="1" s="1"/>
  <c r="A157557" i="1" s="1"/>
  <c r="A157558" i="1" s="1"/>
  <c r="A157559" i="1" s="1"/>
  <c r="A157560" i="1" s="1"/>
  <c r="A157561" i="1" s="1"/>
  <c r="A157562" i="1" s="1"/>
  <c r="A157563" i="1" s="1"/>
  <c r="A157564" i="1" s="1"/>
  <c r="A157565" i="1" s="1"/>
  <c r="A157566" i="1" s="1"/>
  <c r="A157567" i="1" s="1"/>
  <c r="A157568" i="1" s="1"/>
  <c r="A157569" i="1" s="1"/>
  <c r="A157570" i="1" s="1"/>
  <c r="A157571" i="1" s="1"/>
  <c r="A157572" i="1" s="1"/>
  <c r="A157573" i="1" s="1"/>
  <c r="A157574" i="1" s="1"/>
  <c r="A157575" i="1" s="1"/>
  <c r="A157576" i="1" s="1"/>
  <c r="A157577" i="1" s="1"/>
  <c r="A157578" i="1" s="1"/>
  <c r="A157579" i="1" s="1"/>
  <c r="A157580" i="1" s="1"/>
  <c r="A157581" i="1" s="1"/>
  <c r="A157582" i="1" s="1"/>
  <c r="A157583" i="1" s="1"/>
  <c r="A157584" i="1" s="1"/>
  <c r="A157585" i="1" s="1"/>
  <c r="A157586" i="1" s="1"/>
  <c r="A157587" i="1" s="1"/>
  <c r="A157588" i="1" s="1"/>
  <c r="A157589" i="1" s="1"/>
  <c r="A157590" i="1" s="1"/>
  <c r="A157591" i="1" s="1"/>
  <c r="A157592" i="1" s="1"/>
  <c r="A157593" i="1" s="1"/>
  <c r="A157594" i="1" s="1"/>
  <c r="A157595" i="1" s="1"/>
  <c r="A157596" i="1" s="1"/>
  <c r="A157597" i="1" s="1"/>
  <c r="A157598" i="1" s="1"/>
  <c r="A157599" i="1" s="1"/>
  <c r="A157600" i="1" s="1"/>
  <c r="A157601" i="1" s="1"/>
  <c r="A157602" i="1" s="1"/>
  <c r="A157603" i="1" s="1"/>
  <c r="A157604" i="1" s="1"/>
  <c r="A157605" i="1" s="1"/>
  <c r="A157606" i="1" s="1"/>
  <c r="A157607" i="1" s="1"/>
  <c r="A157608" i="1" s="1"/>
  <c r="A157609" i="1" s="1"/>
  <c r="A157610" i="1" s="1"/>
  <c r="A157611" i="1" s="1"/>
  <c r="A157612" i="1" s="1"/>
  <c r="A157613" i="1" s="1"/>
  <c r="A157614" i="1" s="1"/>
  <c r="A157615" i="1" s="1"/>
  <c r="A157616" i="1" s="1"/>
  <c r="A157617" i="1" s="1"/>
  <c r="A157618" i="1" s="1"/>
  <c r="A157619" i="1" s="1"/>
  <c r="A157620" i="1" s="1"/>
  <c r="A157621" i="1" s="1"/>
  <c r="A157622" i="1" s="1"/>
  <c r="A157623" i="1" s="1"/>
  <c r="A157624" i="1" s="1"/>
  <c r="A157625" i="1" s="1"/>
  <c r="A157626" i="1" s="1"/>
  <c r="A157627" i="1" s="1"/>
  <c r="A157628" i="1" s="1"/>
  <c r="A157629" i="1" s="1"/>
  <c r="A157630" i="1" s="1"/>
  <c r="A157631" i="1" s="1"/>
  <c r="A157632" i="1" s="1"/>
  <c r="A157633" i="1" s="1"/>
  <c r="A157634" i="1" s="1"/>
  <c r="A157635" i="1" s="1"/>
  <c r="A157636" i="1" s="1"/>
  <c r="A157637" i="1" s="1"/>
  <c r="A157638" i="1" s="1"/>
  <c r="A157639" i="1" s="1"/>
  <c r="A157640" i="1" s="1"/>
  <c r="A157641" i="1" s="1"/>
  <c r="A157642" i="1" s="1"/>
  <c r="A157643" i="1" s="1"/>
  <c r="A157644" i="1" s="1"/>
  <c r="A157645" i="1" s="1"/>
  <c r="A157646" i="1" s="1"/>
  <c r="A157647" i="1" s="1"/>
  <c r="A157648" i="1" s="1"/>
  <c r="A157649" i="1" s="1"/>
  <c r="A157650" i="1" s="1"/>
  <c r="A157651" i="1" s="1"/>
  <c r="A157652" i="1" s="1"/>
  <c r="A157653" i="1" s="1"/>
  <c r="A157654" i="1" s="1"/>
  <c r="A157655" i="1" s="1"/>
  <c r="A157656" i="1" s="1"/>
  <c r="A157657" i="1" s="1"/>
  <c r="A157658" i="1" s="1"/>
  <c r="A157659" i="1" s="1"/>
  <c r="A157660" i="1" s="1"/>
  <c r="A157661" i="1" s="1"/>
  <c r="A157662" i="1" s="1"/>
  <c r="A157663" i="1" s="1"/>
  <c r="A157664" i="1" s="1"/>
  <c r="A157665" i="1" s="1"/>
  <c r="A157666" i="1" s="1"/>
  <c r="A157667" i="1" s="1"/>
  <c r="A157668" i="1" s="1"/>
  <c r="A157669" i="1" s="1"/>
  <c r="A157670" i="1" s="1"/>
  <c r="A157671" i="1" s="1"/>
  <c r="A157672" i="1" s="1"/>
  <c r="A157673" i="1" s="1"/>
  <c r="A157674" i="1" s="1"/>
  <c r="A157675" i="1" s="1"/>
  <c r="A157676" i="1" s="1"/>
  <c r="A157677" i="1" s="1"/>
  <c r="A157678" i="1" s="1"/>
  <c r="A157679" i="1" s="1"/>
  <c r="A157680" i="1" s="1"/>
  <c r="A157681" i="1" s="1"/>
  <c r="A157682" i="1" s="1"/>
  <c r="A157683" i="1" s="1"/>
  <c r="A157684" i="1" s="1"/>
  <c r="A157685" i="1" s="1"/>
  <c r="A157686" i="1" s="1"/>
  <c r="A157687" i="1" s="1"/>
  <c r="A157688" i="1" s="1"/>
  <c r="A157689" i="1" s="1"/>
  <c r="A157690" i="1" s="1"/>
  <c r="A157691" i="1" s="1"/>
  <c r="A157692" i="1" s="1"/>
  <c r="A157693" i="1" s="1"/>
  <c r="A157694" i="1" s="1"/>
  <c r="A157695" i="1" s="1"/>
  <c r="A157696" i="1" s="1"/>
  <c r="A157697" i="1" s="1"/>
  <c r="A157698" i="1" s="1"/>
  <c r="A157699" i="1" s="1"/>
  <c r="A157700" i="1" s="1"/>
  <c r="A157701" i="1" s="1"/>
  <c r="A157702" i="1" s="1"/>
  <c r="A157703" i="1" s="1"/>
  <c r="A157704" i="1" s="1"/>
  <c r="A157705" i="1" s="1"/>
  <c r="A157706" i="1" s="1"/>
  <c r="A157707" i="1" s="1"/>
  <c r="A157708" i="1" s="1"/>
  <c r="A157709" i="1" s="1"/>
  <c r="A157710" i="1" s="1"/>
  <c r="A157711" i="1" s="1"/>
  <c r="A157712" i="1" s="1"/>
  <c r="A157713" i="1" s="1"/>
  <c r="A157714" i="1" s="1"/>
  <c r="A157715" i="1" s="1"/>
  <c r="A157716" i="1" s="1"/>
  <c r="A157717" i="1" s="1"/>
  <c r="A157718" i="1" s="1"/>
  <c r="A157719" i="1" s="1"/>
  <c r="A157720" i="1" s="1"/>
  <c r="A157721" i="1" s="1"/>
  <c r="A157722" i="1" s="1"/>
  <c r="A157723" i="1" s="1"/>
  <c r="A157724" i="1" s="1"/>
  <c r="A157725" i="1" s="1"/>
  <c r="A157726" i="1" s="1"/>
  <c r="A157727" i="1" s="1"/>
  <c r="A157728" i="1" s="1"/>
  <c r="A157729" i="1" s="1"/>
  <c r="A157730" i="1" s="1"/>
  <c r="A157731" i="1" s="1"/>
  <c r="A157732" i="1" s="1"/>
  <c r="A157733" i="1" s="1"/>
  <c r="A157734" i="1" s="1"/>
  <c r="A157735" i="1" s="1"/>
  <c r="A157736" i="1" s="1"/>
  <c r="A157737" i="1" s="1"/>
  <c r="A157738" i="1" s="1"/>
  <c r="A157739" i="1" s="1"/>
  <c r="A157740" i="1" s="1"/>
  <c r="A157741" i="1" s="1"/>
  <c r="A157742" i="1" s="1"/>
  <c r="A157743" i="1" s="1"/>
  <c r="A157744" i="1" s="1"/>
  <c r="A157745" i="1" s="1"/>
  <c r="A157746" i="1" s="1"/>
  <c r="A157747" i="1" s="1"/>
  <c r="A157748" i="1" s="1"/>
  <c r="A157749" i="1" s="1"/>
  <c r="A157750" i="1" s="1"/>
  <c r="A157751" i="1" s="1"/>
  <c r="A157752" i="1" s="1"/>
  <c r="A157753" i="1" s="1"/>
  <c r="A157754" i="1" s="1"/>
  <c r="A157755" i="1" s="1"/>
  <c r="A157756" i="1" s="1"/>
  <c r="A157757" i="1" s="1"/>
  <c r="A157758" i="1" s="1"/>
  <c r="A157759" i="1" s="1"/>
  <c r="A157760" i="1" s="1"/>
  <c r="A157761" i="1" s="1"/>
  <c r="A157762" i="1" s="1"/>
  <c r="A157763" i="1" s="1"/>
  <c r="A157764" i="1" s="1"/>
  <c r="A157765" i="1" s="1"/>
  <c r="A157766" i="1" s="1"/>
  <c r="A157767" i="1" s="1"/>
  <c r="A157768" i="1" s="1"/>
  <c r="A157769" i="1" s="1"/>
  <c r="A157770" i="1" s="1"/>
  <c r="A157771" i="1" s="1"/>
  <c r="A157772" i="1" s="1"/>
  <c r="A157773" i="1" s="1"/>
  <c r="A157774" i="1" s="1"/>
  <c r="A157775" i="1" s="1"/>
  <c r="A157776" i="1" s="1"/>
  <c r="A157777" i="1" s="1"/>
  <c r="A157778" i="1" s="1"/>
  <c r="A157779" i="1" s="1"/>
  <c r="A157780" i="1" s="1"/>
  <c r="A157781" i="1" s="1"/>
  <c r="A157782" i="1" s="1"/>
  <c r="A157783" i="1" s="1"/>
  <c r="A157784" i="1" s="1"/>
  <c r="A157785" i="1" s="1"/>
  <c r="A157786" i="1" s="1"/>
  <c r="A157787" i="1" s="1"/>
  <c r="A157788" i="1" s="1"/>
  <c r="A157789" i="1" s="1"/>
  <c r="A157790" i="1" s="1"/>
  <c r="A157791" i="1" s="1"/>
  <c r="A157792" i="1" s="1"/>
  <c r="A157793" i="1" s="1"/>
  <c r="A157794" i="1" s="1"/>
  <c r="A157795" i="1" s="1"/>
  <c r="A157796" i="1" s="1"/>
  <c r="A157797" i="1" s="1"/>
  <c r="A157798" i="1" s="1"/>
  <c r="A157799" i="1" s="1"/>
  <c r="A157800" i="1" s="1"/>
  <c r="A157801" i="1" s="1"/>
  <c r="A157802" i="1" s="1"/>
  <c r="A157803" i="1" s="1"/>
  <c r="A157804" i="1" s="1"/>
  <c r="A157805" i="1" s="1"/>
  <c r="A157806" i="1" s="1"/>
  <c r="A157807" i="1" s="1"/>
  <c r="A157808" i="1" s="1"/>
  <c r="A157809" i="1" s="1"/>
  <c r="A157810" i="1" s="1"/>
  <c r="A157811" i="1" s="1"/>
  <c r="A157812" i="1" s="1"/>
  <c r="A157813" i="1" s="1"/>
  <c r="A157814" i="1" s="1"/>
  <c r="A157815" i="1" s="1"/>
  <c r="A157816" i="1" s="1"/>
  <c r="A157817" i="1" s="1"/>
  <c r="A157818" i="1" s="1"/>
  <c r="A157819" i="1" s="1"/>
  <c r="A157820" i="1" s="1"/>
  <c r="A157821" i="1" s="1"/>
  <c r="A157822" i="1" s="1"/>
  <c r="A157823" i="1" s="1"/>
  <c r="A157824" i="1" s="1"/>
  <c r="A157825" i="1" s="1"/>
  <c r="A157826" i="1" s="1"/>
  <c r="A157827" i="1" s="1"/>
  <c r="A157828" i="1" s="1"/>
  <c r="A157829" i="1" s="1"/>
  <c r="A157830" i="1" s="1"/>
  <c r="A157831" i="1" s="1"/>
  <c r="A157832" i="1" s="1"/>
  <c r="A157833" i="1" s="1"/>
  <c r="A157834" i="1" s="1"/>
  <c r="A157835" i="1" s="1"/>
  <c r="A157836" i="1" s="1"/>
  <c r="A157837" i="1" s="1"/>
  <c r="A157838" i="1" s="1"/>
  <c r="A157839" i="1" s="1"/>
  <c r="A157840" i="1" s="1"/>
  <c r="A157841" i="1" s="1"/>
  <c r="A157842" i="1" s="1"/>
  <c r="A157843" i="1" s="1"/>
  <c r="A157844" i="1" s="1"/>
  <c r="A157845" i="1" s="1"/>
  <c r="A157846" i="1" s="1"/>
  <c r="A157847" i="1" s="1"/>
  <c r="A157848" i="1" s="1"/>
  <c r="A157849" i="1" s="1"/>
  <c r="A157850" i="1" s="1"/>
  <c r="A157851" i="1" s="1"/>
  <c r="A157852" i="1" s="1"/>
  <c r="A157853" i="1" s="1"/>
  <c r="A157854" i="1" s="1"/>
  <c r="A157855" i="1" s="1"/>
  <c r="A157856" i="1" s="1"/>
  <c r="A157857" i="1" s="1"/>
  <c r="A157858" i="1" s="1"/>
  <c r="A157859" i="1" s="1"/>
  <c r="A157860" i="1" s="1"/>
  <c r="A157861" i="1" s="1"/>
  <c r="A157862" i="1" s="1"/>
  <c r="A157863" i="1" s="1"/>
  <c r="A157864" i="1" s="1"/>
  <c r="A157865" i="1" s="1"/>
  <c r="A157866" i="1" s="1"/>
  <c r="A157867" i="1" s="1"/>
  <c r="A157868" i="1" s="1"/>
  <c r="A157869" i="1" s="1"/>
  <c r="A157870" i="1" s="1"/>
  <c r="A157871" i="1" s="1"/>
  <c r="A157872" i="1" s="1"/>
  <c r="A157873" i="1" s="1"/>
  <c r="A157874" i="1" s="1"/>
  <c r="A157875" i="1" s="1"/>
  <c r="A157876" i="1" s="1"/>
  <c r="A157877" i="1" s="1"/>
  <c r="A157878" i="1" s="1"/>
  <c r="A157879" i="1" s="1"/>
  <c r="A157880" i="1" s="1"/>
  <c r="A157881" i="1" s="1"/>
  <c r="A157882" i="1" s="1"/>
  <c r="A157883" i="1" s="1"/>
  <c r="A157884" i="1" s="1"/>
  <c r="A157885" i="1" s="1"/>
  <c r="A157886" i="1" s="1"/>
  <c r="A157887" i="1" s="1"/>
  <c r="A157888" i="1" s="1"/>
  <c r="A157889" i="1" s="1"/>
  <c r="A157890" i="1" s="1"/>
  <c r="A157891" i="1" s="1"/>
  <c r="A157892" i="1" s="1"/>
  <c r="A157893" i="1" s="1"/>
  <c r="A157894" i="1" s="1"/>
  <c r="A157895" i="1" s="1"/>
  <c r="A157896" i="1" s="1"/>
  <c r="A157897" i="1" s="1"/>
  <c r="A157898" i="1" s="1"/>
  <c r="A157899" i="1" s="1"/>
  <c r="A157900" i="1" s="1"/>
  <c r="A157901" i="1" s="1"/>
  <c r="A157902" i="1" s="1"/>
  <c r="A157903" i="1" s="1"/>
  <c r="A157904" i="1" s="1"/>
  <c r="A157905" i="1" s="1"/>
  <c r="A157906" i="1" s="1"/>
  <c r="A157907" i="1" s="1"/>
  <c r="A157908" i="1" s="1"/>
  <c r="A157909" i="1" s="1"/>
  <c r="A157910" i="1" s="1"/>
  <c r="A157911" i="1" s="1"/>
  <c r="A157912" i="1" s="1"/>
  <c r="A157913" i="1" s="1"/>
  <c r="A157914" i="1" s="1"/>
  <c r="A157915" i="1" s="1"/>
  <c r="A157916" i="1" s="1"/>
  <c r="A157917" i="1" s="1"/>
  <c r="A157918" i="1" s="1"/>
  <c r="A157919" i="1" s="1"/>
  <c r="A157920" i="1" s="1"/>
  <c r="A157921" i="1" s="1"/>
  <c r="A157922" i="1" s="1"/>
  <c r="A157923" i="1" s="1"/>
  <c r="A157924" i="1" s="1"/>
  <c r="A157925" i="1" s="1"/>
  <c r="A157926" i="1" s="1"/>
  <c r="A157927" i="1" s="1"/>
  <c r="A157928" i="1" s="1"/>
  <c r="A157929" i="1" s="1"/>
  <c r="A157930" i="1" s="1"/>
  <c r="A157931" i="1" s="1"/>
  <c r="A157932" i="1" s="1"/>
  <c r="A157933" i="1" s="1"/>
  <c r="A157934" i="1" s="1"/>
  <c r="A157935" i="1" s="1"/>
  <c r="A157936" i="1" s="1"/>
  <c r="A157937" i="1" s="1"/>
  <c r="A157938" i="1" s="1"/>
  <c r="A157939" i="1" s="1"/>
  <c r="A157940" i="1" s="1"/>
  <c r="A157941" i="1" s="1"/>
  <c r="A157942" i="1" s="1"/>
  <c r="A157943" i="1" s="1"/>
  <c r="A157944" i="1" s="1"/>
  <c r="A157945" i="1" s="1"/>
  <c r="A157946" i="1" s="1"/>
  <c r="A157947" i="1" s="1"/>
  <c r="A157948" i="1" s="1"/>
  <c r="A157949" i="1" s="1"/>
  <c r="A157950" i="1" s="1"/>
  <c r="A157951" i="1" s="1"/>
  <c r="A157952" i="1" s="1"/>
  <c r="A157953" i="1" s="1"/>
  <c r="A157954" i="1" s="1"/>
  <c r="A157955" i="1" s="1"/>
  <c r="A157956" i="1" s="1"/>
  <c r="A157957" i="1" s="1"/>
  <c r="A157958" i="1" s="1"/>
  <c r="A157959" i="1" s="1"/>
  <c r="A157960" i="1" s="1"/>
  <c r="A157961" i="1" s="1"/>
  <c r="A157962" i="1" s="1"/>
  <c r="A157963" i="1" s="1"/>
  <c r="A157964" i="1" s="1"/>
  <c r="A157965" i="1" s="1"/>
  <c r="A157966" i="1" s="1"/>
  <c r="A157967" i="1" s="1"/>
  <c r="A157968" i="1" s="1"/>
  <c r="A157969" i="1" s="1"/>
  <c r="A157970" i="1" s="1"/>
  <c r="A157971" i="1" s="1"/>
  <c r="A157972" i="1" s="1"/>
  <c r="A157973" i="1" s="1"/>
  <c r="A157974" i="1" s="1"/>
  <c r="A157975" i="1" s="1"/>
  <c r="A157976" i="1" s="1"/>
  <c r="A157977" i="1" s="1"/>
  <c r="A157978" i="1" s="1"/>
  <c r="A157979" i="1" s="1"/>
  <c r="A157980" i="1" s="1"/>
  <c r="A157981" i="1" s="1"/>
  <c r="A157982" i="1" s="1"/>
  <c r="A157983" i="1" s="1"/>
  <c r="A157984" i="1" s="1"/>
  <c r="A157985" i="1" s="1"/>
  <c r="A157986" i="1" s="1"/>
  <c r="A157987" i="1" s="1"/>
  <c r="A157988" i="1" s="1"/>
  <c r="A157989" i="1" s="1"/>
  <c r="A157990" i="1" s="1"/>
  <c r="A157991" i="1" s="1"/>
  <c r="A157992" i="1" s="1"/>
  <c r="A157993" i="1" s="1"/>
  <c r="A157994" i="1" s="1"/>
  <c r="A157995" i="1" s="1"/>
  <c r="A157996" i="1" s="1"/>
  <c r="A157997" i="1" s="1"/>
  <c r="A157998" i="1" s="1"/>
  <c r="A157999" i="1" s="1"/>
  <c r="A158000" i="1" s="1"/>
  <c r="A158001" i="1" s="1"/>
  <c r="A158002" i="1" s="1"/>
  <c r="A158003" i="1" s="1"/>
  <c r="A158004" i="1" s="1"/>
  <c r="A158005" i="1" s="1"/>
  <c r="A158006" i="1" s="1"/>
  <c r="A158007" i="1" s="1"/>
  <c r="A158008" i="1" s="1"/>
  <c r="A158009" i="1" s="1"/>
  <c r="A158010" i="1" s="1"/>
  <c r="A158011" i="1" s="1"/>
  <c r="A158012" i="1" s="1"/>
  <c r="A158013" i="1" s="1"/>
  <c r="A158014" i="1" s="1"/>
  <c r="A158015" i="1" s="1"/>
  <c r="A158016" i="1" s="1"/>
  <c r="A158017" i="1" s="1"/>
  <c r="A158018" i="1" s="1"/>
  <c r="A158019" i="1" s="1"/>
  <c r="A158020" i="1" s="1"/>
  <c r="A158021" i="1" s="1"/>
  <c r="A158022" i="1" s="1"/>
  <c r="A158023" i="1" s="1"/>
  <c r="A158024" i="1" s="1"/>
  <c r="A158025" i="1" s="1"/>
  <c r="A158026" i="1" s="1"/>
  <c r="A158027" i="1" s="1"/>
  <c r="A158028" i="1" s="1"/>
  <c r="A158029" i="1" s="1"/>
  <c r="A158030" i="1" s="1"/>
  <c r="A158031" i="1" s="1"/>
  <c r="A158032" i="1" s="1"/>
  <c r="A158033" i="1" s="1"/>
  <c r="A158034" i="1" s="1"/>
  <c r="A158035" i="1" s="1"/>
  <c r="A158036" i="1" s="1"/>
  <c r="A158037" i="1" s="1"/>
  <c r="A158038" i="1" s="1"/>
  <c r="A158039" i="1" s="1"/>
  <c r="A158040" i="1" s="1"/>
  <c r="A158041" i="1" s="1"/>
  <c r="A158042" i="1" s="1"/>
  <c r="A158043" i="1" s="1"/>
  <c r="A158044" i="1" s="1"/>
  <c r="A158045" i="1" s="1"/>
  <c r="A158046" i="1" s="1"/>
  <c r="A158047" i="1" s="1"/>
  <c r="A158048" i="1" s="1"/>
  <c r="A158049" i="1" s="1"/>
  <c r="A158050" i="1" s="1"/>
  <c r="A158051" i="1" s="1"/>
  <c r="A158052" i="1" s="1"/>
  <c r="A158053" i="1" s="1"/>
  <c r="A158054" i="1" s="1"/>
  <c r="A158055" i="1" s="1"/>
  <c r="A158056" i="1" s="1"/>
  <c r="A158057" i="1" s="1"/>
  <c r="A158058" i="1" s="1"/>
  <c r="A158059" i="1" s="1"/>
  <c r="A158060" i="1" s="1"/>
  <c r="A158061" i="1" s="1"/>
  <c r="A158062" i="1" s="1"/>
  <c r="A158063" i="1" s="1"/>
  <c r="A158064" i="1" s="1"/>
  <c r="A158065" i="1" s="1"/>
  <c r="A158066" i="1" s="1"/>
  <c r="A158067" i="1" s="1"/>
  <c r="A158068" i="1" s="1"/>
  <c r="A158069" i="1" s="1"/>
  <c r="A158070" i="1" s="1"/>
  <c r="A158071" i="1" s="1"/>
  <c r="A158072" i="1" s="1"/>
  <c r="A158073" i="1" s="1"/>
  <c r="A158074" i="1" s="1"/>
  <c r="A158075" i="1" s="1"/>
  <c r="A158076" i="1" s="1"/>
  <c r="A158077" i="1" s="1"/>
  <c r="A158078" i="1" s="1"/>
  <c r="A158079" i="1" s="1"/>
  <c r="A158080" i="1" s="1"/>
  <c r="A158081" i="1" s="1"/>
  <c r="A158082" i="1" s="1"/>
  <c r="A158083" i="1" s="1"/>
  <c r="A158084" i="1" s="1"/>
  <c r="A158085" i="1" s="1"/>
  <c r="A158086" i="1" s="1"/>
  <c r="A158087" i="1" s="1"/>
  <c r="A158088" i="1" s="1"/>
  <c r="A158089" i="1" s="1"/>
  <c r="A158090" i="1" s="1"/>
  <c r="A158091" i="1" s="1"/>
  <c r="A158092" i="1" s="1"/>
  <c r="A158093" i="1" s="1"/>
  <c r="A158094" i="1" s="1"/>
  <c r="A158095" i="1" s="1"/>
  <c r="A158096" i="1" s="1"/>
  <c r="A158097" i="1" s="1"/>
  <c r="A158098" i="1" s="1"/>
  <c r="A158099" i="1" s="1"/>
  <c r="A158100" i="1" s="1"/>
  <c r="A158101" i="1" s="1"/>
  <c r="A158102" i="1" s="1"/>
  <c r="A158103" i="1" s="1"/>
  <c r="A158104" i="1" s="1"/>
  <c r="A158105" i="1" s="1"/>
  <c r="A158106" i="1" s="1"/>
  <c r="A158107" i="1" s="1"/>
  <c r="A158108" i="1" s="1"/>
  <c r="A158109" i="1" s="1"/>
  <c r="A158110" i="1" s="1"/>
  <c r="A158111" i="1" s="1"/>
  <c r="A158112" i="1" s="1"/>
  <c r="A158113" i="1" s="1"/>
  <c r="A158114" i="1" s="1"/>
  <c r="A158115" i="1" s="1"/>
  <c r="A158116" i="1" s="1"/>
  <c r="A158117" i="1" s="1"/>
  <c r="A158118" i="1" s="1"/>
  <c r="A158119" i="1" s="1"/>
  <c r="A158120" i="1" s="1"/>
  <c r="A158121" i="1" s="1"/>
  <c r="A158122" i="1" s="1"/>
  <c r="A158123" i="1" s="1"/>
  <c r="A158124" i="1" s="1"/>
  <c r="A158125" i="1" s="1"/>
  <c r="A158126" i="1" s="1"/>
  <c r="A158127" i="1" s="1"/>
  <c r="A158128" i="1" s="1"/>
  <c r="A158129" i="1" s="1"/>
  <c r="A158130" i="1" s="1"/>
  <c r="A158131" i="1" s="1"/>
  <c r="A158132" i="1" s="1"/>
  <c r="A158133" i="1" s="1"/>
  <c r="A158134" i="1" s="1"/>
  <c r="A158135" i="1" s="1"/>
  <c r="A158136" i="1" s="1"/>
  <c r="A158137" i="1" s="1"/>
  <c r="A158138" i="1" s="1"/>
  <c r="A158139" i="1" s="1"/>
  <c r="A158140" i="1" s="1"/>
  <c r="A158141" i="1" s="1"/>
  <c r="A158142" i="1" s="1"/>
  <c r="A158143" i="1" s="1"/>
  <c r="A158144" i="1" s="1"/>
  <c r="A158145" i="1" s="1"/>
  <c r="A158146" i="1" s="1"/>
  <c r="A158147" i="1" s="1"/>
  <c r="A158148" i="1" s="1"/>
  <c r="A158149" i="1" s="1"/>
  <c r="A158150" i="1" s="1"/>
  <c r="A158151" i="1" s="1"/>
  <c r="A158152" i="1" s="1"/>
  <c r="A158153" i="1" s="1"/>
  <c r="A158154" i="1" s="1"/>
  <c r="A158155" i="1" s="1"/>
  <c r="A158156" i="1" s="1"/>
  <c r="A158157" i="1" s="1"/>
  <c r="A158158" i="1" s="1"/>
  <c r="A158159" i="1" s="1"/>
  <c r="A158160" i="1" s="1"/>
  <c r="A158161" i="1" s="1"/>
  <c r="A158162" i="1" s="1"/>
  <c r="A158163" i="1" s="1"/>
  <c r="A158164" i="1" s="1"/>
  <c r="A158165" i="1" s="1"/>
  <c r="A158166" i="1" s="1"/>
  <c r="A158167" i="1" s="1"/>
  <c r="A158168" i="1" s="1"/>
  <c r="A158169" i="1" s="1"/>
  <c r="A158170" i="1" s="1"/>
  <c r="A158171" i="1" s="1"/>
  <c r="A158172" i="1" s="1"/>
  <c r="A158173" i="1" s="1"/>
  <c r="A158174" i="1" s="1"/>
  <c r="A158175" i="1" s="1"/>
  <c r="A158176" i="1" s="1"/>
  <c r="A158177" i="1" s="1"/>
  <c r="A158178" i="1" s="1"/>
  <c r="A158179" i="1" s="1"/>
  <c r="A158180" i="1" s="1"/>
  <c r="A158181" i="1" s="1"/>
  <c r="A158182" i="1" s="1"/>
  <c r="A158183" i="1" s="1"/>
  <c r="A158184" i="1" s="1"/>
  <c r="A158185" i="1" s="1"/>
  <c r="A158186" i="1" s="1"/>
  <c r="A158187" i="1" s="1"/>
  <c r="A158188" i="1" s="1"/>
  <c r="A158189" i="1" s="1"/>
  <c r="A158190" i="1" s="1"/>
  <c r="A158191" i="1" s="1"/>
  <c r="A158192" i="1" s="1"/>
  <c r="A158193" i="1" s="1"/>
  <c r="A158194" i="1" s="1"/>
  <c r="A158195" i="1" s="1"/>
  <c r="A158196" i="1" s="1"/>
  <c r="A158197" i="1" s="1"/>
  <c r="A158198" i="1" s="1"/>
  <c r="A158199" i="1" s="1"/>
  <c r="A158200" i="1" s="1"/>
  <c r="A158201" i="1" s="1"/>
  <c r="A158202" i="1" s="1"/>
  <c r="A158203" i="1" s="1"/>
  <c r="A158204" i="1" s="1"/>
  <c r="A158205" i="1" s="1"/>
  <c r="A158206" i="1" s="1"/>
  <c r="A158207" i="1" s="1"/>
  <c r="A158208" i="1" s="1"/>
  <c r="A158209" i="1" s="1"/>
  <c r="A158210" i="1" s="1"/>
  <c r="A158211" i="1" s="1"/>
  <c r="A158212" i="1" s="1"/>
  <c r="A158213" i="1" s="1"/>
  <c r="A158214" i="1" s="1"/>
  <c r="A158215" i="1" s="1"/>
  <c r="A158216" i="1" s="1"/>
  <c r="A158217" i="1" s="1"/>
  <c r="A158218" i="1" s="1"/>
  <c r="A158219" i="1" s="1"/>
  <c r="A158220" i="1" s="1"/>
  <c r="A158221" i="1" s="1"/>
  <c r="A158222" i="1" s="1"/>
  <c r="A158223" i="1" s="1"/>
  <c r="A158224" i="1" s="1"/>
  <c r="A158225" i="1" s="1"/>
  <c r="A158226" i="1" s="1"/>
  <c r="A158227" i="1" s="1"/>
  <c r="A158228" i="1" s="1"/>
  <c r="A158229" i="1" s="1"/>
  <c r="A158230" i="1" s="1"/>
  <c r="A158231" i="1" s="1"/>
  <c r="A158232" i="1" s="1"/>
  <c r="A158233" i="1" s="1"/>
  <c r="A158234" i="1" s="1"/>
  <c r="A158235" i="1" s="1"/>
  <c r="A158236" i="1" s="1"/>
  <c r="A158237" i="1" s="1"/>
  <c r="A158238" i="1" s="1"/>
  <c r="A158239" i="1" s="1"/>
  <c r="A158240" i="1" s="1"/>
  <c r="A158241" i="1" s="1"/>
  <c r="A158242" i="1" s="1"/>
  <c r="A158243" i="1" s="1"/>
  <c r="A158244" i="1" s="1"/>
  <c r="A158245" i="1" s="1"/>
  <c r="A158246" i="1" s="1"/>
  <c r="A158247" i="1" s="1"/>
  <c r="A158248" i="1" s="1"/>
  <c r="A158249" i="1" s="1"/>
  <c r="A158250" i="1" s="1"/>
  <c r="A158251" i="1" s="1"/>
  <c r="A158252" i="1" s="1"/>
  <c r="A158253" i="1" s="1"/>
  <c r="A158254" i="1" s="1"/>
  <c r="A158255" i="1" s="1"/>
  <c r="A158256" i="1" s="1"/>
  <c r="A158257" i="1" s="1"/>
  <c r="A158258" i="1" s="1"/>
  <c r="A158259" i="1" s="1"/>
  <c r="A158260" i="1" s="1"/>
  <c r="A158261" i="1" s="1"/>
  <c r="A158262" i="1" s="1"/>
  <c r="A158263" i="1" s="1"/>
  <c r="A158264" i="1" s="1"/>
  <c r="A158265" i="1" s="1"/>
  <c r="A158266" i="1" s="1"/>
  <c r="A158267" i="1" s="1"/>
  <c r="A158268" i="1" s="1"/>
  <c r="A158269" i="1" s="1"/>
  <c r="A158270" i="1" s="1"/>
  <c r="A158271" i="1" s="1"/>
  <c r="A158272" i="1" s="1"/>
  <c r="A158273" i="1" s="1"/>
  <c r="A158274" i="1" s="1"/>
  <c r="A158275" i="1" s="1"/>
  <c r="A158276" i="1" s="1"/>
  <c r="A158277" i="1" s="1"/>
  <c r="A158278" i="1" s="1"/>
  <c r="A158279" i="1" s="1"/>
  <c r="A158280" i="1" s="1"/>
  <c r="A158281" i="1" s="1"/>
  <c r="A158282" i="1" s="1"/>
  <c r="A158283" i="1" s="1"/>
  <c r="A158284" i="1" s="1"/>
  <c r="A158285" i="1" s="1"/>
  <c r="A158286" i="1" s="1"/>
  <c r="A158287" i="1" s="1"/>
  <c r="A158288" i="1" s="1"/>
  <c r="A158289" i="1" s="1"/>
  <c r="A158290" i="1" s="1"/>
  <c r="A158291" i="1" s="1"/>
  <c r="A158292" i="1" s="1"/>
  <c r="A158293" i="1" s="1"/>
  <c r="A158294" i="1" s="1"/>
  <c r="A158295" i="1" s="1"/>
  <c r="A158296" i="1" s="1"/>
  <c r="A158297" i="1" s="1"/>
  <c r="A158298" i="1" s="1"/>
  <c r="A158299" i="1" s="1"/>
  <c r="A158300" i="1" s="1"/>
  <c r="A158301" i="1" s="1"/>
  <c r="A158302" i="1" s="1"/>
  <c r="A158303" i="1" s="1"/>
  <c r="A158304" i="1" s="1"/>
  <c r="A158305" i="1" s="1"/>
  <c r="A158306" i="1" s="1"/>
  <c r="A158307" i="1" s="1"/>
  <c r="A158308" i="1" s="1"/>
  <c r="A158309" i="1" s="1"/>
  <c r="A158310" i="1" s="1"/>
  <c r="A158311" i="1" s="1"/>
  <c r="A158312" i="1" s="1"/>
  <c r="A158313" i="1" s="1"/>
  <c r="A158314" i="1" s="1"/>
  <c r="A158315" i="1" s="1"/>
  <c r="A158316" i="1" s="1"/>
  <c r="A158317" i="1" s="1"/>
  <c r="A158318" i="1" s="1"/>
  <c r="A158319" i="1" s="1"/>
  <c r="A158320" i="1" s="1"/>
  <c r="A158321" i="1" s="1"/>
  <c r="A158322" i="1" s="1"/>
  <c r="A158323" i="1" s="1"/>
  <c r="A158324" i="1" s="1"/>
  <c r="A158325" i="1" s="1"/>
  <c r="A158326" i="1" s="1"/>
  <c r="A158327" i="1" s="1"/>
  <c r="A158328" i="1" s="1"/>
  <c r="A158329" i="1" s="1"/>
  <c r="A158330" i="1" s="1"/>
  <c r="A158331" i="1" s="1"/>
  <c r="A158332" i="1" s="1"/>
  <c r="A158333" i="1" s="1"/>
  <c r="A158334" i="1" s="1"/>
  <c r="A158335" i="1" s="1"/>
  <c r="A158336" i="1" s="1"/>
  <c r="A158337" i="1" s="1"/>
  <c r="A158338" i="1" s="1"/>
  <c r="A158339" i="1" s="1"/>
  <c r="A158340" i="1" s="1"/>
  <c r="A158341" i="1" s="1"/>
  <c r="A158342" i="1" s="1"/>
  <c r="A158343" i="1" s="1"/>
  <c r="A158344" i="1" s="1"/>
  <c r="A158345" i="1" s="1"/>
  <c r="A158346" i="1" s="1"/>
  <c r="A158347" i="1" s="1"/>
  <c r="A158348" i="1" s="1"/>
  <c r="A158349" i="1" s="1"/>
  <c r="A158350" i="1" s="1"/>
  <c r="A158351" i="1" s="1"/>
  <c r="A158352" i="1" s="1"/>
  <c r="A158353" i="1" s="1"/>
  <c r="A158354" i="1" s="1"/>
  <c r="A158355" i="1" s="1"/>
  <c r="A158356" i="1" s="1"/>
  <c r="A158357" i="1" s="1"/>
  <c r="A158358" i="1" s="1"/>
  <c r="A158359" i="1" s="1"/>
  <c r="A158360" i="1" s="1"/>
  <c r="A158361" i="1" s="1"/>
  <c r="A158362" i="1" s="1"/>
  <c r="A158363" i="1" s="1"/>
  <c r="A158364" i="1" s="1"/>
  <c r="A158365" i="1" s="1"/>
  <c r="A158366" i="1" s="1"/>
  <c r="A158367" i="1" s="1"/>
  <c r="A158368" i="1" s="1"/>
  <c r="A158369" i="1" s="1"/>
  <c r="A158370" i="1" s="1"/>
  <c r="A158371" i="1" s="1"/>
  <c r="A158372" i="1" s="1"/>
  <c r="A158373" i="1" s="1"/>
  <c r="A158374" i="1" s="1"/>
  <c r="A158375" i="1" s="1"/>
  <c r="A158376" i="1" s="1"/>
  <c r="A158377" i="1" s="1"/>
  <c r="A158378" i="1" s="1"/>
  <c r="A158379" i="1" s="1"/>
  <c r="A158380" i="1" s="1"/>
  <c r="A158381" i="1" s="1"/>
  <c r="A158382" i="1" s="1"/>
  <c r="A158383" i="1" s="1"/>
  <c r="A158384" i="1" s="1"/>
  <c r="A158385" i="1" s="1"/>
  <c r="A158386" i="1" s="1"/>
  <c r="A158387" i="1" s="1"/>
  <c r="A158388" i="1" s="1"/>
  <c r="A158389" i="1" s="1"/>
  <c r="A158390" i="1" s="1"/>
  <c r="A158391" i="1" s="1"/>
  <c r="A158392" i="1" s="1"/>
  <c r="A158393" i="1" s="1"/>
  <c r="A158394" i="1" s="1"/>
  <c r="A158395" i="1" s="1"/>
  <c r="A158396" i="1" s="1"/>
  <c r="A158397" i="1" s="1"/>
  <c r="A158398" i="1" s="1"/>
  <c r="A158399" i="1" s="1"/>
  <c r="A158400" i="1" s="1"/>
  <c r="A158401" i="1" s="1"/>
  <c r="A158402" i="1" s="1"/>
  <c r="A158403" i="1" s="1"/>
  <c r="A158404" i="1" s="1"/>
  <c r="A158405" i="1" s="1"/>
  <c r="A158406" i="1" s="1"/>
  <c r="A158407" i="1" s="1"/>
  <c r="A158408" i="1" s="1"/>
  <c r="A158409" i="1" s="1"/>
  <c r="A158410" i="1" s="1"/>
  <c r="A158411" i="1" s="1"/>
  <c r="A158412" i="1" s="1"/>
  <c r="A158413" i="1" s="1"/>
  <c r="A158414" i="1" s="1"/>
  <c r="A158415" i="1" s="1"/>
  <c r="A158416" i="1" s="1"/>
  <c r="A158417" i="1" s="1"/>
  <c r="A158418" i="1" s="1"/>
  <c r="A158419" i="1" s="1"/>
  <c r="A158420" i="1" s="1"/>
  <c r="A158421" i="1" s="1"/>
  <c r="A158422" i="1" s="1"/>
  <c r="A158423" i="1" s="1"/>
  <c r="A158424" i="1" s="1"/>
  <c r="A158425" i="1" s="1"/>
  <c r="A158426" i="1" s="1"/>
  <c r="A158427" i="1" s="1"/>
  <c r="A158428" i="1" s="1"/>
  <c r="A158429" i="1" s="1"/>
  <c r="A158430" i="1" s="1"/>
  <c r="A158431" i="1" s="1"/>
  <c r="A158432" i="1" s="1"/>
  <c r="A158433" i="1" s="1"/>
  <c r="A158434" i="1" s="1"/>
  <c r="A158435" i="1" s="1"/>
  <c r="A158436" i="1" s="1"/>
  <c r="A158437" i="1" s="1"/>
  <c r="A158438" i="1" s="1"/>
  <c r="A158439" i="1" s="1"/>
  <c r="A158440" i="1" s="1"/>
  <c r="A158441" i="1" s="1"/>
  <c r="A158442" i="1" s="1"/>
  <c r="A158443" i="1" s="1"/>
  <c r="A158444" i="1" s="1"/>
  <c r="A158445" i="1" s="1"/>
  <c r="A158446" i="1" s="1"/>
  <c r="A158447" i="1" s="1"/>
  <c r="A158448" i="1" s="1"/>
  <c r="A158449" i="1" s="1"/>
  <c r="A158450" i="1" s="1"/>
  <c r="A158451" i="1" s="1"/>
  <c r="A158452" i="1" s="1"/>
  <c r="A158453" i="1" s="1"/>
  <c r="A158454" i="1" s="1"/>
  <c r="A158455" i="1" s="1"/>
  <c r="A158456" i="1" s="1"/>
  <c r="A158457" i="1" s="1"/>
  <c r="A158458" i="1" s="1"/>
  <c r="A158459" i="1" s="1"/>
  <c r="A158460" i="1" s="1"/>
  <c r="A158461" i="1" s="1"/>
  <c r="A158462" i="1" s="1"/>
  <c r="A158463" i="1" s="1"/>
  <c r="A158464" i="1" s="1"/>
  <c r="A158465" i="1" s="1"/>
  <c r="A158466" i="1" s="1"/>
  <c r="A158467" i="1" s="1"/>
  <c r="A158468" i="1" s="1"/>
  <c r="A158469" i="1" s="1"/>
  <c r="A158470" i="1" s="1"/>
  <c r="A158471" i="1" s="1"/>
  <c r="A158472" i="1" s="1"/>
  <c r="A158473" i="1" s="1"/>
  <c r="A158474" i="1" s="1"/>
  <c r="A158475" i="1" s="1"/>
  <c r="A158476" i="1" s="1"/>
  <c r="A158477" i="1" s="1"/>
  <c r="A158478" i="1" s="1"/>
  <c r="A158479" i="1" s="1"/>
  <c r="A158480" i="1" s="1"/>
  <c r="A158481" i="1" s="1"/>
  <c r="A158482" i="1" s="1"/>
  <c r="A158483" i="1" s="1"/>
  <c r="A158484" i="1" s="1"/>
  <c r="A158485" i="1" s="1"/>
  <c r="A158486" i="1" s="1"/>
  <c r="A158487" i="1" s="1"/>
  <c r="A158488" i="1" s="1"/>
  <c r="A158489" i="1" s="1"/>
  <c r="A158490" i="1" s="1"/>
  <c r="A158491" i="1" s="1"/>
  <c r="A158492" i="1" s="1"/>
  <c r="A158493" i="1" s="1"/>
  <c r="A158494" i="1" s="1"/>
  <c r="A158495" i="1" s="1"/>
  <c r="A158496" i="1" s="1"/>
  <c r="A158497" i="1" s="1"/>
  <c r="A158498" i="1" s="1"/>
  <c r="A158499" i="1" s="1"/>
  <c r="A158500" i="1" s="1"/>
  <c r="A158501" i="1" s="1"/>
  <c r="A158502" i="1" s="1"/>
  <c r="A158503" i="1" s="1"/>
  <c r="A158504" i="1" s="1"/>
  <c r="A158505" i="1" s="1"/>
  <c r="A158506" i="1" s="1"/>
  <c r="A158507" i="1" s="1"/>
  <c r="A158508" i="1" s="1"/>
  <c r="A158509" i="1" s="1"/>
  <c r="A158510" i="1" s="1"/>
  <c r="A158511" i="1" s="1"/>
  <c r="A158512" i="1" s="1"/>
  <c r="A158513" i="1" s="1"/>
  <c r="A158514" i="1" s="1"/>
  <c r="A158515" i="1" s="1"/>
  <c r="A158516" i="1" s="1"/>
  <c r="A158517" i="1" s="1"/>
  <c r="A158518" i="1" s="1"/>
  <c r="A158519" i="1" s="1"/>
  <c r="A158520" i="1" s="1"/>
  <c r="A158521" i="1" s="1"/>
  <c r="A158522" i="1" s="1"/>
  <c r="A158523" i="1" s="1"/>
  <c r="A158524" i="1" s="1"/>
  <c r="A158525" i="1" s="1"/>
  <c r="A158526" i="1" s="1"/>
  <c r="A158527" i="1" s="1"/>
  <c r="A158528" i="1" s="1"/>
  <c r="A158529" i="1" s="1"/>
  <c r="A158530" i="1" s="1"/>
  <c r="A158531" i="1" s="1"/>
  <c r="A158532" i="1" s="1"/>
  <c r="A158533" i="1" s="1"/>
  <c r="A158534" i="1" s="1"/>
  <c r="A158535" i="1" s="1"/>
  <c r="A158536" i="1" s="1"/>
  <c r="A158537" i="1" s="1"/>
  <c r="A158538" i="1" s="1"/>
  <c r="A158539" i="1" s="1"/>
  <c r="A158540" i="1" s="1"/>
  <c r="A158541" i="1" s="1"/>
  <c r="A158542" i="1" s="1"/>
  <c r="A158543" i="1" s="1"/>
  <c r="A158544" i="1" s="1"/>
  <c r="A158545" i="1" s="1"/>
  <c r="A158546" i="1" s="1"/>
  <c r="A158547" i="1" s="1"/>
  <c r="A158548" i="1" s="1"/>
  <c r="A158549" i="1" s="1"/>
  <c r="A158550" i="1" s="1"/>
  <c r="A158551" i="1" s="1"/>
  <c r="A158552" i="1" s="1"/>
  <c r="A158553" i="1" s="1"/>
  <c r="A158554" i="1" s="1"/>
  <c r="A158555" i="1" s="1"/>
  <c r="A158556" i="1" s="1"/>
  <c r="A158557" i="1" s="1"/>
  <c r="A158558" i="1" s="1"/>
  <c r="A158559" i="1" s="1"/>
  <c r="A158560" i="1" s="1"/>
  <c r="A158561" i="1" s="1"/>
  <c r="A158562" i="1" s="1"/>
  <c r="A158563" i="1" s="1"/>
  <c r="A158564" i="1" s="1"/>
  <c r="A158565" i="1" s="1"/>
  <c r="A158566" i="1" s="1"/>
  <c r="A158567" i="1" s="1"/>
  <c r="A158568" i="1" s="1"/>
  <c r="A158569" i="1" s="1"/>
  <c r="A158570" i="1" s="1"/>
  <c r="A158571" i="1" s="1"/>
  <c r="A158572" i="1" s="1"/>
  <c r="A158573" i="1" s="1"/>
  <c r="A158574" i="1" s="1"/>
  <c r="A158575" i="1" s="1"/>
  <c r="A158576" i="1" s="1"/>
  <c r="A158577" i="1" s="1"/>
  <c r="A158578" i="1" s="1"/>
  <c r="A158579" i="1" s="1"/>
  <c r="A158580" i="1" s="1"/>
  <c r="A158581" i="1" s="1"/>
  <c r="A158582" i="1" s="1"/>
  <c r="A158583" i="1" s="1"/>
  <c r="A158584" i="1" s="1"/>
  <c r="A158585" i="1" s="1"/>
  <c r="A158586" i="1" s="1"/>
  <c r="A158587" i="1" s="1"/>
  <c r="A158588" i="1" s="1"/>
  <c r="A158589" i="1" s="1"/>
  <c r="A158590" i="1" s="1"/>
  <c r="A158591" i="1" s="1"/>
  <c r="A158592" i="1" s="1"/>
  <c r="A158593" i="1" s="1"/>
  <c r="A158594" i="1" s="1"/>
  <c r="A158595" i="1" s="1"/>
  <c r="A158596" i="1" s="1"/>
  <c r="A158597" i="1" s="1"/>
  <c r="A158598" i="1" s="1"/>
  <c r="A158599" i="1" s="1"/>
  <c r="A158600" i="1" s="1"/>
  <c r="A158601" i="1" s="1"/>
  <c r="A158602" i="1" s="1"/>
  <c r="A158603" i="1" s="1"/>
  <c r="A158604" i="1" s="1"/>
  <c r="A158605" i="1" s="1"/>
  <c r="A158606" i="1" s="1"/>
  <c r="A158607" i="1" s="1"/>
  <c r="A158608" i="1" s="1"/>
  <c r="A158609" i="1" s="1"/>
  <c r="A158610" i="1" s="1"/>
  <c r="A158611" i="1" s="1"/>
  <c r="A158612" i="1" s="1"/>
  <c r="A158613" i="1" s="1"/>
  <c r="A158614" i="1" s="1"/>
  <c r="A158615" i="1" s="1"/>
  <c r="A158616" i="1" s="1"/>
  <c r="A158617" i="1" s="1"/>
  <c r="A158618" i="1" s="1"/>
  <c r="A158619" i="1" s="1"/>
  <c r="A158620" i="1" s="1"/>
  <c r="A158621" i="1" s="1"/>
  <c r="A158622" i="1" s="1"/>
  <c r="A158623" i="1" s="1"/>
  <c r="A158624" i="1" s="1"/>
  <c r="A158625" i="1" s="1"/>
  <c r="A158626" i="1" s="1"/>
  <c r="A158627" i="1" s="1"/>
  <c r="A158628" i="1" s="1"/>
  <c r="A158629" i="1" s="1"/>
  <c r="A158630" i="1" s="1"/>
  <c r="A158631" i="1" s="1"/>
  <c r="A158632" i="1" s="1"/>
  <c r="A158633" i="1" s="1"/>
  <c r="A158634" i="1" s="1"/>
  <c r="A158635" i="1" s="1"/>
  <c r="A158636" i="1" s="1"/>
  <c r="A158637" i="1" s="1"/>
  <c r="A158638" i="1" s="1"/>
  <c r="A158639" i="1" s="1"/>
  <c r="A158640" i="1" s="1"/>
  <c r="A158641" i="1" s="1"/>
  <c r="A158642" i="1" s="1"/>
  <c r="A158643" i="1" s="1"/>
  <c r="A158644" i="1" s="1"/>
  <c r="A158645" i="1" s="1"/>
  <c r="A158646" i="1" s="1"/>
  <c r="A158647" i="1" s="1"/>
  <c r="A158648" i="1" s="1"/>
  <c r="A158649" i="1" s="1"/>
  <c r="A158650" i="1" s="1"/>
  <c r="A158651" i="1" s="1"/>
  <c r="A158652" i="1" s="1"/>
  <c r="A158653" i="1" s="1"/>
  <c r="A158654" i="1" s="1"/>
  <c r="A158655" i="1" s="1"/>
  <c r="A158656" i="1" s="1"/>
  <c r="A158657" i="1" s="1"/>
  <c r="A158658" i="1" s="1"/>
  <c r="A158659" i="1" s="1"/>
  <c r="A158660" i="1" s="1"/>
  <c r="A158661" i="1" s="1"/>
  <c r="A158662" i="1" s="1"/>
  <c r="A158663" i="1" s="1"/>
  <c r="A158664" i="1" s="1"/>
  <c r="A158665" i="1" s="1"/>
  <c r="A158666" i="1" s="1"/>
  <c r="A158667" i="1" s="1"/>
  <c r="A158668" i="1" s="1"/>
  <c r="A158669" i="1" s="1"/>
  <c r="A158670" i="1" s="1"/>
  <c r="A158671" i="1" s="1"/>
  <c r="A158672" i="1" s="1"/>
  <c r="A158673" i="1" s="1"/>
  <c r="A158674" i="1" s="1"/>
  <c r="A158675" i="1" s="1"/>
  <c r="A158676" i="1" s="1"/>
  <c r="A158677" i="1" s="1"/>
  <c r="A158678" i="1" s="1"/>
  <c r="A158679" i="1" s="1"/>
  <c r="A158680" i="1" s="1"/>
  <c r="A158681" i="1" s="1"/>
  <c r="A158682" i="1" s="1"/>
  <c r="A158683" i="1" s="1"/>
  <c r="A158684" i="1" s="1"/>
  <c r="A158685" i="1" s="1"/>
  <c r="A158686" i="1" s="1"/>
  <c r="A158687" i="1" s="1"/>
  <c r="A158688" i="1" s="1"/>
  <c r="A158689" i="1" s="1"/>
  <c r="A158690" i="1" s="1"/>
  <c r="A158691" i="1" s="1"/>
  <c r="A158692" i="1" s="1"/>
  <c r="A158693" i="1" s="1"/>
  <c r="A158694" i="1" s="1"/>
  <c r="A158695" i="1" s="1"/>
  <c r="A158696" i="1" s="1"/>
  <c r="A158697" i="1" s="1"/>
  <c r="A158698" i="1" s="1"/>
  <c r="A158699" i="1" s="1"/>
  <c r="A158700" i="1" s="1"/>
  <c r="A158701" i="1" s="1"/>
  <c r="A158702" i="1" s="1"/>
  <c r="A158703" i="1" s="1"/>
  <c r="A158704" i="1" s="1"/>
  <c r="A158705" i="1" s="1"/>
  <c r="A158706" i="1" s="1"/>
  <c r="A158707" i="1" s="1"/>
  <c r="A158708" i="1" s="1"/>
  <c r="A158709" i="1" s="1"/>
  <c r="A158710" i="1" s="1"/>
  <c r="A158711" i="1" s="1"/>
  <c r="A158712" i="1" s="1"/>
  <c r="A158713" i="1" s="1"/>
  <c r="A158714" i="1" s="1"/>
  <c r="A158715" i="1" s="1"/>
  <c r="A158716" i="1" s="1"/>
  <c r="A158717" i="1" s="1"/>
  <c r="A158718" i="1" s="1"/>
  <c r="A158719" i="1" s="1"/>
  <c r="A158720" i="1" s="1"/>
  <c r="A158721" i="1" s="1"/>
  <c r="A158722" i="1" s="1"/>
  <c r="A158723" i="1" s="1"/>
  <c r="A158724" i="1" s="1"/>
  <c r="A158725" i="1" s="1"/>
  <c r="A158726" i="1" s="1"/>
  <c r="A158727" i="1" s="1"/>
  <c r="A158728" i="1" s="1"/>
  <c r="A158729" i="1" s="1"/>
  <c r="A158730" i="1" s="1"/>
  <c r="A158731" i="1" s="1"/>
  <c r="A158732" i="1" s="1"/>
  <c r="A158733" i="1" s="1"/>
  <c r="A158734" i="1" s="1"/>
  <c r="A158735" i="1" s="1"/>
  <c r="A158736" i="1" s="1"/>
  <c r="A158737" i="1" s="1"/>
  <c r="A158738" i="1" s="1"/>
  <c r="A158739" i="1" s="1"/>
  <c r="A158740" i="1" s="1"/>
  <c r="A158741" i="1" s="1"/>
  <c r="A158742" i="1" s="1"/>
  <c r="A158743" i="1" s="1"/>
  <c r="A158744" i="1" s="1"/>
  <c r="A158745" i="1" s="1"/>
  <c r="A158746" i="1" s="1"/>
  <c r="A158747" i="1" s="1"/>
  <c r="A158748" i="1" s="1"/>
  <c r="A158749" i="1" s="1"/>
  <c r="A158750" i="1" s="1"/>
  <c r="A158751" i="1" s="1"/>
  <c r="A158752" i="1" s="1"/>
  <c r="A158753" i="1" s="1"/>
  <c r="A158754" i="1" s="1"/>
  <c r="A158755" i="1" s="1"/>
  <c r="A158756" i="1" s="1"/>
  <c r="A158757" i="1" s="1"/>
  <c r="A158758" i="1" s="1"/>
  <c r="A158759" i="1" s="1"/>
  <c r="A158760" i="1" s="1"/>
  <c r="A158761" i="1" s="1"/>
  <c r="A158762" i="1" s="1"/>
  <c r="A158763" i="1" s="1"/>
  <c r="A158764" i="1" s="1"/>
  <c r="A158765" i="1" s="1"/>
  <c r="A158766" i="1" s="1"/>
  <c r="A158767" i="1" s="1"/>
  <c r="A158768" i="1" s="1"/>
  <c r="A158769" i="1" s="1"/>
  <c r="A158770" i="1" s="1"/>
  <c r="A158771" i="1" s="1"/>
  <c r="A158772" i="1" s="1"/>
  <c r="A158773" i="1" s="1"/>
  <c r="A158774" i="1" s="1"/>
  <c r="A158775" i="1" s="1"/>
  <c r="A158776" i="1" s="1"/>
  <c r="A158777" i="1" s="1"/>
  <c r="A158778" i="1" s="1"/>
  <c r="A158779" i="1" s="1"/>
  <c r="A158780" i="1" s="1"/>
  <c r="A158781" i="1" s="1"/>
  <c r="A158782" i="1" s="1"/>
  <c r="A158783" i="1" s="1"/>
  <c r="A158784" i="1" s="1"/>
  <c r="A158785" i="1" s="1"/>
  <c r="A158786" i="1" s="1"/>
  <c r="A158787" i="1" s="1"/>
  <c r="A158788" i="1" s="1"/>
  <c r="A158789" i="1" s="1"/>
  <c r="A158790" i="1" s="1"/>
  <c r="A158791" i="1" s="1"/>
  <c r="A158792" i="1" s="1"/>
  <c r="A158793" i="1" s="1"/>
  <c r="A158794" i="1" s="1"/>
  <c r="A158795" i="1" s="1"/>
  <c r="A158796" i="1" s="1"/>
  <c r="A158797" i="1" s="1"/>
  <c r="A158798" i="1" s="1"/>
  <c r="A158799" i="1" s="1"/>
  <c r="A158800" i="1" s="1"/>
  <c r="A158801" i="1" s="1"/>
  <c r="A158802" i="1" s="1"/>
  <c r="A158803" i="1" s="1"/>
  <c r="A158804" i="1" s="1"/>
  <c r="A158805" i="1" s="1"/>
  <c r="A158806" i="1" s="1"/>
  <c r="A158807" i="1" s="1"/>
  <c r="A158808" i="1" s="1"/>
  <c r="A158809" i="1" s="1"/>
  <c r="A158810" i="1" s="1"/>
  <c r="A158811" i="1" s="1"/>
  <c r="A158812" i="1" s="1"/>
  <c r="A158813" i="1" s="1"/>
  <c r="A158814" i="1" s="1"/>
  <c r="A158815" i="1" s="1"/>
  <c r="A158816" i="1" s="1"/>
  <c r="A158817" i="1" s="1"/>
  <c r="A158818" i="1" s="1"/>
  <c r="A158819" i="1" s="1"/>
  <c r="A158820" i="1" s="1"/>
  <c r="A158821" i="1" s="1"/>
  <c r="A158822" i="1" s="1"/>
  <c r="A158823" i="1" s="1"/>
  <c r="A158824" i="1" s="1"/>
  <c r="A158825" i="1" s="1"/>
  <c r="A158826" i="1" s="1"/>
  <c r="A158827" i="1" s="1"/>
  <c r="A158828" i="1" s="1"/>
  <c r="A158829" i="1" s="1"/>
  <c r="A158830" i="1" s="1"/>
  <c r="A158831" i="1" s="1"/>
  <c r="A158832" i="1" s="1"/>
  <c r="A158833" i="1" s="1"/>
  <c r="A158834" i="1" s="1"/>
  <c r="A158835" i="1" s="1"/>
  <c r="A158836" i="1" s="1"/>
  <c r="A158837" i="1" s="1"/>
  <c r="A158838" i="1" s="1"/>
  <c r="A158839" i="1" s="1"/>
  <c r="A158840" i="1" s="1"/>
  <c r="A158841" i="1" s="1"/>
  <c r="A158842" i="1" s="1"/>
  <c r="A158843" i="1" s="1"/>
  <c r="A158844" i="1" s="1"/>
  <c r="A158845" i="1" s="1"/>
  <c r="A158846" i="1" s="1"/>
  <c r="A158847" i="1" s="1"/>
  <c r="A158848" i="1" s="1"/>
  <c r="A158849" i="1" s="1"/>
  <c r="A158850" i="1" s="1"/>
  <c r="A158851" i="1" s="1"/>
  <c r="A158852" i="1" s="1"/>
  <c r="A158853" i="1" s="1"/>
  <c r="A158854" i="1" s="1"/>
  <c r="A158855" i="1" s="1"/>
  <c r="A158856" i="1" s="1"/>
  <c r="A158857" i="1" s="1"/>
  <c r="A158858" i="1" s="1"/>
  <c r="A158859" i="1" s="1"/>
  <c r="A158860" i="1" s="1"/>
  <c r="A158861" i="1" s="1"/>
  <c r="A158862" i="1" s="1"/>
  <c r="A158863" i="1" s="1"/>
  <c r="A158864" i="1" s="1"/>
  <c r="A158865" i="1" s="1"/>
  <c r="A158866" i="1" s="1"/>
  <c r="A158867" i="1" s="1"/>
  <c r="A158868" i="1" s="1"/>
  <c r="A158869" i="1" s="1"/>
  <c r="A158870" i="1" s="1"/>
  <c r="A158871" i="1" s="1"/>
  <c r="A158872" i="1" s="1"/>
  <c r="A158873" i="1" s="1"/>
  <c r="A158874" i="1" s="1"/>
  <c r="A158875" i="1" s="1"/>
  <c r="A158876" i="1" s="1"/>
  <c r="A158877" i="1" s="1"/>
  <c r="A158878" i="1" s="1"/>
  <c r="A158879" i="1" s="1"/>
  <c r="A158880" i="1" s="1"/>
  <c r="A158881" i="1" s="1"/>
  <c r="A158882" i="1" s="1"/>
  <c r="A158883" i="1" s="1"/>
  <c r="A158884" i="1" s="1"/>
  <c r="A158885" i="1" s="1"/>
  <c r="A158886" i="1" s="1"/>
  <c r="A158887" i="1" s="1"/>
  <c r="A158888" i="1" s="1"/>
  <c r="A158889" i="1" s="1"/>
  <c r="A158890" i="1" s="1"/>
  <c r="A158891" i="1" s="1"/>
  <c r="A158892" i="1" s="1"/>
  <c r="A158893" i="1" s="1"/>
  <c r="A158894" i="1" s="1"/>
  <c r="A158895" i="1" s="1"/>
  <c r="A158896" i="1" s="1"/>
  <c r="A158897" i="1" s="1"/>
  <c r="A158898" i="1" s="1"/>
  <c r="A158899" i="1" s="1"/>
  <c r="A158900" i="1" s="1"/>
  <c r="A158901" i="1" s="1"/>
  <c r="A158902" i="1" s="1"/>
  <c r="A158903" i="1" s="1"/>
  <c r="A158904" i="1" s="1"/>
  <c r="A158905" i="1" s="1"/>
  <c r="A158906" i="1" s="1"/>
  <c r="A158907" i="1" s="1"/>
  <c r="A158908" i="1" s="1"/>
  <c r="A158909" i="1" s="1"/>
  <c r="A158910" i="1" s="1"/>
  <c r="A158911" i="1" s="1"/>
  <c r="A158912" i="1" s="1"/>
  <c r="A158913" i="1" s="1"/>
  <c r="A158914" i="1" s="1"/>
  <c r="A158915" i="1" s="1"/>
  <c r="A158916" i="1" s="1"/>
  <c r="A158917" i="1" s="1"/>
  <c r="A158918" i="1" s="1"/>
  <c r="A158919" i="1" s="1"/>
  <c r="A158920" i="1" s="1"/>
  <c r="A158921" i="1" s="1"/>
  <c r="A158922" i="1" s="1"/>
  <c r="A158923" i="1" s="1"/>
  <c r="A158924" i="1" s="1"/>
  <c r="A158925" i="1" s="1"/>
  <c r="A158926" i="1" s="1"/>
  <c r="A158927" i="1" s="1"/>
  <c r="A158928" i="1" s="1"/>
  <c r="A158929" i="1" s="1"/>
  <c r="A158930" i="1" s="1"/>
  <c r="A158931" i="1" s="1"/>
  <c r="A158932" i="1" s="1"/>
  <c r="A158933" i="1" s="1"/>
  <c r="A158934" i="1" s="1"/>
  <c r="A158935" i="1" s="1"/>
  <c r="A158936" i="1" s="1"/>
  <c r="A158937" i="1" s="1"/>
  <c r="A158938" i="1" s="1"/>
  <c r="A158939" i="1" s="1"/>
  <c r="A158940" i="1" s="1"/>
  <c r="A158941" i="1" s="1"/>
  <c r="A158942" i="1" s="1"/>
  <c r="A158943" i="1" s="1"/>
  <c r="A158944" i="1" s="1"/>
  <c r="A158945" i="1" s="1"/>
  <c r="A158946" i="1" s="1"/>
  <c r="A158947" i="1" s="1"/>
  <c r="A158948" i="1" s="1"/>
  <c r="A158949" i="1" s="1"/>
  <c r="A158950" i="1" s="1"/>
  <c r="A158951" i="1" s="1"/>
  <c r="A158952" i="1" s="1"/>
  <c r="A158953" i="1" s="1"/>
  <c r="A158954" i="1" s="1"/>
  <c r="A158955" i="1" s="1"/>
  <c r="A158956" i="1" s="1"/>
  <c r="A158957" i="1" s="1"/>
  <c r="A158958" i="1" s="1"/>
  <c r="A158959" i="1" s="1"/>
  <c r="A158960" i="1" s="1"/>
  <c r="A158961" i="1" s="1"/>
  <c r="A158962" i="1" s="1"/>
  <c r="A158963" i="1" s="1"/>
  <c r="A158964" i="1" s="1"/>
  <c r="A158965" i="1" s="1"/>
  <c r="A158966" i="1" s="1"/>
  <c r="A158967" i="1" s="1"/>
  <c r="A158968" i="1" s="1"/>
  <c r="A158969" i="1" s="1"/>
  <c r="A158970" i="1" s="1"/>
  <c r="A158971" i="1" s="1"/>
  <c r="A158972" i="1" s="1"/>
  <c r="A158973" i="1" s="1"/>
  <c r="A158974" i="1" s="1"/>
  <c r="A158975" i="1" s="1"/>
  <c r="A158976" i="1" s="1"/>
  <c r="A158977" i="1" s="1"/>
  <c r="A158978" i="1" s="1"/>
  <c r="A158979" i="1" s="1"/>
  <c r="A158980" i="1" s="1"/>
  <c r="A158981" i="1" s="1"/>
  <c r="A158982" i="1" s="1"/>
  <c r="A158983" i="1" s="1"/>
  <c r="A158984" i="1" s="1"/>
  <c r="A158985" i="1" s="1"/>
  <c r="A158986" i="1" s="1"/>
  <c r="A158987" i="1" s="1"/>
  <c r="A158988" i="1" s="1"/>
  <c r="A158989" i="1" s="1"/>
  <c r="A158990" i="1" s="1"/>
  <c r="A158991" i="1" s="1"/>
  <c r="A158992" i="1" s="1"/>
  <c r="A158993" i="1" s="1"/>
  <c r="A158994" i="1" s="1"/>
  <c r="A158995" i="1" s="1"/>
  <c r="A158996" i="1" s="1"/>
  <c r="A158997" i="1" s="1"/>
  <c r="A158998" i="1" s="1"/>
  <c r="A158999" i="1" s="1"/>
  <c r="A159000" i="1" s="1"/>
  <c r="A159001" i="1" s="1"/>
  <c r="A159002" i="1" s="1"/>
  <c r="A159003" i="1" s="1"/>
  <c r="A159004" i="1" s="1"/>
  <c r="A159005" i="1" s="1"/>
  <c r="A159006" i="1" s="1"/>
  <c r="A159007" i="1" s="1"/>
  <c r="A159008" i="1" s="1"/>
  <c r="A159009" i="1" s="1"/>
  <c r="A159010" i="1" s="1"/>
  <c r="A159011" i="1" s="1"/>
  <c r="A159012" i="1" s="1"/>
  <c r="A159013" i="1" s="1"/>
  <c r="A159014" i="1" s="1"/>
  <c r="A159015" i="1" s="1"/>
  <c r="A159016" i="1" s="1"/>
  <c r="A159017" i="1" s="1"/>
  <c r="A159018" i="1" s="1"/>
  <c r="A159019" i="1" s="1"/>
  <c r="A159020" i="1" s="1"/>
  <c r="A159021" i="1" s="1"/>
  <c r="A159022" i="1" s="1"/>
  <c r="A159023" i="1" s="1"/>
  <c r="A159024" i="1" s="1"/>
  <c r="A159025" i="1" s="1"/>
  <c r="A159026" i="1" s="1"/>
  <c r="A159027" i="1" s="1"/>
  <c r="A159028" i="1" s="1"/>
  <c r="A159029" i="1" s="1"/>
  <c r="A159030" i="1" s="1"/>
  <c r="A159031" i="1" s="1"/>
  <c r="A159032" i="1" s="1"/>
  <c r="A159033" i="1" s="1"/>
  <c r="A159034" i="1" s="1"/>
  <c r="A159035" i="1" s="1"/>
  <c r="A159036" i="1" s="1"/>
  <c r="A159037" i="1" s="1"/>
  <c r="A159038" i="1" s="1"/>
  <c r="A159039" i="1" s="1"/>
  <c r="A159040" i="1" s="1"/>
  <c r="A159041" i="1" s="1"/>
  <c r="A159042" i="1" s="1"/>
  <c r="A159043" i="1" s="1"/>
  <c r="A159044" i="1" s="1"/>
  <c r="A159045" i="1" s="1"/>
  <c r="A159046" i="1" s="1"/>
  <c r="A159047" i="1" s="1"/>
  <c r="A159048" i="1" s="1"/>
  <c r="A159049" i="1" s="1"/>
  <c r="A159050" i="1" s="1"/>
  <c r="A159051" i="1" s="1"/>
  <c r="A159052" i="1" s="1"/>
  <c r="A159053" i="1" s="1"/>
  <c r="A159054" i="1" s="1"/>
  <c r="A159055" i="1" s="1"/>
  <c r="A159056" i="1" s="1"/>
  <c r="A159057" i="1" s="1"/>
  <c r="A159058" i="1" s="1"/>
  <c r="A159059" i="1" s="1"/>
  <c r="A159060" i="1" s="1"/>
  <c r="A159061" i="1" s="1"/>
  <c r="A159062" i="1" s="1"/>
  <c r="A159063" i="1" s="1"/>
  <c r="A159064" i="1" s="1"/>
  <c r="A159065" i="1" s="1"/>
  <c r="A159066" i="1" s="1"/>
  <c r="A159067" i="1" s="1"/>
  <c r="A159068" i="1" s="1"/>
  <c r="A159069" i="1" s="1"/>
  <c r="A159070" i="1" s="1"/>
  <c r="A159071" i="1" s="1"/>
  <c r="A159072" i="1" s="1"/>
  <c r="A159073" i="1" s="1"/>
  <c r="A159074" i="1" s="1"/>
  <c r="A159075" i="1" s="1"/>
  <c r="A159076" i="1" s="1"/>
  <c r="A159077" i="1" s="1"/>
  <c r="A159078" i="1" s="1"/>
  <c r="A159079" i="1" s="1"/>
  <c r="A159080" i="1" s="1"/>
  <c r="A159081" i="1" s="1"/>
  <c r="A159082" i="1" s="1"/>
  <c r="A159083" i="1" s="1"/>
  <c r="A159084" i="1" s="1"/>
  <c r="A159085" i="1" s="1"/>
  <c r="A159086" i="1" s="1"/>
  <c r="A159087" i="1" s="1"/>
  <c r="A159088" i="1" s="1"/>
  <c r="A159089" i="1" s="1"/>
  <c r="A159090" i="1" s="1"/>
  <c r="A159091" i="1" s="1"/>
  <c r="A159092" i="1" s="1"/>
  <c r="A159093" i="1" s="1"/>
  <c r="A159094" i="1" s="1"/>
  <c r="A159095" i="1" s="1"/>
  <c r="A159096" i="1" s="1"/>
  <c r="A159097" i="1" s="1"/>
  <c r="A159098" i="1" s="1"/>
  <c r="A159099" i="1" s="1"/>
  <c r="A159100" i="1" s="1"/>
  <c r="A159101" i="1" s="1"/>
  <c r="A159102" i="1" s="1"/>
  <c r="A159103" i="1" s="1"/>
  <c r="A159104" i="1" s="1"/>
  <c r="A159105" i="1" s="1"/>
  <c r="A159106" i="1" s="1"/>
  <c r="A159107" i="1" s="1"/>
  <c r="A159108" i="1" s="1"/>
  <c r="A159109" i="1" s="1"/>
  <c r="A159110" i="1" s="1"/>
  <c r="A159111" i="1" s="1"/>
  <c r="A159112" i="1" s="1"/>
  <c r="A159113" i="1" s="1"/>
  <c r="A159114" i="1" s="1"/>
  <c r="A159115" i="1" s="1"/>
  <c r="A159116" i="1" s="1"/>
  <c r="A159117" i="1" s="1"/>
  <c r="A159118" i="1" s="1"/>
  <c r="A159119" i="1" s="1"/>
  <c r="A159120" i="1" s="1"/>
  <c r="A159121" i="1" s="1"/>
  <c r="A159122" i="1" s="1"/>
  <c r="A159123" i="1" s="1"/>
  <c r="A159124" i="1" s="1"/>
  <c r="A159125" i="1" s="1"/>
  <c r="A159126" i="1" s="1"/>
  <c r="A159127" i="1" s="1"/>
  <c r="A159128" i="1" s="1"/>
  <c r="A159129" i="1" s="1"/>
  <c r="A159130" i="1" s="1"/>
  <c r="A159131" i="1" s="1"/>
  <c r="A159132" i="1" s="1"/>
  <c r="A159133" i="1" s="1"/>
  <c r="A159134" i="1" s="1"/>
  <c r="A159135" i="1" s="1"/>
  <c r="A159136" i="1" s="1"/>
  <c r="A159137" i="1" s="1"/>
  <c r="A159138" i="1" s="1"/>
  <c r="A159139" i="1" s="1"/>
  <c r="A159140" i="1" s="1"/>
  <c r="A159141" i="1" s="1"/>
  <c r="A159142" i="1" s="1"/>
  <c r="A159143" i="1" s="1"/>
  <c r="A159144" i="1" s="1"/>
  <c r="A159145" i="1" s="1"/>
  <c r="A159146" i="1" s="1"/>
  <c r="A159147" i="1" s="1"/>
  <c r="A159148" i="1" s="1"/>
  <c r="A159149" i="1" s="1"/>
  <c r="A159150" i="1" s="1"/>
  <c r="A159151" i="1" s="1"/>
  <c r="A159152" i="1" s="1"/>
  <c r="A159153" i="1" s="1"/>
  <c r="A159154" i="1" s="1"/>
  <c r="A159155" i="1" s="1"/>
  <c r="A159156" i="1" s="1"/>
  <c r="A159157" i="1" s="1"/>
  <c r="A159158" i="1" s="1"/>
  <c r="A159159" i="1" s="1"/>
  <c r="A159160" i="1" s="1"/>
  <c r="A159161" i="1" s="1"/>
  <c r="A159162" i="1" s="1"/>
  <c r="A159163" i="1" s="1"/>
  <c r="A159164" i="1" s="1"/>
  <c r="A159165" i="1" s="1"/>
  <c r="A159166" i="1" s="1"/>
  <c r="A159167" i="1" s="1"/>
  <c r="A159168" i="1" s="1"/>
  <c r="A159169" i="1" s="1"/>
  <c r="A159170" i="1" s="1"/>
  <c r="A159171" i="1" s="1"/>
  <c r="A159172" i="1" s="1"/>
  <c r="A159173" i="1" s="1"/>
  <c r="A159174" i="1" s="1"/>
  <c r="A159175" i="1" s="1"/>
  <c r="A159176" i="1" s="1"/>
  <c r="A159177" i="1" s="1"/>
  <c r="A159178" i="1" s="1"/>
  <c r="A159179" i="1" s="1"/>
  <c r="A159180" i="1" s="1"/>
  <c r="A159181" i="1" s="1"/>
  <c r="A159182" i="1" s="1"/>
  <c r="A159183" i="1" s="1"/>
  <c r="A159184" i="1" s="1"/>
  <c r="A159185" i="1" s="1"/>
  <c r="A159186" i="1" s="1"/>
  <c r="A159187" i="1" s="1"/>
  <c r="A159188" i="1" s="1"/>
  <c r="A159189" i="1" s="1"/>
  <c r="A159190" i="1" s="1"/>
  <c r="A159191" i="1" s="1"/>
  <c r="A159192" i="1" s="1"/>
  <c r="A159193" i="1" s="1"/>
  <c r="A159194" i="1" s="1"/>
  <c r="A159195" i="1" s="1"/>
  <c r="A159196" i="1" s="1"/>
  <c r="A159197" i="1" s="1"/>
  <c r="A159198" i="1" s="1"/>
  <c r="A159199" i="1" s="1"/>
  <c r="A159200" i="1" s="1"/>
  <c r="A159201" i="1" s="1"/>
  <c r="A159202" i="1" s="1"/>
  <c r="A159203" i="1" s="1"/>
  <c r="A159204" i="1" s="1"/>
  <c r="A159205" i="1" s="1"/>
  <c r="A159206" i="1" s="1"/>
  <c r="A159207" i="1" s="1"/>
  <c r="A159208" i="1" s="1"/>
  <c r="A159209" i="1" s="1"/>
  <c r="A159210" i="1" s="1"/>
  <c r="A159211" i="1" s="1"/>
  <c r="A159212" i="1" s="1"/>
  <c r="A159213" i="1" s="1"/>
  <c r="A159214" i="1" s="1"/>
  <c r="A159215" i="1" s="1"/>
  <c r="A159216" i="1" s="1"/>
  <c r="A159217" i="1" s="1"/>
  <c r="A159218" i="1" s="1"/>
  <c r="A159219" i="1" s="1"/>
  <c r="A159220" i="1" s="1"/>
  <c r="A159221" i="1" s="1"/>
  <c r="A159222" i="1" s="1"/>
  <c r="A159223" i="1" s="1"/>
  <c r="A159224" i="1" s="1"/>
  <c r="A159225" i="1" s="1"/>
  <c r="A159226" i="1" s="1"/>
  <c r="A159227" i="1" s="1"/>
  <c r="A159228" i="1" s="1"/>
  <c r="A159229" i="1" s="1"/>
  <c r="A159230" i="1" s="1"/>
  <c r="A159231" i="1" s="1"/>
  <c r="A159232" i="1" s="1"/>
  <c r="A159233" i="1" s="1"/>
  <c r="A159234" i="1" s="1"/>
  <c r="A159235" i="1" s="1"/>
  <c r="A159236" i="1" s="1"/>
  <c r="A159237" i="1" s="1"/>
  <c r="A159238" i="1" s="1"/>
  <c r="A159239" i="1" s="1"/>
  <c r="A159240" i="1" s="1"/>
  <c r="A159241" i="1" s="1"/>
  <c r="A159242" i="1" s="1"/>
  <c r="A159243" i="1" s="1"/>
  <c r="A159244" i="1" s="1"/>
  <c r="A159245" i="1" s="1"/>
  <c r="A159246" i="1" s="1"/>
  <c r="A159247" i="1" s="1"/>
  <c r="A159248" i="1" s="1"/>
  <c r="A159249" i="1" s="1"/>
  <c r="A159250" i="1" s="1"/>
  <c r="A159251" i="1" s="1"/>
  <c r="A159252" i="1" s="1"/>
  <c r="A159253" i="1" s="1"/>
  <c r="A159254" i="1" s="1"/>
  <c r="A159255" i="1" s="1"/>
  <c r="A159256" i="1" s="1"/>
  <c r="A159257" i="1" s="1"/>
  <c r="A159258" i="1" s="1"/>
  <c r="A159259" i="1" s="1"/>
  <c r="A159260" i="1" s="1"/>
  <c r="A159261" i="1" s="1"/>
  <c r="A159262" i="1" s="1"/>
  <c r="A159263" i="1" s="1"/>
  <c r="A159264" i="1" s="1"/>
  <c r="A159265" i="1" s="1"/>
  <c r="A159266" i="1" s="1"/>
  <c r="A159267" i="1" s="1"/>
  <c r="A159268" i="1" s="1"/>
  <c r="A159269" i="1" s="1"/>
  <c r="A159270" i="1" s="1"/>
  <c r="A159271" i="1" s="1"/>
  <c r="A159272" i="1" s="1"/>
  <c r="A159273" i="1" s="1"/>
  <c r="A159274" i="1" s="1"/>
  <c r="A159275" i="1" s="1"/>
  <c r="A159276" i="1" s="1"/>
  <c r="A159277" i="1" s="1"/>
  <c r="A159278" i="1" s="1"/>
  <c r="A159279" i="1" s="1"/>
  <c r="A159280" i="1" s="1"/>
  <c r="A159281" i="1" s="1"/>
  <c r="A159282" i="1" s="1"/>
  <c r="A159283" i="1" s="1"/>
  <c r="A159284" i="1" s="1"/>
  <c r="A159285" i="1" s="1"/>
  <c r="A159286" i="1" s="1"/>
  <c r="A159287" i="1" s="1"/>
  <c r="A159288" i="1" s="1"/>
  <c r="A159289" i="1" s="1"/>
  <c r="A159290" i="1" s="1"/>
  <c r="A159291" i="1" s="1"/>
  <c r="A159292" i="1" s="1"/>
  <c r="A159293" i="1" s="1"/>
  <c r="A159294" i="1" s="1"/>
  <c r="A159295" i="1" s="1"/>
  <c r="A159296" i="1" s="1"/>
  <c r="A159297" i="1" s="1"/>
  <c r="A159298" i="1" s="1"/>
  <c r="A159299" i="1" s="1"/>
  <c r="A159300" i="1" s="1"/>
  <c r="A159301" i="1" s="1"/>
  <c r="A159302" i="1" s="1"/>
  <c r="A159303" i="1" s="1"/>
  <c r="A159304" i="1" s="1"/>
  <c r="A159305" i="1" s="1"/>
  <c r="A159306" i="1" s="1"/>
  <c r="A159307" i="1" s="1"/>
  <c r="A159308" i="1" s="1"/>
  <c r="A159309" i="1" s="1"/>
  <c r="A159310" i="1" s="1"/>
  <c r="A159311" i="1" s="1"/>
  <c r="A159312" i="1" s="1"/>
  <c r="A159313" i="1" s="1"/>
  <c r="A159314" i="1" s="1"/>
  <c r="A159315" i="1" s="1"/>
  <c r="A159316" i="1" s="1"/>
  <c r="A159317" i="1" s="1"/>
  <c r="A159318" i="1" s="1"/>
  <c r="A159319" i="1" s="1"/>
  <c r="A159320" i="1" s="1"/>
  <c r="A159321" i="1" s="1"/>
  <c r="A159322" i="1" s="1"/>
  <c r="A159323" i="1" s="1"/>
  <c r="A159324" i="1" s="1"/>
  <c r="A159325" i="1" s="1"/>
  <c r="A159326" i="1" s="1"/>
  <c r="A159327" i="1" s="1"/>
  <c r="A159328" i="1" s="1"/>
  <c r="A159329" i="1" s="1"/>
  <c r="A159330" i="1" s="1"/>
  <c r="A159331" i="1" s="1"/>
  <c r="A159332" i="1" s="1"/>
  <c r="A159333" i="1" s="1"/>
  <c r="A159334" i="1" s="1"/>
  <c r="A159335" i="1" s="1"/>
  <c r="A159336" i="1" s="1"/>
  <c r="A159337" i="1" s="1"/>
  <c r="A159338" i="1" s="1"/>
  <c r="A159339" i="1" s="1"/>
  <c r="A159340" i="1" s="1"/>
  <c r="A159341" i="1" s="1"/>
  <c r="A159342" i="1" s="1"/>
  <c r="A159343" i="1" s="1"/>
  <c r="A159344" i="1" s="1"/>
  <c r="A159345" i="1" s="1"/>
  <c r="A159346" i="1" s="1"/>
  <c r="A159347" i="1" s="1"/>
  <c r="A159348" i="1" s="1"/>
  <c r="A159349" i="1" s="1"/>
  <c r="A159350" i="1" s="1"/>
  <c r="A159351" i="1" s="1"/>
  <c r="A159352" i="1" s="1"/>
  <c r="A159353" i="1" s="1"/>
  <c r="A159354" i="1" s="1"/>
  <c r="A159355" i="1" s="1"/>
  <c r="A159356" i="1" s="1"/>
  <c r="A159357" i="1" s="1"/>
  <c r="A159358" i="1" s="1"/>
  <c r="A159359" i="1" s="1"/>
  <c r="A159360" i="1" s="1"/>
  <c r="A159361" i="1" s="1"/>
  <c r="A159362" i="1" s="1"/>
  <c r="A159363" i="1" s="1"/>
  <c r="A159364" i="1" s="1"/>
  <c r="A159365" i="1" s="1"/>
  <c r="A159366" i="1" s="1"/>
  <c r="A159367" i="1" s="1"/>
  <c r="A159368" i="1" s="1"/>
  <c r="A159369" i="1" s="1"/>
  <c r="A159370" i="1" s="1"/>
  <c r="A159371" i="1" s="1"/>
  <c r="A159372" i="1" s="1"/>
  <c r="A159373" i="1" s="1"/>
  <c r="A159374" i="1" s="1"/>
  <c r="A159375" i="1" s="1"/>
  <c r="A159376" i="1" s="1"/>
  <c r="A159377" i="1" s="1"/>
  <c r="A159378" i="1" s="1"/>
  <c r="A159379" i="1" s="1"/>
  <c r="A159380" i="1" s="1"/>
  <c r="A159381" i="1" s="1"/>
  <c r="A159382" i="1" s="1"/>
  <c r="A159383" i="1" s="1"/>
  <c r="A159384" i="1" s="1"/>
  <c r="A159385" i="1" s="1"/>
  <c r="A159386" i="1" s="1"/>
  <c r="A159387" i="1" s="1"/>
  <c r="A159388" i="1" s="1"/>
  <c r="A159389" i="1" s="1"/>
  <c r="A159390" i="1" s="1"/>
  <c r="A159391" i="1" s="1"/>
  <c r="A159392" i="1" s="1"/>
  <c r="A159393" i="1" s="1"/>
  <c r="A159394" i="1" s="1"/>
  <c r="A159395" i="1" s="1"/>
  <c r="A159396" i="1" s="1"/>
  <c r="A159397" i="1" s="1"/>
  <c r="A159398" i="1" s="1"/>
  <c r="A159399" i="1" s="1"/>
  <c r="A159400" i="1" s="1"/>
  <c r="A159401" i="1" s="1"/>
  <c r="A159402" i="1" s="1"/>
  <c r="A159403" i="1" s="1"/>
  <c r="A159404" i="1" s="1"/>
  <c r="A159405" i="1" s="1"/>
  <c r="A159406" i="1" s="1"/>
  <c r="A159407" i="1" s="1"/>
  <c r="A159408" i="1" s="1"/>
  <c r="A159409" i="1" s="1"/>
  <c r="A159410" i="1" s="1"/>
  <c r="A159411" i="1" s="1"/>
  <c r="A159412" i="1" s="1"/>
  <c r="A159413" i="1" s="1"/>
  <c r="A159414" i="1" s="1"/>
  <c r="A159415" i="1" s="1"/>
  <c r="A159416" i="1" s="1"/>
  <c r="A159417" i="1" s="1"/>
  <c r="A159418" i="1" s="1"/>
  <c r="A159419" i="1" s="1"/>
  <c r="A159420" i="1" s="1"/>
  <c r="A159421" i="1" s="1"/>
  <c r="A159422" i="1" s="1"/>
  <c r="A159423" i="1" s="1"/>
  <c r="A159424" i="1" s="1"/>
  <c r="A159425" i="1" s="1"/>
  <c r="A159426" i="1" s="1"/>
  <c r="A159427" i="1" s="1"/>
  <c r="A159428" i="1" s="1"/>
  <c r="A159429" i="1" s="1"/>
  <c r="A159430" i="1" s="1"/>
  <c r="A159431" i="1" s="1"/>
  <c r="A159432" i="1" s="1"/>
  <c r="A159433" i="1" s="1"/>
  <c r="A159434" i="1" s="1"/>
  <c r="A159435" i="1" s="1"/>
  <c r="A159436" i="1" s="1"/>
  <c r="A159437" i="1" s="1"/>
  <c r="A159438" i="1" s="1"/>
  <c r="A159439" i="1" s="1"/>
  <c r="A159440" i="1" s="1"/>
  <c r="A159441" i="1" s="1"/>
  <c r="A159442" i="1" s="1"/>
  <c r="A159443" i="1" s="1"/>
  <c r="A159444" i="1" s="1"/>
  <c r="A159445" i="1" s="1"/>
  <c r="A159446" i="1" s="1"/>
  <c r="A159447" i="1" s="1"/>
  <c r="A159448" i="1" s="1"/>
  <c r="A159449" i="1" s="1"/>
  <c r="A159450" i="1" s="1"/>
  <c r="A159451" i="1" s="1"/>
  <c r="A159452" i="1" s="1"/>
  <c r="A159453" i="1" s="1"/>
  <c r="A159454" i="1" s="1"/>
  <c r="A159455" i="1" s="1"/>
  <c r="A159456" i="1" s="1"/>
  <c r="A159457" i="1" s="1"/>
  <c r="A159458" i="1" s="1"/>
  <c r="A159459" i="1" s="1"/>
  <c r="A159460" i="1" s="1"/>
  <c r="A159461" i="1" s="1"/>
  <c r="A159462" i="1" s="1"/>
  <c r="A159463" i="1" s="1"/>
  <c r="A159464" i="1" s="1"/>
  <c r="A159465" i="1" s="1"/>
  <c r="A159466" i="1" s="1"/>
  <c r="A159467" i="1" s="1"/>
  <c r="A159468" i="1" s="1"/>
  <c r="A159469" i="1" s="1"/>
  <c r="A159470" i="1" s="1"/>
  <c r="A159471" i="1" s="1"/>
  <c r="A159472" i="1" s="1"/>
  <c r="A159473" i="1" s="1"/>
  <c r="A159474" i="1" s="1"/>
  <c r="A159475" i="1" s="1"/>
  <c r="A159476" i="1" s="1"/>
  <c r="A159477" i="1" s="1"/>
  <c r="A159478" i="1" s="1"/>
  <c r="A159479" i="1" s="1"/>
  <c r="A159480" i="1" s="1"/>
  <c r="A159481" i="1" s="1"/>
  <c r="A159482" i="1" s="1"/>
  <c r="A159483" i="1" s="1"/>
  <c r="A159484" i="1" s="1"/>
  <c r="A159485" i="1" s="1"/>
  <c r="A159486" i="1" s="1"/>
  <c r="A159487" i="1" s="1"/>
  <c r="A159488" i="1" s="1"/>
  <c r="A159489" i="1" s="1"/>
  <c r="A159490" i="1" s="1"/>
  <c r="A159491" i="1" s="1"/>
  <c r="A159492" i="1" s="1"/>
  <c r="A159493" i="1" s="1"/>
  <c r="A159494" i="1" s="1"/>
  <c r="A159495" i="1" s="1"/>
  <c r="A159496" i="1" s="1"/>
  <c r="A159497" i="1" s="1"/>
  <c r="A159498" i="1" s="1"/>
  <c r="A159499" i="1" s="1"/>
  <c r="A159500" i="1" s="1"/>
  <c r="A159501" i="1" s="1"/>
  <c r="A159502" i="1" s="1"/>
  <c r="A159503" i="1" s="1"/>
  <c r="A159504" i="1" s="1"/>
  <c r="A159505" i="1" s="1"/>
  <c r="A159506" i="1" s="1"/>
  <c r="A159507" i="1" s="1"/>
  <c r="A159508" i="1" s="1"/>
  <c r="A159509" i="1" s="1"/>
  <c r="A159510" i="1" s="1"/>
  <c r="A159511" i="1" s="1"/>
  <c r="A159512" i="1" s="1"/>
  <c r="A159513" i="1" s="1"/>
  <c r="A159514" i="1" s="1"/>
  <c r="A159515" i="1" s="1"/>
  <c r="A159516" i="1" s="1"/>
  <c r="A159517" i="1" s="1"/>
  <c r="A159518" i="1" s="1"/>
  <c r="A159519" i="1" s="1"/>
  <c r="A159520" i="1" s="1"/>
  <c r="A159521" i="1" s="1"/>
  <c r="A159522" i="1" s="1"/>
  <c r="A159523" i="1" s="1"/>
  <c r="A159524" i="1" s="1"/>
  <c r="A159525" i="1" s="1"/>
  <c r="A159526" i="1" s="1"/>
  <c r="A159527" i="1" s="1"/>
  <c r="A159528" i="1" s="1"/>
  <c r="A159529" i="1" s="1"/>
  <c r="A159530" i="1" s="1"/>
  <c r="A159531" i="1" s="1"/>
  <c r="A159532" i="1" s="1"/>
  <c r="A159533" i="1" s="1"/>
  <c r="A159534" i="1" s="1"/>
  <c r="A159535" i="1" s="1"/>
  <c r="A159536" i="1" s="1"/>
  <c r="A159537" i="1" s="1"/>
  <c r="A159538" i="1" s="1"/>
  <c r="A159539" i="1" s="1"/>
  <c r="A159540" i="1" s="1"/>
  <c r="A159541" i="1" s="1"/>
  <c r="A159542" i="1" s="1"/>
  <c r="A159543" i="1" s="1"/>
  <c r="A159544" i="1" s="1"/>
  <c r="A159545" i="1" s="1"/>
  <c r="A159546" i="1" s="1"/>
  <c r="A159547" i="1" s="1"/>
  <c r="A159548" i="1" s="1"/>
  <c r="A159549" i="1" s="1"/>
  <c r="A159550" i="1" s="1"/>
  <c r="A159551" i="1" s="1"/>
  <c r="A159552" i="1" s="1"/>
  <c r="A159553" i="1" s="1"/>
  <c r="A159554" i="1" s="1"/>
  <c r="A159555" i="1" s="1"/>
  <c r="A159556" i="1" s="1"/>
  <c r="A159557" i="1" s="1"/>
  <c r="A159558" i="1" s="1"/>
  <c r="A159559" i="1" s="1"/>
  <c r="A159560" i="1" s="1"/>
  <c r="A159561" i="1" s="1"/>
  <c r="A159562" i="1" s="1"/>
  <c r="A159563" i="1" s="1"/>
  <c r="A159564" i="1" s="1"/>
  <c r="A159565" i="1" s="1"/>
  <c r="A159566" i="1" s="1"/>
  <c r="A159567" i="1" s="1"/>
  <c r="A159568" i="1" s="1"/>
  <c r="A159569" i="1" s="1"/>
  <c r="A159570" i="1" s="1"/>
  <c r="A159571" i="1" s="1"/>
  <c r="A159572" i="1" s="1"/>
  <c r="A159573" i="1" s="1"/>
  <c r="A159574" i="1" s="1"/>
  <c r="A159575" i="1" s="1"/>
  <c r="A159576" i="1" s="1"/>
  <c r="A159577" i="1" s="1"/>
  <c r="A159578" i="1" s="1"/>
  <c r="A159579" i="1" s="1"/>
  <c r="A159580" i="1" s="1"/>
  <c r="A159581" i="1" s="1"/>
  <c r="A159582" i="1" s="1"/>
  <c r="A159583" i="1" s="1"/>
  <c r="A159584" i="1" s="1"/>
  <c r="A159585" i="1" s="1"/>
  <c r="A159586" i="1" s="1"/>
  <c r="A159587" i="1" s="1"/>
  <c r="A159588" i="1" s="1"/>
  <c r="A159589" i="1" s="1"/>
  <c r="A159590" i="1" s="1"/>
  <c r="A159591" i="1" s="1"/>
  <c r="A159592" i="1" s="1"/>
  <c r="A159593" i="1" s="1"/>
  <c r="A159594" i="1" s="1"/>
  <c r="A159595" i="1" s="1"/>
  <c r="A159596" i="1" s="1"/>
  <c r="A159597" i="1" s="1"/>
  <c r="A159598" i="1" s="1"/>
  <c r="A159599" i="1" s="1"/>
  <c r="A159600" i="1" s="1"/>
  <c r="A159601" i="1" s="1"/>
  <c r="A159602" i="1" s="1"/>
  <c r="A159603" i="1" s="1"/>
  <c r="A159604" i="1" s="1"/>
  <c r="A159605" i="1" s="1"/>
  <c r="A159606" i="1" s="1"/>
  <c r="A159607" i="1" s="1"/>
  <c r="A159608" i="1" s="1"/>
  <c r="A159609" i="1" s="1"/>
  <c r="A159610" i="1" s="1"/>
  <c r="A159611" i="1" s="1"/>
  <c r="A159612" i="1" s="1"/>
  <c r="A159613" i="1" s="1"/>
  <c r="A159614" i="1" s="1"/>
  <c r="A159615" i="1" s="1"/>
  <c r="A159616" i="1" s="1"/>
  <c r="A159617" i="1" s="1"/>
  <c r="A159618" i="1" s="1"/>
  <c r="A159619" i="1" s="1"/>
  <c r="A159620" i="1" s="1"/>
  <c r="A159621" i="1" s="1"/>
  <c r="A159622" i="1" s="1"/>
  <c r="A159623" i="1" s="1"/>
  <c r="A159624" i="1" s="1"/>
  <c r="A159625" i="1" s="1"/>
  <c r="A159626" i="1" s="1"/>
  <c r="A159627" i="1" s="1"/>
  <c r="A159628" i="1" s="1"/>
  <c r="A159629" i="1" s="1"/>
  <c r="A159630" i="1" s="1"/>
  <c r="A159631" i="1" s="1"/>
  <c r="A159632" i="1" s="1"/>
  <c r="A159633" i="1" s="1"/>
  <c r="A159634" i="1" s="1"/>
  <c r="A159635" i="1" s="1"/>
  <c r="A159636" i="1" s="1"/>
  <c r="A159637" i="1" s="1"/>
  <c r="A159638" i="1" s="1"/>
  <c r="A159639" i="1" s="1"/>
  <c r="A159640" i="1" s="1"/>
  <c r="A159641" i="1" s="1"/>
  <c r="A159642" i="1" s="1"/>
  <c r="A159643" i="1" s="1"/>
  <c r="A159644" i="1" s="1"/>
  <c r="A159645" i="1" s="1"/>
  <c r="A159646" i="1" s="1"/>
  <c r="A159647" i="1" s="1"/>
  <c r="A159648" i="1" s="1"/>
  <c r="A159649" i="1" s="1"/>
  <c r="A159650" i="1" s="1"/>
  <c r="A159651" i="1" s="1"/>
  <c r="A159652" i="1" s="1"/>
  <c r="A159653" i="1" s="1"/>
  <c r="A159654" i="1" s="1"/>
  <c r="A159655" i="1" s="1"/>
  <c r="A159656" i="1" s="1"/>
  <c r="A159657" i="1" s="1"/>
  <c r="A159658" i="1" s="1"/>
  <c r="A159659" i="1" s="1"/>
  <c r="A159660" i="1" s="1"/>
  <c r="A159661" i="1" s="1"/>
  <c r="A159662" i="1" s="1"/>
  <c r="A159663" i="1" s="1"/>
  <c r="A159664" i="1" s="1"/>
  <c r="A159665" i="1" s="1"/>
  <c r="A159666" i="1" s="1"/>
  <c r="A159667" i="1" s="1"/>
  <c r="A159668" i="1" s="1"/>
  <c r="A159669" i="1" s="1"/>
  <c r="A159670" i="1" s="1"/>
  <c r="A159671" i="1" s="1"/>
  <c r="A159672" i="1" s="1"/>
  <c r="A159673" i="1" s="1"/>
  <c r="A159674" i="1" s="1"/>
  <c r="A159675" i="1" s="1"/>
  <c r="A159676" i="1" s="1"/>
  <c r="A159677" i="1" s="1"/>
  <c r="A159678" i="1" s="1"/>
  <c r="A159679" i="1" s="1"/>
  <c r="A159680" i="1" s="1"/>
  <c r="A159681" i="1" s="1"/>
  <c r="A159682" i="1" s="1"/>
  <c r="A159683" i="1" s="1"/>
  <c r="A159684" i="1" s="1"/>
  <c r="A159685" i="1" s="1"/>
  <c r="A159686" i="1" s="1"/>
  <c r="A159687" i="1" s="1"/>
  <c r="A159688" i="1" s="1"/>
  <c r="A159689" i="1" s="1"/>
  <c r="A159690" i="1" s="1"/>
  <c r="A159691" i="1" s="1"/>
  <c r="A159692" i="1" s="1"/>
  <c r="A159693" i="1" s="1"/>
  <c r="A159694" i="1" s="1"/>
  <c r="A159695" i="1" s="1"/>
  <c r="A159696" i="1" s="1"/>
  <c r="A159697" i="1" s="1"/>
  <c r="A159698" i="1" s="1"/>
  <c r="A159699" i="1" s="1"/>
  <c r="A159700" i="1" s="1"/>
  <c r="A159701" i="1" s="1"/>
  <c r="A159702" i="1" s="1"/>
  <c r="A159703" i="1" s="1"/>
  <c r="A159704" i="1" s="1"/>
  <c r="A159705" i="1" s="1"/>
  <c r="A159706" i="1" s="1"/>
  <c r="A159707" i="1" s="1"/>
  <c r="A159708" i="1" s="1"/>
  <c r="A159709" i="1" s="1"/>
  <c r="A159710" i="1" s="1"/>
  <c r="A159711" i="1" s="1"/>
  <c r="A159712" i="1" s="1"/>
  <c r="A159713" i="1" s="1"/>
  <c r="A159714" i="1" s="1"/>
  <c r="A159715" i="1" s="1"/>
  <c r="A159716" i="1" s="1"/>
  <c r="A159717" i="1" s="1"/>
  <c r="A159718" i="1" s="1"/>
  <c r="A159719" i="1" s="1"/>
  <c r="A159720" i="1" s="1"/>
  <c r="A159721" i="1" s="1"/>
  <c r="A159722" i="1" s="1"/>
  <c r="A159723" i="1" s="1"/>
  <c r="A159724" i="1" s="1"/>
  <c r="A159725" i="1" s="1"/>
  <c r="A159726" i="1" s="1"/>
  <c r="A159727" i="1" s="1"/>
  <c r="A159728" i="1" s="1"/>
  <c r="A159729" i="1" s="1"/>
  <c r="A159730" i="1" s="1"/>
  <c r="A159731" i="1" s="1"/>
  <c r="A159732" i="1" s="1"/>
  <c r="A159733" i="1" s="1"/>
  <c r="A159734" i="1" s="1"/>
  <c r="A159735" i="1" s="1"/>
  <c r="A159736" i="1" s="1"/>
  <c r="A159737" i="1" s="1"/>
  <c r="A159738" i="1" s="1"/>
  <c r="A159739" i="1" s="1"/>
  <c r="A159740" i="1" s="1"/>
  <c r="A159741" i="1" s="1"/>
  <c r="A159742" i="1" s="1"/>
  <c r="A159743" i="1" s="1"/>
  <c r="A159744" i="1" s="1"/>
  <c r="A159745" i="1" s="1"/>
  <c r="A159746" i="1" s="1"/>
  <c r="A159747" i="1" s="1"/>
  <c r="A159748" i="1" s="1"/>
  <c r="A159749" i="1" s="1"/>
  <c r="A159750" i="1" s="1"/>
  <c r="A159751" i="1" s="1"/>
  <c r="A159752" i="1" s="1"/>
  <c r="A159753" i="1" s="1"/>
  <c r="A159754" i="1" s="1"/>
  <c r="A159755" i="1" s="1"/>
  <c r="A159756" i="1" s="1"/>
  <c r="A159757" i="1" s="1"/>
  <c r="A159758" i="1" s="1"/>
  <c r="A159759" i="1" s="1"/>
  <c r="A159760" i="1" s="1"/>
  <c r="A159761" i="1" s="1"/>
  <c r="A159762" i="1" s="1"/>
  <c r="A159763" i="1" s="1"/>
  <c r="A159764" i="1" s="1"/>
  <c r="A159765" i="1" s="1"/>
  <c r="A159766" i="1" s="1"/>
  <c r="A159767" i="1" s="1"/>
  <c r="A159768" i="1" s="1"/>
  <c r="A159769" i="1" s="1"/>
  <c r="A159770" i="1" s="1"/>
  <c r="A159771" i="1" s="1"/>
  <c r="A159772" i="1" s="1"/>
  <c r="A159773" i="1" s="1"/>
  <c r="A159774" i="1" s="1"/>
  <c r="A159775" i="1" s="1"/>
  <c r="A159776" i="1" s="1"/>
  <c r="A159777" i="1" s="1"/>
  <c r="A159778" i="1" s="1"/>
  <c r="A159779" i="1" s="1"/>
  <c r="A159780" i="1" s="1"/>
  <c r="A159781" i="1" s="1"/>
  <c r="A159782" i="1" s="1"/>
  <c r="A159783" i="1" s="1"/>
  <c r="A159784" i="1" s="1"/>
  <c r="A159785" i="1" s="1"/>
  <c r="A159786" i="1" s="1"/>
  <c r="A159787" i="1" s="1"/>
  <c r="A159788" i="1" s="1"/>
  <c r="A159789" i="1" s="1"/>
  <c r="A159790" i="1" s="1"/>
  <c r="A159791" i="1" s="1"/>
  <c r="A159792" i="1" s="1"/>
  <c r="A159793" i="1" s="1"/>
  <c r="A159794" i="1" s="1"/>
  <c r="A159795" i="1" s="1"/>
  <c r="A159796" i="1" s="1"/>
  <c r="A159797" i="1" s="1"/>
  <c r="A159798" i="1" s="1"/>
  <c r="A159799" i="1" s="1"/>
  <c r="A159800" i="1" s="1"/>
  <c r="A159801" i="1" s="1"/>
  <c r="A159802" i="1" s="1"/>
  <c r="A159803" i="1" s="1"/>
  <c r="A159804" i="1" s="1"/>
  <c r="A159805" i="1" s="1"/>
  <c r="A159806" i="1" s="1"/>
  <c r="A159807" i="1" s="1"/>
  <c r="A159808" i="1" s="1"/>
  <c r="A159809" i="1" s="1"/>
  <c r="A159810" i="1" s="1"/>
  <c r="A159811" i="1" s="1"/>
  <c r="A159812" i="1" s="1"/>
  <c r="A159813" i="1" s="1"/>
  <c r="A159814" i="1" s="1"/>
  <c r="A159815" i="1" s="1"/>
  <c r="A159816" i="1" s="1"/>
  <c r="A159817" i="1" s="1"/>
  <c r="A159818" i="1" s="1"/>
  <c r="A159819" i="1" s="1"/>
  <c r="A159820" i="1" s="1"/>
  <c r="A159821" i="1" s="1"/>
  <c r="A159822" i="1" s="1"/>
  <c r="A159823" i="1" s="1"/>
  <c r="A159824" i="1" s="1"/>
  <c r="A159825" i="1" s="1"/>
  <c r="A159826" i="1" s="1"/>
  <c r="A159827" i="1" s="1"/>
  <c r="A159828" i="1" s="1"/>
  <c r="A159829" i="1" s="1"/>
  <c r="A159830" i="1" s="1"/>
  <c r="A159831" i="1" s="1"/>
  <c r="A159832" i="1" s="1"/>
  <c r="A159833" i="1" s="1"/>
  <c r="A159834" i="1" s="1"/>
  <c r="A159835" i="1" s="1"/>
  <c r="A159836" i="1" s="1"/>
  <c r="A159837" i="1" s="1"/>
  <c r="A159838" i="1" s="1"/>
  <c r="A159839" i="1" s="1"/>
  <c r="A159840" i="1" s="1"/>
  <c r="A159841" i="1" s="1"/>
  <c r="A159842" i="1" s="1"/>
  <c r="A159843" i="1" s="1"/>
  <c r="A159844" i="1" s="1"/>
  <c r="A159845" i="1" s="1"/>
  <c r="A159846" i="1" s="1"/>
  <c r="A159847" i="1" s="1"/>
  <c r="A159848" i="1" s="1"/>
  <c r="A159849" i="1" s="1"/>
  <c r="A159850" i="1" s="1"/>
  <c r="A159851" i="1" s="1"/>
  <c r="A159852" i="1" s="1"/>
  <c r="A159853" i="1" s="1"/>
  <c r="A159854" i="1" s="1"/>
  <c r="A159855" i="1" s="1"/>
  <c r="A159856" i="1" s="1"/>
  <c r="A159857" i="1" s="1"/>
  <c r="A159858" i="1" s="1"/>
  <c r="A159859" i="1" s="1"/>
  <c r="A159860" i="1" s="1"/>
  <c r="A159861" i="1" s="1"/>
  <c r="A159862" i="1" s="1"/>
  <c r="A159863" i="1" s="1"/>
  <c r="A159864" i="1" s="1"/>
  <c r="A159865" i="1" s="1"/>
  <c r="A159866" i="1" s="1"/>
  <c r="A159867" i="1" s="1"/>
  <c r="A159868" i="1" s="1"/>
  <c r="A159869" i="1" s="1"/>
  <c r="A159870" i="1" s="1"/>
  <c r="A159871" i="1" s="1"/>
  <c r="A159872" i="1" s="1"/>
  <c r="A159873" i="1" s="1"/>
  <c r="A159874" i="1" s="1"/>
  <c r="A159875" i="1" s="1"/>
  <c r="A159876" i="1" s="1"/>
  <c r="A159877" i="1" s="1"/>
  <c r="A159878" i="1" s="1"/>
  <c r="A159879" i="1" s="1"/>
  <c r="A159880" i="1" s="1"/>
  <c r="A159881" i="1" s="1"/>
  <c r="A159882" i="1" s="1"/>
  <c r="A159883" i="1" s="1"/>
  <c r="A159884" i="1" s="1"/>
  <c r="A159885" i="1" s="1"/>
  <c r="A159886" i="1" s="1"/>
  <c r="A159887" i="1" s="1"/>
  <c r="A159888" i="1" s="1"/>
  <c r="A159889" i="1" s="1"/>
  <c r="A159890" i="1" s="1"/>
  <c r="A159891" i="1" s="1"/>
  <c r="A159892" i="1" s="1"/>
  <c r="A159893" i="1" s="1"/>
  <c r="A159894" i="1" s="1"/>
  <c r="A159895" i="1" s="1"/>
  <c r="A159896" i="1" s="1"/>
  <c r="A159897" i="1" s="1"/>
  <c r="A159898" i="1" s="1"/>
  <c r="A159899" i="1" s="1"/>
  <c r="A159900" i="1" s="1"/>
  <c r="A159901" i="1" s="1"/>
  <c r="A159902" i="1" s="1"/>
  <c r="A159903" i="1" s="1"/>
  <c r="A159904" i="1" s="1"/>
  <c r="A159905" i="1" s="1"/>
  <c r="A159906" i="1" s="1"/>
  <c r="A159907" i="1" s="1"/>
  <c r="A159908" i="1" s="1"/>
  <c r="A159909" i="1" s="1"/>
  <c r="A159910" i="1" s="1"/>
  <c r="A159911" i="1" s="1"/>
  <c r="A159912" i="1" s="1"/>
  <c r="A159913" i="1" s="1"/>
  <c r="A159914" i="1" s="1"/>
  <c r="A159915" i="1" s="1"/>
  <c r="A159916" i="1" s="1"/>
  <c r="A159917" i="1" s="1"/>
  <c r="A159918" i="1" s="1"/>
  <c r="A159919" i="1" s="1"/>
  <c r="A159920" i="1" s="1"/>
  <c r="A159921" i="1" s="1"/>
  <c r="A159922" i="1" s="1"/>
  <c r="A159923" i="1" s="1"/>
  <c r="A159924" i="1" s="1"/>
  <c r="A159925" i="1" s="1"/>
  <c r="A159926" i="1" s="1"/>
  <c r="A159927" i="1" s="1"/>
  <c r="A159928" i="1" s="1"/>
  <c r="A159929" i="1" s="1"/>
  <c r="A159930" i="1" s="1"/>
  <c r="A159931" i="1" s="1"/>
  <c r="A159932" i="1" s="1"/>
  <c r="A159933" i="1" s="1"/>
  <c r="A159934" i="1" s="1"/>
  <c r="A159935" i="1" s="1"/>
  <c r="A159936" i="1" s="1"/>
  <c r="A159937" i="1" s="1"/>
  <c r="A159938" i="1" s="1"/>
  <c r="A159939" i="1" s="1"/>
  <c r="A159940" i="1" s="1"/>
  <c r="A159941" i="1" s="1"/>
  <c r="A159942" i="1" s="1"/>
  <c r="A159943" i="1" s="1"/>
  <c r="A159944" i="1" s="1"/>
  <c r="A159945" i="1" s="1"/>
  <c r="A159946" i="1" s="1"/>
  <c r="A159947" i="1" s="1"/>
  <c r="A159948" i="1" s="1"/>
  <c r="A159949" i="1" s="1"/>
  <c r="A159950" i="1" s="1"/>
  <c r="A159951" i="1" s="1"/>
  <c r="A159952" i="1" s="1"/>
  <c r="A159953" i="1" s="1"/>
  <c r="A159954" i="1" s="1"/>
  <c r="A159955" i="1" s="1"/>
  <c r="A159956" i="1" s="1"/>
  <c r="A159957" i="1" s="1"/>
  <c r="A159958" i="1" s="1"/>
  <c r="A159959" i="1" s="1"/>
  <c r="A159960" i="1" s="1"/>
  <c r="A159961" i="1" s="1"/>
  <c r="A159962" i="1" s="1"/>
  <c r="A159963" i="1" s="1"/>
  <c r="A159964" i="1" s="1"/>
  <c r="A159965" i="1" s="1"/>
  <c r="A159966" i="1" s="1"/>
  <c r="A159967" i="1" s="1"/>
  <c r="A159968" i="1" s="1"/>
  <c r="A159969" i="1" s="1"/>
  <c r="A159970" i="1" s="1"/>
  <c r="A159971" i="1" s="1"/>
  <c r="A159972" i="1" s="1"/>
  <c r="A159973" i="1" s="1"/>
  <c r="A159974" i="1" s="1"/>
  <c r="A159975" i="1" s="1"/>
  <c r="A159976" i="1" s="1"/>
  <c r="A159977" i="1" s="1"/>
  <c r="A159978" i="1" s="1"/>
  <c r="A159979" i="1" s="1"/>
  <c r="A159980" i="1" s="1"/>
  <c r="A159981" i="1" s="1"/>
  <c r="A159982" i="1" s="1"/>
  <c r="A159983" i="1" s="1"/>
  <c r="A159984" i="1" s="1"/>
  <c r="A159985" i="1" s="1"/>
  <c r="A159986" i="1" s="1"/>
  <c r="A159987" i="1" s="1"/>
  <c r="A159988" i="1" s="1"/>
  <c r="A159989" i="1" s="1"/>
  <c r="A159990" i="1" s="1"/>
  <c r="A159991" i="1" s="1"/>
  <c r="A159992" i="1" s="1"/>
  <c r="A159993" i="1" s="1"/>
  <c r="A159994" i="1" s="1"/>
  <c r="A159995" i="1" s="1"/>
  <c r="A159996" i="1" s="1"/>
  <c r="A159997" i="1" s="1"/>
  <c r="A159998" i="1" s="1"/>
  <c r="A159999" i="1" s="1"/>
  <c r="A160000" i="1" s="1"/>
  <c r="A160001" i="1" s="1"/>
  <c r="A160002" i="1" s="1"/>
  <c r="A160003" i="1" s="1"/>
  <c r="A160004" i="1" s="1"/>
  <c r="A160005" i="1" s="1"/>
  <c r="A160006" i="1" s="1"/>
  <c r="A160007" i="1" s="1"/>
  <c r="A160008" i="1" s="1"/>
  <c r="A160009" i="1" s="1"/>
  <c r="A160010" i="1" s="1"/>
  <c r="A160011" i="1" s="1"/>
  <c r="A160012" i="1" s="1"/>
  <c r="A160013" i="1" s="1"/>
  <c r="A160014" i="1" s="1"/>
  <c r="A160015" i="1" s="1"/>
  <c r="A160016" i="1" s="1"/>
  <c r="A160017" i="1" s="1"/>
  <c r="A160018" i="1" s="1"/>
  <c r="A160019" i="1" s="1"/>
  <c r="A160020" i="1" s="1"/>
  <c r="A160021" i="1" s="1"/>
  <c r="A160022" i="1" s="1"/>
  <c r="A160023" i="1" s="1"/>
  <c r="A160024" i="1" s="1"/>
  <c r="A160025" i="1" s="1"/>
  <c r="A160026" i="1" s="1"/>
  <c r="A160027" i="1" s="1"/>
  <c r="A160028" i="1" s="1"/>
  <c r="A160029" i="1" s="1"/>
  <c r="A160030" i="1" s="1"/>
  <c r="A160031" i="1" s="1"/>
  <c r="A160032" i="1" s="1"/>
  <c r="A160033" i="1" s="1"/>
  <c r="A160034" i="1" s="1"/>
  <c r="A160035" i="1" s="1"/>
  <c r="A160036" i="1" s="1"/>
  <c r="A160037" i="1" s="1"/>
  <c r="A160038" i="1" s="1"/>
  <c r="A160039" i="1" s="1"/>
  <c r="A160040" i="1" s="1"/>
  <c r="A160041" i="1" s="1"/>
  <c r="A160042" i="1" s="1"/>
  <c r="A160043" i="1" s="1"/>
  <c r="A160044" i="1" s="1"/>
  <c r="A160045" i="1" s="1"/>
  <c r="A160046" i="1" s="1"/>
  <c r="A160047" i="1" s="1"/>
  <c r="A160048" i="1" s="1"/>
  <c r="A160049" i="1" s="1"/>
  <c r="A160050" i="1" s="1"/>
  <c r="A160051" i="1" s="1"/>
  <c r="A160052" i="1" s="1"/>
  <c r="A160053" i="1" s="1"/>
  <c r="A160054" i="1" s="1"/>
  <c r="A160055" i="1" s="1"/>
  <c r="A160056" i="1" s="1"/>
  <c r="A160057" i="1" s="1"/>
  <c r="A160058" i="1" s="1"/>
  <c r="A160059" i="1" s="1"/>
  <c r="A160060" i="1" s="1"/>
  <c r="A160061" i="1" s="1"/>
  <c r="A160062" i="1" s="1"/>
  <c r="A160063" i="1" s="1"/>
  <c r="A160064" i="1" s="1"/>
  <c r="A160065" i="1" s="1"/>
  <c r="A160066" i="1" s="1"/>
  <c r="A160067" i="1" s="1"/>
  <c r="A160068" i="1" s="1"/>
  <c r="A160069" i="1" s="1"/>
  <c r="A160070" i="1" s="1"/>
  <c r="A160071" i="1" s="1"/>
  <c r="A160072" i="1" s="1"/>
  <c r="A160073" i="1" s="1"/>
  <c r="A160074" i="1" s="1"/>
  <c r="A160075" i="1" s="1"/>
  <c r="A160076" i="1" s="1"/>
  <c r="A160077" i="1" s="1"/>
  <c r="A160078" i="1" s="1"/>
  <c r="A160079" i="1" s="1"/>
  <c r="A160080" i="1" s="1"/>
  <c r="A160081" i="1" s="1"/>
  <c r="A160082" i="1" s="1"/>
  <c r="A160083" i="1" s="1"/>
  <c r="A160084" i="1" s="1"/>
  <c r="A160085" i="1" s="1"/>
  <c r="A160086" i="1" s="1"/>
  <c r="A160087" i="1" s="1"/>
  <c r="A160088" i="1" s="1"/>
  <c r="A160089" i="1" s="1"/>
  <c r="A160090" i="1" s="1"/>
  <c r="A160091" i="1" s="1"/>
  <c r="A160092" i="1" s="1"/>
  <c r="A160093" i="1" s="1"/>
  <c r="A160094" i="1" s="1"/>
  <c r="A160095" i="1" s="1"/>
  <c r="A160096" i="1" s="1"/>
  <c r="A160097" i="1" s="1"/>
  <c r="A160098" i="1" s="1"/>
  <c r="A160099" i="1" s="1"/>
  <c r="A160100" i="1" s="1"/>
  <c r="A160101" i="1" s="1"/>
  <c r="A160102" i="1" s="1"/>
  <c r="A160103" i="1" s="1"/>
  <c r="A160104" i="1" s="1"/>
  <c r="A160105" i="1" s="1"/>
  <c r="A160106" i="1" s="1"/>
  <c r="A160107" i="1" s="1"/>
  <c r="A160108" i="1" s="1"/>
  <c r="A160109" i="1" s="1"/>
  <c r="A160110" i="1" s="1"/>
  <c r="A160111" i="1" s="1"/>
  <c r="A160112" i="1" s="1"/>
  <c r="A160113" i="1" s="1"/>
  <c r="A160114" i="1" s="1"/>
  <c r="A160115" i="1" s="1"/>
  <c r="A160116" i="1" s="1"/>
  <c r="A160117" i="1" s="1"/>
  <c r="A160118" i="1" s="1"/>
  <c r="A160119" i="1" s="1"/>
  <c r="A160120" i="1" s="1"/>
  <c r="A160121" i="1" s="1"/>
  <c r="A160122" i="1" s="1"/>
  <c r="A160123" i="1" s="1"/>
  <c r="A160124" i="1" s="1"/>
  <c r="A160125" i="1" s="1"/>
  <c r="A160126" i="1" s="1"/>
  <c r="A160127" i="1" s="1"/>
  <c r="A160128" i="1" s="1"/>
  <c r="A160129" i="1" s="1"/>
  <c r="A160130" i="1" s="1"/>
  <c r="A160131" i="1" s="1"/>
  <c r="A160132" i="1" s="1"/>
  <c r="A160133" i="1" s="1"/>
  <c r="A160134" i="1" s="1"/>
  <c r="A160135" i="1" s="1"/>
  <c r="A160136" i="1" s="1"/>
  <c r="A160137" i="1" s="1"/>
  <c r="A160138" i="1" s="1"/>
  <c r="A160139" i="1" s="1"/>
  <c r="A160140" i="1" s="1"/>
  <c r="A160141" i="1" s="1"/>
  <c r="A160142" i="1" s="1"/>
  <c r="A160143" i="1" s="1"/>
  <c r="A160144" i="1" s="1"/>
  <c r="A160145" i="1" s="1"/>
  <c r="A160146" i="1" s="1"/>
  <c r="A160147" i="1" s="1"/>
  <c r="A160148" i="1" s="1"/>
  <c r="A160149" i="1" s="1"/>
  <c r="A160150" i="1" s="1"/>
  <c r="A160151" i="1" s="1"/>
  <c r="A160152" i="1" s="1"/>
  <c r="A160153" i="1" s="1"/>
  <c r="A160154" i="1" s="1"/>
  <c r="A160155" i="1" s="1"/>
  <c r="A160156" i="1" s="1"/>
  <c r="A160157" i="1" s="1"/>
  <c r="A160158" i="1" s="1"/>
  <c r="A160159" i="1" s="1"/>
  <c r="A160160" i="1" s="1"/>
  <c r="A160161" i="1" s="1"/>
  <c r="A160162" i="1" s="1"/>
  <c r="A160163" i="1" s="1"/>
  <c r="A160164" i="1" s="1"/>
  <c r="A160165" i="1" s="1"/>
  <c r="A160166" i="1" s="1"/>
  <c r="A160167" i="1" s="1"/>
  <c r="A160168" i="1" s="1"/>
  <c r="A160169" i="1" s="1"/>
  <c r="A160170" i="1" s="1"/>
  <c r="A160171" i="1" s="1"/>
  <c r="A160172" i="1" s="1"/>
  <c r="A160173" i="1" s="1"/>
  <c r="A160174" i="1" s="1"/>
  <c r="A160175" i="1" s="1"/>
  <c r="A160176" i="1" s="1"/>
  <c r="A160177" i="1" s="1"/>
  <c r="A160178" i="1" s="1"/>
  <c r="A160179" i="1" s="1"/>
  <c r="A160180" i="1" s="1"/>
  <c r="A160181" i="1" s="1"/>
  <c r="A160182" i="1" s="1"/>
  <c r="A160183" i="1" s="1"/>
  <c r="A160184" i="1" s="1"/>
  <c r="A160185" i="1" s="1"/>
  <c r="A160186" i="1" s="1"/>
  <c r="A160187" i="1" s="1"/>
  <c r="A160188" i="1" s="1"/>
  <c r="A160189" i="1" s="1"/>
  <c r="A160190" i="1" s="1"/>
  <c r="A160191" i="1" s="1"/>
  <c r="A160192" i="1" s="1"/>
  <c r="A160193" i="1" s="1"/>
  <c r="A160194" i="1" s="1"/>
  <c r="A160195" i="1" s="1"/>
  <c r="A160196" i="1" s="1"/>
  <c r="A160197" i="1" s="1"/>
  <c r="A160198" i="1" s="1"/>
  <c r="A160199" i="1" s="1"/>
  <c r="A160200" i="1" s="1"/>
  <c r="A160201" i="1" s="1"/>
  <c r="A160202" i="1" s="1"/>
  <c r="A160203" i="1" s="1"/>
  <c r="A160204" i="1" s="1"/>
  <c r="A160205" i="1" s="1"/>
  <c r="A160206" i="1" s="1"/>
  <c r="A160207" i="1" s="1"/>
  <c r="A160208" i="1" s="1"/>
  <c r="A160209" i="1" s="1"/>
  <c r="A160210" i="1" s="1"/>
  <c r="A160211" i="1" s="1"/>
  <c r="A160212" i="1" s="1"/>
  <c r="A160213" i="1" s="1"/>
  <c r="A160214" i="1" s="1"/>
  <c r="A160215" i="1" s="1"/>
  <c r="A160216" i="1" s="1"/>
  <c r="A160217" i="1" s="1"/>
  <c r="A160218" i="1" s="1"/>
  <c r="A160219" i="1" s="1"/>
  <c r="A160220" i="1" s="1"/>
  <c r="A160221" i="1" s="1"/>
  <c r="A160222" i="1" s="1"/>
  <c r="A160223" i="1" s="1"/>
  <c r="A160224" i="1" s="1"/>
  <c r="A160225" i="1" s="1"/>
  <c r="A160226" i="1" s="1"/>
  <c r="A160227" i="1" s="1"/>
  <c r="A160228" i="1" s="1"/>
  <c r="A160229" i="1" s="1"/>
  <c r="A160230" i="1" s="1"/>
  <c r="A160231" i="1" s="1"/>
  <c r="A160232" i="1" s="1"/>
  <c r="A160233" i="1" s="1"/>
  <c r="A160234" i="1" s="1"/>
  <c r="A160235" i="1" s="1"/>
  <c r="A160236" i="1" s="1"/>
  <c r="A160237" i="1" s="1"/>
  <c r="A160238" i="1" s="1"/>
  <c r="A160239" i="1" s="1"/>
  <c r="A160240" i="1" s="1"/>
  <c r="A160241" i="1" s="1"/>
  <c r="A160242" i="1" s="1"/>
  <c r="A160243" i="1" s="1"/>
  <c r="A160244" i="1" s="1"/>
  <c r="A160245" i="1" s="1"/>
  <c r="A160246" i="1" s="1"/>
  <c r="A160247" i="1" s="1"/>
  <c r="A160248" i="1" s="1"/>
  <c r="A160249" i="1" s="1"/>
  <c r="A160250" i="1" s="1"/>
  <c r="A160251" i="1" s="1"/>
  <c r="A160252" i="1" s="1"/>
  <c r="A160253" i="1" s="1"/>
  <c r="A160254" i="1" s="1"/>
  <c r="A160255" i="1" s="1"/>
  <c r="A160256" i="1" s="1"/>
  <c r="A160257" i="1" s="1"/>
  <c r="A160258" i="1" s="1"/>
  <c r="A160259" i="1" s="1"/>
  <c r="A160260" i="1" s="1"/>
  <c r="A160261" i="1" s="1"/>
  <c r="A160262" i="1" s="1"/>
  <c r="A160263" i="1" s="1"/>
  <c r="A160264" i="1" s="1"/>
  <c r="A160265" i="1" s="1"/>
  <c r="A160266" i="1" s="1"/>
  <c r="A160267" i="1" s="1"/>
  <c r="A160268" i="1" s="1"/>
  <c r="A160269" i="1" s="1"/>
  <c r="A160270" i="1" s="1"/>
  <c r="A160271" i="1" s="1"/>
  <c r="A160272" i="1" s="1"/>
  <c r="A160273" i="1" s="1"/>
  <c r="A160274" i="1" s="1"/>
  <c r="A160275" i="1" s="1"/>
  <c r="A160276" i="1" s="1"/>
  <c r="A160277" i="1" s="1"/>
  <c r="A160278" i="1" s="1"/>
  <c r="A160279" i="1" s="1"/>
  <c r="A160280" i="1" s="1"/>
  <c r="A160281" i="1" s="1"/>
  <c r="A160282" i="1" s="1"/>
  <c r="A160283" i="1" s="1"/>
  <c r="A160284" i="1" s="1"/>
  <c r="A160285" i="1" s="1"/>
  <c r="A160286" i="1" s="1"/>
  <c r="A160287" i="1" s="1"/>
  <c r="A160288" i="1" s="1"/>
  <c r="A160289" i="1" s="1"/>
  <c r="A160290" i="1" s="1"/>
  <c r="A160291" i="1" s="1"/>
  <c r="A160292" i="1" s="1"/>
  <c r="A160293" i="1" s="1"/>
  <c r="A160294" i="1" s="1"/>
  <c r="A160295" i="1" s="1"/>
  <c r="A160296" i="1" s="1"/>
  <c r="A160297" i="1" s="1"/>
  <c r="A160298" i="1" s="1"/>
  <c r="A160299" i="1" s="1"/>
  <c r="A160300" i="1" s="1"/>
  <c r="A160301" i="1" s="1"/>
  <c r="A160302" i="1" s="1"/>
  <c r="A160303" i="1" s="1"/>
  <c r="A160304" i="1" s="1"/>
  <c r="A160305" i="1" s="1"/>
  <c r="A160306" i="1" s="1"/>
  <c r="A160307" i="1" s="1"/>
  <c r="A160308" i="1" s="1"/>
  <c r="A160309" i="1" s="1"/>
  <c r="A160310" i="1" s="1"/>
  <c r="A160311" i="1" s="1"/>
  <c r="A160312" i="1" s="1"/>
  <c r="A160313" i="1" s="1"/>
  <c r="A160314" i="1" s="1"/>
  <c r="A160315" i="1" s="1"/>
  <c r="A160316" i="1" s="1"/>
  <c r="A160317" i="1" s="1"/>
  <c r="A160318" i="1" s="1"/>
  <c r="A160319" i="1" s="1"/>
  <c r="A160320" i="1" s="1"/>
  <c r="A160321" i="1" s="1"/>
  <c r="A160322" i="1" s="1"/>
  <c r="A160323" i="1" s="1"/>
  <c r="A160324" i="1" s="1"/>
  <c r="A160325" i="1" s="1"/>
  <c r="A160326" i="1" s="1"/>
  <c r="A160327" i="1" s="1"/>
  <c r="A160328" i="1" s="1"/>
  <c r="A160329" i="1" s="1"/>
  <c r="A160330" i="1" s="1"/>
  <c r="A160331" i="1" s="1"/>
  <c r="A160332" i="1" s="1"/>
  <c r="A160333" i="1" s="1"/>
  <c r="A160334" i="1" s="1"/>
  <c r="A160335" i="1" s="1"/>
  <c r="A160336" i="1" s="1"/>
  <c r="A160337" i="1" s="1"/>
  <c r="A160338" i="1" s="1"/>
  <c r="A160339" i="1" s="1"/>
  <c r="A160340" i="1" s="1"/>
  <c r="A160341" i="1" s="1"/>
  <c r="A160342" i="1" s="1"/>
  <c r="A160343" i="1" s="1"/>
  <c r="A160344" i="1" s="1"/>
  <c r="A160345" i="1" s="1"/>
  <c r="A160346" i="1" s="1"/>
  <c r="A160347" i="1" s="1"/>
  <c r="A160348" i="1" s="1"/>
  <c r="A160349" i="1" s="1"/>
  <c r="A160350" i="1" s="1"/>
  <c r="A160351" i="1" s="1"/>
  <c r="A160352" i="1" s="1"/>
  <c r="A160353" i="1" s="1"/>
  <c r="A160354" i="1" s="1"/>
  <c r="A160355" i="1" s="1"/>
  <c r="A160356" i="1" s="1"/>
  <c r="A160357" i="1" s="1"/>
  <c r="A160358" i="1" s="1"/>
  <c r="A160359" i="1" s="1"/>
  <c r="A160360" i="1" s="1"/>
  <c r="A160361" i="1" s="1"/>
  <c r="A160362" i="1" s="1"/>
  <c r="A160363" i="1" s="1"/>
  <c r="A160364" i="1" s="1"/>
  <c r="A160365" i="1" s="1"/>
  <c r="A160366" i="1" s="1"/>
  <c r="A160367" i="1" s="1"/>
  <c r="A160368" i="1" s="1"/>
  <c r="A160369" i="1" s="1"/>
  <c r="A160370" i="1" s="1"/>
  <c r="A160371" i="1" s="1"/>
  <c r="A160372" i="1" s="1"/>
  <c r="A160373" i="1" s="1"/>
  <c r="A160374" i="1" s="1"/>
  <c r="A160375" i="1" s="1"/>
  <c r="A160376" i="1" s="1"/>
  <c r="A160377" i="1" s="1"/>
  <c r="A160378" i="1" s="1"/>
  <c r="A160379" i="1" s="1"/>
  <c r="A160380" i="1" s="1"/>
  <c r="A160381" i="1" s="1"/>
  <c r="A160382" i="1" s="1"/>
  <c r="A160383" i="1" s="1"/>
  <c r="A160384" i="1" s="1"/>
  <c r="A160385" i="1" s="1"/>
  <c r="A160386" i="1" s="1"/>
  <c r="A160387" i="1" s="1"/>
  <c r="A160388" i="1" s="1"/>
  <c r="A160389" i="1" s="1"/>
  <c r="A160390" i="1" s="1"/>
  <c r="A160391" i="1" s="1"/>
  <c r="A160392" i="1" s="1"/>
  <c r="A160393" i="1" s="1"/>
  <c r="A160394" i="1" s="1"/>
  <c r="A160395" i="1" s="1"/>
  <c r="A160396" i="1" s="1"/>
  <c r="A160397" i="1" s="1"/>
  <c r="A160398" i="1" s="1"/>
  <c r="A160399" i="1" s="1"/>
  <c r="A160400" i="1" s="1"/>
  <c r="A160401" i="1" s="1"/>
  <c r="A160402" i="1" s="1"/>
  <c r="A160403" i="1" s="1"/>
  <c r="A160404" i="1" s="1"/>
  <c r="A160405" i="1" s="1"/>
  <c r="A160406" i="1" s="1"/>
  <c r="A160407" i="1" s="1"/>
  <c r="A160408" i="1" s="1"/>
  <c r="A160409" i="1" s="1"/>
  <c r="A160410" i="1" s="1"/>
  <c r="A160411" i="1" s="1"/>
  <c r="A160412" i="1" s="1"/>
  <c r="A160413" i="1" s="1"/>
  <c r="A160414" i="1" s="1"/>
  <c r="A160415" i="1" s="1"/>
  <c r="A160416" i="1" s="1"/>
  <c r="A160417" i="1" s="1"/>
  <c r="A160418" i="1" s="1"/>
  <c r="A160419" i="1" s="1"/>
  <c r="A160420" i="1" s="1"/>
  <c r="A160421" i="1" s="1"/>
  <c r="A160422" i="1" s="1"/>
  <c r="A160423" i="1" s="1"/>
  <c r="A160424" i="1" s="1"/>
  <c r="A160425" i="1" s="1"/>
  <c r="A160426" i="1" s="1"/>
  <c r="A160427" i="1" s="1"/>
  <c r="A160428" i="1" s="1"/>
  <c r="A160429" i="1" s="1"/>
  <c r="A160430" i="1" s="1"/>
  <c r="A160431" i="1" s="1"/>
  <c r="A160432" i="1" s="1"/>
  <c r="A160433" i="1" s="1"/>
  <c r="A160434" i="1" s="1"/>
  <c r="A160435" i="1" s="1"/>
  <c r="A160436" i="1" s="1"/>
  <c r="A160437" i="1" s="1"/>
  <c r="A160438" i="1" s="1"/>
  <c r="A160439" i="1" s="1"/>
  <c r="A160440" i="1" s="1"/>
  <c r="A160441" i="1" s="1"/>
  <c r="A160442" i="1" s="1"/>
  <c r="A160443" i="1" s="1"/>
  <c r="A160444" i="1" s="1"/>
  <c r="A160445" i="1" s="1"/>
  <c r="A160446" i="1" s="1"/>
  <c r="A160447" i="1" s="1"/>
  <c r="A160448" i="1" s="1"/>
  <c r="A160449" i="1" s="1"/>
  <c r="A160450" i="1" s="1"/>
  <c r="A160451" i="1" s="1"/>
  <c r="A160452" i="1" s="1"/>
  <c r="A160453" i="1" s="1"/>
  <c r="A160454" i="1" s="1"/>
  <c r="A160455" i="1" s="1"/>
  <c r="A160456" i="1" s="1"/>
  <c r="A160457" i="1" s="1"/>
  <c r="A160458" i="1" s="1"/>
  <c r="A160459" i="1" s="1"/>
  <c r="A160460" i="1" s="1"/>
  <c r="A160461" i="1" s="1"/>
  <c r="A160462" i="1" s="1"/>
  <c r="A160463" i="1" s="1"/>
  <c r="A160464" i="1" s="1"/>
  <c r="A160465" i="1" s="1"/>
  <c r="A160466" i="1" s="1"/>
  <c r="A160467" i="1" s="1"/>
  <c r="A160468" i="1" s="1"/>
  <c r="A160469" i="1" s="1"/>
  <c r="A160470" i="1" s="1"/>
  <c r="A160471" i="1" s="1"/>
  <c r="A160472" i="1" s="1"/>
  <c r="A160473" i="1" s="1"/>
  <c r="A160474" i="1" s="1"/>
  <c r="A160475" i="1" s="1"/>
  <c r="A160476" i="1" s="1"/>
  <c r="A160477" i="1" s="1"/>
  <c r="A160478" i="1" s="1"/>
  <c r="A160479" i="1" s="1"/>
  <c r="A160480" i="1" s="1"/>
  <c r="A160481" i="1" s="1"/>
  <c r="A160482" i="1" s="1"/>
  <c r="A160483" i="1" s="1"/>
  <c r="A160484" i="1" s="1"/>
  <c r="A160485" i="1" s="1"/>
  <c r="A160486" i="1" s="1"/>
  <c r="A160487" i="1" s="1"/>
  <c r="A160488" i="1" s="1"/>
  <c r="A160489" i="1" s="1"/>
  <c r="A160490" i="1" s="1"/>
  <c r="A160491" i="1" s="1"/>
  <c r="A160492" i="1" s="1"/>
  <c r="A160493" i="1" s="1"/>
  <c r="A160494" i="1" s="1"/>
  <c r="A160495" i="1" s="1"/>
  <c r="A160496" i="1" s="1"/>
  <c r="A160497" i="1" s="1"/>
  <c r="A160498" i="1" s="1"/>
  <c r="A160499" i="1" s="1"/>
  <c r="A160500" i="1" s="1"/>
  <c r="A160501" i="1" s="1"/>
  <c r="A160502" i="1" s="1"/>
  <c r="A160503" i="1" s="1"/>
  <c r="A160504" i="1" s="1"/>
  <c r="A160505" i="1" s="1"/>
  <c r="A160506" i="1" s="1"/>
  <c r="A160507" i="1" s="1"/>
  <c r="A160508" i="1" s="1"/>
  <c r="A160509" i="1" s="1"/>
  <c r="A160510" i="1" s="1"/>
  <c r="A160511" i="1" s="1"/>
  <c r="A160512" i="1" s="1"/>
  <c r="A160513" i="1" s="1"/>
  <c r="A160514" i="1" s="1"/>
  <c r="A160515" i="1" s="1"/>
  <c r="A160516" i="1" s="1"/>
  <c r="A160517" i="1" s="1"/>
  <c r="A160518" i="1" s="1"/>
  <c r="A160519" i="1" s="1"/>
  <c r="A160520" i="1" s="1"/>
  <c r="A160521" i="1" s="1"/>
  <c r="A160522" i="1" s="1"/>
  <c r="A160523" i="1" s="1"/>
  <c r="A160524" i="1" s="1"/>
  <c r="A160525" i="1" s="1"/>
  <c r="A160526" i="1" s="1"/>
  <c r="A160527" i="1" s="1"/>
  <c r="A160528" i="1" s="1"/>
  <c r="A160529" i="1" s="1"/>
  <c r="A160530" i="1" s="1"/>
  <c r="A160531" i="1" s="1"/>
  <c r="A160532" i="1" s="1"/>
  <c r="A160533" i="1" s="1"/>
  <c r="A160534" i="1" s="1"/>
  <c r="A160535" i="1" s="1"/>
  <c r="A160536" i="1" s="1"/>
  <c r="A160537" i="1" s="1"/>
  <c r="A160538" i="1" s="1"/>
  <c r="A160539" i="1" s="1"/>
  <c r="A160540" i="1" s="1"/>
  <c r="A160541" i="1" s="1"/>
  <c r="A160542" i="1" s="1"/>
  <c r="A160543" i="1" s="1"/>
  <c r="A160544" i="1" s="1"/>
  <c r="A160545" i="1" s="1"/>
  <c r="A160546" i="1" s="1"/>
  <c r="A160547" i="1" s="1"/>
  <c r="A160548" i="1" s="1"/>
  <c r="A160549" i="1" s="1"/>
  <c r="A160550" i="1" s="1"/>
  <c r="A160551" i="1" s="1"/>
  <c r="A160552" i="1" s="1"/>
  <c r="A160553" i="1" s="1"/>
  <c r="A160554" i="1" s="1"/>
  <c r="A160555" i="1" s="1"/>
  <c r="A160556" i="1" s="1"/>
  <c r="A160557" i="1" s="1"/>
  <c r="A160558" i="1" s="1"/>
  <c r="A160559" i="1" s="1"/>
  <c r="A160560" i="1" s="1"/>
  <c r="A160561" i="1" s="1"/>
  <c r="A160562" i="1" s="1"/>
  <c r="A160563" i="1" s="1"/>
  <c r="A160564" i="1" s="1"/>
  <c r="A160565" i="1" s="1"/>
  <c r="A160566" i="1" s="1"/>
  <c r="A160567" i="1" s="1"/>
  <c r="A160568" i="1" s="1"/>
  <c r="A160569" i="1" s="1"/>
  <c r="A160570" i="1" s="1"/>
  <c r="A160571" i="1" s="1"/>
  <c r="A160572" i="1" s="1"/>
  <c r="A160573" i="1" s="1"/>
  <c r="A160574" i="1" s="1"/>
  <c r="A160575" i="1" s="1"/>
  <c r="A160576" i="1" s="1"/>
  <c r="A160577" i="1" s="1"/>
  <c r="A160578" i="1" s="1"/>
  <c r="A160579" i="1" s="1"/>
  <c r="A160580" i="1" s="1"/>
  <c r="A160581" i="1" s="1"/>
  <c r="A160582" i="1" s="1"/>
  <c r="A160583" i="1" s="1"/>
  <c r="A160584" i="1" s="1"/>
  <c r="A160585" i="1" s="1"/>
  <c r="A160586" i="1" s="1"/>
  <c r="A160587" i="1" s="1"/>
  <c r="A160588" i="1" s="1"/>
  <c r="A160589" i="1" s="1"/>
  <c r="A160590" i="1" s="1"/>
  <c r="A160591" i="1" s="1"/>
  <c r="A160592" i="1" s="1"/>
  <c r="A160593" i="1" s="1"/>
  <c r="A160594" i="1" s="1"/>
  <c r="A160595" i="1" s="1"/>
  <c r="A160596" i="1" s="1"/>
  <c r="A160597" i="1" s="1"/>
  <c r="A160598" i="1" s="1"/>
  <c r="A160599" i="1" s="1"/>
  <c r="A160600" i="1" s="1"/>
  <c r="A160601" i="1" s="1"/>
  <c r="A160602" i="1" s="1"/>
  <c r="A160603" i="1" s="1"/>
  <c r="A160604" i="1" s="1"/>
  <c r="A160605" i="1" s="1"/>
  <c r="A160606" i="1" s="1"/>
  <c r="A160607" i="1" s="1"/>
  <c r="A160608" i="1" s="1"/>
  <c r="A160609" i="1" s="1"/>
  <c r="A160610" i="1" s="1"/>
  <c r="A160611" i="1" s="1"/>
  <c r="A160612" i="1" s="1"/>
  <c r="A160613" i="1" s="1"/>
  <c r="A160614" i="1" s="1"/>
  <c r="A160615" i="1" s="1"/>
  <c r="A160616" i="1" s="1"/>
  <c r="A160617" i="1" s="1"/>
  <c r="A160618" i="1" s="1"/>
  <c r="A160619" i="1" s="1"/>
  <c r="A160620" i="1" s="1"/>
  <c r="A160621" i="1" s="1"/>
  <c r="A160622" i="1" s="1"/>
  <c r="A160623" i="1" s="1"/>
  <c r="A160624" i="1" s="1"/>
  <c r="A160625" i="1" s="1"/>
  <c r="A160626" i="1" s="1"/>
  <c r="A160627" i="1" s="1"/>
  <c r="A160628" i="1" s="1"/>
  <c r="A160629" i="1" s="1"/>
  <c r="A160630" i="1" s="1"/>
  <c r="A160631" i="1" s="1"/>
  <c r="A160632" i="1" s="1"/>
  <c r="A160633" i="1" s="1"/>
  <c r="A160634" i="1" s="1"/>
  <c r="A160635" i="1" s="1"/>
  <c r="A160636" i="1" s="1"/>
  <c r="A160637" i="1" s="1"/>
  <c r="A160638" i="1" s="1"/>
  <c r="A160639" i="1" s="1"/>
  <c r="A160640" i="1" s="1"/>
  <c r="A160641" i="1" s="1"/>
  <c r="A160642" i="1" s="1"/>
  <c r="A160643" i="1" s="1"/>
  <c r="A160644" i="1" s="1"/>
  <c r="A160645" i="1" s="1"/>
  <c r="A160646" i="1" s="1"/>
  <c r="A160647" i="1" s="1"/>
  <c r="A160648" i="1" s="1"/>
  <c r="A160649" i="1" s="1"/>
  <c r="A160650" i="1" s="1"/>
  <c r="A160651" i="1" s="1"/>
  <c r="A160652" i="1" s="1"/>
  <c r="A160653" i="1" s="1"/>
  <c r="A160654" i="1" s="1"/>
  <c r="A160655" i="1" s="1"/>
  <c r="A160656" i="1" s="1"/>
  <c r="A160657" i="1" s="1"/>
  <c r="A160658" i="1" s="1"/>
  <c r="A160659" i="1" s="1"/>
  <c r="A160660" i="1" s="1"/>
  <c r="A160661" i="1" s="1"/>
  <c r="A160662" i="1" s="1"/>
  <c r="A160663" i="1" s="1"/>
  <c r="A160664" i="1" s="1"/>
  <c r="A160665" i="1" s="1"/>
  <c r="A160666" i="1" s="1"/>
  <c r="A160667" i="1" s="1"/>
  <c r="A160668" i="1" s="1"/>
  <c r="A160669" i="1" s="1"/>
  <c r="A160670" i="1" s="1"/>
  <c r="A160671" i="1" s="1"/>
  <c r="A160672" i="1" s="1"/>
  <c r="A160673" i="1" s="1"/>
  <c r="A160674" i="1" s="1"/>
  <c r="A160675" i="1" s="1"/>
  <c r="A160676" i="1" s="1"/>
  <c r="A160677" i="1" s="1"/>
  <c r="A160678" i="1" s="1"/>
  <c r="A160679" i="1" s="1"/>
  <c r="A160680" i="1" s="1"/>
  <c r="A160681" i="1" s="1"/>
  <c r="A160682" i="1" s="1"/>
  <c r="A160683" i="1" s="1"/>
  <c r="A160684" i="1" s="1"/>
  <c r="A160685" i="1" s="1"/>
  <c r="A160686" i="1" s="1"/>
  <c r="A160687" i="1" s="1"/>
  <c r="A160688" i="1" s="1"/>
  <c r="A160689" i="1" s="1"/>
  <c r="A160690" i="1" s="1"/>
  <c r="A160691" i="1" s="1"/>
  <c r="A160692" i="1" s="1"/>
  <c r="A160693" i="1" s="1"/>
  <c r="A160694" i="1" s="1"/>
  <c r="A160695" i="1" s="1"/>
  <c r="A160696" i="1" s="1"/>
  <c r="A160697" i="1" s="1"/>
  <c r="A160698" i="1" s="1"/>
  <c r="A160699" i="1" s="1"/>
  <c r="A160700" i="1" s="1"/>
  <c r="A160701" i="1" s="1"/>
  <c r="A160702" i="1" s="1"/>
  <c r="A160703" i="1" s="1"/>
  <c r="A160704" i="1" s="1"/>
  <c r="A160705" i="1" s="1"/>
  <c r="A160706" i="1" s="1"/>
  <c r="A160707" i="1" s="1"/>
  <c r="A160708" i="1" s="1"/>
  <c r="A160709" i="1" s="1"/>
  <c r="A160710" i="1" s="1"/>
  <c r="A160711" i="1" s="1"/>
  <c r="A160712" i="1" s="1"/>
  <c r="A160713" i="1" s="1"/>
  <c r="A160714" i="1" s="1"/>
  <c r="A160715" i="1" s="1"/>
  <c r="A160716" i="1" s="1"/>
  <c r="A160717" i="1" s="1"/>
  <c r="A160718" i="1" s="1"/>
  <c r="A160719" i="1" s="1"/>
  <c r="A160720" i="1" s="1"/>
  <c r="A160721" i="1" s="1"/>
  <c r="A160722" i="1" s="1"/>
  <c r="A160723" i="1" s="1"/>
  <c r="A160724" i="1" s="1"/>
  <c r="A160725" i="1" s="1"/>
  <c r="A160726" i="1" s="1"/>
  <c r="A160727" i="1" s="1"/>
  <c r="A160728" i="1" s="1"/>
  <c r="A160729" i="1" s="1"/>
  <c r="A160730" i="1" s="1"/>
  <c r="A160731" i="1" s="1"/>
  <c r="A160732" i="1" s="1"/>
  <c r="A160733" i="1" s="1"/>
  <c r="A160734" i="1" s="1"/>
  <c r="A160735" i="1" s="1"/>
  <c r="A160736" i="1" s="1"/>
  <c r="A160737" i="1" s="1"/>
  <c r="A160738" i="1" s="1"/>
  <c r="A160739" i="1" s="1"/>
  <c r="A160740" i="1" s="1"/>
  <c r="A160741" i="1" s="1"/>
  <c r="A160742" i="1" s="1"/>
  <c r="A160743" i="1" s="1"/>
  <c r="A160744" i="1" s="1"/>
  <c r="A160745" i="1" s="1"/>
  <c r="A160746" i="1" s="1"/>
  <c r="A160747" i="1" s="1"/>
  <c r="A160748" i="1" s="1"/>
  <c r="A160749" i="1" s="1"/>
  <c r="A160750" i="1" s="1"/>
  <c r="A160751" i="1" s="1"/>
  <c r="A160752" i="1" s="1"/>
  <c r="A160753" i="1" s="1"/>
  <c r="A160754" i="1" s="1"/>
  <c r="A160755" i="1" s="1"/>
  <c r="A160756" i="1" s="1"/>
  <c r="A160757" i="1" s="1"/>
  <c r="A160758" i="1" s="1"/>
  <c r="A160759" i="1" s="1"/>
  <c r="A160760" i="1" s="1"/>
  <c r="A160761" i="1" s="1"/>
  <c r="A160762" i="1" s="1"/>
  <c r="A160763" i="1" s="1"/>
  <c r="A160764" i="1" s="1"/>
  <c r="A160765" i="1" s="1"/>
  <c r="A160766" i="1" s="1"/>
  <c r="A160767" i="1" s="1"/>
  <c r="A160768" i="1" s="1"/>
  <c r="A160769" i="1" s="1"/>
  <c r="A160770" i="1" s="1"/>
  <c r="A160771" i="1" s="1"/>
  <c r="A160772" i="1" s="1"/>
  <c r="A160773" i="1" s="1"/>
  <c r="A160774" i="1" s="1"/>
  <c r="A160775" i="1" s="1"/>
  <c r="A160776" i="1" s="1"/>
  <c r="A160777" i="1" s="1"/>
  <c r="A160778" i="1" s="1"/>
  <c r="A160779" i="1" s="1"/>
  <c r="A160780" i="1" s="1"/>
  <c r="A160781" i="1" s="1"/>
  <c r="A160782" i="1" s="1"/>
  <c r="A160783" i="1" s="1"/>
  <c r="A160784" i="1" s="1"/>
  <c r="A160785" i="1" s="1"/>
  <c r="A160786" i="1" s="1"/>
  <c r="A160787" i="1" s="1"/>
  <c r="A160788" i="1" s="1"/>
  <c r="A160789" i="1" s="1"/>
  <c r="A160790" i="1" s="1"/>
  <c r="A160791" i="1" s="1"/>
  <c r="A160792" i="1" s="1"/>
  <c r="A160793" i="1" s="1"/>
  <c r="A160794" i="1" s="1"/>
  <c r="A160795" i="1" s="1"/>
  <c r="A160796" i="1" s="1"/>
  <c r="A160797" i="1" s="1"/>
  <c r="A160798" i="1" s="1"/>
  <c r="A160799" i="1" s="1"/>
  <c r="A160800" i="1" s="1"/>
  <c r="A160801" i="1" s="1"/>
  <c r="A160802" i="1" s="1"/>
  <c r="A160803" i="1" s="1"/>
  <c r="A160804" i="1" s="1"/>
  <c r="A160805" i="1" s="1"/>
  <c r="A160806" i="1" s="1"/>
  <c r="A160807" i="1" s="1"/>
  <c r="A160808" i="1" s="1"/>
  <c r="A160809" i="1" s="1"/>
  <c r="A160810" i="1" s="1"/>
  <c r="A160811" i="1" s="1"/>
  <c r="A160812" i="1" s="1"/>
  <c r="A160813" i="1" s="1"/>
  <c r="A160814" i="1" s="1"/>
  <c r="A160815" i="1" s="1"/>
  <c r="A160816" i="1" s="1"/>
  <c r="A160817" i="1" s="1"/>
  <c r="A160818" i="1" s="1"/>
  <c r="A160819" i="1" s="1"/>
  <c r="A160820" i="1" s="1"/>
  <c r="A160821" i="1" s="1"/>
  <c r="A160822" i="1" s="1"/>
  <c r="A160823" i="1" s="1"/>
  <c r="A160824" i="1" s="1"/>
  <c r="A160825" i="1" s="1"/>
  <c r="A160826" i="1" s="1"/>
  <c r="A160827" i="1" s="1"/>
  <c r="A160828" i="1" s="1"/>
  <c r="A160829" i="1" s="1"/>
  <c r="A160830" i="1" s="1"/>
  <c r="A160831" i="1" s="1"/>
  <c r="A160832" i="1" s="1"/>
  <c r="A160833" i="1" s="1"/>
  <c r="A160834" i="1" s="1"/>
  <c r="A160835" i="1" s="1"/>
  <c r="A160836" i="1" s="1"/>
  <c r="A160837" i="1" s="1"/>
  <c r="A160838" i="1" s="1"/>
  <c r="A160839" i="1" s="1"/>
  <c r="A160840" i="1" s="1"/>
  <c r="A160841" i="1" s="1"/>
  <c r="A160842" i="1" s="1"/>
  <c r="A160843" i="1" s="1"/>
  <c r="A160844" i="1" s="1"/>
  <c r="A160845" i="1" s="1"/>
  <c r="A160846" i="1" s="1"/>
  <c r="A160847" i="1" s="1"/>
  <c r="A160848" i="1" s="1"/>
  <c r="A160849" i="1" s="1"/>
  <c r="A160850" i="1" s="1"/>
  <c r="A160851" i="1" s="1"/>
  <c r="A160852" i="1" s="1"/>
  <c r="A160853" i="1" s="1"/>
  <c r="A160854" i="1" s="1"/>
  <c r="A160855" i="1" s="1"/>
  <c r="A160856" i="1" s="1"/>
  <c r="A160857" i="1" s="1"/>
  <c r="A160858" i="1" s="1"/>
  <c r="A160859" i="1" s="1"/>
  <c r="A160860" i="1" s="1"/>
  <c r="A160861" i="1" s="1"/>
  <c r="A160862" i="1" s="1"/>
  <c r="A160863" i="1" s="1"/>
  <c r="A160864" i="1" s="1"/>
  <c r="A160865" i="1" s="1"/>
  <c r="A160866" i="1" s="1"/>
  <c r="A160867" i="1" s="1"/>
  <c r="A160868" i="1" s="1"/>
  <c r="A160869" i="1" s="1"/>
  <c r="A160870" i="1" s="1"/>
  <c r="A160871" i="1" s="1"/>
  <c r="A160872" i="1" s="1"/>
  <c r="A160873" i="1" s="1"/>
  <c r="A160874" i="1" s="1"/>
  <c r="A160875" i="1" s="1"/>
  <c r="A160876" i="1" s="1"/>
  <c r="A160877" i="1" s="1"/>
  <c r="A160878" i="1" s="1"/>
  <c r="A160879" i="1" s="1"/>
  <c r="A160880" i="1" s="1"/>
  <c r="A160881" i="1" s="1"/>
  <c r="A160882" i="1" s="1"/>
  <c r="A160883" i="1" s="1"/>
  <c r="A160884" i="1" s="1"/>
  <c r="A160885" i="1" s="1"/>
  <c r="A160886" i="1" s="1"/>
  <c r="A160887" i="1" s="1"/>
  <c r="A160888" i="1" s="1"/>
  <c r="A160889" i="1" s="1"/>
  <c r="A160890" i="1" s="1"/>
  <c r="A160891" i="1" s="1"/>
  <c r="A160892" i="1" s="1"/>
  <c r="A160893" i="1" s="1"/>
  <c r="A160894" i="1" s="1"/>
  <c r="A160895" i="1" s="1"/>
  <c r="A160896" i="1" s="1"/>
  <c r="A160897" i="1" s="1"/>
  <c r="A160898" i="1" s="1"/>
  <c r="A160899" i="1" s="1"/>
  <c r="A160900" i="1" s="1"/>
  <c r="A160901" i="1" s="1"/>
  <c r="A160902" i="1" s="1"/>
  <c r="A160903" i="1" s="1"/>
  <c r="A160904" i="1" s="1"/>
  <c r="A160905" i="1" s="1"/>
  <c r="A160906" i="1" s="1"/>
  <c r="A160907" i="1" s="1"/>
  <c r="A160908" i="1" s="1"/>
  <c r="A160909" i="1" s="1"/>
  <c r="A160910" i="1" s="1"/>
  <c r="A160911" i="1" s="1"/>
  <c r="A160912" i="1" s="1"/>
  <c r="A160913" i="1" s="1"/>
  <c r="A160914" i="1" s="1"/>
  <c r="A160915" i="1" s="1"/>
  <c r="A160916" i="1" s="1"/>
  <c r="A160917" i="1" s="1"/>
  <c r="A160918" i="1" s="1"/>
  <c r="A160919" i="1" s="1"/>
  <c r="A160920" i="1" s="1"/>
  <c r="A160921" i="1" s="1"/>
  <c r="A160922" i="1" s="1"/>
  <c r="A160923" i="1" s="1"/>
  <c r="A160924" i="1" s="1"/>
  <c r="A160925" i="1" s="1"/>
  <c r="A160926" i="1" s="1"/>
  <c r="A160927" i="1" s="1"/>
  <c r="A160928" i="1" s="1"/>
  <c r="A160929" i="1" s="1"/>
  <c r="A160930" i="1" s="1"/>
  <c r="A160931" i="1" s="1"/>
  <c r="A160932" i="1" s="1"/>
  <c r="A160933" i="1" s="1"/>
  <c r="A160934" i="1" s="1"/>
  <c r="A160935" i="1" s="1"/>
  <c r="A160936" i="1" s="1"/>
  <c r="A160937" i="1" s="1"/>
  <c r="A160938" i="1" s="1"/>
  <c r="A160939" i="1" s="1"/>
  <c r="A160940" i="1" s="1"/>
  <c r="A160941" i="1" s="1"/>
  <c r="A160942" i="1" s="1"/>
  <c r="A160943" i="1" s="1"/>
  <c r="A160944" i="1" s="1"/>
  <c r="A160945" i="1" s="1"/>
  <c r="A160946" i="1" s="1"/>
  <c r="A160947" i="1" s="1"/>
  <c r="A160948" i="1" s="1"/>
  <c r="A160949" i="1" s="1"/>
  <c r="A160950" i="1" s="1"/>
  <c r="A160951" i="1" s="1"/>
  <c r="A160952" i="1" s="1"/>
  <c r="A160953" i="1" s="1"/>
  <c r="A160954" i="1" s="1"/>
  <c r="A160955" i="1" s="1"/>
  <c r="A160956" i="1" s="1"/>
  <c r="A160957" i="1" s="1"/>
  <c r="A160958" i="1" s="1"/>
  <c r="A160959" i="1" s="1"/>
  <c r="A160960" i="1" s="1"/>
  <c r="A160961" i="1" s="1"/>
  <c r="A160962" i="1" s="1"/>
  <c r="A160963" i="1" s="1"/>
  <c r="A160964" i="1" s="1"/>
  <c r="A160965" i="1" s="1"/>
  <c r="A160966" i="1" s="1"/>
  <c r="A160967" i="1" s="1"/>
  <c r="A160968" i="1" s="1"/>
  <c r="A160969" i="1" s="1"/>
  <c r="A160970" i="1" s="1"/>
  <c r="A160971" i="1" s="1"/>
  <c r="A160972" i="1" s="1"/>
  <c r="A160973" i="1" s="1"/>
  <c r="A160974" i="1" s="1"/>
  <c r="A160975" i="1" s="1"/>
  <c r="A160976" i="1" s="1"/>
  <c r="A160977" i="1" s="1"/>
  <c r="A160978" i="1" s="1"/>
  <c r="A160979" i="1" s="1"/>
  <c r="A160980" i="1" s="1"/>
  <c r="A160981" i="1" s="1"/>
  <c r="A160982" i="1" s="1"/>
  <c r="A160983" i="1" s="1"/>
  <c r="A160984" i="1" s="1"/>
  <c r="A160985" i="1" s="1"/>
  <c r="A160986" i="1" s="1"/>
  <c r="A160987" i="1" s="1"/>
  <c r="A160988" i="1" s="1"/>
  <c r="A160989" i="1" s="1"/>
  <c r="A160990" i="1" s="1"/>
  <c r="A160991" i="1" s="1"/>
  <c r="A160992" i="1" s="1"/>
  <c r="A160993" i="1" s="1"/>
  <c r="A160994" i="1" s="1"/>
  <c r="A160995" i="1" s="1"/>
  <c r="A160996" i="1" s="1"/>
  <c r="A160997" i="1" s="1"/>
  <c r="A160998" i="1" s="1"/>
  <c r="A160999" i="1" s="1"/>
  <c r="A161000" i="1" s="1"/>
  <c r="A161001" i="1" s="1"/>
  <c r="A161002" i="1" s="1"/>
  <c r="A161003" i="1" s="1"/>
  <c r="A161004" i="1" s="1"/>
  <c r="A161005" i="1" s="1"/>
  <c r="A161006" i="1" s="1"/>
  <c r="A161007" i="1" s="1"/>
  <c r="A161008" i="1" s="1"/>
  <c r="A161009" i="1" s="1"/>
  <c r="A161010" i="1" s="1"/>
  <c r="A161011" i="1" s="1"/>
  <c r="A161012" i="1" s="1"/>
  <c r="A161013" i="1" s="1"/>
  <c r="A161014" i="1" s="1"/>
  <c r="A161015" i="1" s="1"/>
  <c r="A161016" i="1" s="1"/>
  <c r="A161017" i="1" s="1"/>
  <c r="A161018" i="1" s="1"/>
  <c r="A161019" i="1" s="1"/>
  <c r="A161020" i="1" s="1"/>
  <c r="A161021" i="1" s="1"/>
  <c r="A161022" i="1" s="1"/>
  <c r="A161023" i="1" s="1"/>
  <c r="A161024" i="1" s="1"/>
  <c r="A161025" i="1" s="1"/>
  <c r="A161026" i="1" s="1"/>
  <c r="A161027" i="1" s="1"/>
  <c r="A161028" i="1" s="1"/>
  <c r="A161029" i="1" s="1"/>
  <c r="A161030" i="1" s="1"/>
  <c r="A161031" i="1" s="1"/>
  <c r="A161032" i="1" s="1"/>
  <c r="A161033" i="1" s="1"/>
  <c r="A161034" i="1" s="1"/>
  <c r="A161035" i="1" s="1"/>
  <c r="A161036" i="1" s="1"/>
  <c r="A161037" i="1" s="1"/>
  <c r="A161038" i="1" s="1"/>
  <c r="A161039" i="1" s="1"/>
  <c r="A161040" i="1" s="1"/>
  <c r="A161041" i="1" s="1"/>
  <c r="A161042" i="1" s="1"/>
  <c r="A161043" i="1" s="1"/>
  <c r="A161044" i="1" s="1"/>
  <c r="A161045" i="1" s="1"/>
  <c r="A161046" i="1" s="1"/>
  <c r="A161047" i="1" s="1"/>
  <c r="A161048" i="1" s="1"/>
  <c r="A161049" i="1" s="1"/>
  <c r="A161050" i="1" s="1"/>
  <c r="A161051" i="1" s="1"/>
  <c r="A161052" i="1" s="1"/>
  <c r="A161053" i="1" s="1"/>
  <c r="A161054" i="1" s="1"/>
  <c r="A161055" i="1" s="1"/>
  <c r="A161056" i="1" s="1"/>
  <c r="A161057" i="1" s="1"/>
  <c r="A161058" i="1" s="1"/>
  <c r="A161059" i="1" s="1"/>
  <c r="A161060" i="1" s="1"/>
  <c r="A161061" i="1" s="1"/>
  <c r="A161062" i="1" s="1"/>
  <c r="A161063" i="1" s="1"/>
  <c r="A161064" i="1" s="1"/>
  <c r="A161065" i="1" s="1"/>
  <c r="A161066" i="1" s="1"/>
  <c r="A161067" i="1" s="1"/>
  <c r="A161068" i="1" s="1"/>
  <c r="A161069" i="1" s="1"/>
  <c r="A161070" i="1" s="1"/>
  <c r="A161071" i="1" s="1"/>
  <c r="A161072" i="1" s="1"/>
  <c r="A161073" i="1" s="1"/>
  <c r="A161074" i="1" s="1"/>
  <c r="A161075" i="1" s="1"/>
  <c r="A161076" i="1" s="1"/>
  <c r="A161077" i="1" s="1"/>
  <c r="A161078" i="1" s="1"/>
  <c r="A161079" i="1" s="1"/>
  <c r="A161080" i="1" s="1"/>
  <c r="A161081" i="1" s="1"/>
  <c r="A161082" i="1" s="1"/>
  <c r="A161083" i="1" s="1"/>
  <c r="A161084" i="1" s="1"/>
  <c r="A161085" i="1" s="1"/>
  <c r="A161086" i="1" s="1"/>
  <c r="A161087" i="1" s="1"/>
  <c r="A161088" i="1" s="1"/>
  <c r="A161089" i="1" s="1"/>
  <c r="A161090" i="1" s="1"/>
  <c r="A161091" i="1" s="1"/>
  <c r="A161092" i="1" s="1"/>
  <c r="A161093" i="1" s="1"/>
  <c r="A161094" i="1" s="1"/>
  <c r="A161095" i="1" s="1"/>
  <c r="A161096" i="1" s="1"/>
  <c r="A161097" i="1" s="1"/>
  <c r="A161098" i="1" s="1"/>
  <c r="A161099" i="1" s="1"/>
  <c r="A161100" i="1" s="1"/>
  <c r="A161101" i="1" s="1"/>
  <c r="A161102" i="1" s="1"/>
  <c r="A161103" i="1" s="1"/>
  <c r="A161104" i="1" s="1"/>
  <c r="A161105" i="1" s="1"/>
  <c r="A161106" i="1" s="1"/>
  <c r="A161107" i="1" s="1"/>
  <c r="A161108" i="1" s="1"/>
  <c r="A161109" i="1" s="1"/>
  <c r="A161110" i="1" s="1"/>
  <c r="A161111" i="1" s="1"/>
  <c r="A161112" i="1" s="1"/>
  <c r="A161113" i="1" s="1"/>
  <c r="A161114" i="1" s="1"/>
  <c r="A161115" i="1" s="1"/>
  <c r="A161116" i="1" s="1"/>
  <c r="A161117" i="1" s="1"/>
  <c r="A161118" i="1" s="1"/>
  <c r="A161119" i="1" s="1"/>
  <c r="A161120" i="1" s="1"/>
  <c r="A161121" i="1" s="1"/>
  <c r="A161122" i="1" s="1"/>
  <c r="A161123" i="1" s="1"/>
  <c r="A161124" i="1" s="1"/>
  <c r="A161125" i="1" s="1"/>
  <c r="A161126" i="1" s="1"/>
  <c r="A161127" i="1" s="1"/>
  <c r="A161128" i="1" s="1"/>
  <c r="A161129" i="1" s="1"/>
  <c r="A161130" i="1" s="1"/>
  <c r="A161131" i="1" s="1"/>
  <c r="A161132" i="1" s="1"/>
  <c r="A161133" i="1" s="1"/>
  <c r="A161134" i="1" s="1"/>
  <c r="A161135" i="1" s="1"/>
  <c r="A161136" i="1" s="1"/>
  <c r="A161137" i="1" s="1"/>
  <c r="A161138" i="1" s="1"/>
  <c r="A161139" i="1" s="1"/>
  <c r="A161140" i="1" s="1"/>
  <c r="A161141" i="1" s="1"/>
  <c r="A161142" i="1" s="1"/>
  <c r="A161143" i="1" s="1"/>
  <c r="A161144" i="1" s="1"/>
  <c r="A161145" i="1" s="1"/>
  <c r="A161146" i="1" s="1"/>
  <c r="A161147" i="1" s="1"/>
  <c r="A161148" i="1" s="1"/>
  <c r="A161149" i="1" s="1"/>
  <c r="A161150" i="1" s="1"/>
  <c r="A161151" i="1" s="1"/>
  <c r="A161152" i="1" s="1"/>
  <c r="A161153" i="1" s="1"/>
  <c r="A161154" i="1" s="1"/>
  <c r="A161155" i="1" s="1"/>
  <c r="A161156" i="1" s="1"/>
  <c r="A161157" i="1" s="1"/>
  <c r="A161158" i="1" s="1"/>
  <c r="A161159" i="1" s="1"/>
  <c r="A161160" i="1" s="1"/>
  <c r="A161161" i="1" s="1"/>
  <c r="A161162" i="1" s="1"/>
  <c r="A161163" i="1" s="1"/>
  <c r="A161164" i="1" s="1"/>
  <c r="A161165" i="1" s="1"/>
  <c r="A161166" i="1" s="1"/>
  <c r="A161167" i="1" s="1"/>
  <c r="A161168" i="1" s="1"/>
  <c r="A161169" i="1" s="1"/>
  <c r="A161170" i="1" s="1"/>
  <c r="A161171" i="1" s="1"/>
  <c r="A161172" i="1" s="1"/>
  <c r="A161173" i="1" s="1"/>
  <c r="A161174" i="1" s="1"/>
  <c r="A161175" i="1" s="1"/>
  <c r="A161176" i="1" s="1"/>
  <c r="A161177" i="1" s="1"/>
  <c r="A161178" i="1" s="1"/>
  <c r="A161179" i="1" s="1"/>
  <c r="A161180" i="1" s="1"/>
  <c r="A161181" i="1" s="1"/>
  <c r="A161182" i="1" s="1"/>
  <c r="A161183" i="1" s="1"/>
  <c r="A161184" i="1" s="1"/>
  <c r="A161185" i="1" s="1"/>
  <c r="A161186" i="1" s="1"/>
  <c r="A161187" i="1" s="1"/>
  <c r="A161188" i="1" s="1"/>
  <c r="A161189" i="1" s="1"/>
  <c r="A161190" i="1" s="1"/>
  <c r="A161191" i="1" s="1"/>
  <c r="A161192" i="1" s="1"/>
  <c r="A161193" i="1" s="1"/>
  <c r="A161194" i="1" s="1"/>
  <c r="A161195" i="1" s="1"/>
  <c r="A161196" i="1" s="1"/>
  <c r="A161197" i="1" s="1"/>
  <c r="A161198" i="1" s="1"/>
  <c r="A161199" i="1" s="1"/>
  <c r="A161200" i="1" s="1"/>
  <c r="A161201" i="1" s="1"/>
  <c r="A161202" i="1" s="1"/>
  <c r="A161203" i="1" s="1"/>
  <c r="A161204" i="1" s="1"/>
  <c r="A161205" i="1" s="1"/>
  <c r="A161206" i="1" s="1"/>
  <c r="A161207" i="1" s="1"/>
  <c r="A161208" i="1" s="1"/>
  <c r="A161209" i="1" s="1"/>
  <c r="A161210" i="1" s="1"/>
  <c r="A161211" i="1" s="1"/>
  <c r="A161212" i="1" s="1"/>
  <c r="A161213" i="1" s="1"/>
  <c r="A161214" i="1" s="1"/>
  <c r="A161215" i="1" s="1"/>
  <c r="A161216" i="1" s="1"/>
  <c r="A161217" i="1" s="1"/>
  <c r="A161218" i="1" s="1"/>
  <c r="A161219" i="1" s="1"/>
  <c r="A161220" i="1" s="1"/>
  <c r="A161221" i="1" s="1"/>
  <c r="A161222" i="1" s="1"/>
  <c r="A161223" i="1" s="1"/>
  <c r="A161224" i="1" s="1"/>
  <c r="A161225" i="1" s="1"/>
  <c r="A161226" i="1" s="1"/>
  <c r="A161227" i="1" s="1"/>
  <c r="A161228" i="1" s="1"/>
  <c r="A161229" i="1" s="1"/>
  <c r="A161230" i="1" s="1"/>
  <c r="A161231" i="1" s="1"/>
  <c r="A161232" i="1" s="1"/>
  <c r="A161233" i="1" s="1"/>
  <c r="A161234" i="1" s="1"/>
  <c r="A161235" i="1" s="1"/>
  <c r="A161236" i="1" s="1"/>
  <c r="A161237" i="1" s="1"/>
  <c r="A161238" i="1" s="1"/>
  <c r="A161239" i="1" s="1"/>
  <c r="A161240" i="1" s="1"/>
  <c r="A161241" i="1" s="1"/>
  <c r="A161242" i="1" s="1"/>
  <c r="A161243" i="1" s="1"/>
  <c r="A161244" i="1" s="1"/>
  <c r="A161245" i="1" s="1"/>
  <c r="A161246" i="1" s="1"/>
  <c r="A161247" i="1" s="1"/>
  <c r="A161248" i="1" s="1"/>
  <c r="A161249" i="1" s="1"/>
  <c r="A161250" i="1" s="1"/>
  <c r="A161251" i="1" s="1"/>
  <c r="A161252" i="1" s="1"/>
  <c r="A161253" i="1" s="1"/>
  <c r="A161254" i="1" s="1"/>
  <c r="A161255" i="1" s="1"/>
  <c r="A161256" i="1" s="1"/>
  <c r="A161257" i="1" s="1"/>
  <c r="A161258" i="1" s="1"/>
  <c r="A161259" i="1" s="1"/>
  <c r="A161260" i="1" s="1"/>
  <c r="A161261" i="1" s="1"/>
  <c r="A161262" i="1" s="1"/>
  <c r="A161263" i="1" s="1"/>
  <c r="A161264" i="1" s="1"/>
  <c r="A161265" i="1" s="1"/>
  <c r="A161266" i="1" s="1"/>
  <c r="A161267" i="1" s="1"/>
  <c r="A161268" i="1" s="1"/>
  <c r="A161269" i="1" s="1"/>
  <c r="A161270" i="1" s="1"/>
  <c r="A161271" i="1" s="1"/>
  <c r="A161272" i="1" s="1"/>
  <c r="A161273" i="1" s="1"/>
  <c r="A161274" i="1" s="1"/>
  <c r="A161275" i="1" s="1"/>
  <c r="A161276" i="1" s="1"/>
  <c r="A161277" i="1" s="1"/>
  <c r="A161278" i="1" s="1"/>
  <c r="A161279" i="1" s="1"/>
  <c r="A161280" i="1" s="1"/>
  <c r="A161281" i="1" s="1"/>
  <c r="A161282" i="1" s="1"/>
  <c r="A161283" i="1" s="1"/>
  <c r="A161284" i="1" s="1"/>
  <c r="A161285" i="1" s="1"/>
  <c r="A161286" i="1" s="1"/>
  <c r="A161287" i="1" s="1"/>
  <c r="A161288" i="1" s="1"/>
  <c r="A161289" i="1" s="1"/>
  <c r="A161290" i="1" s="1"/>
  <c r="A161291" i="1" s="1"/>
  <c r="A161292" i="1" s="1"/>
  <c r="A161293" i="1" s="1"/>
  <c r="A161294" i="1" s="1"/>
  <c r="A161295" i="1" s="1"/>
  <c r="A161296" i="1" s="1"/>
  <c r="A161297" i="1" s="1"/>
  <c r="A161298" i="1" s="1"/>
  <c r="A161299" i="1" s="1"/>
  <c r="A161300" i="1" s="1"/>
  <c r="A161301" i="1" s="1"/>
  <c r="A161302" i="1" s="1"/>
  <c r="A161303" i="1" s="1"/>
  <c r="A161304" i="1" s="1"/>
  <c r="A161305" i="1" s="1"/>
  <c r="A161306" i="1" s="1"/>
  <c r="A161307" i="1" s="1"/>
  <c r="A161308" i="1" s="1"/>
  <c r="A161309" i="1" s="1"/>
  <c r="A161310" i="1" s="1"/>
  <c r="A161311" i="1" s="1"/>
  <c r="A161312" i="1" s="1"/>
  <c r="A161313" i="1" s="1"/>
  <c r="A161314" i="1" s="1"/>
  <c r="A161315" i="1" s="1"/>
  <c r="A161316" i="1" s="1"/>
  <c r="A161317" i="1" s="1"/>
  <c r="A161318" i="1" s="1"/>
  <c r="A161319" i="1" s="1"/>
  <c r="A161320" i="1" s="1"/>
  <c r="A161321" i="1" s="1"/>
  <c r="A161322" i="1" s="1"/>
  <c r="A161323" i="1" s="1"/>
  <c r="A161324" i="1" s="1"/>
  <c r="A161325" i="1" s="1"/>
  <c r="A161326" i="1" s="1"/>
  <c r="A161327" i="1" s="1"/>
  <c r="A161328" i="1" s="1"/>
  <c r="A161329" i="1" s="1"/>
  <c r="A161330" i="1" s="1"/>
  <c r="A161331" i="1" s="1"/>
  <c r="A161332" i="1" s="1"/>
  <c r="A161333" i="1" s="1"/>
  <c r="A161334" i="1" s="1"/>
  <c r="A161335" i="1" s="1"/>
  <c r="A161336" i="1" s="1"/>
  <c r="A161337" i="1" s="1"/>
  <c r="A161338" i="1" s="1"/>
  <c r="A161339" i="1" s="1"/>
  <c r="A161340" i="1" s="1"/>
  <c r="A161341" i="1" s="1"/>
  <c r="A161342" i="1" s="1"/>
  <c r="A161343" i="1" s="1"/>
  <c r="A161344" i="1" s="1"/>
  <c r="A161345" i="1" s="1"/>
  <c r="A161346" i="1" s="1"/>
  <c r="A161347" i="1" s="1"/>
  <c r="A161348" i="1" s="1"/>
  <c r="A161349" i="1" s="1"/>
  <c r="A161350" i="1" s="1"/>
  <c r="A161351" i="1" s="1"/>
  <c r="A161352" i="1" s="1"/>
  <c r="A161353" i="1" s="1"/>
  <c r="A161354" i="1" s="1"/>
  <c r="A161355" i="1" s="1"/>
  <c r="A161356" i="1" s="1"/>
  <c r="A161357" i="1" s="1"/>
  <c r="A161358" i="1" s="1"/>
  <c r="A161359" i="1" s="1"/>
  <c r="A161360" i="1" s="1"/>
  <c r="A161361" i="1" s="1"/>
  <c r="A161362" i="1" s="1"/>
  <c r="A161363" i="1" s="1"/>
  <c r="A161364" i="1" s="1"/>
  <c r="A161365" i="1" s="1"/>
  <c r="A161366" i="1" s="1"/>
  <c r="A161367" i="1" s="1"/>
  <c r="A161368" i="1" s="1"/>
  <c r="A161369" i="1" s="1"/>
  <c r="A161370" i="1" s="1"/>
  <c r="A161371" i="1" s="1"/>
  <c r="A161372" i="1" s="1"/>
  <c r="A161373" i="1" s="1"/>
  <c r="A161374" i="1" s="1"/>
  <c r="A161375" i="1" s="1"/>
  <c r="A161376" i="1" s="1"/>
  <c r="A161377" i="1" s="1"/>
  <c r="A161378" i="1" s="1"/>
  <c r="A161379" i="1" s="1"/>
  <c r="A161380" i="1" s="1"/>
  <c r="A161381" i="1" s="1"/>
  <c r="A161382" i="1" s="1"/>
  <c r="A161383" i="1" s="1"/>
  <c r="A161384" i="1" s="1"/>
  <c r="A161385" i="1" s="1"/>
  <c r="A161386" i="1" s="1"/>
  <c r="A161387" i="1" s="1"/>
  <c r="A161388" i="1" s="1"/>
  <c r="A161389" i="1" s="1"/>
  <c r="A161390" i="1" s="1"/>
  <c r="A161391" i="1" s="1"/>
  <c r="A161392" i="1" s="1"/>
  <c r="A161393" i="1" s="1"/>
  <c r="A161394" i="1" s="1"/>
  <c r="A161395" i="1" s="1"/>
  <c r="A161396" i="1" s="1"/>
  <c r="A161397" i="1" s="1"/>
  <c r="A161398" i="1" s="1"/>
  <c r="A161399" i="1" s="1"/>
  <c r="A161400" i="1" s="1"/>
  <c r="A161401" i="1" s="1"/>
  <c r="A161402" i="1" s="1"/>
  <c r="A161403" i="1" s="1"/>
  <c r="A161404" i="1" s="1"/>
  <c r="A161405" i="1" s="1"/>
  <c r="A161406" i="1" s="1"/>
  <c r="A161407" i="1" s="1"/>
  <c r="A161408" i="1" s="1"/>
  <c r="A161409" i="1" s="1"/>
  <c r="A161410" i="1" s="1"/>
  <c r="A161411" i="1" s="1"/>
  <c r="A161412" i="1" s="1"/>
  <c r="A161413" i="1" s="1"/>
  <c r="A161414" i="1" s="1"/>
  <c r="A161415" i="1" s="1"/>
  <c r="A161416" i="1" s="1"/>
  <c r="A161417" i="1" s="1"/>
  <c r="A161418" i="1" s="1"/>
  <c r="A161419" i="1" s="1"/>
  <c r="A161420" i="1" s="1"/>
  <c r="A161421" i="1" s="1"/>
  <c r="A161422" i="1" s="1"/>
  <c r="A161423" i="1" s="1"/>
  <c r="A161424" i="1" s="1"/>
  <c r="A161425" i="1" s="1"/>
  <c r="A161426" i="1" s="1"/>
  <c r="A161427" i="1" s="1"/>
  <c r="A161428" i="1" s="1"/>
  <c r="A161429" i="1" s="1"/>
  <c r="A161430" i="1" s="1"/>
  <c r="A161431" i="1" s="1"/>
  <c r="A161432" i="1" s="1"/>
  <c r="A161433" i="1" s="1"/>
  <c r="A161434" i="1" s="1"/>
  <c r="A161435" i="1" s="1"/>
  <c r="A161436" i="1" s="1"/>
  <c r="A161437" i="1" s="1"/>
  <c r="A161438" i="1" s="1"/>
  <c r="A161439" i="1" s="1"/>
  <c r="A161440" i="1" s="1"/>
  <c r="A161441" i="1" s="1"/>
  <c r="A161442" i="1" s="1"/>
  <c r="A161443" i="1" s="1"/>
  <c r="A161444" i="1" s="1"/>
  <c r="A161445" i="1" s="1"/>
  <c r="A161446" i="1" s="1"/>
  <c r="A161447" i="1" s="1"/>
  <c r="A161448" i="1" s="1"/>
  <c r="A161449" i="1" s="1"/>
  <c r="A161450" i="1" s="1"/>
  <c r="A161451" i="1" s="1"/>
  <c r="A161452" i="1" s="1"/>
  <c r="A161453" i="1" s="1"/>
  <c r="A161454" i="1" s="1"/>
  <c r="A161455" i="1" s="1"/>
  <c r="A161456" i="1" s="1"/>
  <c r="A161457" i="1" s="1"/>
  <c r="A161458" i="1" s="1"/>
  <c r="A161459" i="1" s="1"/>
  <c r="A161460" i="1" s="1"/>
  <c r="A161461" i="1" s="1"/>
  <c r="A161462" i="1" s="1"/>
  <c r="A161463" i="1" s="1"/>
  <c r="A161464" i="1" s="1"/>
  <c r="A161465" i="1" s="1"/>
  <c r="A161466" i="1" s="1"/>
  <c r="A161467" i="1" s="1"/>
  <c r="A161468" i="1" s="1"/>
  <c r="A161469" i="1" s="1"/>
  <c r="A161470" i="1" s="1"/>
  <c r="A161471" i="1" s="1"/>
  <c r="A161472" i="1" s="1"/>
  <c r="A161473" i="1" s="1"/>
  <c r="A161474" i="1" s="1"/>
  <c r="A161475" i="1" s="1"/>
  <c r="A161476" i="1" s="1"/>
  <c r="A161477" i="1" s="1"/>
  <c r="A161478" i="1" s="1"/>
  <c r="A161479" i="1" s="1"/>
  <c r="A161480" i="1" s="1"/>
  <c r="A161481" i="1" s="1"/>
  <c r="A161482" i="1" s="1"/>
  <c r="A161483" i="1" s="1"/>
  <c r="A161484" i="1" s="1"/>
  <c r="A161485" i="1" s="1"/>
  <c r="A161486" i="1" s="1"/>
  <c r="A161487" i="1" s="1"/>
  <c r="A161488" i="1" s="1"/>
  <c r="A161489" i="1" s="1"/>
  <c r="A161490" i="1" s="1"/>
  <c r="A161491" i="1" s="1"/>
  <c r="A161492" i="1" s="1"/>
  <c r="A161493" i="1" s="1"/>
  <c r="A161494" i="1" s="1"/>
  <c r="A161495" i="1" s="1"/>
  <c r="A161496" i="1" s="1"/>
  <c r="A161497" i="1" s="1"/>
  <c r="A161498" i="1" s="1"/>
  <c r="A161499" i="1" s="1"/>
  <c r="A161500" i="1" s="1"/>
  <c r="A161501" i="1" s="1"/>
  <c r="A161502" i="1" s="1"/>
  <c r="A161503" i="1" s="1"/>
  <c r="A161504" i="1" s="1"/>
  <c r="A161505" i="1" s="1"/>
  <c r="A161506" i="1" s="1"/>
  <c r="A161507" i="1" s="1"/>
  <c r="A161508" i="1" s="1"/>
  <c r="A161509" i="1" s="1"/>
  <c r="A161510" i="1" s="1"/>
  <c r="A161511" i="1" s="1"/>
  <c r="A161512" i="1" s="1"/>
  <c r="A161513" i="1" s="1"/>
  <c r="A161514" i="1" s="1"/>
  <c r="A161515" i="1" s="1"/>
  <c r="A161516" i="1" s="1"/>
  <c r="A161517" i="1" s="1"/>
  <c r="A161518" i="1" s="1"/>
  <c r="A161519" i="1" s="1"/>
  <c r="A161520" i="1" s="1"/>
  <c r="A161521" i="1" s="1"/>
  <c r="A161522" i="1" s="1"/>
  <c r="A161523" i="1" s="1"/>
  <c r="A161524" i="1" s="1"/>
  <c r="A161525" i="1" s="1"/>
  <c r="A161526" i="1" s="1"/>
  <c r="A161527" i="1" s="1"/>
  <c r="A161528" i="1" s="1"/>
  <c r="A161529" i="1" s="1"/>
  <c r="A161530" i="1" s="1"/>
  <c r="A161531" i="1" s="1"/>
  <c r="A161532" i="1" s="1"/>
  <c r="A161533" i="1" s="1"/>
  <c r="A161534" i="1" s="1"/>
  <c r="A161535" i="1" s="1"/>
  <c r="A161536" i="1" s="1"/>
  <c r="A161537" i="1" s="1"/>
  <c r="A161538" i="1" s="1"/>
  <c r="A161539" i="1" s="1"/>
  <c r="A161540" i="1" s="1"/>
  <c r="A161541" i="1" s="1"/>
  <c r="A161542" i="1" s="1"/>
  <c r="A161543" i="1" s="1"/>
  <c r="A161544" i="1" s="1"/>
  <c r="A161545" i="1" s="1"/>
  <c r="A161546" i="1" s="1"/>
  <c r="A161547" i="1" s="1"/>
  <c r="A161548" i="1" s="1"/>
  <c r="A161549" i="1" s="1"/>
  <c r="A161550" i="1" s="1"/>
  <c r="A161551" i="1" s="1"/>
  <c r="A161552" i="1" s="1"/>
  <c r="A161553" i="1" s="1"/>
  <c r="A161554" i="1" s="1"/>
  <c r="A161555" i="1" s="1"/>
  <c r="A161556" i="1" s="1"/>
  <c r="A161557" i="1" s="1"/>
  <c r="A161558" i="1" s="1"/>
  <c r="A161559" i="1" s="1"/>
  <c r="A161560" i="1" s="1"/>
  <c r="A161561" i="1" s="1"/>
  <c r="A161562" i="1" s="1"/>
  <c r="A161563" i="1" s="1"/>
  <c r="A161564" i="1" s="1"/>
  <c r="A161565" i="1" s="1"/>
  <c r="A161566" i="1" s="1"/>
  <c r="A161567" i="1" s="1"/>
  <c r="A161568" i="1" s="1"/>
  <c r="A161569" i="1" s="1"/>
  <c r="A161570" i="1" s="1"/>
  <c r="A161571" i="1" s="1"/>
  <c r="A161572" i="1" s="1"/>
  <c r="A161573" i="1" s="1"/>
  <c r="A161574" i="1" s="1"/>
  <c r="A161575" i="1" s="1"/>
  <c r="A161576" i="1" s="1"/>
  <c r="A161577" i="1" s="1"/>
  <c r="A161578" i="1" s="1"/>
  <c r="A161579" i="1" s="1"/>
  <c r="A161580" i="1" s="1"/>
  <c r="A161581" i="1" s="1"/>
  <c r="A161582" i="1" s="1"/>
  <c r="A161583" i="1" s="1"/>
  <c r="A161584" i="1" s="1"/>
  <c r="A161585" i="1" s="1"/>
  <c r="A161586" i="1" s="1"/>
  <c r="A161587" i="1" s="1"/>
  <c r="A161588" i="1" s="1"/>
  <c r="A161589" i="1" s="1"/>
  <c r="A161590" i="1" s="1"/>
  <c r="A161591" i="1" s="1"/>
  <c r="A161592" i="1" s="1"/>
  <c r="A161593" i="1" s="1"/>
  <c r="A161594" i="1" s="1"/>
  <c r="A161595" i="1" s="1"/>
  <c r="A161596" i="1" s="1"/>
  <c r="A161597" i="1" s="1"/>
  <c r="A161598" i="1" s="1"/>
  <c r="A161599" i="1" s="1"/>
  <c r="A161600" i="1" s="1"/>
  <c r="A161601" i="1" s="1"/>
  <c r="A161602" i="1" s="1"/>
  <c r="A161603" i="1" s="1"/>
  <c r="A161604" i="1" s="1"/>
  <c r="A161605" i="1" s="1"/>
  <c r="A161606" i="1" s="1"/>
  <c r="A161607" i="1" s="1"/>
  <c r="A161608" i="1" s="1"/>
  <c r="A161609" i="1" s="1"/>
  <c r="A161610" i="1" s="1"/>
  <c r="A161611" i="1" s="1"/>
  <c r="A161612" i="1" s="1"/>
  <c r="A161613" i="1" s="1"/>
  <c r="A161614" i="1" s="1"/>
  <c r="A161615" i="1" s="1"/>
  <c r="A161616" i="1" s="1"/>
  <c r="A161617" i="1" s="1"/>
  <c r="A161618" i="1" s="1"/>
  <c r="A161619" i="1" s="1"/>
  <c r="A161620" i="1" s="1"/>
  <c r="A161621" i="1" s="1"/>
  <c r="A161622" i="1" s="1"/>
  <c r="A161623" i="1" s="1"/>
  <c r="A161624" i="1" s="1"/>
  <c r="A161625" i="1" s="1"/>
  <c r="A161626" i="1" s="1"/>
  <c r="A161627" i="1" s="1"/>
  <c r="A161628" i="1" s="1"/>
  <c r="A161629" i="1" s="1"/>
  <c r="A161630" i="1" s="1"/>
  <c r="A161631" i="1" s="1"/>
  <c r="A161632" i="1" s="1"/>
  <c r="A161633" i="1" s="1"/>
  <c r="A161634" i="1" s="1"/>
  <c r="A161635" i="1" s="1"/>
  <c r="A161636" i="1" s="1"/>
  <c r="A161637" i="1" s="1"/>
  <c r="A161638" i="1" s="1"/>
  <c r="A161639" i="1" s="1"/>
  <c r="A161640" i="1" s="1"/>
  <c r="A161641" i="1" s="1"/>
  <c r="A161642" i="1" s="1"/>
  <c r="A161643" i="1" s="1"/>
  <c r="A161644" i="1" s="1"/>
  <c r="A161645" i="1" s="1"/>
  <c r="A161646" i="1" s="1"/>
  <c r="A161647" i="1" s="1"/>
  <c r="A161648" i="1" s="1"/>
  <c r="A161649" i="1" s="1"/>
  <c r="A161650" i="1" s="1"/>
  <c r="A161651" i="1" s="1"/>
  <c r="A161652" i="1" s="1"/>
  <c r="A161653" i="1" s="1"/>
  <c r="A161654" i="1" s="1"/>
  <c r="A161655" i="1" s="1"/>
  <c r="A161656" i="1" s="1"/>
  <c r="A161657" i="1" s="1"/>
  <c r="A161658" i="1" s="1"/>
  <c r="A161659" i="1" s="1"/>
  <c r="A161660" i="1" s="1"/>
  <c r="A161661" i="1" s="1"/>
  <c r="A161662" i="1" s="1"/>
  <c r="A161663" i="1" s="1"/>
  <c r="A161664" i="1" s="1"/>
  <c r="A161665" i="1" s="1"/>
  <c r="A161666" i="1" s="1"/>
  <c r="A161667" i="1" s="1"/>
  <c r="A161668" i="1" s="1"/>
  <c r="A161669" i="1" s="1"/>
  <c r="A161670" i="1" s="1"/>
  <c r="A161671" i="1" s="1"/>
  <c r="A161672" i="1" s="1"/>
  <c r="A161673" i="1" s="1"/>
  <c r="A161674" i="1" s="1"/>
  <c r="A161675" i="1" s="1"/>
  <c r="A161676" i="1" s="1"/>
  <c r="A161677" i="1" s="1"/>
  <c r="A161678" i="1" s="1"/>
  <c r="A161679" i="1" s="1"/>
  <c r="A161680" i="1" s="1"/>
  <c r="A161681" i="1" s="1"/>
  <c r="A161682" i="1" s="1"/>
  <c r="A161683" i="1" s="1"/>
  <c r="A161684" i="1" s="1"/>
  <c r="A161685" i="1" s="1"/>
  <c r="A161686" i="1" s="1"/>
  <c r="A161687" i="1" s="1"/>
  <c r="A161688" i="1" s="1"/>
  <c r="A161689" i="1" s="1"/>
  <c r="A161690" i="1" s="1"/>
  <c r="A161691" i="1" s="1"/>
  <c r="A161692" i="1" s="1"/>
  <c r="A161693" i="1" s="1"/>
  <c r="A161694" i="1" s="1"/>
  <c r="A161695" i="1" s="1"/>
  <c r="A161696" i="1" s="1"/>
  <c r="A161697" i="1" s="1"/>
  <c r="A161698" i="1" s="1"/>
  <c r="A161699" i="1" s="1"/>
  <c r="A161700" i="1" s="1"/>
  <c r="A161701" i="1" s="1"/>
  <c r="A161702" i="1" s="1"/>
  <c r="A161703" i="1" s="1"/>
  <c r="A161704" i="1" s="1"/>
  <c r="A161705" i="1" s="1"/>
  <c r="A161706" i="1" s="1"/>
  <c r="A161707" i="1" s="1"/>
  <c r="A161708" i="1" s="1"/>
  <c r="A161709" i="1" s="1"/>
  <c r="A161710" i="1" s="1"/>
  <c r="A161711" i="1" s="1"/>
  <c r="A161712" i="1" s="1"/>
  <c r="A161713" i="1" s="1"/>
  <c r="A161714" i="1" s="1"/>
  <c r="A161715" i="1" s="1"/>
  <c r="A161716" i="1" s="1"/>
  <c r="A161717" i="1" s="1"/>
  <c r="A161718" i="1" s="1"/>
  <c r="A161719" i="1" s="1"/>
  <c r="A161720" i="1" s="1"/>
  <c r="A161721" i="1" s="1"/>
  <c r="A161722" i="1" s="1"/>
  <c r="A161723" i="1" s="1"/>
  <c r="A161724" i="1" s="1"/>
  <c r="A161725" i="1" s="1"/>
  <c r="A161726" i="1" s="1"/>
  <c r="A161727" i="1" s="1"/>
  <c r="A161728" i="1" s="1"/>
  <c r="A161729" i="1" s="1"/>
  <c r="A161730" i="1" s="1"/>
  <c r="A161731" i="1" s="1"/>
  <c r="A161732" i="1" s="1"/>
  <c r="A161733" i="1" s="1"/>
  <c r="A161734" i="1" s="1"/>
  <c r="A161735" i="1" s="1"/>
  <c r="A161736" i="1" s="1"/>
  <c r="A161737" i="1" s="1"/>
  <c r="A161738" i="1" s="1"/>
  <c r="A161739" i="1" s="1"/>
  <c r="A161740" i="1" s="1"/>
  <c r="A161741" i="1" s="1"/>
  <c r="A161742" i="1" s="1"/>
  <c r="A161743" i="1" s="1"/>
  <c r="A161744" i="1" s="1"/>
  <c r="A161745" i="1" s="1"/>
  <c r="A161746" i="1" s="1"/>
  <c r="A161747" i="1" s="1"/>
  <c r="A161748" i="1" s="1"/>
  <c r="A161749" i="1" s="1"/>
  <c r="A161750" i="1" s="1"/>
  <c r="A161751" i="1" s="1"/>
  <c r="A161752" i="1" s="1"/>
  <c r="A161753" i="1" s="1"/>
  <c r="A161754" i="1" s="1"/>
  <c r="A161755" i="1" s="1"/>
  <c r="A161756" i="1" s="1"/>
  <c r="A161757" i="1" s="1"/>
  <c r="A161758" i="1" s="1"/>
  <c r="A161759" i="1" s="1"/>
  <c r="A161760" i="1" s="1"/>
  <c r="A161761" i="1" s="1"/>
  <c r="A161762" i="1" s="1"/>
  <c r="A161763" i="1" s="1"/>
  <c r="A161764" i="1" s="1"/>
  <c r="A161765" i="1" s="1"/>
  <c r="A161766" i="1" s="1"/>
  <c r="A161767" i="1" s="1"/>
  <c r="A161768" i="1" s="1"/>
  <c r="A161769" i="1" s="1"/>
  <c r="A161770" i="1" s="1"/>
  <c r="A161771" i="1" s="1"/>
  <c r="A161772" i="1" s="1"/>
  <c r="A161773" i="1" s="1"/>
  <c r="A161774" i="1" s="1"/>
  <c r="A161775" i="1" s="1"/>
  <c r="A161776" i="1" s="1"/>
  <c r="A161777" i="1" s="1"/>
  <c r="A161778" i="1" s="1"/>
  <c r="A161779" i="1" s="1"/>
  <c r="A161780" i="1" s="1"/>
  <c r="A161781" i="1" s="1"/>
  <c r="A161782" i="1" s="1"/>
  <c r="A161783" i="1" s="1"/>
  <c r="A161784" i="1" s="1"/>
  <c r="A161785" i="1" s="1"/>
  <c r="A161786" i="1" s="1"/>
  <c r="A161787" i="1" s="1"/>
  <c r="A161788" i="1" s="1"/>
  <c r="A161789" i="1" s="1"/>
  <c r="A161790" i="1" s="1"/>
  <c r="A161791" i="1" s="1"/>
  <c r="A161792" i="1" s="1"/>
  <c r="A161793" i="1" s="1"/>
  <c r="A161794" i="1" s="1"/>
  <c r="A161795" i="1" s="1"/>
  <c r="A161796" i="1" s="1"/>
  <c r="A161797" i="1" s="1"/>
  <c r="A161798" i="1" s="1"/>
  <c r="A161799" i="1" s="1"/>
  <c r="A161800" i="1" s="1"/>
  <c r="A161801" i="1" s="1"/>
  <c r="A161802" i="1" s="1"/>
  <c r="A161803" i="1" s="1"/>
  <c r="A161804" i="1" s="1"/>
  <c r="A161805" i="1" s="1"/>
  <c r="A161806" i="1" s="1"/>
  <c r="A161807" i="1" s="1"/>
  <c r="A161808" i="1" s="1"/>
  <c r="A161809" i="1" s="1"/>
  <c r="A161810" i="1" s="1"/>
  <c r="A161811" i="1" s="1"/>
  <c r="A161812" i="1" s="1"/>
  <c r="A161813" i="1" s="1"/>
  <c r="A161814" i="1" s="1"/>
  <c r="A161815" i="1" s="1"/>
  <c r="A161816" i="1" s="1"/>
  <c r="A161817" i="1" s="1"/>
  <c r="A161818" i="1" s="1"/>
  <c r="A161819" i="1" s="1"/>
  <c r="A161820" i="1" s="1"/>
  <c r="A161821" i="1" s="1"/>
  <c r="A161822" i="1" s="1"/>
  <c r="A161823" i="1" s="1"/>
  <c r="A161824" i="1" s="1"/>
  <c r="A161825" i="1" s="1"/>
  <c r="A161826" i="1" s="1"/>
  <c r="A161827" i="1" s="1"/>
  <c r="A161828" i="1" s="1"/>
  <c r="A161829" i="1" s="1"/>
  <c r="A161830" i="1" s="1"/>
  <c r="A161831" i="1" s="1"/>
  <c r="A161832" i="1" s="1"/>
  <c r="A161833" i="1" s="1"/>
  <c r="A161834" i="1" s="1"/>
  <c r="A161835" i="1" s="1"/>
  <c r="A161836" i="1" s="1"/>
  <c r="A161837" i="1" s="1"/>
  <c r="A161838" i="1" s="1"/>
  <c r="A161839" i="1" s="1"/>
  <c r="A161840" i="1" s="1"/>
  <c r="A161841" i="1" s="1"/>
  <c r="A161842" i="1" s="1"/>
  <c r="A161843" i="1" s="1"/>
  <c r="A161844" i="1" s="1"/>
  <c r="A161845" i="1" s="1"/>
  <c r="A161846" i="1" s="1"/>
  <c r="A161847" i="1" s="1"/>
  <c r="A161848" i="1" s="1"/>
  <c r="A161849" i="1" s="1"/>
  <c r="A161850" i="1" s="1"/>
  <c r="A161851" i="1" s="1"/>
  <c r="A161852" i="1" s="1"/>
  <c r="A161853" i="1" s="1"/>
  <c r="A161854" i="1" s="1"/>
  <c r="A161855" i="1" s="1"/>
  <c r="A161856" i="1" s="1"/>
  <c r="A161857" i="1" s="1"/>
  <c r="A161858" i="1" s="1"/>
  <c r="A161859" i="1" s="1"/>
  <c r="A161860" i="1" s="1"/>
  <c r="A161861" i="1" s="1"/>
  <c r="A161862" i="1" s="1"/>
  <c r="A161863" i="1" s="1"/>
  <c r="A161864" i="1" s="1"/>
  <c r="A161865" i="1" s="1"/>
  <c r="A161866" i="1" s="1"/>
  <c r="A161867" i="1" s="1"/>
  <c r="A161868" i="1" s="1"/>
  <c r="A161869" i="1" s="1"/>
  <c r="A161870" i="1" s="1"/>
  <c r="A161871" i="1" s="1"/>
  <c r="A161872" i="1" s="1"/>
  <c r="A161873" i="1" s="1"/>
  <c r="A161874" i="1" s="1"/>
  <c r="A161875" i="1" s="1"/>
  <c r="A161876" i="1" s="1"/>
  <c r="A161877" i="1" s="1"/>
  <c r="A161878" i="1" s="1"/>
  <c r="A161879" i="1" s="1"/>
  <c r="A161880" i="1" s="1"/>
  <c r="A161881" i="1" s="1"/>
  <c r="A161882" i="1" s="1"/>
  <c r="A161883" i="1" s="1"/>
  <c r="A161884" i="1" s="1"/>
  <c r="A161885" i="1" s="1"/>
  <c r="A161886" i="1" s="1"/>
  <c r="A161887" i="1" s="1"/>
  <c r="A161888" i="1" s="1"/>
  <c r="A161889" i="1" s="1"/>
  <c r="A161890" i="1" s="1"/>
  <c r="A161891" i="1" s="1"/>
  <c r="A161892" i="1" s="1"/>
  <c r="A161893" i="1" s="1"/>
  <c r="A161894" i="1" s="1"/>
  <c r="A161895" i="1" s="1"/>
  <c r="A161896" i="1" s="1"/>
  <c r="A161897" i="1" s="1"/>
  <c r="A161898" i="1" s="1"/>
  <c r="A161899" i="1" s="1"/>
  <c r="A161900" i="1" s="1"/>
  <c r="A161901" i="1" s="1"/>
  <c r="A161902" i="1" s="1"/>
  <c r="A161903" i="1" s="1"/>
  <c r="A161904" i="1" s="1"/>
  <c r="A161905" i="1" s="1"/>
  <c r="A161906" i="1" s="1"/>
  <c r="A161907" i="1" s="1"/>
  <c r="A161908" i="1" s="1"/>
  <c r="A161909" i="1" s="1"/>
  <c r="A161910" i="1" s="1"/>
  <c r="A161911" i="1" s="1"/>
  <c r="A161912" i="1" s="1"/>
  <c r="A161913" i="1" s="1"/>
  <c r="A161914" i="1" s="1"/>
  <c r="A161915" i="1" s="1"/>
  <c r="A161916" i="1" s="1"/>
  <c r="A161917" i="1" s="1"/>
  <c r="A161918" i="1" s="1"/>
  <c r="A161919" i="1" s="1"/>
  <c r="A161920" i="1" s="1"/>
  <c r="A161921" i="1" s="1"/>
  <c r="A161922" i="1" s="1"/>
  <c r="A161923" i="1" s="1"/>
  <c r="A161924" i="1" s="1"/>
  <c r="A161925" i="1" s="1"/>
  <c r="A161926" i="1" s="1"/>
  <c r="A161927" i="1" s="1"/>
  <c r="A161928" i="1" s="1"/>
  <c r="A161929" i="1" s="1"/>
  <c r="A161930" i="1" s="1"/>
  <c r="A161931" i="1" s="1"/>
  <c r="A161932" i="1" s="1"/>
  <c r="A161933" i="1" s="1"/>
  <c r="A161934" i="1" s="1"/>
  <c r="A161935" i="1" s="1"/>
  <c r="A161936" i="1" s="1"/>
  <c r="A161937" i="1" s="1"/>
  <c r="A161938" i="1" s="1"/>
  <c r="A161939" i="1" s="1"/>
  <c r="A161940" i="1" s="1"/>
  <c r="A161941" i="1" s="1"/>
  <c r="A161942" i="1" s="1"/>
  <c r="A161943" i="1" s="1"/>
  <c r="A161944" i="1" s="1"/>
  <c r="A161945" i="1" s="1"/>
  <c r="A161946" i="1" s="1"/>
  <c r="A161947" i="1" s="1"/>
  <c r="A161948" i="1" s="1"/>
  <c r="A161949" i="1" s="1"/>
  <c r="A161950" i="1" s="1"/>
  <c r="A161951" i="1" s="1"/>
  <c r="A161952" i="1" s="1"/>
  <c r="A161953" i="1" s="1"/>
  <c r="A161954" i="1" s="1"/>
  <c r="A161955" i="1" s="1"/>
  <c r="A161956" i="1" s="1"/>
  <c r="A161957" i="1" s="1"/>
  <c r="A161958" i="1" s="1"/>
  <c r="A161959" i="1" s="1"/>
  <c r="A161960" i="1" s="1"/>
  <c r="A161961" i="1" s="1"/>
  <c r="A161962" i="1" s="1"/>
  <c r="A161963" i="1" s="1"/>
  <c r="A161964" i="1" s="1"/>
  <c r="A161965" i="1" s="1"/>
  <c r="A161966" i="1" s="1"/>
  <c r="A161967" i="1" s="1"/>
  <c r="A161968" i="1" s="1"/>
  <c r="A161969" i="1" s="1"/>
  <c r="A161970" i="1" s="1"/>
  <c r="A161971" i="1" s="1"/>
  <c r="A161972" i="1" s="1"/>
  <c r="A161973" i="1" s="1"/>
  <c r="A161974" i="1" s="1"/>
  <c r="A161975" i="1" s="1"/>
  <c r="A161976" i="1" s="1"/>
  <c r="A161977" i="1" s="1"/>
  <c r="A161978" i="1" s="1"/>
  <c r="A161979" i="1" s="1"/>
  <c r="A161980" i="1" s="1"/>
  <c r="A161981" i="1" s="1"/>
  <c r="A161982" i="1" s="1"/>
  <c r="A161983" i="1" s="1"/>
  <c r="A161984" i="1" s="1"/>
  <c r="A161985" i="1" s="1"/>
  <c r="A161986" i="1" s="1"/>
  <c r="A161987" i="1" s="1"/>
  <c r="A161988" i="1" s="1"/>
  <c r="A161989" i="1" s="1"/>
  <c r="A161990" i="1" s="1"/>
  <c r="A161991" i="1" s="1"/>
  <c r="A161992" i="1" s="1"/>
  <c r="A161993" i="1" s="1"/>
  <c r="A161994" i="1" s="1"/>
  <c r="A161995" i="1" s="1"/>
  <c r="A161996" i="1" s="1"/>
  <c r="A161997" i="1" s="1"/>
  <c r="A161998" i="1" s="1"/>
  <c r="A161999" i="1" s="1"/>
  <c r="A162000" i="1" s="1"/>
  <c r="A162001" i="1" s="1"/>
  <c r="A162002" i="1" s="1"/>
  <c r="A162003" i="1" s="1"/>
  <c r="A162004" i="1" s="1"/>
  <c r="A162005" i="1" s="1"/>
  <c r="A162006" i="1" s="1"/>
  <c r="A162007" i="1" s="1"/>
  <c r="A162008" i="1" s="1"/>
  <c r="A162009" i="1" s="1"/>
  <c r="A162010" i="1" s="1"/>
  <c r="A162011" i="1" s="1"/>
  <c r="A162012" i="1" s="1"/>
  <c r="A162013" i="1" s="1"/>
  <c r="A162014" i="1" s="1"/>
  <c r="A162015" i="1" s="1"/>
  <c r="A162016" i="1" s="1"/>
  <c r="A162017" i="1" s="1"/>
  <c r="A162018" i="1" s="1"/>
  <c r="A162019" i="1" s="1"/>
  <c r="A162020" i="1" s="1"/>
  <c r="A162021" i="1" s="1"/>
  <c r="A162022" i="1" s="1"/>
  <c r="A162023" i="1" s="1"/>
  <c r="A162024" i="1" s="1"/>
  <c r="A162025" i="1" s="1"/>
  <c r="A162026" i="1" s="1"/>
  <c r="A162027" i="1" s="1"/>
  <c r="A162028" i="1" s="1"/>
  <c r="A162029" i="1" s="1"/>
  <c r="A162030" i="1" s="1"/>
  <c r="A162031" i="1" s="1"/>
  <c r="A162032" i="1" s="1"/>
  <c r="A162033" i="1" s="1"/>
  <c r="A162034" i="1" s="1"/>
  <c r="A162035" i="1" s="1"/>
  <c r="A162036" i="1" s="1"/>
  <c r="A162037" i="1" s="1"/>
  <c r="A162038" i="1" s="1"/>
  <c r="A162039" i="1" s="1"/>
  <c r="A162040" i="1" s="1"/>
  <c r="A162041" i="1" s="1"/>
  <c r="A162042" i="1" s="1"/>
  <c r="A162043" i="1" s="1"/>
  <c r="A162044" i="1" s="1"/>
  <c r="A162045" i="1" s="1"/>
  <c r="A162046" i="1" s="1"/>
  <c r="A162047" i="1" s="1"/>
  <c r="A162048" i="1" s="1"/>
  <c r="A162049" i="1" s="1"/>
  <c r="A162050" i="1" s="1"/>
  <c r="A162051" i="1" s="1"/>
  <c r="A162052" i="1" s="1"/>
  <c r="A162053" i="1" s="1"/>
  <c r="A162054" i="1" s="1"/>
  <c r="A162055" i="1" s="1"/>
  <c r="A162056" i="1" s="1"/>
  <c r="A162057" i="1" s="1"/>
  <c r="A162058" i="1" s="1"/>
  <c r="A162059" i="1" s="1"/>
  <c r="A162060" i="1" s="1"/>
  <c r="A162061" i="1" s="1"/>
  <c r="A162062" i="1" s="1"/>
  <c r="A162063" i="1" s="1"/>
  <c r="A162064" i="1" s="1"/>
  <c r="A162065" i="1" s="1"/>
  <c r="A162066" i="1" s="1"/>
  <c r="A162067" i="1" s="1"/>
  <c r="A162068" i="1" s="1"/>
  <c r="A162069" i="1" s="1"/>
  <c r="A162070" i="1" s="1"/>
  <c r="A162071" i="1" s="1"/>
  <c r="A162072" i="1" s="1"/>
  <c r="A162073" i="1" s="1"/>
  <c r="A162074" i="1" s="1"/>
  <c r="A162075" i="1" s="1"/>
  <c r="A162076" i="1" s="1"/>
  <c r="A162077" i="1" s="1"/>
  <c r="A162078" i="1" s="1"/>
  <c r="A162079" i="1" s="1"/>
  <c r="A162080" i="1" s="1"/>
  <c r="A162081" i="1" s="1"/>
  <c r="A162082" i="1" s="1"/>
  <c r="A162083" i="1" s="1"/>
  <c r="A162084" i="1" s="1"/>
  <c r="A162085" i="1" s="1"/>
  <c r="A162086" i="1" s="1"/>
  <c r="A162087" i="1" s="1"/>
  <c r="A162088" i="1" s="1"/>
  <c r="A162089" i="1" s="1"/>
  <c r="A162090" i="1" s="1"/>
  <c r="A162091" i="1" s="1"/>
  <c r="A162092" i="1" s="1"/>
  <c r="A162093" i="1" s="1"/>
  <c r="A162094" i="1" s="1"/>
  <c r="A162095" i="1" s="1"/>
  <c r="A162096" i="1" s="1"/>
  <c r="A162097" i="1" s="1"/>
  <c r="A162098" i="1" s="1"/>
  <c r="A162099" i="1" s="1"/>
  <c r="A162100" i="1" s="1"/>
  <c r="A162101" i="1" s="1"/>
  <c r="A162102" i="1" s="1"/>
  <c r="A162103" i="1" s="1"/>
  <c r="A162104" i="1" s="1"/>
  <c r="A162105" i="1" s="1"/>
  <c r="A162106" i="1" s="1"/>
  <c r="A162107" i="1" s="1"/>
  <c r="A162108" i="1" s="1"/>
  <c r="A162109" i="1" s="1"/>
  <c r="A162110" i="1" s="1"/>
  <c r="A162111" i="1" s="1"/>
  <c r="A162112" i="1" s="1"/>
  <c r="A162113" i="1" s="1"/>
  <c r="A162114" i="1" s="1"/>
  <c r="A162115" i="1" s="1"/>
  <c r="A162116" i="1" s="1"/>
  <c r="A162117" i="1" s="1"/>
  <c r="A162118" i="1" s="1"/>
  <c r="A162119" i="1" s="1"/>
  <c r="A162120" i="1" s="1"/>
  <c r="A162121" i="1" s="1"/>
  <c r="A162122" i="1" s="1"/>
  <c r="A162123" i="1" s="1"/>
  <c r="A162124" i="1" s="1"/>
  <c r="A162125" i="1" s="1"/>
  <c r="A162126" i="1" s="1"/>
  <c r="A162127" i="1" s="1"/>
  <c r="A162128" i="1" s="1"/>
  <c r="A162129" i="1" s="1"/>
  <c r="A162130" i="1" s="1"/>
  <c r="A162131" i="1" s="1"/>
  <c r="A162132" i="1" s="1"/>
  <c r="A162133" i="1" s="1"/>
  <c r="A162134" i="1" s="1"/>
  <c r="A162135" i="1" s="1"/>
  <c r="A162136" i="1" s="1"/>
  <c r="A162137" i="1" s="1"/>
  <c r="A162138" i="1" s="1"/>
  <c r="A162139" i="1" s="1"/>
  <c r="A162140" i="1" s="1"/>
  <c r="A162141" i="1" s="1"/>
  <c r="A162142" i="1" s="1"/>
  <c r="A162143" i="1" s="1"/>
  <c r="A162144" i="1" s="1"/>
  <c r="A162145" i="1" s="1"/>
  <c r="A162146" i="1" s="1"/>
  <c r="A162147" i="1" s="1"/>
  <c r="A162148" i="1" s="1"/>
  <c r="A162149" i="1" s="1"/>
  <c r="A162150" i="1" s="1"/>
  <c r="A162151" i="1" s="1"/>
  <c r="A162152" i="1" s="1"/>
  <c r="A162153" i="1" s="1"/>
  <c r="A162154" i="1" s="1"/>
  <c r="A162155" i="1" s="1"/>
  <c r="A162156" i="1" s="1"/>
  <c r="A162157" i="1" s="1"/>
  <c r="A162158" i="1" s="1"/>
  <c r="A162159" i="1" s="1"/>
  <c r="A162160" i="1" s="1"/>
  <c r="A162161" i="1" s="1"/>
  <c r="A162162" i="1" s="1"/>
  <c r="A162163" i="1" s="1"/>
  <c r="A162164" i="1" s="1"/>
  <c r="A162165" i="1" s="1"/>
  <c r="A162166" i="1" s="1"/>
  <c r="A162167" i="1" s="1"/>
  <c r="A162168" i="1" s="1"/>
  <c r="A162169" i="1" s="1"/>
  <c r="A162170" i="1" s="1"/>
  <c r="A162171" i="1" s="1"/>
  <c r="A162172" i="1" s="1"/>
  <c r="A162173" i="1" s="1"/>
  <c r="A162174" i="1" s="1"/>
  <c r="A162175" i="1" s="1"/>
  <c r="A162176" i="1" s="1"/>
  <c r="A162177" i="1" s="1"/>
  <c r="A162178" i="1" s="1"/>
  <c r="A162179" i="1" s="1"/>
  <c r="A162180" i="1" s="1"/>
  <c r="A162181" i="1" s="1"/>
  <c r="A162182" i="1" s="1"/>
  <c r="A162183" i="1" s="1"/>
  <c r="A162184" i="1" s="1"/>
  <c r="A162185" i="1" s="1"/>
  <c r="A162186" i="1" s="1"/>
  <c r="A162187" i="1" s="1"/>
  <c r="A162188" i="1" s="1"/>
  <c r="A162189" i="1" s="1"/>
  <c r="A162190" i="1" s="1"/>
  <c r="A162191" i="1" s="1"/>
  <c r="A162192" i="1" s="1"/>
  <c r="A162193" i="1" s="1"/>
  <c r="A162194" i="1" s="1"/>
  <c r="A162195" i="1" s="1"/>
  <c r="A162196" i="1" s="1"/>
  <c r="A162197" i="1" s="1"/>
  <c r="A162198" i="1" s="1"/>
  <c r="A162199" i="1" s="1"/>
  <c r="A162200" i="1" s="1"/>
  <c r="A162201" i="1" s="1"/>
  <c r="A162202" i="1" s="1"/>
  <c r="A162203" i="1" s="1"/>
  <c r="A162204" i="1" s="1"/>
  <c r="A162205" i="1" s="1"/>
  <c r="A162206" i="1" s="1"/>
  <c r="A162207" i="1" s="1"/>
  <c r="A162208" i="1" s="1"/>
  <c r="A162209" i="1" s="1"/>
  <c r="A162210" i="1" s="1"/>
  <c r="A162211" i="1" s="1"/>
  <c r="A162212" i="1" s="1"/>
  <c r="A162213" i="1" s="1"/>
  <c r="A162214" i="1" s="1"/>
  <c r="A162215" i="1" s="1"/>
  <c r="A162216" i="1" s="1"/>
  <c r="A162217" i="1" s="1"/>
  <c r="A162218" i="1" s="1"/>
  <c r="A162219" i="1" s="1"/>
  <c r="A162220" i="1" s="1"/>
  <c r="A162221" i="1" s="1"/>
  <c r="A162222" i="1" s="1"/>
  <c r="A162223" i="1" s="1"/>
  <c r="A162224" i="1" s="1"/>
  <c r="A162225" i="1" s="1"/>
  <c r="A162226" i="1" s="1"/>
  <c r="A162227" i="1" s="1"/>
  <c r="A162228" i="1" s="1"/>
  <c r="A162229" i="1" s="1"/>
  <c r="A162230" i="1" s="1"/>
  <c r="A162231" i="1" s="1"/>
  <c r="A162232" i="1" s="1"/>
  <c r="A162233" i="1" s="1"/>
  <c r="A162234" i="1" s="1"/>
  <c r="A162235" i="1" s="1"/>
  <c r="A162236" i="1" s="1"/>
  <c r="A162237" i="1" s="1"/>
  <c r="A162238" i="1" s="1"/>
  <c r="A162239" i="1" s="1"/>
  <c r="A162240" i="1" s="1"/>
  <c r="A162241" i="1" s="1"/>
  <c r="A162242" i="1" s="1"/>
  <c r="A162243" i="1" s="1"/>
  <c r="A162244" i="1" s="1"/>
  <c r="A162245" i="1" s="1"/>
  <c r="A162246" i="1" s="1"/>
  <c r="A162247" i="1" s="1"/>
  <c r="A162248" i="1" s="1"/>
  <c r="A162249" i="1" s="1"/>
  <c r="A162250" i="1" s="1"/>
  <c r="A162251" i="1" s="1"/>
  <c r="A162252" i="1" s="1"/>
  <c r="A162253" i="1" s="1"/>
  <c r="A162254" i="1" s="1"/>
  <c r="A162255" i="1" s="1"/>
  <c r="A162256" i="1" s="1"/>
  <c r="A162257" i="1" s="1"/>
  <c r="A162258" i="1" s="1"/>
  <c r="A162259" i="1" s="1"/>
  <c r="A162260" i="1" s="1"/>
  <c r="A162261" i="1" s="1"/>
  <c r="A162262" i="1" s="1"/>
  <c r="A162263" i="1" s="1"/>
  <c r="A162264" i="1" s="1"/>
  <c r="A162265" i="1" s="1"/>
  <c r="A162266" i="1" s="1"/>
  <c r="A162267" i="1" s="1"/>
  <c r="A162268" i="1" s="1"/>
  <c r="A162269" i="1" s="1"/>
  <c r="A162270" i="1" s="1"/>
  <c r="A162271" i="1" s="1"/>
  <c r="A162272" i="1" s="1"/>
  <c r="A162273" i="1" s="1"/>
  <c r="A162274" i="1" s="1"/>
  <c r="A162275" i="1" s="1"/>
  <c r="A162276" i="1" s="1"/>
  <c r="A162277" i="1" s="1"/>
  <c r="A162278" i="1" s="1"/>
  <c r="A162279" i="1" s="1"/>
  <c r="A162280" i="1" s="1"/>
  <c r="A162281" i="1" s="1"/>
  <c r="A162282" i="1" s="1"/>
  <c r="A162283" i="1" s="1"/>
  <c r="A162284" i="1" s="1"/>
  <c r="A162285" i="1" s="1"/>
  <c r="A162286" i="1" s="1"/>
  <c r="A162287" i="1" s="1"/>
  <c r="A162288" i="1" s="1"/>
  <c r="A162289" i="1" s="1"/>
  <c r="A162290" i="1" s="1"/>
  <c r="A162291" i="1" s="1"/>
  <c r="A162292" i="1" s="1"/>
  <c r="A162293" i="1" s="1"/>
  <c r="A162294" i="1" s="1"/>
  <c r="A162295" i="1" s="1"/>
  <c r="A162296" i="1" s="1"/>
  <c r="A162297" i="1" s="1"/>
  <c r="A162298" i="1" s="1"/>
  <c r="A162299" i="1" s="1"/>
  <c r="A162300" i="1" s="1"/>
  <c r="A162301" i="1" s="1"/>
  <c r="A162302" i="1" s="1"/>
  <c r="A162303" i="1" s="1"/>
  <c r="A162304" i="1" s="1"/>
  <c r="A162305" i="1" s="1"/>
  <c r="A162306" i="1" s="1"/>
  <c r="A162307" i="1" s="1"/>
  <c r="A162308" i="1" s="1"/>
  <c r="A162309" i="1" s="1"/>
  <c r="A162310" i="1" s="1"/>
  <c r="A162311" i="1" s="1"/>
  <c r="A162312" i="1" s="1"/>
  <c r="A162313" i="1" s="1"/>
  <c r="A162314" i="1" s="1"/>
  <c r="A162315" i="1" s="1"/>
  <c r="A162316" i="1" s="1"/>
  <c r="A162317" i="1" s="1"/>
  <c r="A162318" i="1" s="1"/>
  <c r="A162319" i="1" s="1"/>
  <c r="A162320" i="1" s="1"/>
  <c r="A162321" i="1" s="1"/>
  <c r="A162322" i="1" s="1"/>
  <c r="A162323" i="1" s="1"/>
  <c r="A162324" i="1" s="1"/>
  <c r="A162325" i="1" s="1"/>
  <c r="A162326" i="1" s="1"/>
  <c r="A162327" i="1" s="1"/>
  <c r="A162328" i="1" s="1"/>
  <c r="A162329" i="1" s="1"/>
  <c r="A162330" i="1" s="1"/>
  <c r="A162331" i="1" s="1"/>
  <c r="A162332" i="1" s="1"/>
  <c r="A162333" i="1" s="1"/>
  <c r="A162334" i="1" s="1"/>
  <c r="A162335" i="1" s="1"/>
  <c r="A162336" i="1" s="1"/>
  <c r="A162337" i="1" s="1"/>
  <c r="A162338" i="1" s="1"/>
  <c r="A162339" i="1" s="1"/>
  <c r="A162340" i="1" s="1"/>
  <c r="A162341" i="1" s="1"/>
  <c r="A162342" i="1" s="1"/>
  <c r="A162343" i="1" s="1"/>
  <c r="A162344" i="1" s="1"/>
  <c r="A162345" i="1" s="1"/>
  <c r="A162346" i="1" s="1"/>
  <c r="A162347" i="1" s="1"/>
  <c r="A162348" i="1" s="1"/>
  <c r="A162349" i="1" s="1"/>
  <c r="A162350" i="1" s="1"/>
  <c r="A162351" i="1" s="1"/>
  <c r="A162352" i="1" s="1"/>
  <c r="A162353" i="1" s="1"/>
  <c r="A162354" i="1" s="1"/>
  <c r="A162355" i="1" s="1"/>
  <c r="A162356" i="1" s="1"/>
  <c r="A162357" i="1" s="1"/>
  <c r="A162358" i="1" s="1"/>
  <c r="A162359" i="1" s="1"/>
  <c r="A162360" i="1" s="1"/>
  <c r="A162361" i="1" s="1"/>
  <c r="A162362" i="1" s="1"/>
  <c r="A162363" i="1" s="1"/>
  <c r="A162364" i="1" s="1"/>
  <c r="A162365" i="1" s="1"/>
  <c r="A162366" i="1" s="1"/>
  <c r="A162367" i="1" s="1"/>
  <c r="A162368" i="1" s="1"/>
  <c r="A162369" i="1" s="1"/>
  <c r="A162370" i="1" s="1"/>
  <c r="A162371" i="1" s="1"/>
  <c r="A162372" i="1" s="1"/>
  <c r="A162373" i="1" s="1"/>
  <c r="A162374" i="1" s="1"/>
  <c r="A162375" i="1" s="1"/>
  <c r="A162376" i="1" s="1"/>
  <c r="A162377" i="1" s="1"/>
  <c r="A162378" i="1" s="1"/>
  <c r="A162379" i="1" s="1"/>
  <c r="A162380" i="1" s="1"/>
  <c r="A162381" i="1" s="1"/>
  <c r="A162382" i="1" s="1"/>
  <c r="A162383" i="1" s="1"/>
  <c r="A162384" i="1" s="1"/>
  <c r="A162385" i="1" s="1"/>
  <c r="A162386" i="1" s="1"/>
  <c r="A162387" i="1" s="1"/>
  <c r="A162388" i="1" s="1"/>
  <c r="A162389" i="1" s="1"/>
  <c r="A162390" i="1" s="1"/>
  <c r="A162391" i="1" s="1"/>
  <c r="A162392" i="1" s="1"/>
  <c r="A162393" i="1" s="1"/>
  <c r="A162394" i="1" s="1"/>
  <c r="A162395" i="1" s="1"/>
  <c r="A162396" i="1" s="1"/>
  <c r="A162397" i="1" s="1"/>
  <c r="A162398" i="1" s="1"/>
  <c r="A162399" i="1" s="1"/>
  <c r="A162400" i="1" s="1"/>
  <c r="A162401" i="1" s="1"/>
  <c r="A162402" i="1" s="1"/>
  <c r="A162403" i="1" s="1"/>
  <c r="A162404" i="1" s="1"/>
  <c r="A162405" i="1" s="1"/>
  <c r="A162406" i="1" s="1"/>
  <c r="A162407" i="1" s="1"/>
  <c r="A162408" i="1" s="1"/>
  <c r="A162409" i="1" s="1"/>
  <c r="A162410" i="1" s="1"/>
  <c r="A162411" i="1" s="1"/>
  <c r="A162412" i="1" s="1"/>
  <c r="A162413" i="1" s="1"/>
  <c r="A162414" i="1" s="1"/>
  <c r="A162415" i="1" s="1"/>
  <c r="A162416" i="1" s="1"/>
  <c r="A162417" i="1" s="1"/>
  <c r="A162418" i="1" s="1"/>
  <c r="A162419" i="1" s="1"/>
  <c r="A162420" i="1" s="1"/>
  <c r="A162421" i="1" s="1"/>
  <c r="A162422" i="1" s="1"/>
  <c r="A162423" i="1" s="1"/>
  <c r="A162424" i="1" s="1"/>
  <c r="A162425" i="1" s="1"/>
  <c r="A162426" i="1" s="1"/>
  <c r="A162427" i="1" s="1"/>
  <c r="A162428" i="1" s="1"/>
  <c r="A162429" i="1" s="1"/>
  <c r="A162430" i="1" s="1"/>
  <c r="A162431" i="1" s="1"/>
  <c r="A162432" i="1" s="1"/>
  <c r="A162433" i="1" s="1"/>
  <c r="A162434" i="1" s="1"/>
  <c r="A162435" i="1" s="1"/>
  <c r="A162436" i="1" s="1"/>
  <c r="A162437" i="1" s="1"/>
  <c r="A162438" i="1" s="1"/>
  <c r="A162439" i="1" s="1"/>
  <c r="A162440" i="1" s="1"/>
  <c r="A162441" i="1" s="1"/>
  <c r="A162442" i="1" s="1"/>
  <c r="A162443" i="1" s="1"/>
  <c r="A162444" i="1" s="1"/>
  <c r="A162445" i="1" s="1"/>
  <c r="A162446" i="1" s="1"/>
  <c r="A162447" i="1" s="1"/>
  <c r="A162448" i="1" s="1"/>
  <c r="A162449" i="1" s="1"/>
  <c r="A162450" i="1" s="1"/>
  <c r="A162451" i="1" s="1"/>
  <c r="A162452" i="1" s="1"/>
  <c r="A162453" i="1" s="1"/>
  <c r="A162454" i="1" s="1"/>
  <c r="A162455" i="1" s="1"/>
  <c r="A162456" i="1" s="1"/>
  <c r="A162457" i="1" s="1"/>
  <c r="A162458" i="1" s="1"/>
  <c r="A162459" i="1" s="1"/>
  <c r="A162460" i="1" s="1"/>
  <c r="A162461" i="1" s="1"/>
  <c r="A162462" i="1" s="1"/>
  <c r="A162463" i="1" s="1"/>
  <c r="A162464" i="1" s="1"/>
  <c r="A162465" i="1" s="1"/>
  <c r="A162466" i="1" s="1"/>
  <c r="A162467" i="1" s="1"/>
  <c r="A162468" i="1" s="1"/>
  <c r="A162469" i="1" s="1"/>
  <c r="A162470" i="1" s="1"/>
  <c r="A162471" i="1" s="1"/>
  <c r="A162472" i="1" s="1"/>
  <c r="A162473" i="1" s="1"/>
  <c r="A162474" i="1" s="1"/>
  <c r="A162475" i="1" s="1"/>
  <c r="A162476" i="1" s="1"/>
  <c r="A162477" i="1" s="1"/>
  <c r="A162478" i="1" s="1"/>
  <c r="A162479" i="1" s="1"/>
  <c r="A162480" i="1" s="1"/>
  <c r="A162481" i="1" s="1"/>
  <c r="A162482" i="1" s="1"/>
  <c r="A162483" i="1" s="1"/>
  <c r="A162484" i="1" s="1"/>
  <c r="A162485" i="1" s="1"/>
  <c r="A162486" i="1" s="1"/>
  <c r="A162487" i="1" s="1"/>
  <c r="A162488" i="1" s="1"/>
  <c r="A162489" i="1" s="1"/>
  <c r="A162490" i="1" s="1"/>
  <c r="A162491" i="1" s="1"/>
  <c r="A162492" i="1" s="1"/>
  <c r="A162493" i="1" s="1"/>
  <c r="A162494" i="1" s="1"/>
  <c r="A162495" i="1" s="1"/>
  <c r="A162496" i="1" s="1"/>
  <c r="A162497" i="1" s="1"/>
  <c r="A162498" i="1" s="1"/>
  <c r="A162499" i="1" s="1"/>
  <c r="A162500" i="1" s="1"/>
  <c r="A162501" i="1" s="1"/>
  <c r="A162502" i="1" s="1"/>
  <c r="A162503" i="1" s="1"/>
  <c r="A162504" i="1" s="1"/>
  <c r="A162505" i="1" s="1"/>
  <c r="A162506" i="1" s="1"/>
  <c r="A162507" i="1" s="1"/>
  <c r="A162508" i="1" s="1"/>
  <c r="A162509" i="1" s="1"/>
  <c r="A162510" i="1" s="1"/>
  <c r="A162511" i="1" s="1"/>
  <c r="A162512" i="1" s="1"/>
  <c r="A162513" i="1" s="1"/>
  <c r="A162514" i="1" s="1"/>
  <c r="A162515" i="1" s="1"/>
  <c r="A162516" i="1" s="1"/>
  <c r="A162517" i="1" s="1"/>
  <c r="A162518" i="1" s="1"/>
  <c r="A162519" i="1" s="1"/>
  <c r="A162520" i="1" s="1"/>
  <c r="A162521" i="1" s="1"/>
  <c r="A162522" i="1" s="1"/>
  <c r="A162523" i="1" s="1"/>
  <c r="A162524" i="1" s="1"/>
  <c r="A162525" i="1" s="1"/>
  <c r="A162526" i="1" s="1"/>
  <c r="A162527" i="1" s="1"/>
  <c r="A162528" i="1" s="1"/>
  <c r="A162529" i="1" s="1"/>
  <c r="A162530" i="1" s="1"/>
  <c r="A162531" i="1" s="1"/>
  <c r="A162532" i="1" s="1"/>
  <c r="A162533" i="1" s="1"/>
  <c r="A162534" i="1" s="1"/>
  <c r="A162535" i="1" s="1"/>
  <c r="A162536" i="1" s="1"/>
  <c r="A162537" i="1" s="1"/>
  <c r="A162538" i="1" s="1"/>
  <c r="A162539" i="1" s="1"/>
  <c r="A162540" i="1" s="1"/>
  <c r="A162541" i="1" s="1"/>
  <c r="A162542" i="1" s="1"/>
  <c r="A162543" i="1" s="1"/>
  <c r="A162544" i="1" s="1"/>
  <c r="A162545" i="1" s="1"/>
  <c r="A162546" i="1" s="1"/>
  <c r="A162547" i="1" s="1"/>
  <c r="A162548" i="1" s="1"/>
  <c r="A162549" i="1" s="1"/>
  <c r="A162550" i="1" s="1"/>
  <c r="A162551" i="1" s="1"/>
  <c r="A162552" i="1" s="1"/>
  <c r="A162553" i="1" s="1"/>
  <c r="A162554" i="1" s="1"/>
  <c r="A162555" i="1" s="1"/>
  <c r="A162556" i="1" s="1"/>
  <c r="A162557" i="1" s="1"/>
  <c r="A162558" i="1" s="1"/>
  <c r="A162559" i="1" s="1"/>
  <c r="A162560" i="1" s="1"/>
  <c r="A162561" i="1" s="1"/>
  <c r="A162562" i="1" s="1"/>
  <c r="A162563" i="1" s="1"/>
  <c r="A162564" i="1" s="1"/>
  <c r="A162565" i="1" s="1"/>
  <c r="A162566" i="1" s="1"/>
  <c r="A162567" i="1" s="1"/>
  <c r="A162568" i="1" s="1"/>
  <c r="A162569" i="1" s="1"/>
  <c r="A162570" i="1" s="1"/>
  <c r="A162571" i="1" s="1"/>
  <c r="A162572" i="1" s="1"/>
  <c r="A162573" i="1" s="1"/>
  <c r="A162574" i="1" s="1"/>
  <c r="A162575" i="1" s="1"/>
  <c r="A162576" i="1" s="1"/>
  <c r="A162577" i="1" s="1"/>
  <c r="A162578" i="1" s="1"/>
  <c r="A162579" i="1" s="1"/>
  <c r="A162580" i="1" s="1"/>
  <c r="A162581" i="1" s="1"/>
  <c r="A162582" i="1" s="1"/>
  <c r="A162583" i="1" s="1"/>
  <c r="A162584" i="1" s="1"/>
  <c r="A162585" i="1" s="1"/>
  <c r="A162586" i="1" s="1"/>
  <c r="A162587" i="1" s="1"/>
  <c r="A162588" i="1" s="1"/>
  <c r="A162589" i="1" s="1"/>
  <c r="A162590" i="1" s="1"/>
  <c r="A162591" i="1" s="1"/>
  <c r="A162592" i="1" s="1"/>
  <c r="A162593" i="1" s="1"/>
  <c r="A162594" i="1" s="1"/>
  <c r="A162595" i="1" s="1"/>
  <c r="A162596" i="1" s="1"/>
  <c r="A162597" i="1" s="1"/>
  <c r="A162598" i="1" s="1"/>
  <c r="A162599" i="1" s="1"/>
  <c r="A162600" i="1" s="1"/>
  <c r="A162601" i="1" s="1"/>
  <c r="A162602" i="1" s="1"/>
  <c r="A162603" i="1" s="1"/>
  <c r="A162604" i="1" s="1"/>
  <c r="A162605" i="1" s="1"/>
  <c r="A162606" i="1" s="1"/>
  <c r="A162607" i="1" s="1"/>
  <c r="A162608" i="1" s="1"/>
  <c r="A162609" i="1" s="1"/>
  <c r="A162610" i="1" s="1"/>
  <c r="A162611" i="1" s="1"/>
  <c r="A162612" i="1" s="1"/>
  <c r="A162613" i="1" s="1"/>
  <c r="A162614" i="1" s="1"/>
  <c r="A162615" i="1" s="1"/>
  <c r="A162616" i="1" s="1"/>
  <c r="A162617" i="1" s="1"/>
  <c r="A162618" i="1" s="1"/>
  <c r="A162619" i="1" s="1"/>
  <c r="A162620" i="1" s="1"/>
  <c r="A162621" i="1" s="1"/>
  <c r="A162622" i="1" s="1"/>
  <c r="A162623" i="1" s="1"/>
  <c r="A162624" i="1" s="1"/>
  <c r="A162625" i="1" s="1"/>
  <c r="A162626" i="1" s="1"/>
  <c r="A162627" i="1" s="1"/>
  <c r="A162628" i="1" s="1"/>
  <c r="A162629" i="1" s="1"/>
  <c r="A162630" i="1" s="1"/>
  <c r="A162631" i="1" s="1"/>
  <c r="A162632" i="1" s="1"/>
  <c r="A162633" i="1" s="1"/>
  <c r="A162634" i="1" s="1"/>
  <c r="A162635" i="1" s="1"/>
  <c r="A162636" i="1" s="1"/>
  <c r="A162637" i="1" s="1"/>
  <c r="A162638" i="1" s="1"/>
  <c r="A162639" i="1" s="1"/>
  <c r="A162640" i="1" s="1"/>
  <c r="A162641" i="1" s="1"/>
  <c r="A162642" i="1" s="1"/>
  <c r="A162643" i="1" s="1"/>
  <c r="A162644" i="1" s="1"/>
  <c r="A162645" i="1" s="1"/>
  <c r="A162646" i="1" s="1"/>
  <c r="A162647" i="1" s="1"/>
  <c r="A162648" i="1" s="1"/>
  <c r="A162649" i="1" s="1"/>
  <c r="A162650" i="1" s="1"/>
  <c r="A162651" i="1" s="1"/>
  <c r="A162652" i="1" s="1"/>
  <c r="A162653" i="1" s="1"/>
  <c r="A162654" i="1" s="1"/>
  <c r="A162655" i="1" s="1"/>
  <c r="A162656" i="1" s="1"/>
  <c r="A162657" i="1" s="1"/>
  <c r="A162658" i="1" s="1"/>
  <c r="A162659" i="1" s="1"/>
  <c r="A162660" i="1" s="1"/>
  <c r="A162661" i="1" s="1"/>
  <c r="A162662" i="1" s="1"/>
  <c r="A162663" i="1" s="1"/>
  <c r="A162664" i="1" s="1"/>
  <c r="A162665" i="1" s="1"/>
  <c r="A162666" i="1" s="1"/>
  <c r="A162667" i="1" s="1"/>
  <c r="A162668" i="1" s="1"/>
  <c r="A162669" i="1" s="1"/>
  <c r="A162670" i="1" s="1"/>
  <c r="A162671" i="1" s="1"/>
  <c r="A162672" i="1" s="1"/>
  <c r="A162673" i="1" s="1"/>
  <c r="A162674" i="1" s="1"/>
  <c r="A162675" i="1" s="1"/>
  <c r="A162676" i="1" s="1"/>
  <c r="A162677" i="1" s="1"/>
  <c r="A162678" i="1" s="1"/>
  <c r="A162679" i="1" s="1"/>
  <c r="A162680" i="1" s="1"/>
  <c r="A162681" i="1" s="1"/>
  <c r="A162682" i="1" s="1"/>
  <c r="A162683" i="1" s="1"/>
  <c r="A162684" i="1" s="1"/>
  <c r="A162685" i="1" s="1"/>
  <c r="A162686" i="1" s="1"/>
  <c r="A162687" i="1" s="1"/>
  <c r="A162688" i="1" s="1"/>
  <c r="A162689" i="1" s="1"/>
  <c r="A162690" i="1" s="1"/>
  <c r="A162691" i="1" s="1"/>
  <c r="A162692" i="1" s="1"/>
  <c r="A162693" i="1" s="1"/>
  <c r="A162694" i="1" s="1"/>
  <c r="A162695" i="1" s="1"/>
  <c r="A162696" i="1" s="1"/>
  <c r="A162697" i="1" s="1"/>
  <c r="A162698" i="1" s="1"/>
  <c r="A162699" i="1" s="1"/>
  <c r="A162700" i="1" s="1"/>
  <c r="A162701" i="1" s="1"/>
  <c r="A162702" i="1" s="1"/>
  <c r="A162703" i="1" s="1"/>
  <c r="A162704" i="1" s="1"/>
  <c r="A162705" i="1" s="1"/>
  <c r="A162706" i="1" s="1"/>
  <c r="A162707" i="1" s="1"/>
  <c r="A162708" i="1" s="1"/>
  <c r="A162709" i="1" s="1"/>
  <c r="A162710" i="1" s="1"/>
  <c r="A162711" i="1" s="1"/>
  <c r="A162712" i="1" s="1"/>
  <c r="A162713" i="1" s="1"/>
  <c r="A162714" i="1" s="1"/>
  <c r="A162715" i="1" s="1"/>
  <c r="A162716" i="1" s="1"/>
  <c r="A162717" i="1" s="1"/>
  <c r="A162718" i="1" s="1"/>
  <c r="A162719" i="1" s="1"/>
  <c r="A162720" i="1" s="1"/>
  <c r="A162721" i="1" s="1"/>
  <c r="A162722" i="1" s="1"/>
  <c r="A162723" i="1" s="1"/>
  <c r="A162724" i="1" s="1"/>
  <c r="A162725" i="1" s="1"/>
  <c r="A162726" i="1" s="1"/>
  <c r="A162727" i="1" s="1"/>
  <c r="A162728" i="1" s="1"/>
  <c r="A162729" i="1" s="1"/>
  <c r="A162730" i="1" s="1"/>
  <c r="A162731" i="1" s="1"/>
  <c r="A162732" i="1" s="1"/>
  <c r="A162733" i="1" s="1"/>
  <c r="A162734" i="1" s="1"/>
  <c r="A162735" i="1" s="1"/>
  <c r="A162736" i="1" s="1"/>
  <c r="A162737" i="1" s="1"/>
  <c r="A162738" i="1" s="1"/>
  <c r="A162739" i="1" s="1"/>
  <c r="A162740" i="1" s="1"/>
  <c r="A162741" i="1" s="1"/>
  <c r="A162742" i="1" s="1"/>
  <c r="A162743" i="1" s="1"/>
  <c r="A162744" i="1" s="1"/>
  <c r="A162745" i="1" s="1"/>
  <c r="A162746" i="1" s="1"/>
  <c r="A162747" i="1" s="1"/>
  <c r="A162748" i="1" s="1"/>
  <c r="A162749" i="1" s="1"/>
  <c r="A162750" i="1" s="1"/>
  <c r="A162751" i="1" s="1"/>
  <c r="A162752" i="1" s="1"/>
  <c r="A162753" i="1" s="1"/>
  <c r="A162754" i="1" s="1"/>
  <c r="A162755" i="1" s="1"/>
  <c r="A162756" i="1" s="1"/>
  <c r="A162757" i="1" s="1"/>
  <c r="A162758" i="1" s="1"/>
  <c r="A162759" i="1" s="1"/>
  <c r="A162760" i="1" s="1"/>
  <c r="A162761" i="1" s="1"/>
  <c r="A162762" i="1" s="1"/>
  <c r="A162763" i="1" s="1"/>
  <c r="A162764" i="1" s="1"/>
  <c r="A162765" i="1" s="1"/>
  <c r="A162766" i="1" s="1"/>
  <c r="A162767" i="1" s="1"/>
  <c r="A162768" i="1" s="1"/>
  <c r="A162769" i="1" s="1"/>
  <c r="A162770" i="1" s="1"/>
  <c r="A162771" i="1" s="1"/>
  <c r="A162772" i="1" s="1"/>
  <c r="A162773" i="1" s="1"/>
  <c r="A162774" i="1" s="1"/>
  <c r="A162775" i="1" s="1"/>
  <c r="A162776" i="1" s="1"/>
  <c r="A162777" i="1" s="1"/>
  <c r="A162778" i="1" s="1"/>
  <c r="A162779" i="1" s="1"/>
  <c r="A162780" i="1" s="1"/>
  <c r="A162781" i="1" s="1"/>
  <c r="A162782" i="1" s="1"/>
  <c r="A162783" i="1" s="1"/>
  <c r="A162784" i="1" s="1"/>
  <c r="A162785" i="1" s="1"/>
  <c r="A162786" i="1" s="1"/>
  <c r="A162787" i="1" s="1"/>
  <c r="A162788" i="1" s="1"/>
  <c r="A162789" i="1" s="1"/>
  <c r="A162790" i="1" s="1"/>
  <c r="A162791" i="1" s="1"/>
  <c r="A162792" i="1" s="1"/>
  <c r="A162793" i="1" s="1"/>
  <c r="A162794" i="1" s="1"/>
  <c r="A162795" i="1" s="1"/>
  <c r="A162796" i="1" s="1"/>
  <c r="A162797" i="1" s="1"/>
  <c r="A162798" i="1" s="1"/>
  <c r="A162799" i="1" s="1"/>
  <c r="A162800" i="1" s="1"/>
  <c r="A162801" i="1" s="1"/>
  <c r="A162802" i="1" s="1"/>
  <c r="A162803" i="1" s="1"/>
  <c r="A162804" i="1" s="1"/>
  <c r="A162805" i="1" s="1"/>
  <c r="A162806" i="1" s="1"/>
  <c r="A162807" i="1" s="1"/>
  <c r="A162808" i="1" s="1"/>
  <c r="A162809" i="1" s="1"/>
  <c r="A162810" i="1" s="1"/>
  <c r="A162811" i="1" s="1"/>
  <c r="A162812" i="1" s="1"/>
  <c r="A162813" i="1" s="1"/>
  <c r="A162814" i="1" s="1"/>
  <c r="A162815" i="1" s="1"/>
  <c r="A162816" i="1" s="1"/>
  <c r="A162817" i="1" s="1"/>
  <c r="A162818" i="1" s="1"/>
  <c r="A162819" i="1" s="1"/>
  <c r="A162820" i="1" s="1"/>
  <c r="A162821" i="1" s="1"/>
  <c r="A162822" i="1" s="1"/>
  <c r="A162823" i="1" s="1"/>
  <c r="A162824" i="1" s="1"/>
  <c r="A162825" i="1" s="1"/>
  <c r="A162826" i="1" s="1"/>
  <c r="A162827" i="1" s="1"/>
  <c r="A162828" i="1" s="1"/>
  <c r="A162829" i="1" s="1"/>
  <c r="A162830" i="1" s="1"/>
  <c r="A162831" i="1" s="1"/>
  <c r="A162832" i="1" s="1"/>
  <c r="A162833" i="1" s="1"/>
  <c r="A162834" i="1" s="1"/>
  <c r="A162835" i="1" s="1"/>
  <c r="A162836" i="1" s="1"/>
  <c r="A162837" i="1" s="1"/>
  <c r="A162838" i="1" s="1"/>
  <c r="A162839" i="1" s="1"/>
  <c r="A162840" i="1" s="1"/>
  <c r="A162841" i="1" s="1"/>
  <c r="A162842" i="1" s="1"/>
  <c r="A162843" i="1" s="1"/>
  <c r="A162844" i="1" s="1"/>
  <c r="A162845" i="1" s="1"/>
  <c r="A162846" i="1" s="1"/>
  <c r="A162847" i="1" s="1"/>
  <c r="A162848" i="1" s="1"/>
  <c r="A162849" i="1" s="1"/>
  <c r="A162850" i="1" s="1"/>
  <c r="A162851" i="1" s="1"/>
  <c r="A162852" i="1" s="1"/>
  <c r="A162853" i="1" s="1"/>
  <c r="A162854" i="1" s="1"/>
  <c r="A162855" i="1" s="1"/>
  <c r="A162856" i="1" s="1"/>
  <c r="A162857" i="1" s="1"/>
  <c r="A162858" i="1" s="1"/>
  <c r="A162859" i="1" s="1"/>
  <c r="A162860" i="1" s="1"/>
  <c r="A162861" i="1" s="1"/>
  <c r="A162862" i="1" s="1"/>
  <c r="A162863" i="1" s="1"/>
  <c r="A162864" i="1" s="1"/>
  <c r="A162865" i="1" s="1"/>
  <c r="A162866" i="1" s="1"/>
  <c r="A162867" i="1" s="1"/>
  <c r="A162868" i="1" s="1"/>
  <c r="A162869" i="1" s="1"/>
  <c r="A162870" i="1" s="1"/>
  <c r="A162871" i="1" s="1"/>
  <c r="A162872" i="1" s="1"/>
  <c r="A162873" i="1" s="1"/>
  <c r="A162874" i="1" s="1"/>
  <c r="A162875" i="1" s="1"/>
  <c r="A162876" i="1" s="1"/>
  <c r="A162877" i="1" s="1"/>
  <c r="A162878" i="1" s="1"/>
  <c r="A162879" i="1" s="1"/>
  <c r="A162880" i="1" s="1"/>
  <c r="A162881" i="1" s="1"/>
  <c r="A162882" i="1" s="1"/>
  <c r="A162883" i="1" s="1"/>
  <c r="A162884" i="1" s="1"/>
  <c r="A162885" i="1" s="1"/>
  <c r="A162886" i="1" s="1"/>
  <c r="A162887" i="1" s="1"/>
  <c r="A162888" i="1" s="1"/>
  <c r="A162889" i="1" s="1"/>
  <c r="A162890" i="1" s="1"/>
  <c r="A162891" i="1" s="1"/>
  <c r="A162892" i="1" s="1"/>
  <c r="A162893" i="1" s="1"/>
  <c r="A162894" i="1" s="1"/>
  <c r="A162895" i="1" s="1"/>
  <c r="A162896" i="1" s="1"/>
  <c r="A162897" i="1" s="1"/>
  <c r="A162898" i="1" s="1"/>
  <c r="A162899" i="1" s="1"/>
  <c r="A162900" i="1" s="1"/>
  <c r="A162901" i="1" s="1"/>
  <c r="A162902" i="1" s="1"/>
  <c r="A162903" i="1" s="1"/>
  <c r="A162904" i="1" s="1"/>
  <c r="A162905" i="1" s="1"/>
  <c r="A162906" i="1" s="1"/>
  <c r="A162907" i="1" s="1"/>
  <c r="A162908" i="1" s="1"/>
  <c r="A162909" i="1" s="1"/>
  <c r="A162910" i="1" s="1"/>
  <c r="A162911" i="1" s="1"/>
  <c r="A162912" i="1" s="1"/>
  <c r="A162913" i="1" s="1"/>
  <c r="A162914" i="1" s="1"/>
  <c r="A162915" i="1" s="1"/>
  <c r="A162916" i="1" s="1"/>
  <c r="A162917" i="1" s="1"/>
  <c r="A162918" i="1" s="1"/>
  <c r="A162919" i="1" s="1"/>
  <c r="A162920" i="1" s="1"/>
  <c r="A162921" i="1" s="1"/>
  <c r="A162922" i="1" s="1"/>
  <c r="A162923" i="1" s="1"/>
  <c r="A162924" i="1" s="1"/>
  <c r="A162925" i="1" s="1"/>
  <c r="A162926" i="1" s="1"/>
  <c r="A162927" i="1" s="1"/>
  <c r="A162928" i="1" s="1"/>
  <c r="A162929" i="1" s="1"/>
  <c r="A162930" i="1" s="1"/>
  <c r="A162931" i="1" s="1"/>
  <c r="A162932" i="1" s="1"/>
  <c r="A162933" i="1" s="1"/>
  <c r="A162934" i="1" s="1"/>
  <c r="A162935" i="1" s="1"/>
  <c r="A162936" i="1" s="1"/>
  <c r="A162937" i="1" s="1"/>
  <c r="A162938" i="1" s="1"/>
  <c r="A162939" i="1" s="1"/>
  <c r="A162940" i="1" s="1"/>
  <c r="A162941" i="1" s="1"/>
  <c r="A162942" i="1" s="1"/>
  <c r="A162943" i="1" s="1"/>
  <c r="A162944" i="1" s="1"/>
  <c r="A162945" i="1" s="1"/>
  <c r="A162946" i="1" s="1"/>
  <c r="A162947" i="1" s="1"/>
  <c r="A162948" i="1" s="1"/>
  <c r="A162949" i="1" s="1"/>
  <c r="A162950" i="1" s="1"/>
  <c r="A162951" i="1" s="1"/>
  <c r="A162952" i="1" s="1"/>
  <c r="A162953" i="1" s="1"/>
  <c r="A162954" i="1" s="1"/>
  <c r="A162955" i="1" s="1"/>
  <c r="A162956" i="1" s="1"/>
  <c r="A162957" i="1" s="1"/>
  <c r="A162958" i="1" s="1"/>
  <c r="A162959" i="1" s="1"/>
  <c r="A162960" i="1" s="1"/>
  <c r="A162961" i="1" s="1"/>
  <c r="A162962" i="1" s="1"/>
  <c r="A162963" i="1" s="1"/>
  <c r="A162964" i="1" s="1"/>
  <c r="A162965" i="1" s="1"/>
  <c r="A162966" i="1" s="1"/>
  <c r="A162967" i="1" s="1"/>
  <c r="A162968" i="1" s="1"/>
  <c r="A162969" i="1" s="1"/>
  <c r="A162970" i="1" s="1"/>
  <c r="A162971" i="1" s="1"/>
  <c r="A162972" i="1" s="1"/>
  <c r="A162973" i="1" s="1"/>
  <c r="A162974" i="1" s="1"/>
  <c r="A162975" i="1" s="1"/>
  <c r="A162976" i="1" s="1"/>
  <c r="A162977" i="1" s="1"/>
  <c r="A162978" i="1" s="1"/>
  <c r="A162979" i="1" s="1"/>
  <c r="A162980" i="1" s="1"/>
  <c r="A162981" i="1" s="1"/>
  <c r="A162982" i="1" s="1"/>
  <c r="A162983" i="1" s="1"/>
  <c r="A162984" i="1" s="1"/>
  <c r="A162985" i="1" s="1"/>
  <c r="A162986" i="1" s="1"/>
  <c r="A162987" i="1" s="1"/>
  <c r="A162988" i="1" s="1"/>
  <c r="A162989" i="1" s="1"/>
  <c r="A162990" i="1" s="1"/>
  <c r="A162991" i="1" s="1"/>
  <c r="A162992" i="1" s="1"/>
  <c r="A162993" i="1" s="1"/>
  <c r="A162994" i="1" s="1"/>
  <c r="A162995" i="1" s="1"/>
  <c r="A162996" i="1" s="1"/>
  <c r="A162997" i="1" s="1"/>
  <c r="A162998" i="1" s="1"/>
  <c r="A162999" i="1" s="1"/>
  <c r="A163000" i="1" s="1"/>
  <c r="A163001" i="1" s="1"/>
  <c r="A163002" i="1" s="1"/>
  <c r="A163003" i="1" s="1"/>
  <c r="A163004" i="1" s="1"/>
  <c r="A163005" i="1" s="1"/>
  <c r="A163006" i="1" s="1"/>
  <c r="A163007" i="1" s="1"/>
  <c r="A163008" i="1" s="1"/>
  <c r="A163009" i="1" s="1"/>
  <c r="A163010" i="1" s="1"/>
  <c r="A163011" i="1" s="1"/>
  <c r="A163012" i="1" s="1"/>
  <c r="A163013" i="1" s="1"/>
  <c r="A163014" i="1" s="1"/>
  <c r="A163015" i="1" s="1"/>
  <c r="A163016" i="1" s="1"/>
  <c r="A163017" i="1" s="1"/>
  <c r="A163018" i="1" s="1"/>
  <c r="A163019" i="1" s="1"/>
  <c r="A163020" i="1" s="1"/>
  <c r="A163021" i="1" s="1"/>
  <c r="A163022" i="1" s="1"/>
  <c r="A163023" i="1" s="1"/>
  <c r="A163024" i="1" s="1"/>
  <c r="A163025" i="1" s="1"/>
  <c r="A163026" i="1" s="1"/>
  <c r="A163027" i="1" s="1"/>
  <c r="A163028" i="1" s="1"/>
  <c r="A163029" i="1" s="1"/>
  <c r="A163030" i="1" s="1"/>
  <c r="A163031" i="1" s="1"/>
  <c r="A163032" i="1" s="1"/>
  <c r="A163033" i="1" s="1"/>
  <c r="A163034" i="1" s="1"/>
  <c r="A163035" i="1" s="1"/>
  <c r="A163036" i="1" s="1"/>
  <c r="A163037" i="1" s="1"/>
  <c r="A163038" i="1" s="1"/>
  <c r="A163039" i="1" s="1"/>
  <c r="A163040" i="1" s="1"/>
  <c r="A163041" i="1" s="1"/>
  <c r="A163042" i="1" s="1"/>
  <c r="A163043" i="1" s="1"/>
  <c r="A163044" i="1" s="1"/>
  <c r="A163045" i="1" s="1"/>
  <c r="A163046" i="1" s="1"/>
  <c r="A163047" i="1" s="1"/>
  <c r="A163048" i="1" s="1"/>
  <c r="A163049" i="1" s="1"/>
  <c r="A163050" i="1" s="1"/>
  <c r="A163051" i="1" s="1"/>
  <c r="A163052" i="1" s="1"/>
  <c r="A163053" i="1" s="1"/>
  <c r="A163054" i="1" s="1"/>
  <c r="A163055" i="1" s="1"/>
  <c r="A163056" i="1" s="1"/>
  <c r="A163057" i="1" s="1"/>
  <c r="A163058" i="1" s="1"/>
  <c r="A163059" i="1" s="1"/>
  <c r="A163060" i="1" s="1"/>
  <c r="A163061" i="1" s="1"/>
  <c r="A163062" i="1" s="1"/>
  <c r="A163063" i="1" s="1"/>
  <c r="A163064" i="1" s="1"/>
  <c r="A163065" i="1" s="1"/>
  <c r="A163066" i="1" s="1"/>
  <c r="A163067" i="1" s="1"/>
  <c r="A163068" i="1" s="1"/>
  <c r="A163069" i="1" s="1"/>
  <c r="A163070" i="1" s="1"/>
  <c r="A163071" i="1" s="1"/>
  <c r="A163072" i="1" s="1"/>
  <c r="A163073" i="1" s="1"/>
  <c r="A163074" i="1" s="1"/>
  <c r="A163075" i="1" s="1"/>
  <c r="A163076" i="1" s="1"/>
  <c r="A163077" i="1" s="1"/>
  <c r="A163078" i="1" s="1"/>
  <c r="A163079" i="1" s="1"/>
  <c r="A163080" i="1" s="1"/>
  <c r="A163081" i="1" s="1"/>
  <c r="A163082" i="1" s="1"/>
  <c r="A163083" i="1" s="1"/>
  <c r="A163084" i="1" s="1"/>
  <c r="A163085" i="1" s="1"/>
  <c r="A163086" i="1" s="1"/>
  <c r="A163087" i="1" s="1"/>
  <c r="A163088" i="1" s="1"/>
  <c r="A163089" i="1" s="1"/>
  <c r="A163090" i="1" s="1"/>
  <c r="A163091" i="1" s="1"/>
  <c r="A163092" i="1" s="1"/>
  <c r="A163093" i="1" s="1"/>
  <c r="A163094" i="1" s="1"/>
  <c r="A163095" i="1" s="1"/>
  <c r="A163096" i="1" s="1"/>
  <c r="A163097" i="1" s="1"/>
  <c r="A163098" i="1" s="1"/>
  <c r="A163099" i="1" s="1"/>
  <c r="A163100" i="1" s="1"/>
  <c r="A163101" i="1" s="1"/>
  <c r="A163102" i="1" s="1"/>
  <c r="A163103" i="1" s="1"/>
  <c r="A163104" i="1" s="1"/>
  <c r="A163105" i="1" s="1"/>
  <c r="A163106" i="1" s="1"/>
  <c r="A163107" i="1" s="1"/>
  <c r="A163108" i="1" s="1"/>
  <c r="A163109" i="1" s="1"/>
  <c r="A163110" i="1" s="1"/>
  <c r="A163111" i="1" s="1"/>
  <c r="A163112" i="1" s="1"/>
  <c r="A163113" i="1" s="1"/>
  <c r="A163114" i="1" s="1"/>
  <c r="A163115" i="1" s="1"/>
  <c r="A163116" i="1" s="1"/>
  <c r="A163117" i="1" s="1"/>
  <c r="A163118" i="1" s="1"/>
  <c r="A163119" i="1" s="1"/>
  <c r="A163120" i="1" s="1"/>
  <c r="A163121" i="1" s="1"/>
  <c r="A163122" i="1" s="1"/>
  <c r="A163123" i="1" s="1"/>
  <c r="A163124" i="1" s="1"/>
  <c r="A163125" i="1" s="1"/>
  <c r="A163126" i="1" s="1"/>
  <c r="A163127" i="1" s="1"/>
  <c r="A163128" i="1" s="1"/>
  <c r="A163129" i="1" s="1"/>
  <c r="A163130" i="1" s="1"/>
  <c r="A163131" i="1" s="1"/>
  <c r="A163132" i="1" s="1"/>
  <c r="A163133" i="1" s="1"/>
  <c r="A163134" i="1" s="1"/>
  <c r="A163135" i="1" s="1"/>
  <c r="A163136" i="1" s="1"/>
  <c r="A163137" i="1" s="1"/>
  <c r="A163138" i="1" s="1"/>
  <c r="A163139" i="1" s="1"/>
  <c r="A163140" i="1" s="1"/>
  <c r="A163141" i="1" s="1"/>
  <c r="A163142" i="1" s="1"/>
  <c r="A163143" i="1" s="1"/>
  <c r="A163144" i="1" s="1"/>
  <c r="A163145" i="1" s="1"/>
  <c r="A163146" i="1" s="1"/>
  <c r="A163147" i="1" s="1"/>
  <c r="A163148" i="1" s="1"/>
  <c r="A163149" i="1" s="1"/>
  <c r="A163150" i="1" s="1"/>
  <c r="A163151" i="1" s="1"/>
  <c r="A163152" i="1" s="1"/>
  <c r="A163153" i="1" s="1"/>
  <c r="A163154" i="1" s="1"/>
  <c r="A163155" i="1" s="1"/>
  <c r="A163156" i="1" s="1"/>
  <c r="A163157" i="1" s="1"/>
  <c r="A163158" i="1" s="1"/>
  <c r="A163159" i="1" s="1"/>
  <c r="A163160" i="1" s="1"/>
  <c r="A163161" i="1" s="1"/>
  <c r="A163162" i="1" s="1"/>
  <c r="A163163" i="1" s="1"/>
  <c r="A163164" i="1" s="1"/>
  <c r="A163165" i="1" s="1"/>
  <c r="A163166" i="1" s="1"/>
  <c r="A163167" i="1" s="1"/>
  <c r="A163168" i="1" s="1"/>
  <c r="A163169" i="1" s="1"/>
  <c r="A163170" i="1" s="1"/>
  <c r="A163171" i="1" s="1"/>
  <c r="A163172" i="1" s="1"/>
  <c r="A163173" i="1" s="1"/>
  <c r="A163174" i="1" s="1"/>
  <c r="A163175" i="1" s="1"/>
  <c r="A163176" i="1" s="1"/>
  <c r="A163177" i="1" s="1"/>
  <c r="A163178" i="1" s="1"/>
  <c r="A163179" i="1" s="1"/>
  <c r="A163180" i="1" s="1"/>
  <c r="A163181" i="1" s="1"/>
  <c r="A163182" i="1" s="1"/>
  <c r="A163183" i="1" s="1"/>
  <c r="A163184" i="1" s="1"/>
  <c r="A163185" i="1" s="1"/>
  <c r="A163186" i="1" s="1"/>
  <c r="A163187" i="1" s="1"/>
  <c r="A163188" i="1" s="1"/>
  <c r="A163189" i="1" s="1"/>
  <c r="A163190" i="1" s="1"/>
  <c r="A163191" i="1" s="1"/>
  <c r="A163192" i="1" s="1"/>
  <c r="A163193" i="1" s="1"/>
  <c r="A163194" i="1" s="1"/>
  <c r="A163195" i="1" s="1"/>
  <c r="A163196" i="1" s="1"/>
  <c r="A163197" i="1" s="1"/>
  <c r="A163198" i="1" s="1"/>
  <c r="A163199" i="1" s="1"/>
  <c r="A163200" i="1" s="1"/>
  <c r="A163201" i="1" s="1"/>
  <c r="A163202" i="1" s="1"/>
  <c r="A163203" i="1" s="1"/>
  <c r="A163204" i="1" s="1"/>
  <c r="A163205" i="1" s="1"/>
  <c r="A163206" i="1" s="1"/>
  <c r="A163207" i="1" s="1"/>
  <c r="A163208" i="1" s="1"/>
  <c r="A163209" i="1" s="1"/>
  <c r="A163210" i="1" s="1"/>
  <c r="A163211" i="1" s="1"/>
  <c r="A163212" i="1" s="1"/>
  <c r="A163213" i="1" s="1"/>
  <c r="A163214" i="1" s="1"/>
  <c r="A163215" i="1" s="1"/>
  <c r="A163216" i="1" s="1"/>
  <c r="A163217" i="1" s="1"/>
  <c r="A163218" i="1" s="1"/>
  <c r="A163219" i="1" s="1"/>
  <c r="A163220" i="1" s="1"/>
  <c r="A163221" i="1" s="1"/>
  <c r="A163222" i="1" s="1"/>
  <c r="A163223" i="1" s="1"/>
  <c r="A163224" i="1" s="1"/>
  <c r="A163225" i="1" s="1"/>
  <c r="A163226" i="1" s="1"/>
  <c r="A163227" i="1" s="1"/>
  <c r="A163228" i="1" s="1"/>
  <c r="A163229" i="1" s="1"/>
  <c r="A163230" i="1" s="1"/>
  <c r="A163231" i="1" s="1"/>
  <c r="A163232" i="1" s="1"/>
  <c r="A163233" i="1" s="1"/>
  <c r="A163234" i="1" s="1"/>
  <c r="A163235" i="1" s="1"/>
  <c r="A163236" i="1" s="1"/>
  <c r="A163237" i="1" s="1"/>
  <c r="A163238" i="1" s="1"/>
  <c r="A163239" i="1" s="1"/>
  <c r="A163240" i="1" s="1"/>
  <c r="A163241" i="1" s="1"/>
  <c r="A163242" i="1" s="1"/>
  <c r="A163243" i="1" s="1"/>
  <c r="A163244" i="1" s="1"/>
  <c r="A163245" i="1" s="1"/>
  <c r="A163246" i="1" s="1"/>
  <c r="A163247" i="1" s="1"/>
  <c r="A163248" i="1" s="1"/>
  <c r="A163249" i="1" s="1"/>
  <c r="A163250" i="1" s="1"/>
  <c r="A163251" i="1" s="1"/>
  <c r="A163252" i="1" s="1"/>
  <c r="A163253" i="1" s="1"/>
  <c r="A163254" i="1" s="1"/>
  <c r="A163255" i="1" s="1"/>
  <c r="A163256" i="1" s="1"/>
  <c r="A163257" i="1" s="1"/>
  <c r="A163258" i="1" s="1"/>
  <c r="A163259" i="1" s="1"/>
  <c r="A163260" i="1" s="1"/>
  <c r="A163261" i="1" s="1"/>
  <c r="A163262" i="1" s="1"/>
  <c r="A163263" i="1" s="1"/>
  <c r="A163264" i="1" s="1"/>
  <c r="A163265" i="1" s="1"/>
  <c r="A163266" i="1" s="1"/>
  <c r="A163267" i="1" s="1"/>
  <c r="A163268" i="1" s="1"/>
  <c r="A163269" i="1" s="1"/>
  <c r="A163270" i="1" s="1"/>
  <c r="A163271" i="1" s="1"/>
  <c r="A163272" i="1" s="1"/>
  <c r="A163273" i="1" s="1"/>
  <c r="A163274" i="1" s="1"/>
  <c r="A163275" i="1" s="1"/>
  <c r="A163276" i="1" s="1"/>
  <c r="A163277" i="1" s="1"/>
  <c r="A163278" i="1" s="1"/>
  <c r="A163279" i="1" s="1"/>
  <c r="A163280" i="1" s="1"/>
  <c r="A163281" i="1" s="1"/>
  <c r="A163282" i="1" s="1"/>
  <c r="A163283" i="1" s="1"/>
  <c r="A163284" i="1" s="1"/>
  <c r="A163285" i="1" s="1"/>
  <c r="A163286" i="1" s="1"/>
  <c r="A163287" i="1" s="1"/>
  <c r="A163288" i="1" s="1"/>
  <c r="A163289" i="1" s="1"/>
  <c r="A163290" i="1" s="1"/>
  <c r="A163291" i="1" s="1"/>
  <c r="A163292" i="1" s="1"/>
  <c r="A163293" i="1" s="1"/>
  <c r="A163294" i="1" s="1"/>
  <c r="A163295" i="1" s="1"/>
  <c r="A163296" i="1" s="1"/>
  <c r="A163297" i="1" s="1"/>
  <c r="A163298" i="1" s="1"/>
  <c r="A163299" i="1" s="1"/>
  <c r="A163300" i="1" s="1"/>
  <c r="A163301" i="1" s="1"/>
  <c r="A163302" i="1" s="1"/>
  <c r="A163303" i="1" s="1"/>
  <c r="A163304" i="1" s="1"/>
  <c r="A163305" i="1" s="1"/>
  <c r="A163306" i="1" s="1"/>
  <c r="A163307" i="1" s="1"/>
  <c r="A163308" i="1" s="1"/>
  <c r="A163309" i="1" s="1"/>
  <c r="A163310" i="1" s="1"/>
  <c r="A163311" i="1" s="1"/>
  <c r="A163312" i="1" s="1"/>
  <c r="A163313" i="1" s="1"/>
  <c r="A163314" i="1" s="1"/>
  <c r="A163315" i="1" s="1"/>
  <c r="A163316" i="1" s="1"/>
  <c r="A163317" i="1" s="1"/>
  <c r="A163318" i="1" s="1"/>
  <c r="A163319" i="1" s="1"/>
  <c r="A163320" i="1" s="1"/>
  <c r="A163321" i="1" s="1"/>
  <c r="A163322" i="1" s="1"/>
  <c r="A163323" i="1" s="1"/>
  <c r="A163324" i="1" s="1"/>
  <c r="A163325" i="1" s="1"/>
  <c r="A163326" i="1" s="1"/>
  <c r="A163327" i="1" s="1"/>
  <c r="A163328" i="1" s="1"/>
  <c r="A163329" i="1" s="1"/>
  <c r="A163330" i="1" s="1"/>
  <c r="A163331" i="1" s="1"/>
  <c r="A163332" i="1" s="1"/>
  <c r="A163333" i="1" s="1"/>
  <c r="A163334" i="1" s="1"/>
  <c r="A163335" i="1" s="1"/>
  <c r="A163336" i="1" s="1"/>
  <c r="A163337" i="1" s="1"/>
  <c r="A163338" i="1" s="1"/>
  <c r="A163339" i="1" s="1"/>
  <c r="A163340" i="1" s="1"/>
  <c r="A163341" i="1" s="1"/>
  <c r="A163342" i="1" s="1"/>
  <c r="A163343" i="1" s="1"/>
  <c r="A163344" i="1" s="1"/>
  <c r="A163345" i="1" s="1"/>
  <c r="A163346" i="1" s="1"/>
  <c r="A163347" i="1" s="1"/>
  <c r="A163348" i="1" s="1"/>
  <c r="A163349" i="1" s="1"/>
  <c r="A163350" i="1" s="1"/>
  <c r="A163351" i="1" s="1"/>
  <c r="A163352" i="1" s="1"/>
  <c r="A163353" i="1" s="1"/>
  <c r="A163354" i="1" s="1"/>
  <c r="A163355" i="1" s="1"/>
  <c r="A163356" i="1" s="1"/>
  <c r="A163357" i="1" s="1"/>
  <c r="A163358" i="1" s="1"/>
  <c r="A163359" i="1" s="1"/>
  <c r="A163360" i="1" s="1"/>
  <c r="A163361" i="1" s="1"/>
  <c r="A163362" i="1" s="1"/>
  <c r="A163363" i="1" s="1"/>
  <c r="A163364" i="1" s="1"/>
  <c r="A163365" i="1" s="1"/>
  <c r="A163366" i="1" s="1"/>
  <c r="A163367" i="1" s="1"/>
  <c r="A163368" i="1" s="1"/>
  <c r="A163369" i="1" s="1"/>
  <c r="A163370" i="1" s="1"/>
  <c r="A163371" i="1" s="1"/>
  <c r="A163372" i="1" s="1"/>
  <c r="A163373" i="1" s="1"/>
  <c r="A163374" i="1" s="1"/>
  <c r="A163375" i="1" s="1"/>
  <c r="A163376" i="1" s="1"/>
  <c r="A163377" i="1" s="1"/>
  <c r="A163378" i="1" s="1"/>
  <c r="A163379" i="1" s="1"/>
  <c r="A163380" i="1" s="1"/>
  <c r="A163381" i="1" s="1"/>
  <c r="A163382" i="1" s="1"/>
  <c r="A163383" i="1" s="1"/>
  <c r="A163384" i="1" s="1"/>
  <c r="A163385" i="1" s="1"/>
  <c r="A163386" i="1" s="1"/>
  <c r="A163387" i="1" s="1"/>
  <c r="A163388" i="1" s="1"/>
  <c r="A163389" i="1" s="1"/>
  <c r="A163390" i="1" s="1"/>
  <c r="A163391" i="1" s="1"/>
  <c r="A163392" i="1" s="1"/>
  <c r="A163393" i="1" s="1"/>
  <c r="A163394" i="1" s="1"/>
  <c r="A163395" i="1" s="1"/>
  <c r="A163396" i="1" s="1"/>
  <c r="A163397" i="1" s="1"/>
  <c r="A163398" i="1" s="1"/>
  <c r="A163399" i="1" s="1"/>
  <c r="A163400" i="1" s="1"/>
  <c r="A163401" i="1" s="1"/>
  <c r="A163402" i="1" s="1"/>
  <c r="A163403" i="1" s="1"/>
  <c r="A163404" i="1" s="1"/>
  <c r="A163405" i="1" s="1"/>
  <c r="A163406" i="1" s="1"/>
  <c r="A163407" i="1" s="1"/>
  <c r="A163408" i="1" s="1"/>
  <c r="A163409" i="1" s="1"/>
  <c r="A163410" i="1" s="1"/>
  <c r="A163411" i="1" s="1"/>
  <c r="A163412" i="1" s="1"/>
  <c r="A163413" i="1" s="1"/>
  <c r="A163414" i="1" s="1"/>
  <c r="A163415" i="1" s="1"/>
  <c r="A163416" i="1" s="1"/>
  <c r="A163417" i="1" s="1"/>
  <c r="A163418" i="1" s="1"/>
  <c r="A163419" i="1" s="1"/>
  <c r="A163420" i="1" s="1"/>
  <c r="A163421" i="1" s="1"/>
  <c r="A163422" i="1" s="1"/>
  <c r="A163423" i="1" s="1"/>
  <c r="A163424" i="1" s="1"/>
  <c r="A163425" i="1" s="1"/>
  <c r="A163426" i="1" s="1"/>
  <c r="A163427" i="1" s="1"/>
  <c r="A163428" i="1" s="1"/>
  <c r="A163429" i="1" s="1"/>
  <c r="A163430" i="1" s="1"/>
  <c r="A163431" i="1" s="1"/>
  <c r="A163432" i="1" s="1"/>
  <c r="A163433" i="1" s="1"/>
  <c r="A163434" i="1" s="1"/>
  <c r="A163435" i="1" s="1"/>
  <c r="A163436" i="1" s="1"/>
  <c r="A163437" i="1" s="1"/>
  <c r="A163438" i="1" s="1"/>
  <c r="A163439" i="1" s="1"/>
  <c r="A163440" i="1" s="1"/>
  <c r="A163441" i="1" s="1"/>
  <c r="A163442" i="1" s="1"/>
  <c r="A163443" i="1" s="1"/>
  <c r="A163444" i="1" s="1"/>
  <c r="A163445" i="1" s="1"/>
  <c r="A163446" i="1" s="1"/>
  <c r="A163447" i="1" s="1"/>
  <c r="A163448" i="1" s="1"/>
  <c r="A163449" i="1" s="1"/>
  <c r="A163450" i="1" s="1"/>
  <c r="A163451" i="1" s="1"/>
  <c r="A163452" i="1" s="1"/>
  <c r="A163453" i="1" s="1"/>
  <c r="A163454" i="1" s="1"/>
  <c r="A163455" i="1" s="1"/>
  <c r="A163456" i="1" s="1"/>
  <c r="A163457" i="1" s="1"/>
  <c r="A163458" i="1" s="1"/>
  <c r="A163459" i="1" s="1"/>
  <c r="A163460" i="1" s="1"/>
  <c r="A163461" i="1" s="1"/>
  <c r="A163462" i="1" s="1"/>
  <c r="A163463" i="1" s="1"/>
  <c r="A163464" i="1" s="1"/>
  <c r="A163465" i="1" s="1"/>
  <c r="A163466" i="1" s="1"/>
  <c r="A163467" i="1" s="1"/>
  <c r="A163468" i="1" s="1"/>
  <c r="A163469" i="1" s="1"/>
  <c r="A163470" i="1" s="1"/>
  <c r="A163471" i="1" s="1"/>
  <c r="A163472" i="1" s="1"/>
  <c r="A163473" i="1" s="1"/>
  <c r="A163474" i="1" s="1"/>
  <c r="A163475" i="1" s="1"/>
  <c r="A163476" i="1" s="1"/>
  <c r="A163477" i="1" s="1"/>
  <c r="A163478" i="1" s="1"/>
  <c r="A163479" i="1" s="1"/>
  <c r="A163480" i="1" s="1"/>
  <c r="A163481" i="1" s="1"/>
  <c r="A163482" i="1" s="1"/>
  <c r="A163483" i="1" s="1"/>
  <c r="A163484" i="1" s="1"/>
  <c r="A163485" i="1" s="1"/>
  <c r="A163486" i="1" s="1"/>
  <c r="A163487" i="1" s="1"/>
  <c r="A163488" i="1" s="1"/>
  <c r="A163489" i="1" s="1"/>
  <c r="A163490" i="1" s="1"/>
  <c r="A163491" i="1" s="1"/>
  <c r="A163492" i="1" s="1"/>
  <c r="A163493" i="1" s="1"/>
  <c r="A163494" i="1" s="1"/>
  <c r="A163495" i="1" s="1"/>
  <c r="A163496" i="1" s="1"/>
  <c r="A163497" i="1" s="1"/>
  <c r="A163498" i="1" s="1"/>
  <c r="A163499" i="1" s="1"/>
  <c r="A163500" i="1" s="1"/>
  <c r="A163501" i="1" s="1"/>
  <c r="A163502" i="1" s="1"/>
  <c r="A163503" i="1" s="1"/>
  <c r="A163504" i="1" s="1"/>
  <c r="A163505" i="1" s="1"/>
  <c r="A163506" i="1" s="1"/>
  <c r="A163507" i="1" s="1"/>
  <c r="A163508" i="1" s="1"/>
  <c r="A163509" i="1" s="1"/>
  <c r="A163510" i="1" s="1"/>
  <c r="A163511" i="1" s="1"/>
  <c r="A163512" i="1" s="1"/>
  <c r="A163513" i="1" s="1"/>
  <c r="A163514" i="1" s="1"/>
  <c r="A163515" i="1" s="1"/>
  <c r="A163516" i="1" s="1"/>
  <c r="A163517" i="1" s="1"/>
  <c r="A163518" i="1" s="1"/>
  <c r="A163519" i="1" s="1"/>
  <c r="A163520" i="1" s="1"/>
  <c r="A163521" i="1" s="1"/>
  <c r="A163522" i="1" s="1"/>
  <c r="A163523" i="1" s="1"/>
  <c r="A163524" i="1" s="1"/>
  <c r="A163525" i="1" s="1"/>
  <c r="A163526" i="1" s="1"/>
  <c r="A163527" i="1" s="1"/>
  <c r="A163528" i="1" s="1"/>
  <c r="A163529" i="1" s="1"/>
  <c r="A163530" i="1" s="1"/>
  <c r="A163531" i="1" s="1"/>
  <c r="A163532" i="1" s="1"/>
  <c r="A163533" i="1" s="1"/>
  <c r="A163534" i="1" s="1"/>
  <c r="A163535" i="1" s="1"/>
  <c r="A163536" i="1" s="1"/>
  <c r="A163537" i="1" s="1"/>
  <c r="A163538" i="1" s="1"/>
  <c r="A163539" i="1" s="1"/>
  <c r="A163540" i="1" s="1"/>
  <c r="A163541" i="1" s="1"/>
  <c r="A163542" i="1" s="1"/>
  <c r="A163543" i="1" s="1"/>
  <c r="A163544" i="1" s="1"/>
  <c r="A163545" i="1" s="1"/>
  <c r="A163546" i="1" s="1"/>
  <c r="A163547" i="1" s="1"/>
  <c r="A163548" i="1" s="1"/>
  <c r="A163549" i="1" s="1"/>
  <c r="A163550" i="1" s="1"/>
  <c r="A163551" i="1" s="1"/>
  <c r="A163552" i="1" s="1"/>
  <c r="A163553" i="1" s="1"/>
  <c r="A163554" i="1" s="1"/>
  <c r="A163555" i="1" s="1"/>
  <c r="A163556" i="1" s="1"/>
  <c r="A163557" i="1" s="1"/>
  <c r="A163558" i="1" s="1"/>
  <c r="A163559" i="1" s="1"/>
  <c r="A163560" i="1" s="1"/>
  <c r="A163561" i="1" s="1"/>
  <c r="A163562" i="1" s="1"/>
  <c r="A163563" i="1" s="1"/>
  <c r="A163564" i="1" s="1"/>
  <c r="A163565" i="1" s="1"/>
  <c r="A163566" i="1" s="1"/>
  <c r="A163567" i="1" s="1"/>
  <c r="A163568" i="1" s="1"/>
  <c r="A163569" i="1" s="1"/>
  <c r="A163570" i="1" s="1"/>
  <c r="A163571" i="1" s="1"/>
  <c r="A163572" i="1" s="1"/>
  <c r="A163573" i="1" s="1"/>
  <c r="A163574" i="1" s="1"/>
  <c r="A163575" i="1" s="1"/>
  <c r="A163576" i="1" s="1"/>
  <c r="A163577" i="1" s="1"/>
  <c r="A163578" i="1" s="1"/>
  <c r="A163579" i="1" s="1"/>
  <c r="A163580" i="1" s="1"/>
  <c r="A163581" i="1" s="1"/>
  <c r="A163582" i="1" s="1"/>
  <c r="A163583" i="1" s="1"/>
  <c r="A163584" i="1" s="1"/>
  <c r="A163585" i="1" s="1"/>
  <c r="A163586" i="1" s="1"/>
  <c r="A163587" i="1" s="1"/>
  <c r="A163588" i="1" s="1"/>
  <c r="A163589" i="1" s="1"/>
  <c r="A163590" i="1" s="1"/>
  <c r="A163591" i="1" s="1"/>
  <c r="A163592" i="1" s="1"/>
  <c r="A163593" i="1" s="1"/>
  <c r="A163594" i="1" s="1"/>
  <c r="A163595" i="1" s="1"/>
  <c r="A163596" i="1" s="1"/>
  <c r="A163597" i="1" s="1"/>
  <c r="A163598" i="1" s="1"/>
  <c r="A163599" i="1" s="1"/>
  <c r="A163600" i="1" s="1"/>
  <c r="A163601" i="1" s="1"/>
  <c r="A163602" i="1" s="1"/>
  <c r="A163603" i="1" s="1"/>
  <c r="A163604" i="1" s="1"/>
  <c r="A163605" i="1" s="1"/>
  <c r="A163606" i="1" s="1"/>
  <c r="A163607" i="1" s="1"/>
  <c r="A163608" i="1" s="1"/>
  <c r="A163609" i="1" s="1"/>
  <c r="A163610" i="1" s="1"/>
  <c r="A163611" i="1" s="1"/>
  <c r="A163612" i="1" s="1"/>
  <c r="A163613" i="1" s="1"/>
  <c r="A163614" i="1" s="1"/>
  <c r="A163615" i="1" s="1"/>
  <c r="A163616" i="1" s="1"/>
  <c r="A163617" i="1" s="1"/>
  <c r="A163618" i="1" s="1"/>
  <c r="A163619" i="1" s="1"/>
  <c r="A163620" i="1" s="1"/>
  <c r="A163621" i="1" s="1"/>
  <c r="A163622" i="1" s="1"/>
  <c r="A163623" i="1" s="1"/>
  <c r="A163624" i="1" s="1"/>
  <c r="A163625" i="1" s="1"/>
  <c r="A163626" i="1" s="1"/>
  <c r="A163627" i="1" s="1"/>
  <c r="A163628" i="1" s="1"/>
  <c r="A163629" i="1" s="1"/>
  <c r="A163630" i="1" s="1"/>
  <c r="A163631" i="1" s="1"/>
  <c r="A163632" i="1" s="1"/>
  <c r="A163633" i="1" s="1"/>
  <c r="A163634" i="1" s="1"/>
  <c r="A163635" i="1" s="1"/>
  <c r="A163636" i="1" s="1"/>
  <c r="A163637" i="1" s="1"/>
  <c r="A163638" i="1" s="1"/>
  <c r="A163639" i="1" s="1"/>
  <c r="A163640" i="1" s="1"/>
  <c r="A163641" i="1" s="1"/>
  <c r="A163642" i="1" s="1"/>
  <c r="A163643" i="1" s="1"/>
  <c r="A163644" i="1" s="1"/>
  <c r="A163645" i="1" s="1"/>
  <c r="A163646" i="1" s="1"/>
  <c r="A163647" i="1" s="1"/>
  <c r="A163648" i="1" s="1"/>
  <c r="A163649" i="1" s="1"/>
  <c r="A163650" i="1" s="1"/>
  <c r="A163651" i="1" s="1"/>
  <c r="A163652" i="1" s="1"/>
  <c r="A163653" i="1" s="1"/>
  <c r="A163654" i="1" s="1"/>
  <c r="A163655" i="1" s="1"/>
  <c r="A163656" i="1" s="1"/>
  <c r="A163657" i="1" s="1"/>
  <c r="A163658" i="1" s="1"/>
  <c r="A163659" i="1" s="1"/>
  <c r="A163660" i="1" s="1"/>
  <c r="A163661" i="1" s="1"/>
  <c r="A163662" i="1" s="1"/>
  <c r="A163663" i="1" s="1"/>
  <c r="A163664" i="1" s="1"/>
  <c r="A163665" i="1" s="1"/>
  <c r="A163666" i="1" s="1"/>
  <c r="A163667" i="1" s="1"/>
  <c r="A163668" i="1" s="1"/>
  <c r="A163669" i="1" s="1"/>
  <c r="A163670" i="1" s="1"/>
  <c r="A163671" i="1" s="1"/>
  <c r="A163672" i="1" s="1"/>
  <c r="A163673" i="1" s="1"/>
  <c r="A163674" i="1" s="1"/>
  <c r="A163675" i="1" s="1"/>
  <c r="A163676" i="1" s="1"/>
  <c r="A163677" i="1" s="1"/>
  <c r="A163678" i="1" s="1"/>
  <c r="A163679" i="1" s="1"/>
  <c r="A163680" i="1" s="1"/>
  <c r="A163681" i="1" s="1"/>
  <c r="A163682" i="1" s="1"/>
  <c r="A163683" i="1" s="1"/>
  <c r="A163684" i="1" s="1"/>
  <c r="A163685" i="1" s="1"/>
  <c r="A163686" i="1" s="1"/>
  <c r="A163687" i="1" s="1"/>
  <c r="A163688" i="1" s="1"/>
  <c r="A163689" i="1" s="1"/>
  <c r="A163690" i="1" s="1"/>
  <c r="A163691" i="1" s="1"/>
  <c r="A163692" i="1" s="1"/>
  <c r="A163693" i="1" s="1"/>
  <c r="A163694" i="1" s="1"/>
  <c r="A163695" i="1" s="1"/>
  <c r="A163696" i="1" s="1"/>
  <c r="A163697" i="1" s="1"/>
  <c r="A163698" i="1" s="1"/>
  <c r="A163699" i="1" s="1"/>
  <c r="A163700" i="1" s="1"/>
  <c r="A163701" i="1" s="1"/>
  <c r="A163702" i="1" s="1"/>
  <c r="A163703" i="1" s="1"/>
  <c r="A163704" i="1" s="1"/>
  <c r="A163705" i="1" s="1"/>
  <c r="A163706" i="1" s="1"/>
  <c r="A163707" i="1" s="1"/>
  <c r="A163708" i="1" s="1"/>
  <c r="A163709" i="1" s="1"/>
  <c r="A163710" i="1" s="1"/>
  <c r="A163711" i="1" s="1"/>
  <c r="A163712" i="1" s="1"/>
  <c r="A163713" i="1" s="1"/>
  <c r="A163714" i="1" s="1"/>
  <c r="A163715" i="1" s="1"/>
  <c r="A163716" i="1" s="1"/>
  <c r="A163717" i="1" s="1"/>
  <c r="A163718" i="1" s="1"/>
  <c r="A163719" i="1" s="1"/>
  <c r="A163720" i="1" s="1"/>
  <c r="A163721" i="1" s="1"/>
  <c r="A163722" i="1" s="1"/>
  <c r="A163723" i="1" s="1"/>
  <c r="A163724" i="1" s="1"/>
  <c r="A163725" i="1" s="1"/>
  <c r="A163726" i="1" s="1"/>
  <c r="A163727" i="1" s="1"/>
  <c r="A163728" i="1" s="1"/>
  <c r="A163729" i="1" s="1"/>
  <c r="A163730" i="1" s="1"/>
  <c r="A163731" i="1" s="1"/>
  <c r="A163732" i="1" s="1"/>
  <c r="A163733" i="1" s="1"/>
  <c r="A163734" i="1" s="1"/>
  <c r="A163735" i="1" s="1"/>
  <c r="A163736" i="1" s="1"/>
  <c r="A163737" i="1" s="1"/>
  <c r="A163738" i="1" s="1"/>
  <c r="A163739" i="1" s="1"/>
  <c r="A163740" i="1" s="1"/>
  <c r="A163741" i="1" s="1"/>
  <c r="A163742" i="1" s="1"/>
  <c r="A163743" i="1" s="1"/>
  <c r="A163744" i="1" s="1"/>
  <c r="A163745" i="1" s="1"/>
  <c r="A163746" i="1" s="1"/>
  <c r="A163747" i="1" s="1"/>
  <c r="A163748" i="1" s="1"/>
  <c r="A163749" i="1" s="1"/>
  <c r="A163750" i="1" s="1"/>
  <c r="A163751" i="1" s="1"/>
  <c r="A163752" i="1" s="1"/>
  <c r="A163753" i="1" s="1"/>
  <c r="A163754" i="1" s="1"/>
  <c r="A163755" i="1" s="1"/>
  <c r="A163756" i="1" s="1"/>
  <c r="A163757" i="1" s="1"/>
  <c r="A163758" i="1" s="1"/>
  <c r="A163759" i="1" s="1"/>
  <c r="A163760" i="1" s="1"/>
  <c r="A163761" i="1" s="1"/>
  <c r="A163762" i="1" s="1"/>
  <c r="A163763" i="1" s="1"/>
  <c r="A163764" i="1" s="1"/>
  <c r="A163765" i="1" s="1"/>
  <c r="A163766" i="1" s="1"/>
  <c r="A163767" i="1" s="1"/>
  <c r="A163768" i="1" s="1"/>
  <c r="A163769" i="1" s="1"/>
  <c r="A163770" i="1" s="1"/>
  <c r="A163771" i="1" s="1"/>
  <c r="A163772" i="1" s="1"/>
  <c r="A163773" i="1" s="1"/>
  <c r="A163774" i="1" s="1"/>
  <c r="A163775" i="1" s="1"/>
  <c r="A163776" i="1" s="1"/>
  <c r="A163777" i="1" s="1"/>
  <c r="A163778" i="1" s="1"/>
  <c r="A163779" i="1" s="1"/>
  <c r="A163780" i="1" s="1"/>
  <c r="A163781" i="1" s="1"/>
  <c r="A163782" i="1" s="1"/>
  <c r="A163783" i="1" s="1"/>
  <c r="A163784" i="1" s="1"/>
  <c r="A163785" i="1" s="1"/>
  <c r="A163786" i="1" s="1"/>
  <c r="A163787" i="1" s="1"/>
  <c r="A163788" i="1" s="1"/>
  <c r="A163789" i="1" s="1"/>
  <c r="A163790" i="1" s="1"/>
  <c r="A163791" i="1" s="1"/>
  <c r="A163792" i="1" s="1"/>
  <c r="A163793" i="1" s="1"/>
  <c r="A163794" i="1" s="1"/>
  <c r="A163795" i="1" s="1"/>
  <c r="A163796" i="1" s="1"/>
  <c r="A163797" i="1" s="1"/>
  <c r="A163798" i="1" s="1"/>
  <c r="A163799" i="1" s="1"/>
  <c r="A163800" i="1" s="1"/>
  <c r="A163801" i="1" s="1"/>
  <c r="A163802" i="1" s="1"/>
  <c r="A163803" i="1" s="1"/>
  <c r="A163804" i="1" s="1"/>
  <c r="A163805" i="1" s="1"/>
  <c r="A163806" i="1" s="1"/>
  <c r="A163807" i="1" s="1"/>
  <c r="A163808" i="1" s="1"/>
  <c r="A163809" i="1" s="1"/>
  <c r="A163810" i="1" s="1"/>
  <c r="A163811" i="1" s="1"/>
  <c r="A163812" i="1" s="1"/>
  <c r="A163813" i="1" s="1"/>
  <c r="A163814" i="1" s="1"/>
  <c r="A163815" i="1" s="1"/>
  <c r="A163816" i="1" s="1"/>
  <c r="A163817" i="1" s="1"/>
  <c r="A163818" i="1" s="1"/>
  <c r="A163819" i="1" s="1"/>
  <c r="A163820" i="1" s="1"/>
  <c r="A163821" i="1" s="1"/>
  <c r="A163822" i="1" s="1"/>
  <c r="A163823" i="1" s="1"/>
  <c r="A163824" i="1" s="1"/>
  <c r="A163825" i="1" s="1"/>
  <c r="A163826" i="1" s="1"/>
  <c r="A163827" i="1" s="1"/>
  <c r="A163828" i="1" s="1"/>
  <c r="A163829" i="1" s="1"/>
  <c r="A163830" i="1" s="1"/>
  <c r="A163831" i="1" s="1"/>
  <c r="A163832" i="1" s="1"/>
  <c r="A163833" i="1" s="1"/>
  <c r="A163834" i="1" s="1"/>
  <c r="A163835" i="1" s="1"/>
  <c r="A163836" i="1" s="1"/>
  <c r="A163837" i="1" s="1"/>
  <c r="A163838" i="1" s="1"/>
  <c r="A163839" i="1" s="1"/>
  <c r="A163840" i="1" s="1"/>
  <c r="A163841" i="1" s="1"/>
  <c r="A163842" i="1" s="1"/>
  <c r="A163843" i="1" s="1"/>
  <c r="A163844" i="1" s="1"/>
  <c r="A163845" i="1" s="1"/>
  <c r="A163846" i="1" s="1"/>
  <c r="A163847" i="1" s="1"/>
  <c r="A163848" i="1" s="1"/>
  <c r="A163849" i="1" s="1"/>
  <c r="A163850" i="1" s="1"/>
  <c r="A163851" i="1" s="1"/>
  <c r="A163852" i="1" s="1"/>
  <c r="A163853" i="1" s="1"/>
  <c r="A163854" i="1" s="1"/>
  <c r="A163855" i="1" s="1"/>
  <c r="A163856" i="1" s="1"/>
  <c r="A163857" i="1" s="1"/>
  <c r="A163858" i="1" s="1"/>
  <c r="A163859" i="1" s="1"/>
  <c r="A163860" i="1" s="1"/>
  <c r="A163861" i="1" s="1"/>
  <c r="A163862" i="1" s="1"/>
  <c r="A163863" i="1" s="1"/>
  <c r="A163864" i="1" s="1"/>
  <c r="A163865" i="1" s="1"/>
  <c r="A163866" i="1" s="1"/>
  <c r="A163867" i="1" s="1"/>
  <c r="A163868" i="1" s="1"/>
  <c r="A163869" i="1" s="1"/>
  <c r="A163870" i="1" s="1"/>
  <c r="A163871" i="1" s="1"/>
  <c r="A163872" i="1" s="1"/>
  <c r="A163873" i="1" s="1"/>
  <c r="A163874" i="1" s="1"/>
  <c r="A163875" i="1" s="1"/>
  <c r="A163876" i="1" s="1"/>
  <c r="A163877" i="1" s="1"/>
  <c r="A163878" i="1" s="1"/>
  <c r="A163879" i="1" s="1"/>
  <c r="A163880" i="1" s="1"/>
  <c r="A163881" i="1" s="1"/>
  <c r="A163882" i="1" s="1"/>
  <c r="A163883" i="1" s="1"/>
  <c r="A163884" i="1" s="1"/>
  <c r="A163885" i="1" s="1"/>
  <c r="A163886" i="1" s="1"/>
  <c r="A163887" i="1" s="1"/>
  <c r="A163888" i="1" s="1"/>
  <c r="A163889" i="1" s="1"/>
  <c r="A163890" i="1" s="1"/>
  <c r="A163891" i="1" s="1"/>
  <c r="A163892" i="1" s="1"/>
  <c r="A163893" i="1" s="1"/>
  <c r="A163894" i="1" s="1"/>
  <c r="A163895" i="1" s="1"/>
  <c r="A163896" i="1" s="1"/>
  <c r="A163897" i="1" s="1"/>
  <c r="A163898" i="1" s="1"/>
  <c r="A163899" i="1" s="1"/>
  <c r="A163900" i="1" s="1"/>
  <c r="A163901" i="1" s="1"/>
  <c r="A163902" i="1" s="1"/>
  <c r="A163903" i="1" s="1"/>
  <c r="A163904" i="1" s="1"/>
  <c r="A163905" i="1" s="1"/>
  <c r="A163906" i="1" s="1"/>
  <c r="A163907" i="1" s="1"/>
  <c r="A163908" i="1" s="1"/>
  <c r="A163909" i="1" s="1"/>
  <c r="A163910" i="1" s="1"/>
  <c r="A163911" i="1" s="1"/>
  <c r="A163912" i="1" s="1"/>
  <c r="A163913" i="1" s="1"/>
  <c r="A163914" i="1" s="1"/>
  <c r="A163915" i="1" s="1"/>
  <c r="A163916" i="1" s="1"/>
  <c r="A163917" i="1" s="1"/>
  <c r="A163918" i="1" s="1"/>
  <c r="A163919" i="1" s="1"/>
  <c r="A163920" i="1" s="1"/>
  <c r="A163921" i="1" s="1"/>
  <c r="A163922" i="1" s="1"/>
  <c r="A163923" i="1" s="1"/>
  <c r="A163924" i="1" s="1"/>
  <c r="A163925" i="1" s="1"/>
  <c r="A163926" i="1" s="1"/>
  <c r="A163927" i="1" s="1"/>
  <c r="A163928" i="1" s="1"/>
  <c r="A163929" i="1" s="1"/>
  <c r="A163930" i="1" s="1"/>
  <c r="A163931" i="1" s="1"/>
  <c r="A163932" i="1" s="1"/>
  <c r="A163933" i="1" s="1"/>
  <c r="A163934" i="1" s="1"/>
  <c r="A163935" i="1" s="1"/>
  <c r="A163936" i="1" s="1"/>
  <c r="A163937" i="1" s="1"/>
  <c r="A163938" i="1" s="1"/>
  <c r="A163939" i="1" s="1"/>
  <c r="A163940" i="1" s="1"/>
  <c r="A163941" i="1" s="1"/>
  <c r="A163942" i="1" s="1"/>
  <c r="A163943" i="1" s="1"/>
  <c r="A163944" i="1" s="1"/>
  <c r="A163945" i="1" s="1"/>
  <c r="A163946" i="1" s="1"/>
  <c r="A163947" i="1" s="1"/>
  <c r="A163948" i="1" s="1"/>
  <c r="A163949" i="1" s="1"/>
  <c r="A163950" i="1" s="1"/>
  <c r="A163951" i="1" s="1"/>
  <c r="A163952" i="1" s="1"/>
  <c r="A163953" i="1" s="1"/>
  <c r="A163954" i="1" s="1"/>
  <c r="A163955" i="1" s="1"/>
  <c r="A163956" i="1" s="1"/>
  <c r="A163957" i="1" s="1"/>
  <c r="A163958" i="1" s="1"/>
  <c r="A163959" i="1" s="1"/>
  <c r="A163960" i="1" s="1"/>
  <c r="A163961" i="1" s="1"/>
  <c r="A163962" i="1" s="1"/>
  <c r="A163963" i="1" s="1"/>
  <c r="A163964" i="1" s="1"/>
  <c r="A163965" i="1" s="1"/>
  <c r="A163966" i="1" s="1"/>
  <c r="A163967" i="1" s="1"/>
  <c r="A163968" i="1" s="1"/>
  <c r="A163969" i="1" s="1"/>
  <c r="A163970" i="1" s="1"/>
  <c r="A163971" i="1" s="1"/>
  <c r="A163972" i="1" s="1"/>
  <c r="A163973" i="1" s="1"/>
  <c r="A163974" i="1" s="1"/>
  <c r="A163975" i="1" s="1"/>
  <c r="A163976" i="1" s="1"/>
  <c r="A163977" i="1" s="1"/>
  <c r="A163978" i="1" s="1"/>
  <c r="A163979" i="1" s="1"/>
  <c r="A163980" i="1" s="1"/>
  <c r="A163981" i="1" s="1"/>
  <c r="A163982" i="1" s="1"/>
  <c r="A163983" i="1" s="1"/>
  <c r="A163984" i="1" s="1"/>
  <c r="A163985" i="1" s="1"/>
  <c r="A163986" i="1" s="1"/>
  <c r="A163987" i="1" s="1"/>
  <c r="A163988" i="1" s="1"/>
  <c r="A163989" i="1" s="1"/>
  <c r="A163990" i="1" s="1"/>
  <c r="A163991" i="1" s="1"/>
  <c r="A163992" i="1" s="1"/>
  <c r="A163993" i="1" s="1"/>
  <c r="A163994" i="1" s="1"/>
  <c r="A163995" i="1" s="1"/>
  <c r="A163996" i="1" s="1"/>
  <c r="A163997" i="1" s="1"/>
  <c r="A163998" i="1" s="1"/>
  <c r="A163999" i="1" s="1"/>
  <c r="A164000" i="1" s="1"/>
  <c r="A164001" i="1" s="1"/>
  <c r="A164002" i="1" s="1"/>
  <c r="A164003" i="1" s="1"/>
  <c r="A164004" i="1" s="1"/>
  <c r="A164005" i="1" s="1"/>
  <c r="A164006" i="1" s="1"/>
  <c r="A164007" i="1" s="1"/>
  <c r="A164008" i="1" s="1"/>
  <c r="A164009" i="1" s="1"/>
  <c r="A164010" i="1" s="1"/>
  <c r="A164011" i="1" s="1"/>
  <c r="A164012" i="1" s="1"/>
  <c r="A164013" i="1" s="1"/>
  <c r="A164014" i="1" s="1"/>
  <c r="A164015" i="1" s="1"/>
  <c r="A164016" i="1" s="1"/>
  <c r="A164017" i="1" s="1"/>
  <c r="A164018" i="1" s="1"/>
  <c r="A164019" i="1" s="1"/>
  <c r="A164020" i="1" s="1"/>
  <c r="A164021" i="1" s="1"/>
  <c r="A164022" i="1" s="1"/>
  <c r="A164023" i="1" s="1"/>
  <c r="A164024" i="1" s="1"/>
  <c r="A164025" i="1" s="1"/>
  <c r="A164026" i="1" s="1"/>
  <c r="A164027" i="1" s="1"/>
  <c r="A164028" i="1" s="1"/>
  <c r="A164029" i="1" s="1"/>
  <c r="A164030" i="1" s="1"/>
  <c r="A164031" i="1" s="1"/>
  <c r="A164032" i="1" s="1"/>
  <c r="A164033" i="1" s="1"/>
  <c r="A164034" i="1" s="1"/>
  <c r="A164035" i="1" s="1"/>
  <c r="A164036" i="1" s="1"/>
  <c r="A164037" i="1" s="1"/>
  <c r="A164038" i="1" s="1"/>
  <c r="A164039" i="1" s="1"/>
  <c r="A164040" i="1" s="1"/>
  <c r="A164041" i="1" s="1"/>
  <c r="A164042" i="1" s="1"/>
  <c r="A164043" i="1" s="1"/>
  <c r="A164044" i="1" s="1"/>
  <c r="A164045" i="1" s="1"/>
  <c r="A164046" i="1" s="1"/>
  <c r="A164047" i="1" s="1"/>
  <c r="A164048" i="1" s="1"/>
  <c r="A164049" i="1" s="1"/>
  <c r="A164050" i="1" s="1"/>
  <c r="A164051" i="1" s="1"/>
  <c r="A164052" i="1" s="1"/>
  <c r="A164053" i="1" s="1"/>
  <c r="A164054" i="1" s="1"/>
  <c r="A164055" i="1" s="1"/>
  <c r="A164056" i="1" s="1"/>
  <c r="A164057" i="1" s="1"/>
  <c r="A164058" i="1" s="1"/>
  <c r="A164059" i="1" s="1"/>
  <c r="A164060" i="1" s="1"/>
  <c r="A164061" i="1" s="1"/>
  <c r="A164062" i="1" s="1"/>
  <c r="A164063" i="1" s="1"/>
  <c r="A164064" i="1" s="1"/>
  <c r="A164065" i="1" s="1"/>
  <c r="A164066" i="1" s="1"/>
  <c r="A164067" i="1" s="1"/>
  <c r="A164068" i="1" s="1"/>
  <c r="A164069" i="1" s="1"/>
  <c r="A164070" i="1" s="1"/>
  <c r="A164071" i="1" s="1"/>
  <c r="A164072" i="1" s="1"/>
  <c r="A164073" i="1" s="1"/>
  <c r="A164074" i="1" s="1"/>
  <c r="A164075" i="1" s="1"/>
  <c r="A164076" i="1" s="1"/>
  <c r="A164077" i="1" s="1"/>
  <c r="A164078" i="1" s="1"/>
  <c r="A164079" i="1" s="1"/>
  <c r="A164080" i="1" s="1"/>
  <c r="A164081" i="1" s="1"/>
  <c r="A164082" i="1" s="1"/>
  <c r="A164083" i="1" s="1"/>
  <c r="A164084" i="1" s="1"/>
  <c r="A164085" i="1" s="1"/>
  <c r="A164086" i="1" s="1"/>
  <c r="A164087" i="1" s="1"/>
  <c r="A164088" i="1" s="1"/>
  <c r="A164089" i="1" s="1"/>
  <c r="A164090" i="1" s="1"/>
  <c r="A164091" i="1" s="1"/>
  <c r="A164092" i="1" s="1"/>
  <c r="A164093" i="1" s="1"/>
  <c r="A164094" i="1" s="1"/>
  <c r="A164095" i="1" s="1"/>
  <c r="A164096" i="1" s="1"/>
  <c r="A164097" i="1" s="1"/>
  <c r="A164098" i="1" s="1"/>
  <c r="A164099" i="1" s="1"/>
  <c r="A164100" i="1" s="1"/>
  <c r="A164101" i="1" s="1"/>
  <c r="A164102" i="1" s="1"/>
  <c r="A164103" i="1" s="1"/>
  <c r="A164104" i="1" s="1"/>
  <c r="A164105" i="1" s="1"/>
  <c r="A164106" i="1" s="1"/>
  <c r="A164107" i="1" s="1"/>
  <c r="A164108" i="1" s="1"/>
  <c r="A164109" i="1" s="1"/>
  <c r="A164110" i="1" s="1"/>
  <c r="A164111" i="1" s="1"/>
  <c r="A164112" i="1" s="1"/>
  <c r="A164113" i="1" s="1"/>
  <c r="A164114" i="1" s="1"/>
  <c r="A164115" i="1" s="1"/>
  <c r="A164116" i="1" s="1"/>
  <c r="A164117" i="1" s="1"/>
  <c r="A164118" i="1" s="1"/>
  <c r="A164119" i="1" s="1"/>
  <c r="A164120" i="1" s="1"/>
  <c r="A164121" i="1" s="1"/>
  <c r="A164122" i="1" s="1"/>
  <c r="A164123" i="1" s="1"/>
  <c r="A164124" i="1" s="1"/>
  <c r="A164125" i="1" s="1"/>
  <c r="A164126" i="1" s="1"/>
  <c r="A164127" i="1" s="1"/>
  <c r="A164128" i="1" s="1"/>
  <c r="A164129" i="1" s="1"/>
  <c r="A164130" i="1" s="1"/>
  <c r="A164131" i="1" s="1"/>
  <c r="A164132" i="1" s="1"/>
  <c r="A164133" i="1" s="1"/>
  <c r="A164134" i="1" s="1"/>
  <c r="A164135" i="1" s="1"/>
  <c r="A164136" i="1" s="1"/>
  <c r="A164137" i="1" s="1"/>
  <c r="A164138" i="1" s="1"/>
  <c r="A164139" i="1" s="1"/>
  <c r="A164140" i="1" s="1"/>
  <c r="A164141" i="1" s="1"/>
  <c r="A164142" i="1" s="1"/>
  <c r="A164143" i="1" s="1"/>
  <c r="A164144" i="1" s="1"/>
  <c r="A164145" i="1" s="1"/>
  <c r="A164146" i="1" s="1"/>
  <c r="A164147" i="1" s="1"/>
  <c r="A164148" i="1" s="1"/>
  <c r="A164149" i="1" s="1"/>
  <c r="A164150" i="1" s="1"/>
  <c r="A164151" i="1" s="1"/>
  <c r="A164152" i="1" s="1"/>
  <c r="A164153" i="1" s="1"/>
  <c r="A164154" i="1" s="1"/>
  <c r="A164155" i="1" s="1"/>
  <c r="A164156" i="1" s="1"/>
  <c r="A164157" i="1" s="1"/>
  <c r="A164158" i="1" s="1"/>
  <c r="A164159" i="1" s="1"/>
  <c r="A164160" i="1" s="1"/>
  <c r="A164161" i="1" s="1"/>
  <c r="A164162" i="1" s="1"/>
  <c r="A164163" i="1" s="1"/>
  <c r="A164164" i="1" s="1"/>
  <c r="A164165" i="1" s="1"/>
  <c r="A164166" i="1" s="1"/>
  <c r="A164167" i="1" s="1"/>
  <c r="A164168" i="1" s="1"/>
  <c r="A164169" i="1" s="1"/>
  <c r="A164170" i="1" s="1"/>
  <c r="A164171" i="1" s="1"/>
  <c r="A164172" i="1" s="1"/>
  <c r="A164173" i="1" s="1"/>
  <c r="A164174" i="1" s="1"/>
  <c r="A164175" i="1" s="1"/>
  <c r="A164176" i="1" s="1"/>
  <c r="A164177" i="1" s="1"/>
  <c r="A164178" i="1" s="1"/>
  <c r="A164179" i="1" s="1"/>
  <c r="A164180" i="1" s="1"/>
  <c r="A164181" i="1" s="1"/>
  <c r="A164182" i="1" s="1"/>
  <c r="A164183" i="1" s="1"/>
  <c r="A164184" i="1" s="1"/>
  <c r="A164185" i="1" s="1"/>
  <c r="A164186" i="1" s="1"/>
  <c r="A164187" i="1" s="1"/>
  <c r="A164188" i="1" s="1"/>
  <c r="A164189" i="1" s="1"/>
  <c r="A164190" i="1" s="1"/>
  <c r="A164191" i="1" s="1"/>
  <c r="A164192" i="1" s="1"/>
  <c r="A164193" i="1" s="1"/>
  <c r="A164194" i="1" s="1"/>
  <c r="A164195" i="1" s="1"/>
  <c r="A164196" i="1" s="1"/>
  <c r="A164197" i="1" s="1"/>
  <c r="A164198" i="1" s="1"/>
  <c r="A164199" i="1" s="1"/>
  <c r="A164200" i="1" s="1"/>
  <c r="A164201" i="1" s="1"/>
  <c r="A164202" i="1" s="1"/>
  <c r="A164203" i="1" s="1"/>
  <c r="A164204" i="1" s="1"/>
  <c r="A164205" i="1" s="1"/>
  <c r="A164206" i="1" s="1"/>
  <c r="A164207" i="1" s="1"/>
  <c r="A164208" i="1" s="1"/>
  <c r="A164209" i="1" s="1"/>
  <c r="A164210" i="1" s="1"/>
  <c r="A164211" i="1" s="1"/>
  <c r="A164212" i="1" s="1"/>
  <c r="A164213" i="1" s="1"/>
  <c r="A164214" i="1" s="1"/>
  <c r="A164215" i="1" s="1"/>
  <c r="A164216" i="1" s="1"/>
  <c r="A164217" i="1" s="1"/>
  <c r="A164218" i="1" s="1"/>
  <c r="A164219" i="1" s="1"/>
  <c r="A164220" i="1" s="1"/>
  <c r="A164221" i="1" s="1"/>
  <c r="A164222" i="1" s="1"/>
  <c r="A164223" i="1" s="1"/>
  <c r="A164224" i="1" s="1"/>
  <c r="A164225" i="1" s="1"/>
  <c r="A164226" i="1" s="1"/>
  <c r="A164227" i="1" s="1"/>
  <c r="A164228" i="1" s="1"/>
  <c r="A164229" i="1" s="1"/>
  <c r="A164230" i="1" s="1"/>
  <c r="A164231" i="1" s="1"/>
  <c r="A164232" i="1" s="1"/>
  <c r="A164233" i="1" s="1"/>
  <c r="A164234" i="1" s="1"/>
  <c r="A164235" i="1" s="1"/>
  <c r="A164236" i="1" s="1"/>
  <c r="A164237" i="1" s="1"/>
  <c r="A164238" i="1" s="1"/>
  <c r="A164239" i="1" s="1"/>
  <c r="A164240" i="1" s="1"/>
  <c r="A164241" i="1" s="1"/>
  <c r="A164242" i="1" s="1"/>
  <c r="A164243" i="1" s="1"/>
  <c r="A164244" i="1" s="1"/>
  <c r="A164245" i="1" s="1"/>
  <c r="A164246" i="1" s="1"/>
  <c r="A164247" i="1" s="1"/>
  <c r="A164248" i="1" s="1"/>
  <c r="A164249" i="1" s="1"/>
  <c r="A164250" i="1" s="1"/>
  <c r="A164251" i="1" s="1"/>
  <c r="A164252" i="1" s="1"/>
  <c r="A164253" i="1" s="1"/>
  <c r="A164254" i="1" s="1"/>
  <c r="A164255" i="1" s="1"/>
  <c r="A164256" i="1" s="1"/>
  <c r="A164257" i="1" s="1"/>
  <c r="A164258" i="1" s="1"/>
  <c r="A164259" i="1" s="1"/>
  <c r="A164260" i="1" s="1"/>
  <c r="A164261" i="1" s="1"/>
  <c r="A164262" i="1" s="1"/>
  <c r="A164263" i="1" s="1"/>
  <c r="A164264" i="1" s="1"/>
  <c r="A164265" i="1" s="1"/>
  <c r="A164266" i="1" s="1"/>
  <c r="A164267" i="1" s="1"/>
  <c r="A164268" i="1" s="1"/>
  <c r="A164269" i="1" s="1"/>
  <c r="A164270" i="1" s="1"/>
  <c r="A164271" i="1" s="1"/>
  <c r="A164272" i="1" s="1"/>
  <c r="A164273" i="1" s="1"/>
  <c r="A164274" i="1" s="1"/>
  <c r="A164275" i="1" s="1"/>
  <c r="A164276" i="1" s="1"/>
  <c r="A164277" i="1" s="1"/>
  <c r="A164278" i="1" s="1"/>
  <c r="A164279" i="1" s="1"/>
  <c r="A164280" i="1" s="1"/>
  <c r="A164281" i="1" s="1"/>
  <c r="A164282" i="1" s="1"/>
  <c r="A164283" i="1" s="1"/>
  <c r="A164284" i="1" s="1"/>
  <c r="A164285" i="1" s="1"/>
  <c r="A164286" i="1" s="1"/>
  <c r="A164287" i="1" s="1"/>
  <c r="A164288" i="1" s="1"/>
  <c r="A164289" i="1" s="1"/>
  <c r="A164290" i="1" s="1"/>
  <c r="A164291" i="1" s="1"/>
  <c r="A164292" i="1" s="1"/>
  <c r="A164293" i="1" s="1"/>
  <c r="A164294" i="1" s="1"/>
  <c r="A164295" i="1" s="1"/>
  <c r="A164296" i="1" s="1"/>
  <c r="A164297" i="1" s="1"/>
  <c r="A164298" i="1" s="1"/>
  <c r="A164299" i="1" s="1"/>
  <c r="A164300" i="1" s="1"/>
  <c r="A164301" i="1" s="1"/>
  <c r="A164302" i="1" s="1"/>
  <c r="A164303" i="1" s="1"/>
  <c r="A164304" i="1" s="1"/>
  <c r="A164305" i="1" s="1"/>
  <c r="A164306" i="1" s="1"/>
  <c r="A164307" i="1" s="1"/>
  <c r="A164308" i="1" s="1"/>
  <c r="A164309" i="1" s="1"/>
  <c r="A164310" i="1" s="1"/>
  <c r="A164311" i="1" s="1"/>
  <c r="A164312" i="1" s="1"/>
  <c r="A164313" i="1" s="1"/>
  <c r="A164314" i="1" s="1"/>
  <c r="A164315" i="1" s="1"/>
  <c r="A164316" i="1" s="1"/>
  <c r="A164317" i="1" s="1"/>
  <c r="A164318" i="1" s="1"/>
  <c r="A164319" i="1" s="1"/>
  <c r="A164320" i="1" s="1"/>
  <c r="A164321" i="1" s="1"/>
  <c r="A164322" i="1" s="1"/>
  <c r="A164323" i="1" s="1"/>
  <c r="A164324" i="1" s="1"/>
  <c r="A164325" i="1" s="1"/>
  <c r="A164326" i="1" s="1"/>
  <c r="A164327" i="1" s="1"/>
  <c r="A164328" i="1" s="1"/>
  <c r="A164329" i="1" s="1"/>
  <c r="A164330" i="1" s="1"/>
  <c r="A164331" i="1" s="1"/>
  <c r="A164332" i="1" s="1"/>
  <c r="A164333" i="1" s="1"/>
  <c r="A164334" i="1" s="1"/>
  <c r="A164335" i="1" s="1"/>
  <c r="A164336" i="1" s="1"/>
  <c r="A164337" i="1" s="1"/>
  <c r="A164338" i="1" s="1"/>
  <c r="A164339" i="1" s="1"/>
  <c r="A164340" i="1" s="1"/>
  <c r="A164341" i="1" s="1"/>
  <c r="A164342" i="1" s="1"/>
  <c r="A164343" i="1" s="1"/>
  <c r="A164344" i="1" s="1"/>
  <c r="A164345" i="1" s="1"/>
  <c r="A164346" i="1" s="1"/>
  <c r="A164347" i="1" s="1"/>
  <c r="A164348" i="1" s="1"/>
  <c r="A164349" i="1" s="1"/>
  <c r="A164350" i="1" s="1"/>
  <c r="A164351" i="1" s="1"/>
  <c r="A164352" i="1" s="1"/>
  <c r="A164353" i="1" s="1"/>
  <c r="A164354" i="1" s="1"/>
  <c r="A164355" i="1" s="1"/>
  <c r="A164356" i="1" s="1"/>
  <c r="A164357" i="1" s="1"/>
  <c r="A164358" i="1" s="1"/>
  <c r="A164359" i="1" s="1"/>
  <c r="A164360" i="1" s="1"/>
  <c r="A164361" i="1" s="1"/>
  <c r="A164362" i="1" s="1"/>
  <c r="A164363" i="1" s="1"/>
  <c r="A164364" i="1" s="1"/>
  <c r="A164365" i="1" s="1"/>
  <c r="A164366" i="1" s="1"/>
  <c r="A164367" i="1" s="1"/>
  <c r="A164368" i="1" s="1"/>
  <c r="A164369" i="1" s="1"/>
  <c r="A164370" i="1" s="1"/>
  <c r="A164371" i="1" s="1"/>
  <c r="A164372" i="1" s="1"/>
  <c r="A164373" i="1" s="1"/>
  <c r="A164374" i="1" s="1"/>
  <c r="A164375" i="1" s="1"/>
  <c r="A164376" i="1" s="1"/>
  <c r="A164377" i="1" s="1"/>
  <c r="A164378" i="1" s="1"/>
  <c r="A164379" i="1" s="1"/>
  <c r="A164380" i="1" s="1"/>
  <c r="A164381" i="1" s="1"/>
  <c r="A164382" i="1" s="1"/>
  <c r="A164383" i="1" s="1"/>
  <c r="A164384" i="1" s="1"/>
  <c r="A164385" i="1" s="1"/>
  <c r="A164386" i="1" s="1"/>
  <c r="A164387" i="1" s="1"/>
  <c r="A164388" i="1" s="1"/>
  <c r="A164389" i="1" s="1"/>
  <c r="A164390" i="1" s="1"/>
  <c r="A164391" i="1" s="1"/>
  <c r="A164392" i="1" s="1"/>
  <c r="A164393" i="1" s="1"/>
  <c r="A164394" i="1" s="1"/>
  <c r="A164395" i="1" s="1"/>
  <c r="A164396" i="1" s="1"/>
  <c r="A164397" i="1" s="1"/>
  <c r="A164398" i="1" s="1"/>
  <c r="A164399" i="1" s="1"/>
  <c r="A164400" i="1" s="1"/>
  <c r="A164401" i="1" s="1"/>
  <c r="A164402" i="1" s="1"/>
  <c r="A164403" i="1" s="1"/>
  <c r="A164404" i="1" s="1"/>
  <c r="A164405" i="1" s="1"/>
  <c r="A164406" i="1" s="1"/>
  <c r="A164407" i="1" s="1"/>
  <c r="A164408" i="1" s="1"/>
  <c r="A164409" i="1" s="1"/>
  <c r="A164410" i="1" s="1"/>
  <c r="A164411" i="1" s="1"/>
  <c r="A164412" i="1" s="1"/>
  <c r="A164413" i="1" s="1"/>
  <c r="A164414" i="1" s="1"/>
  <c r="A164415" i="1" s="1"/>
  <c r="A164416" i="1" s="1"/>
  <c r="A164417" i="1" s="1"/>
  <c r="A164418" i="1" s="1"/>
  <c r="A164419" i="1" s="1"/>
  <c r="A164420" i="1" s="1"/>
  <c r="A164421" i="1" s="1"/>
  <c r="A164422" i="1" s="1"/>
  <c r="A164423" i="1" s="1"/>
  <c r="A164424" i="1" s="1"/>
  <c r="A164425" i="1" s="1"/>
  <c r="A164426" i="1" s="1"/>
  <c r="A164427" i="1" s="1"/>
  <c r="A164428" i="1" s="1"/>
  <c r="A164429" i="1" s="1"/>
  <c r="A164430" i="1" s="1"/>
  <c r="A164431" i="1" s="1"/>
  <c r="A164432" i="1" s="1"/>
  <c r="A164433" i="1" s="1"/>
  <c r="A164434" i="1" s="1"/>
  <c r="A164435" i="1" s="1"/>
  <c r="A164436" i="1" s="1"/>
  <c r="A164437" i="1" s="1"/>
  <c r="A164438" i="1" s="1"/>
  <c r="A164439" i="1" s="1"/>
  <c r="A164440" i="1" s="1"/>
  <c r="A164441" i="1" s="1"/>
  <c r="A164442" i="1" s="1"/>
  <c r="A164443" i="1" s="1"/>
  <c r="A164444" i="1" s="1"/>
  <c r="A164445" i="1" s="1"/>
  <c r="A164446" i="1" s="1"/>
  <c r="A164447" i="1" s="1"/>
  <c r="A164448" i="1" s="1"/>
  <c r="A164449" i="1" s="1"/>
  <c r="A164450" i="1" s="1"/>
  <c r="A164451" i="1" s="1"/>
  <c r="A164452" i="1" s="1"/>
  <c r="A164453" i="1" s="1"/>
  <c r="A164454" i="1" s="1"/>
  <c r="A164455" i="1" s="1"/>
  <c r="A164456" i="1" s="1"/>
  <c r="A164457" i="1" s="1"/>
  <c r="A164458" i="1" s="1"/>
  <c r="A164459" i="1" s="1"/>
  <c r="A164460" i="1" s="1"/>
  <c r="A164461" i="1" s="1"/>
  <c r="A164462" i="1" s="1"/>
  <c r="A164463" i="1" s="1"/>
  <c r="A164464" i="1" s="1"/>
  <c r="A164465" i="1" s="1"/>
  <c r="A164466" i="1" s="1"/>
  <c r="A164467" i="1" s="1"/>
  <c r="A164468" i="1" s="1"/>
  <c r="A164469" i="1" s="1"/>
  <c r="A164470" i="1" s="1"/>
  <c r="A164471" i="1" s="1"/>
  <c r="A164472" i="1" s="1"/>
  <c r="A164473" i="1" s="1"/>
  <c r="A164474" i="1" s="1"/>
  <c r="A164475" i="1" s="1"/>
  <c r="A164476" i="1" s="1"/>
  <c r="A164477" i="1" s="1"/>
  <c r="A164478" i="1" s="1"/>
  <c r="A164479" i="1" s="1"/>
  <c r="A164480" i="1" s="1"/>
  <c r="A164481" i="1" s="1"/>
  <c r="A164482" i="1" s="1"/>
  <c r="A164483" i="1" s="1"/>
  <c r="A164484" i="1" s="1"/>
  <c r="A164485" i="1" s="1"/>
  <c r="A164486" i="1" s="1"/>
  <c r="A164487" i="1" s="1"/>
  <c r="A164488" i="1" s="1"/>
  <c r="A164489" i="1" s="1"/>
  <c r="A164490" i="1" s="1"/>
  <c r="A164491" i="1" s="1"/>
  <c r="A164492" i="1" s="1"/>
  <c r="A164493" i="1" s="1"/>
  <c r="A164494" i="1" s="1"/>
  <c r="A164495" i="1" s="1"/>
  <c r="A164496" i="1" s="1"/>
  <c r="A164497" i="1" s="1"/>
  <c r="A164498" i="1" s="1"/>
  <c r="A164499" i="1" s="1"/>
  <c r="A164500" i="1" s="1"/>
  <c r="A164501" i="1" s="1"/>
  <c r="A164502" i="1" s="1"/>
  <c r="A164503" i="1" s="1"/>
  <c r="A164504" i="1" s="1"/>
  <c r="A164505" i="1" s="1"/>
  <c r="A164506" i="1" s="1"/>
  <c r="A164507" i="1" s="1"/>
  <c r="A164508" i="1" s="1"/>
  <c r="A164509" i="1" s="1"/>
  <c r="A164510" i="1" s="1"/>
  <c r="A164511" i="1" s="1"/>
  <c r="A164512" i="1" s="1"/>
  <c r="A164513" i="1" s="1"/>
  <c r="A164514" i="1" s="1"/>
  <c r="A164515" i="1" s="1"/>
  <c r="A164516" i="1" s="1"/>
  <c r="A164517" i="1" s="1"/>
  <c r="A164518" i="1" s="1"/>
  <c r="A164519" i="1" s="1"/>
  <c r="A164520" i="1" s="1"/>
  <c r="A164521" i="1" s="1"/>
  <c r="A164522" i="1" s="1"/>
  <c r="A164523" i="1" s="1"/>
  <c r="A164524" i="1" s="1"/>
  <c r="A164525" i="1" s="1"/>
  <c r="A164526" i="1" s="1"/>
  <c r="A164527" i="1" s="1"/>
  <c r="A164528" i="1" s="1"/>
  <c r="A164529" i="1" s="1"/>
  <c r="A164530" i="1" s="1"/>
  <c r="A164531" i="1" s="1"/>
  <c r="A164532" i="1" s="1"/>
  <c r="A164533" i="1" s="1"/>
  <c r="A164534" i="1" s="1"/>
  <c r="A164535" i="1" s="1"/>
  <c r="A164536" i="1" s="1"/>
  <c r="A164537" i="1" s="1"/>
  <c r="A164538" i="1" s="1"/>
  <c r="A164539" i="1" s="1"/>
  <c r="A164540" i="1" s="1"/>
  <c r="A164541" i="1" s="1"/>
  <c r="A164542" i="1" s="1"/>
  <c r="A164543" i="1" s="1"/>
  <c r="A164544" i="1" s="1"/>
  <c r="A164545" i="1" s="1"/>
  <c r="A164546" i="1" s="1"/>
  <c r="A164547" i="1" s="1"/>
  <c r="A164548" i="1" s="1"/>
  <c r="A164549" i="1" s="1"/>
  <c r="A164550" i="1" s="1"/>
  <c r="A164551" i="1" s="1"/>
  <c r="A164552" i="1" s="1"/>
  <c r="A164553" i="1" s="1"/>
  <c r="A164554" i="1" s="1"/>
  <c r="A164555" i="1" s="1"/>
  <c r="A164556" i="1" s="1"/>
  <c r="A164557" i="1" s="1"/>
  <c r="A164558" i="1" s="1"/>
  <c r="A164559" i="1" s="1"/>
  <c r="A164560" i="1" s="1"/>
  <c r="A164561" i="1" s="1"/>
  <c r="A164562" i="1" s="1"/>
  <c r="A164563" i="1" s="1"/>
  <c r="A164564" i="1" s="1"/>
  <c r="A164565" i="1" s="1"/>
  <c r="A164566" i="1" s="1"/>
  <c r="A164567" i="1" s="1"/>
  <c r="A164568" i="1" s="1"/>
  <c r="A164569" i="1" s="1"/>
  <c r="A164570" i="1" s="1"/>
  <c r="A164571" i="1" s="1"/>
  <c r="A164572" i="1" s="1"/>
  <c r="A164573" i="1" s="1"/>
  <c r="A164574" i="1" s="1"/>
  <c r="A164575" i="1" s="1"/>
  <c r="A164576" i="1" s="1"/>
  <c r="A164577" i="1" s="1"/>
  <c r="A164578" i="1" s="1"/>
  <c r="A164579" i="1" s="1"/>
  <c r="A164580" i="1" s="1"/>
  <c r="A164581" i="1" s="1"/>
  <c r="A164582" i="1" s="1"/>
  <c r="A164583" i="1" s="1"/>
  <c r="A164584" i="1" s="1"/>
  <c r="A164585" i="1" s="1"/>
  <c r="A164586" i="1" s="1"/>
  <c r="A164587" i="1" s="1"/>
  <c r="A164588" i="1" s="1"/>
  <c r="A164589" i="1" s="1"/>
  <c r="A164590" i="1" s="1"/>
  <c r="A164591" i="1" s="1"/>
  <c r="A164592" i="1" s="1"/>
  <c r="A164593" i="1" s="1"/>
  <c r="A164594" i="1" s="1"/>
  <c r="A164595" i="1" s="1"/>
  <c r="A164596" i="1" s="1"/>
  <c r="A164597" i="1" s="1"/>
  <c r="A164598" i="1" s="1"/>
  <c r="A164599" i="1" s="1"/>
  <c r="A164600" i="1" s="1"/>
  <c r="A164601" i="1" s="1"/>
  <c r="A164602" i="1" s="1"/>
  <c r="A164603" i="1" s="1"/>
  <c r="A164604" i="1" s="1"/>
  <c r="A164605" i="1" s="1"/>
  <c r="A164606" i="1" s="1"/>
  <c r="A164607" i="1" s="1"/>
  <c r="A164608" i="1" s="1"/>
  <c r="A164609" i="1" s="1"/>
  <c r="A164610" i="1" s="1"/>
  <c r="A164611" i="1" s="1"/>
  <c r="A164612" i="1" s="1"/>
  <c r="A164613" i="1" s="1"/>
  <c r="A164614" i="1" s="1"/>
  <c r="A164615" i="1" s="1"/>
  <c r="A164616" i="1" s="1"/>
  <c r="A164617" i="1" s="1"/>
  <c r="A164618" i="1" s="1"/>
  <c r="A164619" i="1" s="1"/>
  <c r="A164620" i="1" s="1"/>
  <c r="A164621" i="1" s="1"/>
  <c r="A164622" i="1" s="1"/>
  <c r="A164623" i="1" s="1"/>
  <c r="A164624" i="1" s="1"/>
  <c r="A164625" i="1" s="1"/>
  <c r="A164626" i="1" s="1"/>
  <c r="A164627" i="1" s="1"/>
  <c r="A164628" i="1" s="1"/>
  <c r="A164629" i="1" s="1"/>
  <c r="A164630" i="1" s="1"/>
  <c r="A164631" i="1" s="1"/>
  <c r="A164632" i="1" s="1"/>
  <c r="A164633" i="1" s="1"/>
  <c r="A164634" i="1" s="1"/>
  <c r="A164635" i="1" s="1"/>
  <c r="A164636" i="1" s="1"/>
  <c r="A164637" i="1" s="1"/>
  <c r="A164638" i="1" s="1"/>
  <c r="A164639" i="1" s="1"/>
  <c r="A164640" i="1" s="1"/>
  <c r="A164641" i="1" s="1"/>
  <c r="A164642" i="1" s="1"/>
  <c r="A164643" i="1" s="1"/>
  <c r="A164644" i="1" s="1"/>
  <c r="A164645" i="1" s="1"/>
  <c r="A164646" i="1" s="1"/>
  <c r="A164647" i="1" s="1"/>
  <c r="A164648" i="1" s="1"/>
  <c r="A164649" i="1" s="1"/>
  <c r="A164650" i="1" s="1"/>
  <c r="A164651" i="1" s="1"/>
  <c r="A164652" i="1" s="1"/>
  <c r="A164653" i="1" s="1"/>
  <c r="A164654" i="1" s="1"/>
  <c r="A164655" i="1" s="1"/>
  <c r="A164656" i="1" s="1"/>
  <c r="A164657" i="1" s="1"/>
  <c r="A164658" i="1" s="1"/>
  <c r="A164659" i="1" s="1"/>
  <c r="A164660" i="1" s="1"/>
  <c r="A164661" i="1" s="1"/>
  <c r="A164662" i="1" s="1"/>
  <c r="A164663" i="1" s="1"/>
  <c r="A164664" i="1" s="1"/>
  <c r="A164665" i="1" s="1"/>
  <c r="A164666" i="1" s="1"/>
  <c r="A164667" i="1" s="1"/>
  <c r="A164668" i="1" s="1"/>
  <c r="A164669" i="1" s="1"/>
  <c r="A164670" i="1" s="1"/>
  <c r="A164671" i="1" s="1"/>
  <c r="A164672" i="1" s="1"/>
  <c r="A164673" i="1" s="1"/>
  <c r="A164674" i="1" s="1"/>
  <c r="A164675" i="1" s="1"/>
  <c r="A164676" i="1" s="1"/>
  <c r="A164677" i="1" s="1"/>
  <c r="A164678" i="1" s="1"/>
  <c r="A164679" i="1" s="1"/>
  <c r="A164680" i="1" s="1"/>
  <c r="A164681" i="1" s="1"/>
  <c r="A164682" i="1" s="1"/>
  <c r="A164683" i="1" s="1"/>
  <c r="A164684" i="1" s="1"/>
  <c r="A164685" i="1" s="1"/>
  <c r="A164686" i="1" s="1"/>
  <c r="A164687" i="1" s="1"/>
  <c r="A164688" i="1" s="1"/>
  <c r="A164689" i="1" s="1"/>
  <c r="A164690" i="1" s="1"/>
  <c r="A164691" i="1" s="1"/>
  <c r="A164692" i="1" s="1"/>
  <c r="A164693" i="1" s="1"/>
  <c r="A164694" i="1" s="1"/>
  <c r="A164695" i="1" s="1"/>
  <c r="A164696" i="1" s="1"/>
  <c r="A164697" i="1" s="1"/>
  <c r="A164698" i="1" s="1"/>
  <c r="A164699" i="1" s="1"/>
  <c r="A164700" i="1" s="1"/>
  <c r="A164701" i="1" s="1"/>
  <c r="A164702" i="1" s="1"/>
  <c r="A164703" i="1" s="1"/>
  <c r="A164704" i="1" s="1"/>
  <c r="A164705" i="1" s="1"/>
  <c r="A164706" i="1" s="1"/>
  <c r="A164707" i="1" s="1"/>
  <c r="A164708" i="1" s="1"/>
  <c r="A164709" i="1" s="1"/>
  <c r="A164710" i="1" s="1"/>
  <c r="A164711" i="1" s="1"/>
  <c r="A164712" i="1" s="1"/>
  <c r="A164713" i="1" s="1"/>
  <c r="A164714" i="1" s="1"/>
  <c r="A164715" i="1" s="1"/>
  <c r="A164716" i="1" s="1"/>
  <c r="A164717" i="1" s="1"/>
  <c r="A164718" i="1" s="1"/>
  <c r="A164719" i="1" s="1"/>
  <c r="A164720" i="1" s="1"/>
  <c r="A164721" i="1" s="1"/>
  <c r="A164722" i="1" s="1"/>
  <c r="A164723" i="1" s="1"/>
  <c r="A164724" i="1" s="1"/>
  <c r="A164725" i="1" s="1"/>
  <c r="A164726" i="1" s="1"/>
  <c r="A164727" i="1" s="1"/>
  <c r="A164728" i="1" s="1"/>
  <c r="A164729" i="1" s="1"/>
  <c r="A164730" i="1" s="1"/>
  <c r="A164731" i="1" s="1"/>
  <c r="A164732" i="1" s="1"/>
  <c r="A164733" i="1" s="1"/>
  <c r="A164734" i="1" s="1"/>
  <c r="A164735" i="1" s="1"/>
  <c r="A164736" i="1" s="1"/>
  <c r="A164737" i="1" s="1"/>
  <c r="A164738" i="1" s="1"/>
  <c r="A164739" i="1" s="1"/>
  <c r="A164740" i="1" s="1"/>
  <c r="A164741" i="1" s="1"/>
  <c r="A164742" i="1" s="1"/>
  <c r="A164743" i="1" s="1"/>
  <c r="A164744" i="1" s="1"/>
  <c r="A164745" i="1" s="1"/>
  <c r="A164746" i="1" s="1"/>
  <c r="A164747" i="1" s="1"/>
  <c r="A164748" i="1" s="1"/>
  <c r="A164749" i="1" s="1"/>
  <c r="A164750" i="1" s="1"/>
  <c r="A164751" i="1" s="1"/>
  <c r="A164752" i="1" s="1"/>
  <c r="A164753" i="1" s="1"/>
  <c r="A164754" i="1" s="1"/>
  <c r="A164755" i="1" s="1"/>
  <c r="A164756" i="1" s="1"/>
  <c r="A164757" i="1" s="1"/>
  <c r="A164758" i="1" s="1"/>
  <c r="A164759" i="1" s="1"/>
  <c r="A164760" i="1" s="1"/>
  <c r="A164761" i="1" s="1"/>
  <c r="A164762" i="1" s="1"/>
  <c r="A164763" i="1" s="1"/>
  <c r="A164764" i="1" s="1"/>
  <c r="A164765" i="1" s="1"/>
  <c r="A164766" i="1" s="1"/>
  <c r="A164767" i="1" s="1"/>
  <c r="A164768" i="1" s="1"/>
  <c r="A164769" i="1" s="1"/>
  <c r="A164770" i="1" s="1"/>
  <c r="A164771" i="1" s="1"/>
  <c r="A164772" i="1" s="1"/>
  <c r="A164773" i="1" s="1"/>
  <c r="A164774" i="1" s="1"/>
  <c r="A164775" i="1" s="1"/>
  <c r="A164776" i="1" s="1"/>
  <c r="A164777" i="1" s="1"/>
  <c r="A164778" i="1" s="1"/>
  <c r="A164779" i="1" s="1"/>
  <c r="A164780" i="1" s="1"/>
  <c r="A164781" i="1" s="1"/>
  <c r="A164782" i="1" s="1"/>
  <c r="A164783" i="1" s="1"/>
  <c r="A164784" i="1" s="1"/>
  <c r="A164785" i="1" s="1"/>
  <c r="A164786" i="1" s="1"/>
  <c r="A164787" i="1" s="1"/>
  <c r="A164788" i="1" s="1"/>
  <c r="A164789" i="1" s="1"/>
  <c r="A164790" i="1" s="1"/>
  <c r="A164791" i="1" s="1"/>
  <c r="A164792" i="1" s="1"/>
  <c r="A164793" i="1" s="1"/>
  <c r="A164794" i="1" s="1"/>
  <c r="A164795" i="1" s="1"/>
  <c r="A164796" i="1" s="1"/>
  <c r="A164797" i="1" s="1"/>
  <c r="A164798" i="1" s="1"/>
  <c r="A164799" i="1" s="1"/>
  <c r="A164800" i="1" s="1"/>
  <c r="A164801" i="1" s="1"/>
  <c r="A164802" i="1" s="1"/>
  <c r="A164803" i="1" s="1"/>
  <c r="A164804" i="1" s="1"/>
  <c r="A164805" i="1" s="1"/>
  <c r="A164806" i="1" s="1"/>
  <c r="A164807" i="1" s="1"/>
  <c r="A164808" i="1" s="1"/>
  <c r="A164809" i="1" s="1"/>
  <c r="A164810" i="1" s="1"/>
  <c r="A164811" i="1" s="1"/>
  <c r="A164812" i="1" s="1"/>
  <c r="A164813" i="1" s="1"/>
  <c r="A164814" i="1" s="1"/>
  <c r="A164815" i="1" s="1"/>
  <c r="A164816" i="1" s="1"/>
  <c r="A164817" i="1" s="1"/>
  <c r="A164818" i="1" s="1"/>
  <c r="A164819" i="1" s="1"/>
  <c r="A164820" i="1" s="1"/>
  <c r="A164821" i="1" s="1"/>
  <c r="A164822" i="1" s="1"/>
  <c r="A164823" i="1" s="1"/>
  <c r="A164824" i="1" s="1"/>
  <c r="A164825" i="1" s="1"/>
  <c r="A164826" i="1" s="1"/>
  <c r="A164827" i="1" s="1"/>
  <c r="A164828" i="1" s="1"/>
  <c r="A164829" i="1" s="1"/>
  <c r="A164830" i="1" s="1"/>
  <c r="A164831" i="1" s="1"/>
  <c r="A164832" i="1" s="1"/>
  <c r="A164833" i="1" s="1"/>
  <c r="A164834" i="1" s="1"/>
  <c r="A164835" i="1" s="1"/>
  <c r="A164836" i="1" s="1"/>
  <c r="A164837" i="1" s="1"/>
  <c r="A164838" i="1" s="1"/>
  <c r="A164839" i="1" s="1"/>
  <c r="A164840" i="1" s="1"/>
  <c r="A164841" i="1" s="1"/>
  <c r="A164842" i="1" s="1"/>
  <c r="A164843" i="1" s="1"/>
  <c r="A164844" i="1" s="1"/>
  <c r="A164845" i="1" s="1"/>
  <c r="A164846" i="1" s="1"/>
  <c r="A164847" i="1" s="1"/>
  <c r="A164848" i="1" s="1"/>
  <c r="A164849" i="1" s="1"/>
  <c r="A164850" i="1" s="1"/>
  <c r="A164851" i="1" s="1"/>
  <c r="A164852" i="1" s="1"/>
  <c r="A164853" i="1" s="1"/>
  <c r="A164854" i="1" s="1"/>
  <c r="A164855" i="1" s="1"/>
  <c r="A164856" i="1" s="1"/>
  <c r="A164857" i="1" s="1"/>
  <c r="A164858" i="1" s="1"/>
  <c r="A164859" i="1" s="1"/>
  <c r="A164860" i="1" s="1"/>
  <c r="A164861" i="1" s="1"/>
  <c r="A164862" i="1" s="1"/>
  <c r="A164863" i="1" s="1"/>
  <c r="A164864" i="1" s="1"/>
  <c r="A164865" i="1" s="1"/>
  <c r="A164866" i="1" s="1"/>
  <c r="A164867" i="1" s="1"/>
  <c r="A164868" i="1" s="1"/>
  <c r="A164869" i="1" s="1"/>
  <c r="A164870" i="1" s="1"/>
  <c r="A164871" i="1" s="1"/>
  <c r="A164872" i="1" s="1"/>
  <c r="A164873" i="1" s="1"/>
  <c r="A164874" i="1" s="1"/>
  <c r="A164875" i="1" s="1"/>
  <c r="A164876" i="1" s="1"/>
  <c r="A164877" i="1" s="1"/>
  <c r="A164878" i="1" s="1"/>
  <c r="A164879" i="1" s="1"/>
  <c r="A164880" i="1" s="1"/>
  <c r="A164881" i="1" s="1"/>
  <c r="A164882" i="1" s="1"/>
  <c r="A164883" i="1" s="1"/>
  <c r="A164884" i="1" s="1"/>
  <c r="A164885" i="1" s="1"/>
  <c r="A164886" i="1" s="1"/>
  <c r="A164887" i="1" s="1"/>
  <c r="A164888" i="1" s="1"/>
  <c r="A164889" i="1" s="1"/>
  <c r="A164890" i="1" s="1"/>
  <c r="A164891" i="1" s="1"/>
  <c r="A164892" i="1" s="1"/>
  <c r="A164893" i="1" s="1"/>
  <c r="A164894" i="1" s="1"/>
  <c r="A164895" i="1" s="1"/>
  <c r="A164896" i="1" s="1"/>
  <c r="A164897" i="1" s="1"/>
  <c r="A164898" i="1" s="1"/>
  <c r="A164899" i="1" s="1"/>
  <c r="A164900" i="1" s="1"/>
  <c r="A164901" i="1" s="1"/>
  <c r="A164902" i="1" s="1"/>
  <c r="A164903" i="1" s="1"/>
  <c r="A164904" i="1" s="1"/>
  <c r="A164905" i="1" s="1"/>
  <c r="A164906" i="1" s="1"/>
  <c r="A164907" i="1" s="1"/>
  <c r="A164908" i="1" s="1"/>
  <c r="A164909" i="1" s="1"/>
  <c r="A164910" i="1" s="1"/>
  <c r="A164911" i="1" s="1"/>
  <c r="A164912" i="1" s="1"/>
  <c r="A164913" i="1" s="1"/>
  <c r="A164914" i="1" s="1"/>
  <c r="A164915" i="1" s="1"/>
  <c r="A164916" i="1" s="1"/>
  <c r="A164917" i="1" s="1"/>
  <c r="A164918" i="1" s="1"/>
  <c r="A164919" i="1" s="1"/>
  <c r="A164920" i="1" s="1"/>
  <c r="A164921" i="1" s="1"/>
  <c r="A164922" i="1" s="1"/>
  <c r="A164923" i="1" s="1"/>
  <c r="A164924" i="1" s="1"/>
  <c r="A164925" i="1" s="1"/>
  <c r="A164926" i="1" s="1"/>
  <c r="A164927" i="1" s="1"/>
  <c r="A164928" i="1" s="1"/>
  <c r="A164929" i="1" s="1"/>
  <c r="A164930" i="1" s="1"/>
  <c r="A164931" i="1" s="1"/>
  <c r="A164932" i="1" s="1"/>
  <c r="A164933" i="1" s="1"/>
  <c r="A164934" i="1" s="1"/>
  <c r="A164935" i="1" s="1"/>
  <c r="A164936" i="1" s="1"/>
  <c r="A164937" i="1" s="1"/>
  <c r="A164938" i="1" s="1"/>
  <c r="A164939" i="1" s="1"/>
  <c r="A164940" i="1" s="1"/>
  <c r="A164941" i="1" s="1"/>
  <c r="A164942" i="1" s="1"/>
  <c r="A164943" i="1" s="1"/>
  <c r="A164944" i="1" s="1"/>
  <c r="A164945" i="1" s="1"/>
  <c r="A164946" i="1" s="1"/>
  <c r="A164947" i="1" s="1"/>
  <c r="A164948" i="1" s="1"/>
  <c r="A164949" i="1" s="1"/>
  <c r="A164950" i="1" s="1"/>
  <c r="A164951" i="1" s="1"/>
  <c r="A164952" i="1" s="1"/>
  <c r="A164953" i="1" s="1"/>
  <c r="A164954" i="1" s="1"/>
  <c r="A164955" i="1" s="1"/>
  <c r="A164956" i="1" s="1"/>
  <c r="A164957" i="1" s="1"/>
  <c r="A164958" i="1" s="1"/>
  <c r="A164959" i="1" s="1"/>
  <c r="A164960" i="1" s="1"/>
  <c r="A164961" i="1" s="1"/>
  <c r="A164962" i="1" s="1"/>
  <c r="A164963" i="1" s="1"/>
  <c r="A164964" i="1" s="1"/>
  <c r="A164965" i="1" s="1"/>
  <c r="A164966" i="1" s="1"/>
  <c r="A164967" i="1" s="1"/>
  <c r="A164968" i="1" s="1"/>
  <c r="A164969" i="1" s="1"/>
  <c r="A164970" i="1" s="1"/>
  <c r="A164971" i="1" s="1"/>
  <c r="A164972" i="1" s="1"/>
  <c r="A164973" i="1" s="1"/>
  <c r="A164974" i="1" s="1"/>
  <c r="A164975" i="1" s="1"/>
  <c r="A164976" i="1" s="1"/>
  <c r="A164977" i="1" s="1"/>
  <c r="A164978" i="1" s="1"/>
  <c r="A164979" i="1" s="1"/>
  <c r="A164980" i="1" s="1"/>
  <c r="A164981" i="1" s="1"/>
  <c r="A164982" i="1" s="1"/>
  <c r="A164983" i="1" s="1"/>
  <c r="A164984" i="1" s="1"/>
  <c r="A164985" i="1" s="1"/>
  <c r="A164986" i="1" s="1"/>
  <c r="A164987" i="1" s="1"/>
  <c r="A164988" i="1" s="1"/>
  <c r="A164989" i="1" s="1"/>
  <c r="A164990" i="1" s="1"/>
  <c r="A164991" i="1" s="1"/>
  <c r="A164992" i="1" s="1"/>
  <c r="A164993" i="1" s="1"/>
  <c r="A164994" i="1" s="1"/>
  <c r="A164995" i="1" s="1"/>
  <c r="A164996" i="1" s="1"/>
  <c r="A164997" i="1" s="1"/>
  <c r="A164998" i="1" s="1"/>
  <c r="A164999" i="1" s="1"/>
  <c r="A165000" i="1" s="1"/>
  <c r="A165001" i="1" s="1"/>
  <c r="A165002" i="1" s="1"/>
  <c r="A165003" i="1" s="1"/>
  <c r="A165004" i="1" s="1"/>
  <c r="A165005" i="1" s="1"/>
  <c r="A165006" i="1" s="1"/>
  <c r="A165007" i="1" s="1"/>
  <c r="A165008" i="1" s="1"/>
  <c r="A165009" i="1" s="1"/>
  <c r="A165010" i="1" s="1"/>
  <c r="A165011" i="1" s="1"/>
  <c r="A165012" i="1" s="1"/>
  <c r="A165013" i="1" s="1"/>
  <c r="A165014" i="1" s="1"/>
  <c r="A165015" i="1" s="1"/>
  <c r="A165016" i="1" s="1"/>
  <c r="A165017" i="1" s="1"/>
  <c r="A165018" i="1" s="1"/>
  <c r="A165019" i="1" s="1"/>
  <c r="A165020" i="1" s="1"/>
  <c r="A165021" i="1" s="1"/>
  <c r="A165022" i="1" s="1"/>
  <c r="A165023" i="1" s="1"/>
  <c r="A165024" i="1" s="1"/>
  <c r="A165025" i="1" s="1"/>
  <c r="A165026" i="1" s="1"/>
  <c r="A165027" i="1" s="1"/>
  <c r="A165028" i="1" s="1"/>
  <c r="A165029" i="1" s="1"/>
  <c r="A165030" i="1" s="1"/>
  <c r="A165031" i="1" s="1"/>
  <c r="A165032" i="1" s="1"/>
  <c r="A165033" i="1" s="1"/>
  <c r="A165034" i="1" s="1"/>
  <c r="A165035" i="1" s="1"/>
  <c r="A165036" i="1" s="1"/>
  <c r="A165037" i="1" s="1"/>
  <c r="A165038" i="1" s="1"/>
  <c r="A165039" i="1" s="1"/>
  <c r="A165040" i="1" s="1"/>
  <c r="A165041" i="1" s="1"/>
  <c r="A165042" i="1" s="1"/>
  <c r="A165043" i="1" s="1"/>
  <c r="A165044" i="1" s="1"/>
  <c r="A165045" i="1" s="1"/>
  <c r="A165046" i="1" s="1"/>
  <c r="A165047" i="1" s="1"/>
  <c r="A165048" i="1" s="1"/>
  <c r="A165049" i="1" s="1"/>
  <c r="A165050" i="1" s="1"/>
  <c r="A165051" i="1" s="1"/>
  <c r="A165052" i="1" s="1"/>
  <c r="A165053" i="1" s="1"/>
  <c r="A165054" i="1" s="1"/>
  <c r="A165055" i="1" s="1"/>
  <c r="A165056" i="1" s="1"/>
  <c r="A165057" i="1" s="1"/>
  <c r="A165058" i="1" s="1"/>
  <c r="A165059" i="1" s="1"/>
  <c r="A165060" i="1" s="1"/>
  <c r="A165061" i="1" s="1"/>
  <c r="A165062" i="1" s="1"/>
  <c r="A165063" i="1" s="1"/>
  <c r="A165064" i="1" s="1"/>
  <c r="A165065" i="1" s="1"/>
  <c r="A165066" i="1" s="1"/>
  <c r="A165067" i="1" s="1"/>
  <c r="A165068" i="1" s="1"/>
  <c r="A165069" i="1" s="1"/>
  <c r="A165070" i="1" s="1"/>
  <c r="A165071" i="1" s="1"/>
  <c r="A165072" i="1" s="1"/>
  <c r="A165073" i="1" s="1"/>
  <c r="A165074" i="1" s="1"/>
  <c r="A165075" i="1" s="1"/>
  <c r="A165076" i="1" s="1"/>
  <c r="A165077" i="1" s="1"/>
  <c r="A165078" i="1" s="1"/>
  <c r="A165079" i="1" s="1"/>
  <c r="A165080" i="1" s="1"/>
  <c r="A165081" i="1" s="1"/>
  <c r="A165082" i="1" s="1"/>
  <c r="A165083" i="1" s="1"/>
  <c r="A165084" i="1" s="1"/>
  <c r="A165085" i="1" s="1"/>
  <c r="A165086" i="1" s="1"/>
  <c r="A165087" i="1" s="1"/>
  <c r="A165088" i="1" s="1"/>
  <c r="A165089" i="1" s="1"/>
  <c r="A165090" i="1" s="1"/>
  <c r="A165091" i="1" s="1"/>
  <c r="A165092" i="1" s="1"/>
  <c r="A165093" i="1" s="1"/>
  <c r="A165094" i="1" s="1"/>
  <c r="A165095" i="1" s="1"/>
  <c r="A165096" i="1" s="1"/>
  <c r="A165097" i="1" s="1"/>
  <c r="A165098" i="1" s="1"/>
  <c r="A165099" i="1" s="1"/>
  <c r="A165100" i="1" s="1"/>
  <c r="A165101" i="1" s="1"/>
  <c r="A165102" i="1" s="1"/>
  <c r="A165103" i="1" s="1"/>
  <c r="A165104" i="1" s="1"/>
  <c r="A165105" i="1" s="1"/>
  <c r="A165106" i="1" s="1"/>
  <c r="A165107" i="1" s="1"/>
  <c r="A165108" i="1" s="1"/>
  <c r="A165109" i="1" s="1"/>
  <c r="A165110" i="1" s="1"/>
  <c r="A165111" i="1" s="1"/>
  <c r="A165112" i="1" s="1"/>
  <c r="A165113" i="1" s="1"/>
  <c r="A165114" i="1" s="1"/>
  <c r="A165115" i="1" s="1"/>
  <c r="A165116" i="1" s="1"/>
  <c r="A165117" i="1" s="1"/>
  <c r="A165118" i="1" s="1"/>
  <c r="A165119" i="1" s="1"/>
  <c r="A165120" i="1" s="1"/>
  <c r="A165121" i="1" s="1"/>
  <c r="A165122" i="1" s="1"/>
  <c r="A165123" i="1" s="1"/>
  <c r="A165124" i="1" s="1"/>
  <c r="A165125" i="1" s="1"/>
  <c r="A165126" i="1" s="1"/>
  <c r="A165127" i="1" s="1"/>
  <c r="A165128" i="1" s="1"/>
  <c r="A165129" i="1" s="1"/>
  <c r="A165130" i="1" s="1"/>
  <c r="A165131" i="1" s="1"/>
  <c r="A165132" i="1" s="1"/>
  <c r="A165133" i="1" s="1"/>
  <c r="A165134" i="1" s="1"/>
  <c r="A165135" i="1" s="1"/>
  <c r="A165136" i="1" s="1"/>
  <c r="A165137" i="1" s="1"/>
  <c r="A165138" i="1" s="1"/>
  <c r="A165139" i="1" s="1"/>
  <c r="A165140" i="1" s="1"/>
  <c r="A165141" i="1" s="1"/>
  <c r="A165142" i="1" s="1"/>
  <c r="A165143" i="1" s="1"/>
  <c r="A165144" i="1" s="1"/>
  <c r="A165145" i="1" s="1"/>
  <c r="A165146" i="1" s="1"/>
  <c r="A165147" i="1" s="1"/>
  <c r="A165148" i="1" s="1"/>
  <c r="A165149" i="1" s="1"/>
  <c r="A165150" i="1" s="1"/>
  <c r="A165151" i="1" s="1"/>
  <c r="A165152" i="1" s="1"/>
  <c r="A165153" i="1" s="1"/>
  <c r="A165154" i="1" s="1"/>
  <c r="A165155" i="1" s="1"/>
  <c r="A165156" i="1" s="1"/>
  <c r="A165157" i="1" s="1"/>
  <c r="A165158" i="1" s="1"/>
  <c r="A165159" i="1" s="1"/>
  <c r="A165160" i="1" s="1"/>
  <c r="A165161" i="1" s="1"/>
  <c r="A165162" i="1" s="1"/>
  <c r="A165163" i="1" s="1"/>
  <c r="A165164" i="1" s="1"/>
  <c r="A165165" i="1" s="1"/>
  <c r="A165166" i="1" s="1"/>
  <c r="A165167" i="1" s="1"/>
  <c r="A165168" i="1" s="1"/>
  <c r="A165169" i="1" s="1"/>
  <c r="A165170" i="1" s="1"/>
  <c r="A165171" i="1" s="1"/>
  <c r="A165172" i="1" s="1"/>
  <c r="A165173" i="1" s="1"/>
  <c r="A165174" i="1" s="1"/>
  <c r="A165175" i="1" s="1"/>
  <c r="A165176" i="1" s="1"/>
  <c r="A165177" i="1" s="1"/>
  <c r="A165178" i="1" s="1"/>
  <c r="A165179" i="1" s="1"/>
  <c r="A165180" i="1" s="1"/>
  <c r="A165181" i="1" s="1"/>
  <c r="A165182" i="1" s="1"/>
  <c r="A165183" i="1" s="1"/>
  <c r="A165184" i="1" s="1"/>
  <c r="A165185" i="1" s="1"/>
  <c r="A165186" i="1" s="1"/>
  <c r="A165187" i="1" s="1"/>
  <c r="A165188" i="1" s="1"/>
  <c r="A165189" i="1" s="1"/>
  <c r="A165190" i="1" s="1"/>
  <c r="A165191" i="1" s="1"/>
  <c r="A165192" i="1" s="1"/>
  <c r="A165193" i="1" s="1"/>
  <c r="A165194" i="1" s="1"/>
  <c r="A165195" i="1" s="1"/>
  <c r="A165196" i="1" s="1"/>
  <c r="A165197" i="1" s="1"/>
  <c r="A165198" i="1" s="1"/>
  <c r="A165199" i="1" s="1"/>
  <c r="A165200" i="1" s="1"/>
  <c r="A165201" i="1" s="1"/>
  <c r="A165202" i="1" s="1"/>
  <c r="A165203" i="1" s="1"/>
  <c r="A165204" i="1" s="1"/>
  <c r="A165205" i="1" s="1"/>
  <c r="A165206" i="1" s="1"/>
  <c r="A165207" i="1" s="1"/>
  <c r="A165208" i="1" s="1"/>
  <c r="A165209" i="1" s="1"/>
  <c r="A165210" i="1" s="1"/>
  <c r="A165211" i="1" s="1"/>
  <c r="A165212" i="1" s="1"/>
  <c r="A165213" i="1" s="1"/>
  <c r="A165214" i="1" s="1"/>
  <c r="A165215" i="1" s="1"/>
  <c r="A165216" i="1" s="1"/>
  <c r="A165217" i="1" s="1"/>
  <c r="A165218" i="1" s="1"/>
  <c r="A165219" i="1" s="1"/>
  <c r="A165220" i="1" s="1"/>
  <c r="A165221" i="1" s="1"/>
  <c r="A165222" i="1" s="1"/>
  <c r="A165223" i="1" s="1"/>
  <c r="A165224" i="1" s="1"/>
  <c r="A165225" i="1" s="1"/>
  <c r="A165226" i="1" s="1"/>
  <c r="A165227" i="1" s="1"/>
  <c r="A165228" i="1" s="1"/>
  <c r="A165229" i="1" s="1"/>
  <c r="A165230" i="1" s="1"/>
  <c r="A165231" i="1" s="1"/>
  <c r="A165232" i="1" s="1"/>
  <c r="A165233" i="1" s="1"/>
  <c r="A165234" i="1" s="1"/>
  <c r="A165235" i="1" s="1"/>
  <c r="A165236" i="1" s="1"/>
  <c r="A165237" i="1" s="1"/>
  <c r="A165238" i="1" s="1"/>
  <c r="A165239" i="1" s="1"/>
  <c r="A165240" i="1" s="1"/>
  <c r="A165241" i="1" s="1"/>
  <c r="A165242" i="1" s="1"/>
  <c r="A165243" i="1" s="1"/>
  <c r="A165244" i="1" s="1"/>
  <c r="A165245" i="1" s="1"/>
  <c r="A165246" i="1" s="1"/>
  <c r="A165247" i="1" s="1"/>
  <c r="A165248" i="1" s="1"/>
  <c r="A165249" i="1" s="1"/>
  <c r="A165250" i="1" s="1"/>
  <c r="A165251" i="1" s="1"/>
  <c r="A165252" i="1" s="1"/>
  <c r="A165253" i="1" s="1"/>
  <c r="A165254" i="1" s="1"/>
  <c r="A165255" i="1" s="1"/>
  <c r="A165256" i="1" s="1"/>
  <c r="A165257" i="1" s="1"/>
  <c r="A165258" i="1" s="1"/>
  <c r="A165259" i="1" s="1"/>
  <c r="A165260" i="1" s="1"/>
  <c r="A165261" i="1" s="1"/>
  <c r="A165262" i="1" s="1"/>
  <c r="A165263" i="1" s="1"/>
  <c r="A165264" i="1" s="1"/>
  <c r="A165265" i="1" s="1"/>
  <c r="A165266" i="1" s="1"/>
  <c r="A165267" i="1" s="1"/>
  <c r="A165268" i="1" s="1"/>
  <c r="A165269" i="1" s="1"/>
  <c r="A165270" i="1" s="1"/>
  <c r="A165271" i="1" s="1"/>
  <c r="A165272" i="1" s="1"/>
  <c r="A165273" i="1" s="1"/>
  <c r="A165274" i="1" s="1"/>
  <c r="A165275" i="1" s="1"/>
  <c r="A165276" i="1" s="1"/>
  <c r="A165277" i="1" s="1"/>
  <c r="A165278" i="1" s="1"/>
  <c r="A165279" i="1" s="1"/>
  <c r="A165280" i="1" s="1"/>
  <c r="A165281" i="1" s="1"/>
  <c r="A165282" i="1" s="1"/>
  <c r="A165283" i="1" s="1"/>
  <c r="A165284" i="1" s="1"/>
  <c r="A165285" i="1" s="1"/>
  <c r="A165286" i="1" s="1"/>
  <c r="A165287" i="1" s="1"/>
  <c r="A165288" i="1" s="1"/>
  <c r="A165289" i="1" s="1"/>
  <c r="A165290" i="1" s="1"/>
  <c r="A165291" i="1" s="1"/>
  <c r="A165292" i="1" s="1"/>
  <c r="A165293" i="1" s="1"/>
  <c r="A165294" i="1" s="1"/>
  <c r="A165295" i="1" s="1"/>
  <c r="A165296" i="1" s="1"/>
  <c r="A165297" i="1" s="1"/>
  <c r="A165298" i="1" s="1"/>
  <c r="A165299" i="1" s="1"/>
  <c r="A165300" i="1" s="1"/>
  <c r="A165301" i="1" s="1"/>
  <c r="A165302" i="1" s="1"/>
  <c r="A165303" i="1" s="1"/>
  <c r="A165304" i="1" s="1"/>
  <c r="A165305" i="1" s="1"/>
  <c r="A165306" i="1" s="1"/>
  <c r="A165307" i="1" s="1"/>
  <c r="A165308" i="1" s="1"/>
  <c r="A165309" i="1" s="1"/>
  <c r="A165310" i="1" s="1"/>
  <c r="A165311" i="1" s="1"/>
  <c r="A165312" i="1" s="1"/>
  <c r="A165313" i="1" s="1"/>
  <c r="A165314" i="1" s="1"/>
  <c r="A165315" i="1" s="1"/>
  <c r="A165316" i="1" s="1"/>
  <c r="A165317" i="1" s="1"/>
  <c r="A165318" i="1" s="1"/>
  <c r="A165319" i="1" s="1"/>
  <c r="A165320" i="1" s="1"/>
  <c r="A165321" i="1" s="1"/>
  <c r="A165322" i="1" s="1"/>
  <c r="A165323" i="1" s="1"/>
  <c r="A165324" i="1" s="1"/>
  <c r="A165325" i="1" s="1"/>
  <c r="A165326" i="1" s="1"/>
  <c r="A165327" i="1" s="1"/>
  <c r="A165328" i="1" s="1"/>
  <c r="A165329" i="1" s="1"/>
  <c r="A165330" i="1" s="1"/>
  <c r="A165331" i="1" s="1"/>
  <c r="A165332" i="1" s="1"/>
  <c r="A165333" i="1" s="1"/>
  <c r="A165334" i="1" s="1"/>
  <c r="A165335" i="1" s="1"/>
  <c r="A165336" i="1" s="1"/>
  <c r="A165337" i="1" s="1"/>
  <c r="A165338" i="1" s="1"/>
  <c r="A165339" i="1" s="1"/>
  <c r="A165340" i="1" s="1"/>
  <c r="A165341" i="1" s="1"/>
  <c r="A165342" i="1" s="1"/>
  <c r="A165343" i="1" s="1"/>
  <c r="A165344" i="1" s="1"/>
  <c r="A165345" i="1" s="1"/>
  <c r="A165346" i="1" s="1"/>
  <c r="A165347" i="1" s="1"/>
  <c r="A165348" i="1" s="1"/>
  <c r="A165349" i="1" s="1"/>
  <c r="A165350" i="1" s="1"/>
  <c r="A165351" i="1" s="1"/>
  <c r="A165352" i="1" s="1"/>
  <c r="A165353" i="1" s="1"/>
  <c r="A165354" i="1" s="1"/>
  <c r="A165355" i="1" s="1"/>
  <c r="A165356" i="1" s="1"/>
  <c r="A165357" i="1" s="1"/>
  <c r="A165358" i="1" s="1"/>
  <c r="A165359" i="1" s="1"/>
  <c r="A165360" i="1" s="1"/>
  <c r="A165361" i="1" s="1"/>
  <c r="A165362" i="1" s="1"/>
  <c r="A165363" i="1" s="1"/>
  <c r="A165364" i="1" s="1"/>
  <c r="A165365" i="1" s="1"/>
  <c r="A165366" i="1" s="1"/>
  <c r="A165367" i="1" s="1"/>
  <c r="A165368" i="1" s="1"/>
  <c r="A165369" i="1" s="1"/>
  <c r="A165370" i="1" s="1"/>
  <c r="A165371" i="1" s="1"/>
  <c r="A165372" i="1" s="1"/>
  <c r="A165373" i="1" s="1"/>
  <c r="A165374" i="1" s="1"/>
  <c r="A165375" i="1" s="1"/>
  <c r="A165376" i="1" s="1"/>
  <c r="A165377" i="1" s="1"/>
  <c r="A165378" i="1" s="1"/>
  <c r="A165379" i="1" s="1"/>
  <c r="A165380" i="1" s="1"/>
  <c r="A165381" i="1" s="1"/>
  <c r="A165382" i="1" s="1"/>
  <c r="A165383" i="1" s="1"/>
  <c r="A165384" i="1" s="1"/>
  <c r="A165385" i="1" s="1"/>
  <c r="A165386" i="1" s="1"/>
  <c r="A165387" i="1" s="1"/>
  <c r="A165388" i="1" s="1"/>
  <c r="A165389" i="1" s="1"/>
  <c r="A165390" i="1" s="1"/>
  <c r="A165391" i="1" s="1"/>
  <c r="A165392" i="1" s="1"/>
  <c r="A165393" i="1" s="1"/>
  <c r="A165394" i="1" s="1"/>
  <c r="A165395" i="1" s="1"/>
  <c r="A165396" i="1" s="1"/>
  <c r="A165397" i="1" s="1"/>
  <c r="A165398" i="1" s="1"/>
  <c r="A165399" i="1" s="1"/>
  <c r="A165400" i="1" s="1"/>
  <c r="A165401" i="1" s="1"/>
  <c r="A165402" i="1" s="1"/>
  <c r="A165403" i="1" s="1"/>
  <c r="A165404" i="1" s="1"/>
  <c r="A165405" i="1" s="1"/>
  <c r="A165406" i="1" s="1"/>
  <c r="A165407" i="1" s="1"/>
  <c r="A165408" i="1" s="1"/>
  <c r="A165409" i="1" s="1"/>
  <c r="A165410" i="1" s="1"/>
  <c r="A165411" i="1" s="1"/>
  <c r="A165412" i="1" s="1"/>
  <c r="A165413" i="1" s="1"/>
  <c r="A165414" i="1" s="1"/>
  <c r="A165415" i="1" s="1"/>
  <c r="A165416" i="1" s="1"/>
  <c r="A165417" i="1" s="1"/>
  <c r="A165418" i="1" s="1"/>
  <c r="A165419" i="1" s="1"/>
  <c r="A165420" i="1" s="1"/>
  <c r="A165421" i="1" s="1"/>
  <c r="A165422" i="1" s="1"/>
  <c r="A165423" i="1" s="1"/>
  <c r="A165424" i="1" s="1"/>
  <c r="A165425" i="1" s="1"/>
  <c r="A165426" i="1" s="1"/>
  <c r="A165427" i="1" s="1"/>
  <c r="A165428" i="1" s="1"/>
  <c r="A165429" i="1" s="1"/>
  <c r="A165430" i="1" s="1"/>
  <c r="A165431" i="1" s="1"/>
  <c r="A165432" i="1" s="1"/>
  <c r="A165433" i="1" s="1"/>
  <c r="A165434" i="1" s="1"/>
  <c r="A165435" i="1" s="1"/>
  <c r="A165436" i="1" s="1"/>
  <c r="A165437" i="1" s="1"/>
  <c r="A165438" i="1" s="1"/>
  <c r="A165439" i="1" s="1"/>
  <c r="A165440" i="1" s="1"/>
  <c r="A165441" i="1" s="1"/>
  <c r="A165442" i="1" s="1"/>
  <c r="A165443" i="1" s="1"/>
  <c r="A165444" i="1" s="1"/>
  <c r="A165445" i="1" s="1"/>
  <c r="A165446" i="1" s="1"/>
  <c r="A165447" i="1" s="1"/>
  <c r="A165448" i="1" s="1"/>
  <c r="A165449" i="1" s="1"/>
  <c r="A165450" i="1" s="1"/>
  <c r="A165451" i="1" s="1"/>
  <c r="A165452" i="1" s="1"/>
  <c r="A165453" i="1" s="1"/>
  <c r="A165454" i="1" s="1"/>
  <c r="A165455" i="1" s="1"/>
  <c r="A165456" i="1" s="1"/>
  <c r="A165457" i="1" s="1"/>
  <c r="A165458" i="1" s="1"/>
  <c r="A165459" i="1" s="1"/>
  <c r="A165460" i="1" s="1"/>
  <c r="A165461" i="1" s="1"/>
  <c r="A165462" i="1" s="1"/>
  <c r="A165463" i="1" s="1"/>
  <c r="A165464" i="1" s="1"/>
  <c r="A165465" i="1" s="1"/>
  <c r="A165466" i="1" s="1"/>
  <c r="A165467" i="1" s="1"/>
  <c r="A165468" i="1" s="1"/>
  <c r="A165469" i="1" s="1"/>
  <c r="A165470" i="1" s="1"/>
  <c r="A165471" i="1" s="1"/>
  <c r="A165472" i="1" s="1"/>
  <c r="A165473" i="1" s="1"/>
  <c r="A165474" i="1" s="1"/>
  <c r="A165475" i="1" s="1"/>
  <c r="A165476" i="1" s="1"/>
  <c r="A165477" i="1" s="1"/>
  <c r="A165478" i="1" s="1"/>
  <c r="A165479" i="1" s="1"/>
  <c r="A165480" i="1" s="1"/>
  <c r="A165481" i="1" s="1"/>
  <c r="A165482" i="1" s="1"/>
  <c r="A165483" i="1" s="1"/>
  <c r="A165484" i="1" s="1"/>
  <c r="A165485" i="1" s="1"/>
  <c r="A165486" i="1" s="1"/>
  <c r="A165487" i="1" s="1"/>
  <c r="A165488" i="1" s="1"/>
  <c r="A165489" i="1" s="1"/>
  <c r="A165490" i="1" s="1"/>
  <c r="A165491" i="1" s="1"/>
  <c r="A165492" i="1" s="1"/>
  <c r="A165493" i="1" s="1"/>
  <c r="A165494" i="1" s="1"/>
  <c r="A165495" i="1" s="1"/>
  <c r="A165496" i="1" s="1"/>
  <c r="A165497" i="1" s="1"/>
  <c r="A165498" i="1" s="1"/>
  <c r="A165499" i="1" s="1"/>
  <c r="A165500" i="1" s="1"/>
  <c r="A165501" i="1" s="1"/>
  <c r="A165502" i="1" s="1"/>
  <c r="A165503" i="1" s="1"/>
  <c r="A165504" i="1" s="1"/>
  <c r="A165505" i="1" s="1"/>
  <c r="A165506" i="1" s="1"/>
  <c r="A165507" i="1" s="1"/>
  <c r="A165508" i="1" s="1"/>
  <c r="A165509" i="1" s="1"/>
  <c r="A165510" i="1" s="1"/>
  <c r="A165511" i="1" s="1"/>
  <c r="A165512" i="1" s="1"/>
  <c r="A165513" i="1" s="1"/>
  <c r="A165514" i="1" s="1"/>
  <c r="A165515" i="1" s="1"/>
  <c r="A165516" i="1" s="1"/>
  <c r="A165517" i="1" s="1"/>
  <c r="A165518" i="1" s="1"/>
  <c r="A165519" i="1" s="1"/>
  <c r="A165520" i="1" s="1"/>
  <c r="A165521" i="1" s="1"/>
  <c r="A165522" i="1" s="1"/>
  <c r="A165523" i="1" s="1"/>
  <c r="A165524" i="1" s="1"/>
  <c r="A165525" i="1" s="1"/>
  <c r="A165526" i="1" s="1"/>
  <c r="A165527" i="1" s="1"/>
  <c r="A165528" i="1" s="1"/>
  <c r="A165529" i="1" s="1"/>
  <c r="A165530" i="1" s="1"/>
  <c r="A165531" i="1" s="1"/>
  <c r="A165532" i="1" s="1"/>
  <c r="A165533" i="1" s="1"/>
  <c r="A165534" i="1" s="1"/>
  <c r="A165535" i="1" s="1"/>
  <c r="A165536" i="1" s="1"/>
  <c r="A165537" i="1" s="1"/>
  <c r="A165538" i="1" s="1"/>
  <c r="A165539" i="1" s="1"/>
  <c r="A165540" i="1" s="1"/>
  <c r="A165541" i="1" s="1"/>
  <c r="A165542" i="1" s="1"/>
  <c r="A165543" i="1" s="1"/>
  <c r="A165544" i="1" s="1"/>
  <c r="A165545" i="1" s="1"/>
  <c r="A165546" i="1" s="1"/>
  <c r="A165547" i="1" s="1"/>
  <c r="A165548" i="1" s="1"/>
  <c r="A165549" i="1" s="1"/>
  <c r="A165550" i="1" s="1"/>
  <c r="A165551" i="1" s="1"/>
  <c r="A165552" i="1" s="1"/>
  <c r="A165553" i="1" s="1"/>
  <c r="A165554" i="1" s="1"/>
  <c r="A165555" i="1" s="1"/>
  <c r="A165556" i="1" s="1"/>
  <c r="A165557" i="1" s="1"/>
  <c r="A165558" i="1" s="1"/>
  <c r="A165559" i="1" s="1"/>
  <c r="A165560" i="1" s="1"/>
  <c r="A165561" i="1" s="1"/>
  <c r="A165562" i="1" s="1"/>
  <c r="A165563" i="1" s="1"/>
  <c r="A165564" i="1" s="1"/>
  <c r="A165565" i="1" s="1"/>
  <c r="A165566" i="1" s="1"/>
  <c r="A165567" i="1" s="1"/>
  <c r="A165568" i="1" s="1"/>
  <c r="A165569" i="1" s="1"/>
  <c r="A165570" i="1" s="1"/>
  <c r="A165571" i="1" s="1"/>
  <c r="A165572" i="1" s="1"/>
  <c r="A165573" i="1" s="1"/>
  <c r="A165574" i="1" s="1"/>
  <c r="A165575" i="1" s="1"/>
  <c r="A165576" i="1" s="1"/>
  <c r="A165577" i="1" s="1"/>
  <c r="A165578" i="1" s="1"/>
  <c r="A165579" i="1" s="1"/>
  <c r="A165580" i="1" s="1"/>
  <c r="A165581" i="1" s="1"/>
  <c r="A165582" i="1" s="1"/>
  <c r="A165583" i="1" s="1"/>
  <c r="A165584" i="1" s="1"/>
  <c r="A165585" i="1" s="1"/>
  <c r="A165586" i="1" s="1"/>
  <c r="A165587" i="1" s="1"/>
  <c r="A165588" i="1" s="1"/>
  <c r="A165589" i="1" s="1"/>
  <c r="A165590" i="1" s="1"/>
  <c r="A165591" i="1" s="1"/>
  <c r="A165592" i="1" s="1"/>
  <c r="A165593" i="1" s="1"/>
  <c r="A165594" i="1" s="1"/>
  <c r="A165595" i="1" s="1"/>
  <c r="A165596" i="1" s="1"/>
  <c r="A165597" i="1" s="1"/>
  <c r="A165598" i="1" s="1"/>
  <c r="A165599" i="1" s="1"/>
  <c r="A165600" i="1" s="1"/>
  <c r="A165601" i="1" s="1"/>
  <c r="A165602" i="1" s="1"/>
  <c r="A165603" i="1" s="1"/>
  <c r="A165604" i="1" s="1"/>
  <c r="A165605" i="1" s="1"/>
  <c r="A165606" i="1" s="1"/>
  <c r="A165607" i="1" s="1"/>
  <c r="A165608" i="1" s="1"/>
  <c r="A165609" i="1" s="1"/>
  <c r="A165610" i="1" s="1"/>
  <c r="A165611" i="1" s="1"/>
  <c r="A165612" i="1" s="1"/>
  <c r="A165613" i="1" s="1"/>
  <c r="A165614" i="1" s="1"/>
  <c r="A165615" i="1" s="1"/>
  <c r="A165616" i="1" s="1"/>
  <c r="A165617" i="1" s="1"/>
  <c r="A165618" i="1" s="1"/>
  <c r="A165619" i="1" s="1"/>
  <c r="A165620" i="1" s="1"/>
  <c r="A165621" i="1" s="1"/>
  <c r="A165622" i="1" s="1"/>
  <c r="A165623" i="1" s="1"/>
  <c r="A165624" i="1" s="1"/>
  <c r="A165625" i="1" s="1"/>
  <c r="A165626" i="1" s="1"/>
  <c r="A165627" i="1" s="1"/>
  <c r="A165628" i="1" s="1"/>
  <c r="A165629" i="1" s="1"/>
  <c r="A165630" i="1" s="1"/>
  <c r="A165631" i="1" s="1"/>
  <c r="A165632" i="1" s="1"/>
  <c r="A165633" i="1" s="1"/>
  <c r="A165634" i="1" s="1"/>
  <c r="A165635" i="1" s="1"/>
  <c r="A165636" i="1" s="1"/>
  <c r="A165637" i="1" s="1"/>
  <c r="A165638" i="1" s="1"/>
  <c r="A165639" i="1" s="1"/>
  <c r="A165640" i="1" s="1"/>
  <c r="A165641" i="1" s="1"/>
  <c r="A165642" i="1" s="1"/>
  <c r="A165643" i="1" s="1"/>
  <c r="A165644" i="1" s="1"/>
  <c r="A165645" i="1" s="1"/>
  <c r="A165646" i="1" s="1"/>
  <c r="A165647" i="1" s="1"/>
  <c r="A165648" i="1" s="1"/>
  <c r="A165649" i="1" s="1"/>
  <c r="A165650" i="1" s="1"/>
  <c r="A165651" i="1" s="1"/>
  <c r="A165652" i="1" s="1"/>
  <c r="A165653" i="1" s="1"/>
  <c r="A165654" i="1" s="1"/>
  <c r="A165655" i="1" s="1"/>
  <c r="A165656" i="1" s="1"/>
  <c r="A165657" i="1" s="1"/>
  <c r="A165658" i="1" s="1"/>
  <c r="A165659" i="1" s="1"/>
  <c r="A165660" i="1" s="1"/>
  <c r="A165661" i="1" s="1"/>
  <c r="A165662" i="1" s="1"/>
  <c r="A165663" i="1" s="1"/>
  <c r="A165664" i="1" s="1"/>
  <c r="A165665" i="1" s="1"/>
  <c r="A165666" i="1" s="1"/>
  <c r="A165667" i="1" s="1"/>
  <c r="A165668" i="1" s="1"/>
  <c r="A165669" i="1" s="1"/>
  <c r="A165670" i="1" s="1"/>
  <c r="A165671" i="1" s="1"/>
  <c r="A165672" i="1" s="1"/>
  <c r="A165673" i="1" s="1"/>
  <c r="A165674" i="1" s="1"/>
  <c r="A165675" i="1" s="1"/>
  <c r="A165676" i="1" s="1"/>
  <c r="A165677" i="1" s="1"/>
  <c r="A165678" i="1" s="1"/>
  <c r="A165679" i="1" s="1"/>
  <c r="A165680" i="1" s="1"/>
  <c r="A165681" i="1" s="1"/>
  <c r="A165682" i="1" s="1"/>
  <c r="A165683" i="1" s="1"/>
  <c r="A165684" i="1" s="1"/>
  <c r="A165685" i="1" s="1"/>
  <c r="A165686" i="1" s="1"/>
  <c r="A165687" i="1" s="1"/>
  <c r="A165688" i="1" s="1"/>
  <c r="A165689" i="1" s="1"/>
  <c r="A165690" i="1" s="1"/>
  <c r="A165691" i="1" s="1"/>
  <c r="A165692" i="1" s="1"/>
  <c r="A165693" i="1" s="1"/>
  <c r="A165694" i="1" s="1"/>
  <c r="A165695" i="1" s="1"/>
  <c r="A165696" i="1" s="1"/>
  <c r="A165697" i="1" s="1"/>
  <c r="A165698" i="1" s="1"/>
  <c r="A165699" i="1" s="1"/>
  <c r="A165700" i="1" s="1"/>
  <c r="A165701" i="1" s="1"/>
  <c r="A165702" i="1" s="1"/>
  <c r="A165703" i="1" s="1"/>
  <c r="A165704" i="1" s="1"/>
  <c r="A165705" i="1" s="1"/>
  <c r="A165706" i="1" s="1"/>
  <c r="A165707" i="1" s="1"/>
  <c r="A165708" i="1" s="1"/>
  <c r="A165709" i="1" s="1"/>
  <c r="A165710" i="1" s="1"/>
  <c r="A165711" i="1" s="1"/>
  <c r="A165712" i="1" s="1"/>
  <c r="A165713" i="1" s="1"/>
  <c r="A165714" i="1" s="1"/>
  <c r="A165715" i="1" s="1"/>
  <c r="A165716" i="1" s="1"/>
  <c r="A165717" i="1" s="1"/>
  <c r="A165718" i="1" s="1"/>
  <c r="A165719" i="1" s="1"/>
  <c r="A165720" i="1" s="1"/>
  <c r="A165721" i="1" s="1"/>
  <c r="A165722" i="1" s="1"/>
  <c r="A165723" i="1" s="1"/>
  <c r="A165724" i="1" s="1"/>
  <c r="A165725" i="1" s="1"/>
  <c r="A165726" i="1" s="1"/>
  <c r="A165727" i="1" s="1"/>
  <c r="A165728" i="1" s="1"/>
  <c r="A165729" i="1" s="1"/>
  <c r="A165730" i="1" s="1"/>
  <c r="A165731" i="1" s="1"/>
  <c r="A165732" i="1" s="1"/>
  <c r="A165733" i="1" s="1"/>
  <c r="A165734" i="1" s="1"/>
  <c r="A165735" i="1" s="1"/>
  <c r="A165736" i="1" s="1"/>
  <c r="A165737" i="1" s="1"/>
  <c r="A165738" i="1" s="1"/>
  <c r="A165739" i="1" s="1"/>
  <c r="A165740" i="1" s="1"/>
  <c r="A165741" i="1" s="1"/>
  <c r="A165742" i="1" s="1"/>
  <c r="A165743" i="1" s="1"/>
  <c r="A165744" i="1" s="1"/>
  <c r="A165745" i="1" s="1"/>
  <c r="A165746" i="1" s="1"/>
  <c r="A165747" i="1" s="1"/>
  <c r="A165748" i="1" s="1"/>
  <c r="A165749" i="1" s="1"/>
  <c r="A165750" i="1" s="1"/>
  <c r="A165751" i="1" s="1"/>
  <c r="A165752" i="1" s="1"/>
  <c r="A165753" i="1" s="1"/>
  <c r="A165754" i="1" s="1"/>
  <c r="A165755" i="1" s="1"/>
  <c r="A165756" i="1" s="1"/>
  <c r="A165757" i="1" s="1"/>
  <c r="A165758" i="1" s="1"/>
  <c r="A165759" i="1" s="1"/>
  <c r="A165760" i="1" s="1"/>
  <c r="A165761" i="1" s="1"/>
  <c r="A165762" i="1" s="1"/>
  <c r="A165763" i="1" s="1"/>
  <c r="A165764" i="1" s="1"/>
  <c r="A165765" i="1" s="1"/>
  <c r="A165766" i="1" s="1"/>
  <c r="A165767" i="1" s="1"/>
  <c r="A165768" i="1" s="1"/>
  <c r="A165769" i="1" s="1"/>
  <c r="A165770" i="1" s="1"/>
  <c r="A165771" i="1" s="1"/>
  <c r="A165772" i="1" s="1"/>
  <c r="A165773" i="1" s="1"/>
  <c r="A165774" i="1" s="1"/>
  <c r="A165775" i="1" s="1"/>
  <c r="A165776" i="1" s="1"/>
  <c r="A165777" i="1" s="1"/>
  <c r="A165778" i="1" s="1"/>
  <c r="A165779" i="1" s="1"/>
  <c r="A165780" i="1" s="1"/>
  <c r="A165781" i="1" s="1"/>
  <c r="A165782" i="1" s="1"/>
  <c r="A165783" i="1" s="1"/>
  <c r="A165784" i="1" s="1"/>
  <c r="A165785" i="1" s="1"/>
  <c r="A165786" i="1" s="1"/>
  <c r="A165787" i="1" s="1"/>
  <c r="A165788" i="1" s="1"/>
  <c r="A165789" i="1" s="1"/>
  <c r="A165790" i="1" s="1"/>
  <c r="A165791" i="1" s="1"/>
  <c r="A165792" i="1" s="1"/>
  <c r="A165793" i="1" s="1"/>
  <c r="A165794" i="1" s="1"/>
  <c r="A165795" i="1" s="1"/>
  <c r="A165796" i="1" s="1"/>
  <c r="A165797" i="1" s="1"/>
  <c r="A165798" i="1" s="1"/>
  <c r="A165799" i="1" s="1"/>
  <c r="A165800" i="1" s="1"/>
  <c r="A165801" i="1" s="1"/>
  <c r="A165802" i="1" s="1"/>
  <c r="A165803" i="1" s="1"/>
  <c r="A165804" i="1" s="1"/>
  <c r="A165805" i="1" s="1"/>
  <c r="A165806" i="1" s="1"/>
  <c r="A165807" i="1" s="1"/>
  <c r="A165808" i="1" s="1"/>
  <c r="A165809" i="1" s="1"/>
  <c r="A165810" i="1" s="1"/>
  <c r="A165811" i="1" s="1"/>
  <c r="A165812" i="1" s="1"/>
  <c r="A165813" i="1" s="1"/>
  <c r="A165814" i="1" s="1"/>
  <c r="A165815" i="1" s="1"/>
  <c r="A165816" i="1" s="1"/>
  <c r="A165817" i="1" s="1"/>
  <c r="A165818" i="1" s="1"/>
  <c r="A165819" i="1" s="1"/>
  <c r="A165820" i="1" s="1"/>
  <c r="A165821" i="1" s="1"/>
  <c r="A165822" i="1" s="1"/>
  <c r="A165823" i="1" s="1"/>
  <c r="A165824" i="1" s="1"/>
  <c r="A165825" i="1" s="1"/>
  <c r="A165826" i="1" s="1"/>
  <c r="A165827" i="1" s="1"/>
  <c r="A165828" i="1" s="1"/>
  <c r="A165829" i="1" s="1"/>
  <c r="A165830" i="1" s="1"/>
  <c r="A165831" i="1" s="1"/>
  <c r="A165832" i="1" s="1"/>
  <c r="A165833" i="1" s="1"/>
  <c r="A165834" i="1" s="1"/>
  <c r="A165835" i="1" s="1"/>
  <c r="A165836" i="1" s="1"/>
  <c r="A165837" i="1" s="1"/>
  <c r="A165838" i="1" s="1"/>
  <c r="A165839" i="1" s="1"/>
  <c r="A165840" i="1" s="1"/>
  <c r="A165841" i="1" s="1"/>
  <c r="A165842" i="1" s="1"/>
  <c r="A165843" i="1" s="1"/>
  <c r="A165844" i="1" s="1"/>
  <c r="A165845" i="1" s="1"/>
  <c r="A165846" i="1" s="1"/>
  <c r="A165847" i="1" s="1"/>
  <c r="A165848" i="1" s="1"/>
  <c r="A165849" i="1" s="1"/>
  <c r="A165850" i="1" s="1"/>
  <c r="A165851" i="1" s="1"/>
  <c r="A165852" i="1" s="1"/>
  <c r="A165853" i="1" s="1"/>
  <c r="A165854" i="1" s="1"/>
  <c r="A165855" i="1" s="1"/>
  <c r="A165856" i="1" s="1"/>
  <c r="A165857" i="1" s="1"/>
  <c r="A165858" i="1" s="1"/>
  <c r="A165859" i="1" s="1"/>
  <c r="A165860" i="1" s="1"/>
  <c r="A165861" i="1" s="1"/>
  <c r="A165862" i="1" s="1"/>
  <c r="A165863" i="1" s="1"/>
  <c r="A165864" i="1" s="1"/>
  <c r="A165865" i="1" s="1"/>
  <c r="A165866" i="1" s="1"/>
  <c r="A165867" i="1" s="1"/>
  <c r="A165868" i="1" s="1"/>
  <c r="A165869" i="1" s="1"/>
  <c r="A165870" i="1" s="1"/>
  <c r="A165871" i="1" s="1"/>
  <c r="A165872" i="1" s="1"/>
  <c r="A165873" i="1" s="1"/>
  <c r="A165874" i="1" s="1"/>
  <c r="A165875" i="1" s="1"/>
  <c r="A165876" i="1" s="1"/>
  <c r="A165877" i="1" s="1"/>
  <c r="A165878" i="1" s="1"/>
  <c r="A165879" i="1" s="1"/>
  <c r="A165880" i="1" s="1"/>
  <c r="A165881" i="1" s="1"/>
  <c r="A165882" i="1" s="1"/>
  <c r="A165883" i="1" s="1"/>
  <c r="A165884" i="1" s="1"/>
  <c r="A165885" i="1" s="1"/>
  <c r="A165886" i="1" s="1"/>
  <c r="A165887" i="1" s="1"/>
  <c r="A165888" i="1" s="1"/>
  <c r="A165889" i="1" s="1"/>
  <c r="A165890" i="1" s="1"/>
  <c r="A165891" i="1" s="1"/>
  <c r="A165892" i="1" s="1"/>
  <c r="A165893" i="1" s="1"/>
  <c r="A165894" i="1" s="1"/>
  <c r="A165895" i="1" s="1"/>
  <c r="A165896" i="1" s="1"/>
  <c r="A165897" i="1" s="1"/>
  <c r="A165898" i="1" s="1"/>
  <c r="A165899" i="1" s="1"/>
  <c r="A165900" i="1" s="1"/>
  <c r="A165901" i="1" s="1"/>
  <c r="A165902" i="1" s="1"/>
  <c r="A165903" i="1" s="1"/>
  <c r="A165904" i="1" s="1"/>
  <c r="A165905" i="1" s="1"/>
  <c r="A165906" i="1" s="1"/>
  <c r="A165907" i="1" s="1"/>
  <c r="A165908" i="1" s="1"/>
  <c r="A165909" i="1" s="1"/>
  <c r="A165910" i="1" s="1"/>
  <c r="A165911" i="1" s="1"/>
  <c r="A165912" i="1" s="1"/>
  <c r="A165913" i="1" s="1"/>
  <c r="A165914" i="1" s="1"/>
  <c r="A165915" i="1" s="1"/>
  <c r="A165916" i="1" s="1"/>
  <c r="A165917" i="1" s="1"/>
  <c r="A165918" i="1" s="1"/>
  <c r="A165919" i="1" s="1"/>
  <c r="A165920" i="1" s="1"/>
  <c r="A165921" i="1" s="1"/>
  <c r="A165922" i="1" s="1"/>
  <c r="A165923" i="1" s="1"/>
  <c r="A165924" i="1" s="1"/>
  <c r="A165925" i="1" s="1"/>
  <c r="A165926" i="1" s="1"/>
  <c r="A165927" i="1" s="1"/>
  <c r="A165928" i="1" s="1"/>
  <c r="A165929" i="1" s="1"/>
  <c r="A165930" i="1" s="1"/>
  <c r="A165931" i="1" s="1"/>
  <c r="A165932" i="1" s="1"/>
  <c r="A165933" i="1" s="1"/>
  <c r="A165934" i="1" s="1"/>
  <c r="A165935" i="1" s="1"/>
  <c r="A165936" i="1" s="1"/>
  <c r="A165937" i="1" s="1"/>
  <c r="A165938" i="1" s="1"/>
  <c r="A165939" i="1" s="1"/>
  <c r="A165940" i="1" s="1"/>
  <c r="A165941" i="1" s="1"/>
  <c r="A165942" i="1" s="1"/>
  <c r="A165943" i="1" s="1"/>
  <c r="A165944" i="1" s="1"/>
  <c r="A165945" i="1" s="1"/>
  <c r="A165946" i="1" s="1"/>
  <c r="A165947" i="1" s="1"/>
  <c r="A165948" i="1" s="1"/>
  <c r="A165949" i="1" s="1"/>
  <c r="A165950" i="1" s="1"/>
  <c r="A165951" i="1" s="1"/>
  <c r="A165952" i="1" s="1"/>
  <c r="A165953" i="1" s="1"/>
  <c r="A165954" i="1" s="1"/>
  <c r="A165955" i="1" s="1"/>
  <c r="A165956" i="1" s="1"/>
  <c r="A165957" i="1" s="1"/>
  <c r="A165958" i="1" s="1"/>
  <c r="A165959" i="1" s="1"/>
  <c r="A165960" i="1" s="1"/>
  <c r="A165961" i="1" s="1"/>
  <c r="A165962" i="1" s="1"/>
  <c r="A165963" i="1" s="1"/>
  <c r="A165964" i="1" s="1"/>
  <c r="A165965" i="1" s="1"/>
  <c r="A165966" i="1" s="1"/>
  <c r="A165967" i="1" s="1"/>
  <c r="A165968" i="1" s="1"/>
  <c r="A165969" i="1" s="1"/>
  <c r="A165970" i="1" s="1"/>
  <c r="A165971" i="1" s="1"/>
  <c r="A165972" i="1" s="1"/>
  <c r="A165973" i="1" s="1"/>
  <c r="A165974" i="1" s="1"/>
  <c r="A165975" i="1" s="1"/>
  <c r="A165976" i="1" s="1"/>
  <c r="A165977" i="1" s="1"/>
  <c r="A165978" i="1" s="1"/>
  <c r="A165979" i="1" s="1"/>
  <c r="A165980" i="1" s="1"/>
  <c r="A165981" i="1" s="1"/>
  <c r="A165982" i="1" s="1"/>
  <c r="A165983" i="1" s="1"/>
  <c r="A165984" i="1" s="1"/>
  <c r="A165985" i="1" s="1"/>
  <c r="A165986" i="1" s="1"/>
  <c r="A165987" i="1" s="1"/>
  <c r="A165988" i="1" s="1"/>
  <c r="A165989" i="1" s="1"/>
  <c r="A165990" i="1" s="1"/>
  <c r="A165991" i="1" s="1"/>
  <c r="A165992" i="1" s="1"/>
  <c r="A165993" i="1" s="1"/>
  <c r="A165994" i="1" s="1"/>
  <c r="A165995" i="1" s="1"/>
  <c r="A165996" i="1" s="1"/>
  <c r="A165997" i="1" s="1"/>
  <c r="A165998" i="1" s="1"/>
  <c r="A165999" i="1" s="1"/>
  <c r="A166000" i="1" s="1"/>
  <c r="A166001" i="1" s="1"/>
  <c r="A166002" i="1" s="1"/>
  <c r="A166003" i="1" s="1"/>
  <c r="A166004" i="1" s="1"/>
  <c r="A166005" i="1" s="1"/>
  <c r="A166006" i="1" s="1"/>
  <c r="A166007" i="1" s="1"/>
  <c r="A166008" i="1" s="1"/>
  <c r="A166009" i="1" s="1"/>
  <c r="A166010" i="1" s="1"/>
  <c r="A166011" i="1" s="1"/>
  <c r="A166012" i="1" s="1"/>
  <c r="A166013" i="1" s="1"/>
  <c r="A166014" i="1" s="1"/>
  <c r="A166015" i="1" s="1"/>
  <c r="A166016" i="1" s="1"/>
  <c r="A166017" i="1" s="1"/>
  <c r="A166018" i="1" s="1"/>
  <c r="A166019" i="1" s="1"/>
  <c r="A166020" i="1" s="1"/>
  <c r="A166021" i="1" s="1"/>
  <c r="A166022" i="1" s="1"/>
  <c r="A166023" i="1" s="1"/>
  <c r="A166024" i="1" s="1"/>
  <c r="A166025" i="1" s="1"/>
  <c r="A166026" i="1" s="1"/>
  <c r="A166027" i="1" s="1"/>
  <c r="A166028" i="1" s="1"/>
  <c r="A166029" i="1" s="1"/>
  <c r="A166030" i="1" s="1"/>
  <c r="A166031" i="1" s="1"/>
  <c r="A166032" i="1" s="1"/>
  <c r="A166033" i="1" s="1"/>
  <c r="A166034" i="1" s="1"/>
  <c r="A166035" i="1" s="1"/>
  <c r="A166036" i="1" s="1"/>
  <c r="A166037" i="1" s="1"/>
  <c r="A166038" i="1" s="1"/>
  <c r="A166039" i="1" s="1"/>
  <c r="A166040" i="1" s="1"/>
  <c r="A166041" i="1" s="1"/>
  <c r="A166042" i="1" s="1"/>
  <c r="A166043" i="1" s="1"/>
  <c r="A166044" i="1" s="1"/>
  <c r="A166045" i="1" s="1"/>
  <c r="A166046" i="1" s="1"/>
  <c r="A166047" i="1" s="1"/>
  <c r="A166048" i="1" s="1"/>
  <c r="A166049" i="1" s="1"/>
  <c r="A166050" i="1" s="1"/>
  <c r="A166051" i="1" s="1"/>
  <c r="A166052" i="1" s="1"/>
  <c r="A166053" i="1" s="1"/>
  <c r="A166054" i="1" s="1"/>
  <c r="A166055" i="1" s="1"/>
  <c r="A166056" i="1" s="1"/>
  <c r="A166057" i="1" s="1"/>
  <c r="A166058" i="1" s="1"/>
  <c r="A166059" i="1" s="1"/>
  <c r="A166060" i="1" s="1"/>
  <c r="A166061" i="1" s="1"/>
  <c r="A166062" i="1" s="1"/>
  <c r="A166063" i="1" s="1"/>
  <c r="A166064" i="1" s="1"/>
  <c r="A166065" i="1" s="1"/>
  <c r="A166066" i="1" s="1"/>
  <c r="A166067" i="1" s="1"/>
  <c r="A166068" i="1" s="1"/>
  <c r="A166069" i="1" s="1"/>
  <c r="A166070" i="1" s="1"/>
  <c r="A166071" i="1" s="1"/>
  <c r="A166072" i="1" s="1"/>
  <c r="A166073" i="1" s="1"/>
  <c r="A166074" i="1" s="1"/>
  <c r="A166075" i="1" s="1"/>
  <c r="A166076" i="1" s="1"/>
  <c r="A166077" i="1" s="1"/>
  <c r="A166078" i="1" s="1"/>
  <c r="A166079" i="1" s="1"/>
  <c r="A166080" i="1" s="1"/>
  <c r="A166081" i="1" s="1"/>
  <c r="A166082" i="1" s="1"/>
  <c r="A166083" i="1" s="1"/>
  <c r="A166084" i="1" s="1"/>
  <c r="A166085" i="1" s="1"/>
  <c r="A166086" i="1" s="1"/>
  <c r="A166087" i="1" s="1"/>
  <c r="A166088" i="1" s="1"/>
  <c r="A166089" i="1" s="1"/>
  <c r="A166090" i="1" s="1"/>
  <c r="A166091" i="1" s="1"/>
  <c r="A166092" i="1" s="1"/>
  <c r="A166093" i="1" s="1"/>
  <c r="A166094" i="1" s="1"/>
  <c r="A166095" i="1" s="1"/>
  <c r="A166096" i="1" s="1"/>
  <c r="A166097" i="1" s="1"/>
  <c r="A166098" i="1" s="1"/>
  <c r="A166099" i="1" s="1"/>
  <c r="A166100" i="1" s="1"/>
  <c r="A166101" i="1" s="1"/>
  <c r="A166102" i="1" s="1"/>
  <c r="A166103" i="1" s="1"/>
  <c r="A166104" i="1" s="1"/>
  <c r="A166105" i="1" s="1"/>
  <c r="A166106" i="1" s="1"/>
  <c r="A166107" i="1" s="1"/>
  <c r="A166108" i="1" s="1"/>
  <c r="A166109" i="1" s="1"/>
  <c r="A166110" i="1" s="1"/>
  <c r="A166111" i="1" s="1"/>
  <c r="A166112" i="1" s="1"/>
  <c r="A166113" i="1" s="1"/>
  <c r="A166114" i="1" s="1"/>
  <c r="A166115" i="1" s="1"/>
  <c r="A166116" i="1" s="1"/>
  <c r="A166117" i="1" s="1"/>
  <c r="A166118" i="1" s="1"/>
  <c r="A166119" i="1" s="1"/>
  <c r="A166120" i="1" s="1"/>
  <c r="A166121" i="1" s="1"/>
  <c r="A166122" i="1" s="1"/>
  <c r="A166123" i="1" s="1"/>
  <c r="A166124" i="1" s="1"/>
  <c r="A166125" i="1" s="1"/>
  <c r="A166126" i="1" s="1"/>
  <c r="A166127" i="1" s="1"/>
  <c r="A166128" i="1" s="1"/>
  <c r="A166129" i="1" s="1"/>
  <c r="A166130" i="1" s="1"/>
  <c r="A166131" i="1" s="1"/>
  <c r="A166132" i="1" s="1"/>
  <c r="A166133" i="1" s="1"/>
  <c r="A166134" i="1" s="1"/>
  <c r="A166135" i="1" s="1"/>
  <c r="A166136" i="1" s="1"/>
  <c r="A166137" i="1" s="1"/>
  <c r="A166138" i="1" s="1"/>
  <c r="A166139" i="1" s="1"/>
  <c r="A166140" i="1" s="1"/>
  <c r="A166141" i="1" s="1"/>
  <c r="A166142" i="1" s="1"/>
  <c r="A166143" i="1" s="1"/>
  <c r="A166144" i="1" s="1"/>
  <c r="A166145" i="1" s="1"/>
  <c r="A166146" i="1" s="1"/>
  <c r="A166147" i="1" s="1"/>
  <c r="A166148" i="1" s="1"/>
  <c r="A166149" i="1" s="1"/>
  <c r="A166150" i="1" s="1"/>
  <c r="A166151" i="1" s="1"/>
  <c r="A166152" i="1" s="1"/>
  <c r="A166153" i="1" s="1"/>
  <c r="A166154" i="1" s="1"/>
  <c r="A166155" i="1" s="1"/>
  <c r="A166156" i="1" s="1"/>
  <c r="A166157" i="1" s="1"/>
  <c r="A166158" i="1" s="1"/>
  <c r="A166159" i="1" s="1"/>
  <c r="A166160" i="1" s="1"/>
  <c r="A166161" i="1" s="1"/>
  <c r="A166162" i="1" s="1"/>
  <c r="A166163" i="1" s="1"/>
  <c r="A166164" i="1" s="1"/>
  <c r="A166165" i="1" s="1"/>
  <c r="A166166" i="1" s="1"/>
  <c r="A166167" i="1" s="1"/>
  <c r="A166168" i="1" s="1"/>
  <c r="A166169" i="1" s="1"/>
  <c r="A166170" i="1" s="1"/>
  <c r="A166171" i="1" s="1"/>
  <c r="A166172" i="1" s="1"/>
  <c r="A166173" i="1" s="1"/>
  <c r="A166174" i="1" s="1"/>
  <c r="A166175" i="1" s="1"/>
  <c r="A166176" i="1" s="1"/>
  <c r="A166177" i="1" s="1"/>
  <c r="A166178" i="1" s="1"/>
  <c r="A166179" i="1" s="1"/>
  <c r="A166180" i="1" s="1"/>
  <c r="A166181" i="1" s="1"/>
  <c r="A166182" i="1" s="1"/>
  <c r="A166183" i="1" s="1"/>
  <c r="A166184" i="1" s="1"/>
  <c r="A166185" i="1" s="1"/>
  <c r="A166186" i="1" s="1"/>
  <c r="A166187" i="1" s="1"/>
  <c r="A166188" i="1" s="1"/>
  <c r="A166189" i="1" s="1"/>
  <c r="A166190" i="1" s="1"/>
  <c r="A166191" i="1" s="1"/>
  <c r="A166192" i="1" s="1"/>
  <c r="A166193" i="1" s="1"/>
  <c r="A166194" i="1" s="1"/>
  <c r="A166195" i="1" s="1"/>
  <c r="A166196" i="1" s="1"/>
  <c r="A166197" i="1" s="1"/>
  <c r="A166198" i="1" s="1"/>
  <c r="A166199" i="1" s="1"/>
  <c r="A166200" i="1" s="1"/>
  <c r="A166201" i="1" s="1"/>
  <c r="A166202" i="1" s="1"/>
  <c r="A166203" i="1" s="1"/>
  <c r="A166204" i="1" s="1"/>
  <c r="A166205" i="1" s="1"/>
  <c r="A166206" i="1" s="1"/>
  <c r="A166207" i="1" s="1"/>
  <c r="A166208" i="1" s="1"/>
  <c r="A166209" i="1" s="1"/>
  <c r="A166210" i="1" s="1"/>
  <c r="A166211" i="1" s="1"/>
  <c r="A166212" i="1" s="1"/>
  <c r="A166213" i="1" s="1"/>
  <c r="A166214" i="1" s="1"/>
  <c r="A166215" i="1" s="1"/>
  <c r="A166216" i="1" s="1"/>
  <c r="A166217" i="1" s="1"/>
  <c r="A166218" i="1" s="1"/>
  <c r="A166219" i="1" s="1"/>
  <c r="A166220" i="1" s="1"/>
  <c r="A166221" i="1" s="1"/>
  <c r="A166222" i="1" s="1"/>
  <c r="A166223" i="1" s="1"/>
  <c r="A166224" i="1" s="1"/>
  <c r="A166225" i="1" s="1"/>
  <c r="A166226" i="1" s="1"/>
  <c r="A166227" i="1" s="1"/>
  <c r="A166228" i="1" s="1"/>
  <c r="A166229" i="1" s="1"/>
  <c r="A166230" i="1" s="1"/>
  <c r="A166231" i="1" s="1"/>
  <c r="A166232" i="1" s="1"/>
  <c r="A166233" i="1" s="1"/>
  <c r="A166234" i="1" s="1"/>
  <c r="A166235" i="1" s="1"/>
  <c r="A166236" i="1" s="1"/>
  <c r="A166237" i="1" s="1"/>
  <c r="A166238" i="1" s="1"/>
  <c r="A166239" i="1" s="1"/>
  <c r="A166240" i="1" s="1"/>
  <c r="A166241" i="1" s="1"/>
  <c r="A166242" i="1" s="1"/>
  <c r="A166243" i="1" s="1"/>
  <c r="A166244" i="1" s="1"/>
  <c r="A166245" i="1" s="1"/>
  <c r="A166246" i="1" s="1"/>
  <c r="A166247" i="1" s="1"/>
  <c r="A166248" i="1" s="1"/>
  <c r="A166249" i="1" s="1"/>
  <c r="A166250" i="1" s="1"/>
  <c r="A166251" i="1" s="1"/>
  <c r="A166252" i="1" s="1"/>
  <c r="A166253" i="1" s="1"/>
  <c r="A166254" i="1" s="1"/>
  <c r="A166255" i="1" s="1"/>
  <c r="A166256" i="1" s="1"/>
  <c r="A166257" i="1" s="1"/>
  <c r="A166258" i="1" s="1"/>
  <c r="A166259" i="1" s="1"/>
  <c r="A166260" i="1" s="1"/>
  <c r="A166261" i="1" s="1"/>
  <c r="A166262" i="1" s="1"/>
  <c r="A166263" i="1" s="1"/>
  <c r="A166264" i="1" s="1"/>
  <c r="A166265" i="1" s="1"/>
  <c r="A166266" i="1" s="1"/>
  <c r="A166267" i="1" s="1"/>
  <c r="A166268" i="1" s="1"/>
  <c r="A166269" i="1" s="1"/>
  <c r="A166270" i="1" s="1"/>
  <c r="A166271" i="1" s="1"/>
  <c r="A166272" i="1" s="1"/>
  <c r="A166273" i="1" s="1"/>
  <c r="A166274" i="1" s="1"/>
  <c r="A166275" i="1" s="1"/>
  <c r="A166276" i="1" s="1"/>
  <c r="A166277" i="1" s="1"/>
  <c r="A166278" i="1" s="1"/>
  <c r="A166279" i="1" s="1"/>
  <c r="A166280" i="1" s="1"/>
  <c r="A166281" i="1" s="1"/>
  <c r="A166282" i="1" s="1"/>
  <c r="A166283" i="1" s="1"/>
  <c r="A166284" i="1" s="1"/>
  <c r="A166285" i="1" s="1"/>
  <c r="A166286" i="1" s="1"/>
  <c r="A166287" i="1" s="1"/>
  <c r="A166288" i="1" s="1"/>
  <c r="A166289" i="1" s="1"/>
  <c r="A166290" i="1" s="1"/>
  <c r="A166291" i="1" s="1"/>
  <c r="A166292" i="1" s="1"/>
  <c r="A166293" i="1" s="1"/>
  <c r="A166294" i="1" s="1"/>
  <c r="A166295" i="1" s="1"/>
  <c r="A166296" i="1" s="1"/>
  <c r="A166297" i="1" s="1"/>
  <c r="A166298" i="1" s="1"/>
  <c r="A166299" i="1" s="1"/>
  <c r="A166300" i="1" s="1"/>
  <c r="A166301" i="1" s="1"/>
  <c r="A166302" i="1" s="1"/>
  <c r="A166303" i="1" s="1"/>
  <c r="A166304" i="1" s="1"/>
  <c r="A166305" i="1" s="1"/>
  <c r="A166306" i="1" s="1"/>
  <c r="A166307" i="1" s="1"/>
  <c r="A166308" i="1" s="1"/>
  <c r="A166309" i="1" s="1"/>
  <c r="A166310" i="1" s="1"/>
  <c r="A166311" i="1" s="1"/>
  <c r="A166312" i="1" s="1"/>
  <c r="A166313" i="1" s="1"/>
  <c r="A166314" i="1" s="1"/>
  <c r="A166315" i="1" s="1"/>
  <c r="A166316" i="1" s="1"/>
  <c r="A166317" i="1" s="1"/>
  <c r="A166318" i="1" s="1"/>
  <c r="A166319" i="1" s="1"/>
  <c r="A166320" i="1" s="1"/>
  <c r="A166321" i="1" s="1"/>
  <c r="A166322" i="1" s="1"/>
  <c r="A166323" i="1" s="1"/>
  <c r="A166324" i="1" s="1"/>
  <c r="A166325" i="1" s="1"/>
  <c r="A166326" i="1" s="1"/>
  <c r="A166327" i="1" s="1"/>
  <c r="A166328" i="1" s="1"/>
  <c r="A166329" i="1" s="1"/>
  <c r="A166330" i="1" s="1"/>
  <c r="A166331" i="1" s="1"/>
  <c r="A166332" i="1" s="1"/>
  <c r="A166333" i="1" s="1"/>
  <c r="A166334" i="1" s="1"/>
  <c r="A166335" i="1" s="1"/>
  <c r="A166336" i="1" s="1"/>
  <c r="A166337" i="1" s="1"/>
  <c r="A166338" i="1" s="1"/>
  <c r="A166339" i="1" s="1"/>
  <c r="A166340" i="1" s="1"/>
  <c r="A166341" i="1" s="1"/>
  <c r="A166342" i="1" s="1"/>
  <c r="A166343" i="1" s="1"/>
  <c r="A166344" i="1" s="1"/>
  <c r="A166345" i="1" s="1"/>
  <c r="A166346" i="1" s="1"/>
  <c r="A166347" i="1" s="1"/>
  <c r="A166348" i="1" s="1"/>
  <c r="A166349" i="1" s="1"/>
  <c r="A166350" i="1" s="1"/>
  <c r="A166351" i="1" s="1"/>
  <c r="A166352" i="1" s="1"/>
  <c r="A166353" i="1" s="1"/>
  <c r="A166354" i="1" s="1"/>
  <c r="A166355" i="1" s="1"/>
  <c r="A166356" i="1" s="1"/>
  <c r="A166357" i="1" s="1"/>
  <c r="A166358" i="1" s="1"/>
  <c r="A166359" i="1" s="1"/>
  <c r="A166360" i="1" s="1"/>
  <c r="A166361" i="1" s="1"/>
  <c r="A166362" i="1" s="1"/>
  <c r="A166363" i="1" s="1"/>
  <c r="A166364" i="1" s="1"/>
  <c r="A166365" i="1" s="1"/>
  <c r="A166366" i="1" s="1"/>
  <c r="A166367" i="1" s="1"/>
  <c r="A166368" i="1" s="1"/>
  <c r="A166369" i="1" s="1"/>
  <c r="A166370" i="1" s="1"/>
  <c r="A166371" i="1" s="1"/>
  <c r="A166372" i="1" s="1"/>
  <c r="A166373" i="1" s="1"/>
  <c r="A166374" i="1" s="1"/>
  <c r="A166375" i="1" s="1"/>
  <c r="A166376" i="1" s="1"/>
  <c r="A166377" i="1" s="1"/>
  <c r="A166378" i="1" s="1"/>
  <c r="A166379" i="1" s="1"/>
  <c r="A166380" i="1" s="1"/>
  <c r="A166381" i="1" s="1"/>
  <c r="A166382" i="1" s="1"/>
  <c r="A166383" i="1" s="1"/>
  <c r="A166384" i="1" s="1"/>
  <c r="A166385" i="1" s="1"/>
  <c r="A166386" i="1" s="1"/>
  <c r="A166387" i="1" s="1"/>
  <c r="A166388" i="1" s="1"/>
  <c r="A166389" i="1" s="1"/>
  <c r="A166390" i="1" s="1"/>
  <c r="A166391" i="1" s="1"/>
  <c r="A166392" i="1" s="1"/>
  <c r="A166393" i="1" s="1"/>
  <c r="A166394" i="1" s="1"/>
  <c r="A166395" i="1" s="1"/>
  <c r="A166396" i="1" s="1"/>
  <c r="A166397" i="1" s="1"/>
  <c r="A166398" i="1" s="1"/>
  <c r="A166399" i="1" s="1"/>
  <c r="A166400" i="1" s="1"/>
  <c r="A166401" i="1" s="1"/>
  <c r="A166402" i="1" s="1"/>
  <c r="A166403" i="1" s="1"/>
  <c r="A166404" i="1" s="1"/>
  <c r="A166405" i="1" s="1"/>
  <c r="A166406" i="1" s="1"/>
  <c r="A166407" i="1" s="1"/>
  <c r="A166408" i="1" s="1"/>
  <c r="A166409" i="1" s="1"/>
  <c r="A166410" i="1" s="1"/>
  <c r="A166411" i="1" s="1"/>
  <c r="A166412" i="1" s="1"/>
  <c r="A166413" i="1" s="1"/>
  <c r="A166414" i="1" s="1"/>
  <c r="A166415" i="1" s="1"/>
  <c r="A166416" i="1" s="1"/>
  <c r="A166417" i="1" s="1"/>
  <c r="A166418" i="1" s="1"/>
  <c r="A166419" i="1" s="1"/>
  <c r="A166420" i="1" s="1"/>
  <c r="A166421" i="1" s="1"/>
  <c r="A166422" i="1" s="1"/>
  <c r="A166423" i="1" s="1"/>
  <c r="A166424" i="1" s="1"/>
  <c r="A166425" i="1" s="1"/>
  <c r="A166426" i="1" s="1"/>
  <c r="A166427" i="1" s="1"/>
  <c r="A166428" i="1" s="1"/>
  <c r="A166429" i="1" s="1"/>
  <c r="A166430" i="1" s="1"/>
  <c r="A166431" i="1" s="1"/>
  <c r="A166432" i="1" s="1"/>
  <c r="A166433" i="1" s="1"/>
  <c r="A166434" i="1" s="1"/>
  <c r="A166435" i="1" s="1"/>
  <c r="A166436" i="1" s="1"/>
  <c r="A166437" i="1" s="1"/>
  <c r="A166438" i="1" s="1"/>
  <c r="A166439" i="1" s="1"/>
  <c r="A166440" i="1" s="1"/>
  <c r="A166441" i="1" s="1"/>
  <c r="A166442" i="1" s="1"/>
  <c r="A166443" i="1" s="1"/>
  <c r="A166444" i="1" s="1"/>
  <c r="A166445" i="1" s="1"/>
  <c r="A166446" i="1" s="1"/>
  <c r="A166447" i="1" s="1"/>
  <c r="A166448" i="1" s="1"/>
  <c r="A166449" i="1" s="1"/>
  <c r="A166450" i="1" s="1"/>
  <c r="A166451" i="1" s="1"/>
  <c r="A166452" i="1" s="1"/>
  <c r="A166453" i="1" s="1"/>
  <c r="A166454" i="1" s="1"/>
  <c r="A166455" i="1" s="1"/>
  <c r="A166456" i="1" s="1"/>
  <c r="A166457" i="1" s="1"/>
  <c r="A166458" i="1" s="1"/>
  <c r="A166459" i="1" s="1"/>
  <c r="A166460" i="1" s="1"/>
  <c r="A166461" i="1" s="1"/>
  <c r="A166462" i="1" s="1"/>
  <c r="A166463" i="1" s="1"/>
  <c r="A166464" i="1" s="1"/>
  <c r="A166465" i="1" s="1"/>
  <c r="A166466" i="1" s="1"/>
  <c r="A166467" i="1" s="1"/>
  <c r="A166468" i="1" s="1"/>
  <c r="A166469" i="1" s="1"/>
  <c r="A166470" i="1" s="1"/>
  <c r="A166471" i="1" s="1"/>
  <c r="A166472" i="1" s="1"/>
  <c r="A166473" i="1" s="1"/>
  <c r="A166474" i="1" s="1"/>
  <c r="A166475" i="1" s="1"/>
  <c r="A166476" i="1" s="1"/>
  <c r="A166477" i="1" s="1"/>
  <c r="A166478" i="1" s="1"/>
  <c r="A166479" i="1" s="1"/>
  <c r="A166480" i="1" s="1"/>
  <c r="A166481" i="1" s="1"/>
  <c r="A166482" i="1" s="1"/>
  <c r="A166483" i="1" s="1"/>
  <c r="A166484" i="1" s="1"/>
  <c r="A166485" i="1" s="1"/>
  <c r="A166486" i="1" s="1"/>
  <c r="A166487" i="1" s="1"/>
  <c r="A166488" i="1" s="1"/>
  <c r="A166489" i="1" s="1"/>
  <c r="A166490" i="1" s="1"/>
  <c r="A166491" i="1" s="1"/>
  <c r="A166492" i="1" s="1"/>
  <c r="A166493" i="1" s="1"/>
  <c r="A166494" i="1" s="1"/>
  <c r="A166495" i="1" s="1"/>
  <c r="A166496" i="1" s="1"/>
  <c r="A166497" i="1" s="1"/>
  <c r="A166498" i="1" s="1"/>
  <c r="A166499" i="1" s="1"/>
  <c r="A166500" i="1" s="1"/>
  <c r="A166501" i="1" s="1"/>
  <c r="A166502" i="1" s="1"/>
  <c r="A166503" i="1" s="1"/>
  <c r="A166504" i="1" s="1"/>
  <c r="A166505" i="1" s="1"/>
  <c r="A166506" i="1" s="1"/>
  <c r="A166507" i="1" s="1"/>
  <c r="A166508" i="1" s="1"/>
  <c r="A166509" i="1" s="1"/>
  <c r="A166510" i="1" s="1"/>
  <c r="A166511" i="1" s="1"/>
  <c r="A166512" i="1" s="1"/>
  <c r="A166513" i="1" s="1"/>
  <c r="A166514" i="1" s="1"/>
  <c r="A166515" i="1" s="1"/>
  <c r="A166516" i="1" s="1"/>
  <c r="A166517" i="1" s="1"/>
  <c r="A166518" i="1" s="1"/>
  <c r="A166519" i="1" s="1"/>
  <c r="A166520" i="1" s="1"/>
  <c r="A166521" i="1" s="1"/>
  <c r="A166522" i="1" s="1"/>
  <c r="A166523" i="1" s="1"/>
  <c r="A166524" i="1" s="1"/>
  <c r="A166525" i="1" s="1"/>
  <c r="A166526" i="1" s="1"/>
  <c r="A166527" i="1" s="1"/>
  <c r="A166528" i="1" s="1"/>
  <c r="A166529" i="1" s="1"/>
  <c r="A166530" i="1" s="1"/>
  <c r="A166531" i="1" s="1"/>
  <c r="A166532" i="1" s="1"/>
  <c r="A166533" i="1" s="1"/>
  <c r="A166534" i="1" s="1"/>
  <c r="A166535" i="1" s="1"/>
  <c r="A166536" i="1" s="1"/>
  <c r="A166537" i="1" s="1"/>
  <c r="A166538" i="1" s="1"/>
  <c r="A166539" i="1" s="1"/>
  <c r="A166540" i="1" s="1"/>
  <c r="A166541" i="1" s="1"/>
  <c r="A166542" i="1" s="1"/>
  <c r="A166543" i="1" s="1"/>
  <c r="A166544" i="1" s="1"/>
  <c r="A166545" i="1" s="1"/>
  <c r="A166546" i="1" s="1"/>
  <c r="A166547" i="1" s="1"/>
  <c r="A166548" i="1" s="1"/>
  <c r="A166549" i="1" s="1"/>
  <c r="A166550" i="1" s="1"/>
  <c r="A166551" i="1" s="1"/>
  <c r="A166552" i="1" s="1"/>
  <c r="A166553" i="1" s="1"/>
  <c r="A166554" i="1" s="1"/>
  <c r="A166555" i="1" s="1"/>
  <c r="A166556" i="1" s="1"/>
  <c r="A166557" i="1" s="1"/>
  <c r="A166558" i="1" s="1"/>
  <c r="A166559" i="1" s="1"/>
  <c r="A166560" i="1" s="1"/>
  <c r="A166561" i="1" s="1"/>
  <c r="A166562" i="1" s="1"/>
  <c r="A166563" i="1" s="1"/>
  <c r="A166564" i="1" s="1"/>
  <c r="A166565" i="1" s="1"/>
  <c r="A166566" i="1" s="1"/>
  <c r="A166567" i="1" s="1"/>
  <c r="A166568" i="1" s="1"/>
  <c r="A166569" i="1" s="1"/>
  <c r="A166570" i="1" s="1"/>
  <c r="A166571" i="1" s="1"/>
  <c r="A166572" i="1" s="1"/>
  <c r="A166573" i="1" s="1"/>
  <c r="A166574" i="1" s="1"/>
  <c r="A166575" i="1" s="1"/>
  <c r="A166576" i="1" s="1"/>
  <c r="A166577" i="1" s="1"/>
  <c r="A166578" i="1" s="1"/>
  <c r="A166579" i="1" s="1"/>
  <c r="A166580" i="1" s="1"/>
  <c r="A166581" i="1" s="1"/>
  <c r="A166582" i="1" s="1"/>
  <c r="A166583" i="1" s="1"/>
  <c r="A166584" i="1" s="1"/>
  <c r="A166585" i="1" s="1"/>
  <c r="A166586" i="1" s="1"/>
  <c r="A166587" i="1" s="1"/>
  <c r="A166588" i="1" s="1"/>
  <c r="A166589" i="1" s="1"/>
  <c r="A166590" i="1" s="1"/>
  <c r="A166591" i="1" s="1"/>
  <c r="A166592" i="1" s="1"/>
  <c r="A166593" i="1" s="1"/>
  <c r="A166594" i="1" s="1"/>
  <c r="A166595" i="1" s="1"/>
  <c r="A166596" i="1" s="1"/>
  <c r="A166597" i="1" s="1"/>
  <c r="A166598" i="1" s="1"/>
  <c r="A166599" i="1" s="1"/>
  <c r="A166600" i="1" s="1"/>
  <c r="A166601" i="1" s="1"/>
  <c r="A166602" i="1" s="1"/>
  <c r="A166603" i="1" s="1"/>
  <c r="A166604" i="1" s="1"/>
  <c r="A166605" i="1" s="1"/>
  <c r="A166606" i="1" s="1"/>
  <c r="A166607" i="1" s="1"/>
  <c r="A166608" i="1" s="1"/>
  <c r="A166609" i="1" s="1"/>
  <c r="A166610" i="1" s="1"/>
  <c r="A166611" i="1" s="1"/>
  <c r="A166612" i="1" s="1"/>
  <c r="A166613" i="1" s="1"/>
  <c r="A166614" i="1" s="1"/>
  <c r="A166615" i="1" s="1"/>
  <c r="A166616" i="1" s="1"/>
  <c r="A166617" i="1" s="1"/>
  <c r="A166618" i="1" s="1"/>
  <c r="A166619" i="1" s="1"/>
  <c r="A166620" i="1" s="1"/>
  <c r="A166621" i="1" s="1"/>
  <c r="A166622" i="1" s="1"/>
  <c r="A166623" i="1" s="1"/>
  <c r="A166624" i="1" s="1"/>
  <c r="A166625" i="1" s="1"/>
  <c r="A166626" i="1" s="1"/>
  <c r="A166627" i="1" s="1"/>
  <c r="A166628" i="1" s="1"/>
  <c r="A166629" i="1" s="1"/>
  <c r="A166630" i="1" s="1"/>
  <c r="A166631" i="1" s="1"/>
  <c r="A166632" i="1" s="1"/>
  <c r="A166633" i="1" s="1"/>
  <c r="A166634" i="1" s="1"/>
  <c r="A166635" i="1" s="1"/>
  <c r="A166636" i="1" s="1"/>
  <c r="A166637" i="1" s="1"/>
  <c r="A166638" i="1" s="1"/>
  <c r="A166639" i="1" s="1"/>
  <c r="A166640" i="1" s="1"/>
  <c r="A166641" i="1" s="1"/>
  <c r="A166642" i="1" s="1"/>
  <c r="A166643" i="1" s="1"/>
  <c r="A166644" i="1" s="1"/>
  <c r="A166645" i="1" s="1"/>
  <c r="A166646" i="1" s="1"/>
  <c r="A166647" i="1" s="1"/>
  <c r="A166648" i="1" s="1"/>
  <c r="A166649" i="1" s="1"/>
  <c r="A166650" i="1" s="1"/>
  <c r="A166651" i="1" s="1"/>
  <c r="A166652" i="1" s="1"/>
  <c r="A166653" i="1" s="1"/>
  <c r="A166654" i="1" s="1"/>
  <c r="A166655" i="1" s="1"/>
  <c r="A166656" i="1" s="1"/>
  <c r="A166657" i="1" s="1"/>
  <c r="A166658" i="1" s="1"/>
  <c r="A166659" i="1" s="1"/>
  <c r="A166660" i="1" s="1"/>
  <c r="A166661" i="1" s="1"/>
  <c r="A166662" i="1" s="1"/>
  <c r="A166663" i="1" s="1"/>
  <c r="A166664" i="1" s="1"/>
  <c r="A166665" i="1" s="1"/>
  <c r="A166666" i="1" s="1"/>
  <c r="A166667" i="1" s="1"/>
  <c r="A166668" i="1" s="1"/>
  <c r="A166669" i="1" s="1"/>
  <c r="A166670" i="1" s="1"/>
  <c r="A166671" i="1" s="1"/>
  <c r="A166672" i="1" s="1"/>
  <c r="A166673" i="1" s="1"/>
  <c r="A166674" i="1" s="1"/>
  <c r="A166675" i="1" s="1"/>
  <c r="A166676" i="1" s="1"/>
  <c r="A166677" i="1" s="1"/>
  <c r="A166678" i="1" s="1"/>
  <c r="A166679" i="1" s="1"/>
  <c r="A166680" i="1" s="1"/>
  <c r="A166681" i="1" s="1"/>
  <c r="A166682" i="1" s="1"/>
  <c r="A166683" i="1" s="1"/>
  <c r="A166684" i="1" s="1"/>
  <c r="A166685" i="1" s="1"/>
  <c r="A166686" i="1" s="1"/>
  <c r="A166687" i="1" s="1"/>
  <c r="A166688" i="1" s="1"/>
  <c r="A166689" i="1" s="1"/>
  <c r="A166690" i="1" s="1"/>
  <c r="A166691" i="1" s="1"/>
  <c r="A166692" i="1" s="1"/>
  <c r="A166693" i="1" s="1"/>
  <c r="A166694" i="1" s="1"/>
  <c r="A166695" i="1" s="1"/>
  <c r="A166696" i="1" s="1"/>
  <c r="A166697" i="1" s="1"/>
  <c r="A166698" i="1" s="1"/>
  <c r="A166699" i="1" s="1"/>
  <c r="A166700" i="1" s="1"/>
  <c r="A166701" i="1" s="1"/>
  <c r="A166702" i="1" s="1"/>
  <c r="A166703" i="1" s="1"/>
  <c r="A166704" i="1" s="1"/>
  <c r="A166705" i="1" s="1"/>
  <c r="A166706" i="1" s="1"/>
  <c r="A166707" i="1" s="1"/>
  <c r="A166708" i="1" s="1"/>
  <c r="A166709" i="1" s="1"/>
  <c r="A166710" i="1" s="1"/>
  <c r="A166711" i="1" s="1"/>
  <c r="A166712" i="1" s="1"/>
  <c r="A166713" i="1" s="1"/>
  <c r="A166714" i="1" s="1"/>
  <c r="A166715" i="1" s="1"/>
  <c r="A166716" i="1" s="1"/>
  <c r="A166717" i="1" s="1"/>
  <c r="A166718" i="1" s="1"/>
  <c r="A166719" i="1" s="1"/>
  <c r="A166720" i="1" s="1"/>
  <c r="A166721" i="1" s="1"/>
  <c r="A166722" i="1" s="1"/>
  <c r="A166723" i="1" s="1"/>
  <c r="A166724" i="1" s="1"/>
  <c r="A166725" i="1" s="1"/>
  <c r="A166726" i="1" s="1"/>
  <c r="A166727" i="1" s="1"/>
  <c r="A166728" i="1" s="1"/>
  <c r="A166729" i="1" s="1"/>
  <c r="A166730" i="1" s="1"/>
  <c r="A166731" i="1" s="1"/>
  <c r="A166732" i="1" s="1"/>
  <c r="A166733" i="1" s="1"/>
  <c r="A166734" i="1" s="1"/>
  <c r="A166735" i="1" s="1"/>
  <c r="A166736" i="1" s="1"/>
  <c r="A166737" i="1" s="1"/>
  <c r="A166738" i="1" s="1"/>
  <c r="A166739" i="1" s="1"/>
  <c r="A166740" i="1" s="1"/>
  <c r="A166741" i="1" s="1"/>
  <c r="A166742" i="1" s="1"/>
  <c r="A166743" i="1" s="1"/>
  <c r="A166744" i="1" s="1"/>
  <c r="A166745" i="1" s="1"/>
  <c r="A166746" i="1" s="1"/>
  <c r="A166747" i="1" s="1"/>
  <c r="A166748" i="1" s="1"/>
  <c r="A166749" i="1" s="1"/>
  <c r="A166750" i="1" s="1"/>
  <c r="A166751" i="1" s="1"/>
  <c r="A166752" i="1" s="1"/>
  <c r="A166753" i="1" s="1"/>
  <c r="A166754" i="1" s="1"/>
  <c r="A166755" i="1" s="1"/>
  <c r="A166756" i="1" s="1"/>
  <c r="A166757" i="1" s="1"/>
  <c r="A166758" i="1" s="1"/>
  <c r="A166759" i="1" s="1"/>
  <c r="A166760" i="1" s="1"/>
  <c r="A166761" i="1" s="1"/>
  <c r="A166762" i="1" s="1"/>
  <c r="A166763" i="1" s="1"/>
  <c r="A166764" i="1" s="1"/>
  <c r="A166765" i="1" s="1"/>
  <c r="A166766" i="1" s="1"/>
  <c r="A166767" i="1" s="1"/>
  <c r="A166768" i="1" s="1"/>
  <c r="A166769" i="1" s="1"/>
  <c r="A166770" i="1" s="1"/>
  <c r="A166771" i="1" s="1"/>
  <c r="A166772" i="1" s="1"/>
  <c r="A166773" i="1" s="1"/>
  <c r="A166774" i="1" s="1"/>
  <c r="A166775" i="1" s="1"/>
  <c r="A166776" i="1" s="1"/>
  <c r="A166777" i="1" s="1"/>
  <c r="A166778" i="1" s="1"/>
  <c r="A166779" i="1" s="1"/>
  <c r="A166780" i="1" s="1"/>
  <c r="A166781" i="1" s="1"/>
  <c r="A166782" i="1" s="1"/>
  <c r="A166783" i="1" s="1"/>
  <c r="A166784" i="1" s="1"/>
  <c r="A166785" i="1" s="1"/>
  <c r="A166786" i="1" s="1"/>
  <c r="A166787" i="1" s="1"/>
  <c r="A166788" i="1" s="1"/>
  <c r="A166789" i="1" s="1"/>
  <c r="A166790" i="1" s="1"/>
  <c r="A166791" i="1" s="1"/>
  <c r="A166792" i="1" s="1"/>
  <c r="A166793" i="1" s="1"/>
  <c r="A166794" i="1" s="1"/>
  <c r="A166795" i="1" s="1"/>
  <c r="A166796" i="1" s="1"/>
  <c r="A166797" i="1" s="1"/>
  <c r="A166798" i="1" s="1"/>
  <c r="A166799" i="1" s="1"/>
  <c r="A166800" i="1" s="1"/>
  <c r="A166801" i="1" s="1"/>
  <c r="A166802" i="1" s="1"/>
  <c r="A166803" i="1" s="1"/>
  <c r="A166804" i="1" s="1"/>
  <c r="A166805" i="1" s="1"/>
  <c r="A166806" i="1" s="1"/>
  <c r="A166807" i="1" s="1"/>
  <c r="A166808" i="1" s="1"/>
  <c r="A166809" i="1" s="1"/>
  <c r="A166810" i="1" s="1"/>
  <c r="A166811" i="1" s="1"/>
  <c r="A166812" i="1" s="1"/>
  <c r="A166813" i="1" s="1"/>
  <c r="A166814" i="1" s="1"/>
  <c r="A166815" i="1" s="1"/>
  <c r="A166816" i="1" s="1"/>
  <c r="A166817" i="1" s="1"/>
  <c r="A166818" i="1" s="1"/>
  <c r="A166819" i="1" s="1"/>
  <c r="A166820" i="1" s="1"/>
  <c r="A166821" i="1" s="1"/>
  <c r="A166822" i="1" s="1"/>
  <c r="A166823" i="1" s="1"/>
  <c r="A166824" i="1" s="1"/>
  <c r="A166825" i="1" s="1"/>
  <c r="A166826" i="1" s="1"/>
  <c r="A166827" i="1" s="1"/>
  <c r="A166828" i="1" s="1"/>
  <c r="A166829" i="1" s="1"/>
  <c r="A166830" i="1" s="1"/>
  <c r="A166831" i="1" s="1"/>
  <c r="A166832" i="1" s="1"/>
  <c r="A166833" i="1" s="1"/>
  <c r="A166834" i="1" s="1"/>
  <c r="A166835" i="1" s="1"/>
  <c r="A166836" i="1" s="1"/>
  <c r="A166837" i="1" s="1"/>
  <c r="A166838" i="1" s="1"/>
  <c r="A166839" i="1" s="1"/>
  <c r="A166840" i="1" s="1"/>
  <c r="A166841" i="1" s="1"/>
  <c r="A166842" i="1" s="1"/>
  <c r="A166843" i="1" s="1"/>
  <c r="A166844" i="1" s="1"/>
  <c r="A166845" i="1" s="1"/>
  <c r="A166846" i="1" s="1"/>
  <c r="A166847" i="1" s="1"/>
  <c r="A166848" i="1" s="1"/>
  <c r="A166849" i="1" s="1"/>
  <c r="A166850" i="1" s="1"/>
  <c r="A166851" i="1" s="1"/>
  <c r="A166852" i="1" s="1"/>
  <c r="A166853" i="1" s="1"/>
  <c r="A166854" i="1" s="1"/>
  <c r="A166855" i="1" s="1"/>
  <c r="A166856" i="1" s="1"/>
  <c r="A166857" i="1" s="1"/>
  <c r="A166858" i="1" s="1"/>
  <c r="A166859" i="1" s="1"/>
  <c r="A166860" i="1" s="1"/>
  <c r="A166861" i="1" s="1"/>
  <c r="A166862" i="1" s="1"/>
  <c r="A166863" i="1" s="1"/>
  <c r="A166864" i="1" s="1"/>
  <c r="A166865" i="1" s="1"/>
  <c r="A166866" i="1" s="1"/>
  <c r="A166867" i="1" s="1"/>
  <c r="A166868" i="1" s="1"/>
  <c r="A166869" i="1" s="1"/>
  <c r="A166870" i="1" s="1"/>
  <c r="A166871" i="1" s="1"/>
  <c r="A166872" i="1" s="1"/>
  <c r="A166873" i="1" s="1"/>
  <c r="A166874" i="1" s="1"/>
  <c r="A166875" i="1" s="1"/>
  <c r="A166876" i="1" s="1"/>
  <c r="A166877" i="1" s="1"/>
  <c r="A166878" i="1" s="1"/>
  <c r="A166879" i="1" s="1"/>
  <c r="A166880" i="1" s="1"/>
  <c r="A166881" i="1" s="1"/>
  <c r="A166882" i="1" s="1"/>
  <c r="A166883" i="1" s="1"/>
  <c r="A166884" i="1" s="1"/>
  <c r="A166885" i="1" s="1"/>
  <c r="A166886" i="1" s="1"/>
  <c r="A166887" i="1" s="1"/>
  <c r="A166888" i="1" s="1"/>
  <c r="A166889" i="1" s="1"/>
  <c r="A166890" i="1" s="1"/>
  <c r="A166891" i="1" s="1"/>
  <c r="A166892" i="1" s="1"/>
  <c r="A166893" i="1" s="1"/>
  <c r="A166894" i="1" s="1"/>
  <c r="A166895" i="1" s="1"/>
  <c r="A166896" i="1" s="1"/>
  <c r="A166897" i="1" s="1"/>
  <c r="A166898" i="1" s="1"/>
  <c r="A166899" i="1" s="1"/>
  <c r="A166900" i="1" s="1"/>
  <c r="A166901" i="1" s="1"/>
  <c r="A166902" i="1" s="1"/>
  <c r="A166903" i="1" s="1"/>
  <c r="A166904" i="1" s="1"/>
  <c r="A166905" i="1" s="1"/>
  <c r="A166906" i="1" s="1"/>
  <c r="A166907" i="1" s="1"/>
  <c r="A166908" i="1" s="1"/>
  <c r="A166909" i="1" s="1"/>
  <c r="A166910" i="1" s="1"/>
  <c r="A166911" i="1" s="1"/>
  <c r="A166912" i="1" s="1"/>
  <c r="A166913" i="1" s="1"/>
  <c r="A166914" i="1" s="1"/>
  <c r="A166915" i="1" s="1"/>
  <c r="A166916" i="1" s="1"/>
  <c r="A166917" i="1" s="1"/>
  <c r="A166918" i="1" s="1"/>
  <c r="A166919" i="1" s="1"/>
  <c r="A166920" i="1" s="1"/>
  <c r="A166921" i="1" s="1"/>
  <c r="A166922" i="1" s="1"/>
  <c r="A166923" i="1" s="1"/>
  <c r="A166924" i="1" s="1"/>
  <c r="A166925" i="1" s="1"/>
  <c r="A166926" i="1" s="1"/>
  <c r="A166927" i="1" s="1"/>
  <c r="A166928" i="1" s="1"/>
  <c r="A166929" i="1" s="1"/>
  <c r="A166930" i="1" s="1"/>
  <c r="A166931" i="1" s="1"/>
  <c r="A166932" i="1" s="1"/>
  <c r="A166933" i="1" s="1"/>
  <c r="A166934" i="1" s="1"/>
  <c r="A166935" i="1" s="1"/>
  <c r="A166936" i="1" s="1"/>
  <c r="A166937" i="1" s="1"/>
  <c r="A166938" i="1" s="1"/>
  <c r="A166939" i="1" s="1"/>
  <c r="A166940" i="1" s="1"/>
  <c r="A166941" i="1" s="1"/>
  <c r="A166942" i="1" s="1"/>
  <c r="A166943" i="1" s="1"/>
  <c r="A166944" i="1" s="1"/>
  <c r="A166945" i="1" s="1"/>
  <c r="A166946" i="1" s="1"/>
  <c r="A166947" i="1" s="1"/>
  <c r="A166948" i="1" s="1"/>
  <c r="A166949" i="1" s="1"/>
  <c r="A166950" i="1" s="1"/>
  <c r="A166951" i="1" s="1"/>
  <c r="A166952" i="1" s="1"/>
  <c r="A166953" i="1" s="1"/>
  <c r="A166954" i="1" s="1"/>
  <c r="A166955" i="1" s="1"/>
  <c r="A166956" i="1" s="1"/>
  <c r="A166957" i="1" s="1"/>
  <c r="A166958" i="1" s="1"/>
  <c r="A166959" i="1" s="1"/>
  <c r="A166960" i="1" s="1"/>
  <c r="A166961" i="1" s="1"/>
  <c r="A166962" i="1" s="1"/>
  <c r="A166963" i="1" s="1"/>
  <c r="A166964" i="1" s="1"/>
  <c r="A166965" i="1" s="1"/>
  <c r="A166966" i="1" s="1"/>
  <c r="A166967" i="1" s="1"/>
  <c r="A166968" i="1" s="1"/>
  <c r="A166969" i="1" s="1"/>
  <c r="A166970" i="1" s="1"/>
  <c r="A166971" i="1" s="1"/>
  <c r="A166972" i="1" s="1"/>
  <c r="A166973" i="1" s="1"/>
  <c r="A166974" i="1" s="1"/>
  <c r="A166975" i="1" s="1"/>
  <c r="A166976" i="1" s="1"/>
  <c r="A166977" i="1" s="1"/>
  <c r="A166978" i="1" s="1"/>
  <c r="A166979" i="1" s="1"/>
  <c r="A166980" i="1" s="1"/>
  <c r="A166981" i="1" s="1"/>
  <c r="A166982" i="1" s="1"/>
  <c r="A166983" i="1" s="1"/>
  <c r="A166984" i="1" s="1"/>
  <c r="A166985" i="1" s="1"/>
  <c r="A166986" i="1" s="1"/>
  <c r="A166987" i="1" s="1"/>
  <c r="A166988" i="1" s="1"/>
  <c r="A166989" i="1" s="1"/>
  <c r="A166990" i="1" s="1"/>
  <c r="A166991" i="1" s="1"/>
  <c r="A166992" i="1" s="1"/>
  <c r="A166993" i="1" s="1"/>
  <c r="A166994" i="1" s="1"/>
  <c r="A166995" i="1" s="1"/>
  <c r="A166996" i="1" s="1"/>
  <c r="A166997" i="1" s="1"/>
  <c r="A166998" i="1" s="1"/>
  <c r="A166999" i="1" s="1"/>
  <c r="A167000" i="1" s="1"/>
  <c r="A167001" i="1" s="1"/>
  <c r="A167002" i="1" s="1"/>
  <c r="A167003" i="1" s="1"/>
  <c r="A167004" i="1" s="1"/>
  <c r="A167005" i="1" s="1"/>
  <c r="A167006" i="1" s="1"/>
  <c r="A167007" i="1" s="1"/>
  <c r="A167008" i="1" s="1"/>
  <c r="A167009" i="1" s="1"/>
  <c r="A167010" i="1" s="1"/>
  <c r="A167011" i="1" s="1"/>
  <c r="A167012" i="1" s="1"/>
  <c r="A167013" i="1" s="1"/>
  <c r="A167014" i="1" s="1"/>
  <c r="A167015" i="1" s="1"/>
  <c r="A167016" i="1" s="1"/>
  <c r="A167017" i="1" s="1"/>
  <c r="A167018" i="1" s="1"/>
  <c r="A167019" i="1" s="1"/>
  <c r="A167020" i="1" s="1"/>
  <c r="A167021" i="1" s="1"/>
  <c r="A167022" i="1" s="1"/>
  <c r="A167023" i="1" s="1"/>
  <c r="A167024" i="1" s="1"/>
  <c r="A167025" i="1" s="1"/>
  <c r="A167026" i="1" s="1"/>
  <c r="A167027" i="1" s="1"/>
  <c r="A167028" i="1" s="1"/>
  <c r="A167029" i="1" s="1"/>
  <c r="A167030" i="1" s="1"/>
  <c r="A167031" i="1" s="1"/>
  <c r="A167032" i="1" s="1"/>
  <c r="A167033" i="1" s="1"/>
  <c r="A167034" i="1" s="1"/>
  <c r="A167035" i="1" s="1"/>
  <c r="A167036" i="1" s="1"/>
  <c r="A167037" i="1" s="1"/>
  <c r="A167038" i="1" s="1"/>
  <c r="A167039" i="1" s="1"/>
  <c r="A167040" i="1" s="1"/>
  <c r="A167041" i="1" s="1"/>
  <c r="A167042" i="1" s="1"/>
  <c r="A167043" i="1" s="1"/>
  <c r="A167044" i="1" s="1"/>
  <c r="A167045" i="1" s="1"/>
  <c r="A167046" i="1" s="1"/>
  <c r="A167047" i="1" s="1"/>
  <c r="A167048" i="1" s="1"/>
  <c r="A167049" i="1" s="1"/>
  <c r="A167050" i="1" s="1"/>
  <c r="A167051" i="1" s="1"/>
  <c r="A167052" i="1" s="1"/>
  <c r="A167053" i="1" s="1"/>
  <c r="A167054" i="1" s="1"/>
  <c r="A167055" i="1" s="1"/>
  <c r="A167056" i="1" s="1"/>
  <c r="A167057" i="1" s="1"/>
  <c r="A167058" i="1" s="1"/>
  <c r="A167059" i="1" s="1"/>
  <c r="A167060" i="1" s="1"/>
  <c r="A167061" i="1" s="1"/>
  <c r="A167062" i="1" s="1"/>
  <c r="A167063" i="1" s="1"/>
  <c r="A167064" i="1" s="1"/>
  <c r="A167065" i="1" s="1"/>
  <c r="A167066" i="1" s="1"/>
  <c r="A167067" i="1" s="1"/>
  <c r="A167068" i="1" s="1"/>
  <c r="A167069" i="1" s="1"/>
  <c r="A167070" i="1" s="1"/>
  <c r="A167071" i="1" s="1"/>
  <c r="A167072" i="1" s="1"/>
  <c r="A167073" i="1" s="1"/>
  <c r="A167074" i="1" s="1"/>
  <c r="A167075" i="1" s="1"/>
  <c r="A167076" i="1" s="1"/>
  <c r="A167077" i="1" s="1"/>
  <c r="A167078" i="1" s="1"/>
  <c r="A167079" i="1" s="1"/>
  <c r="A167080" i="1" s="1"/>
  <c r="A167081" i="1" s="1"/>
  <c r="A167082" i="1" s="1"/>
  <c r="A167083" i="1" s="1"/>
  <c r="A167084" i="1" s="1"/>
  <c r="A167085" i="1" s="1"/>
  <c r="A167086" i="1" s="1"/>
  <c r="A167087" i="1" s="1"/>
  <c r="A167088" i="1" s="1"/>
  <c r="A167089" i="1" s="1"/>
  <c r="A167090" i="1" s="1"/>
  <c r="A167091" i="1" s="1"/>
  <c r="A167092" i="1" s="1"/>
  <c r="A167093" i="1" s="1"/>
  <c r="A167094" i="1" s="1"/>
  <c r="A167095" i="1" s="1"/>
  <c r="A167096" i="1" s="1"/>
  <c r="A167097" i="1" s="1"/>
  <c r="A167098" i="1" s="1"/>
  <c r="A167099" i="1" s="1"/>
  <c r="A167100" i="1" s="1"/>
  <c r="A167101" i="1" s="1"/>
  <c r="A167102" i="1" s="1"/>
  <c r="A167103" i="1" s="1"/>
  <c r="A167104" i="1" s="1"/>
  <c r="A167105" i="1" s="1"/>
  <c r="A167106" i="1" s="1"/>
  <c r="A167107" i="1" s="1"/>
  <c r="A167108" i="1" s="1"/>
  <c r="A167109" i="1" s="1"/>
  <c r="A167110" i="1" s="1"/>
  <c r="A167111" i="1" s="1"/>
  <c r="A167112" i="1" s="1"/>
  <c r="A167113" i="1" s="1"/>
  <c r="A167114" i="1" s="1"/>
  <c r="A167115" i="1" s="1"/>
  <c r="A167116" i="1" s="1"/>
  <c r="A167117" i="1" s="1"/>
  <c r="A167118" i="1" s="1"/>
  <c r="A167119" i="1" s="1"/>
  <c r="A167120" i="1" s="1"/>
  <c r="A167121" i="1" s="1"/>
  <c r="A167122" i="1" s="1"/>
  <c r="A167123" i="1" s="1"/>
  <c r="A167124" i="1" s="1"/>
  <c r="A167125" i="1" s="1"/>
  <c r="A167126" i="1" s="1"/>
  <c r="A167127" i="1" s="1"/>
  <c r="A167128" i="1" s="1"/>
  <c r="A167129" i="1" s="1"/>
  <c r="A167130" i="1" s="1"/>
  <c r="A167131" i="1" s="1"/>
  <c r="A167132" i="1" s="1"/>
  <c r="A167133" i="1" s="1"/>
  <c r="A167134" i="1" s="1"/>
  <c r="A167135" i="1" s="1"/>
  <c r="A167136" i="1" s="1"/>
  <c r="A167137" i="1" s="1"/>
  <c r="A167138" i="1" s="1"/>
  <c r="A167139" i="1" s="1"/>
  <c r="A167140" i="1" s="1"/>
  <c r="A167141" i="1" s="1"/>
  <c r="A167142" i="1" s="1"/>
  <c r="A167143" i="1" s="1"/>
  <c r="A167144" i="1" s="1"/>
  <c r="A167145" i="1" s="1"/>
  <c r="A167146" i="1" s="1"/>
  <c r="A167147" i="1" s="1"/>
  <c r="A167148" i="1" s="1"/>
  <c r="A167149" i="1" s="1"/>
  <c r="A167150" i="1" s="1"/>
  <c r="A167151" i="1" s="1"/>
  <c r="A167152" i="1" s="1"/>
  <c r="A167153" i="1" s="1"/>
  <c r="A167154" i="1" s="1"/>
  <c r="A167155" i="1" s="1"/>
  <c r="A167156" i="1" s="1"/>
  <c r="A167157" i="1" s="1"/>
  <c r="A167158" i="1" s="1"/>
  <c r="A167159" i="1" s="1"/>
  <c r="A167160" i="1" s="1"/>
  <c r="A167161" i="1" s="1"/>
  <c r="A167162" i="1" s="1"/>
  <c r="A167163" i="1" s="1"/>
  <c r="A167164" i="1" s="1"/>
  <c r="A167165" i="1" s="1"/>
  <c r="A167166" i="1" s="1"/>
  <c r="A167167" i="1" s="1"/>
  <c r="A167168" i="1" s="1"/>
  <c r="A167169" i="1" s="1"/>
  <c r="A167170" i="1" s="1"/>
  <c r="A167171" i="1" s="1"/>
  <c r="A167172" i="1" s="1"/>
  <c r="A167173" i="1" s="1"/>
  <c r="A167174" i="1" s="1"/>
  <c r="A167175" i="1" s="1"/>
  <c r="A167176" i="1" s="1"/>
  <c r="A167177" i="1" s="1"/>
  <c r="A167178" i="1" s="1"/>
  <c r="A167179" i="1" s="1"/>
  <c r="A167180" i="1" s="1"/>
  <c r="A167181" i="1" s="1"/>
  <c r="A167182" i="1" s="1"/>
  <c r="A167183" i="1" s="1"/>
  <c r="A167184" i="1" s="1"/>
  <c r="A167185" i="1" s="1"/>
  <c r="A167186" i="1" s="1"/>
  <c r="A167187" i="1" s="1"/>
  <c r="A167188" i="1" s="1"/>
  <c r="A167189" i="1" s="1"/>
  <c r="A167190" i="1" s="1"/>
  <c r="A167191" i="1" s="1"/>
  <c r="A167192" i="1" s="1"/>
  <c r="A167193" i="1" s="1"/>
  <c r="A167194" i="1" s="1"/>
  <c r="A167195" i="1" s="1"/>
  <c r="A167196" i="1" s="1"/>
  <c r="A167197" i="1" s="1"/>
  <c r="A167198" i="1" s="1"/>
  <c r="A167199" i="1" s="1"/>
  <c r="A167200" i="1" s="1"/>
  <c r="A167201" i="1" s="1"/>
  <c r="A167202" i="1" s="1"/>
  <c r="A167203" i="1" s="1"/>
  <c r="A167204" i="1" s="1"/>
  <c r="A167205" i="1" s="1"/>
  <c r="A167206" i="1" s="1"/>
  <c r="A167207" i="1" s="1"/>
  <c r="A167208" i="1" s="1"/>
  <c r="A167209" i="1" s="1"/>
  <c r="A167210" i="1" s="1"/>
  <c r="A167211" i="1" s="1"/>
  <c r="A167212" i="1" s="1"/>
  <c r="A167213" i="1" s="1"/>
  <c r="A167214" i="1" s="1"/>
  <c r="A167215" i="1" s="1"/>
  <c r="A167216" i="1" s="1"/>
  <c r="A167217" i="1" s="1"/>
  <c r="A167218" i="1" s="1"/>
  <c r="A167219" i="1" s="1"/>
  <c r="A167220" i="1" s="1"/>
  <c r="A167221" i="1" s="1"/>
  <c r="A167222" i="1" s="1"/>
  <c r="A167223" i="1" s="1"/>
  <c r="A167224" i="1" s="1"/>
  <c r="A167225" i="1" s="1"/>
  <c r="A167226" i="1" s="1"/>
  <c r="A167227" i="1" s="1"/>
  <c r="A167228" i="1" s="1"/>
  <c r="A167229" i="1" s="1"/>
  <c r="A167230" i="1" s="1"/>
  <c r="A167231" i="1" s="1"/>
  <c r="A167232" i="1" s="1"/>
  <c r="A167233" i="1" s="1"/>
  <c r="A167234" i="1" s="1"/>
  <c r="A167235" i="1" s="1"/>
  <c r="A167236" i="1" s="1"/>
  <c r="A167237" i="1" s="1"/>
  <c r="A167238" i="1" s="1"/>
  <c r="A167239" i="1" s="1"/>
  <c r="A167240" i="1" s="1"/>
  <c r="A167241" i="1" s="1"/>
  <c r="A167242" i="1" s="1"/>
  <c r="A167243" i="1" s="1"/>
  <c r="A167244" i="1" s="1"/>
  <c r="A167245" i="1" s="1"/>
  <c r="A167246" i="1" s="1"/>
  <c r="A167247" i="1" s="1"/>
  <c r="A167248" i="1" s="1"/>
  <c r="A167249" i="1" s="1"/>
  <c r="A167250" i="1" s="1"/>
  <c r="A167251" i="1" s="1"/>
  <c r="A167252" i="1" s="1"/>
  <c r="A167253" i="1" s="1"/>
  <c r="A167254" i="1" s="1"/>
  <c r="A167255" i="1" s="1"/>
  <c r="A167256" i="1" s="1"/>
  <c r="A167257" i="1" s="1"/>
  <c r="A167258" i="1" s="1"/>
  <c r="A167259" i="1" s="1"/>
  <c r="A167260" i="1" s="1"/>
  <c r="A167261" i="1" s="1"/>
  <c r="A167262" i="1" s="1"/>
  <c r="A167263" i="1" s="1"/>
  <c r="A167264" i="1" s="1"/>
  <c r="A167265" i="1" s="1"/>
  <c r="A167266" i="1" s="1"/>
  <c r="A167267" i="1" s="1"/>
  <c r="A167268" i="1" s="1"/>
  <c r="A167269" i="1" s="1"/>
  <c r="A167270" i="1" s="1"/>
  <c r="A167271" i="1" s="1"/>
  <c r="A167272" i="1" s="1"/>
  <c r="A167273" i="1" s="1"/>
  <c r="A167274" i="1" s="1"/>
  <c r="A167275" i="1" s="1"/>
  <c r="A167276" i="1" s="1"/>
  <c r="A167277" i="1" s="1"/>
  <c r="A167278" i="1" s="1"/>
  <c r="A167279" i="1" s="1"/>
  <c r="A167280" i="1" s="1"/>
  <c r="A167281" i="1" s="1"/>
  <c r="A167282" i="1" s="1"/>
  <c r="A167283" i="1" s="1"/>
  <c r="A167284" i="1" s="1"/>
  <c r="A167285" i="1" s="1"/>
  <c r="A167286" i="1" s="1"/>
  <c r="A167287" i="1" s="1"/>
  <c r="A167288" i="1" s="1"/>
  <c r="A167289" i="1" s="1"/>
  <c r="A167290" i="1" s="1"/>
  <c r="A167291" i="1" s="1"/>
  <c r="A167292" i="1" s="1"/>
  <c r="A167293" i="1" s="1"/>
  <c r="A167294" i="1" s="1"/>
  <c r="A167295" i="1" s="1"/>
  <c r="A167296" i="1" s="1"/>
  <c r="A167297" i="1" s="1"/>
  <c r="A167298" i="1" s="1"/>
  <c r="A167299" i="1" s="1"/>
  <c r="A167300" i="1" s="1"/>
  <c r="A167301" i="1" s="1"/>
  <c r="A167302" i="1" s="1"/>
  <c r="A167303" i="1" s="1"/>
  <c r="A167304" i="1" s="1"/>
  <c r="A167305" i="1" s="1"/>
  <c r="A167306" i="1" s="1"/>
  <c r="A167307" i="1" s="1"/>
  <c r="A167308" i="1" s="1"/>
  <c r="A167309" i="1" s="1"/>
  <c r="A167310" i="1" s="1"/>
  <c r="A167311" i="1" s="1"/>
  <c r="A167312" i="1" s="1"/>
  <c r="A167313" i="1" s="1"/>
  <c r="A167314" i="1" s="1"/>
  <c r="A167315" i="1" s="1"/>
  <c r="A167316" i="1" s="1"/>
  <c r="A167317" i="1" s="1"/>
  <c r="A167318" i="1" s="1"/>
  <c r="A167319" i="1" s="1"/>
  <c r="A167320" i="1" s="1"/>
  <c r="A167321" i="1" s="1"/>
  <c r="A167322" i="1" s="1"/>
  <c r="A167323" i="1" s="1"/>
  <c r="A167324" i="1" s="1"/>
  <c r="A167325" i="1" s="1"/>
  <c r="A167326" i="1" s="1"/>
  <c r="A167327" i="1" s="1"/>
  <c r="A167328" i="1" s="1"/>
  <c r="A167329" i="1" s="1"/>
  <c r="A167330" i="1" s="1"/>
  <c r="A167331" i="1" s="1"/>
  <c r="A167332" i="1" s="1"/>
  <c r="A167333" i="1" s="1"/>
  <c r="A167334" i="1" s="1"/>
  <c r="A167335" i="1" s="1"/>
  <c r="A167336" i="1" s="1"/>
  <c r="A167337" i="1" s="1"/>
  <c r="A167338" i="1" s="1"/>
  <c r="A167339" i="1" s="1"/>
  <c r="A167340" i="1" s="1"/>
  <c r="A167341" i="1" s="1"/>
  <c r="A167342" i="1" s="1"/>
  <c r="A167343" i="1" s="1"/>
  <c r="A167344" i="1" s="1"/>
  <c r="A167345" i="1" s="1"/>
  <c r="A167346" i="1" s="1"/>
  <c r="A167347" i="1" s="1"/>
  <c r="A167348" i="1" s="1"/>
  <c r="A167349" i="1" s="1"/>
  <c r="A167350" i="1" s="1"/>
  <c r="A167351" i="1" s="1"/>
  <c r="A167352" i="1" s="1"/>
  <c r="A167353" i="1" s="1"/>
  <c r="A167354" i="1" s="1"/>
  <c r="A167355" i="1" s="1"/>
  <c r="A167356" i="1" s="1"/>
  <c r="A167357" i="1" s="1"/>
  <c r="A167358" i="1" s="1"/>
  <c r="A167359" i="1" s="1"/>
  <c r="A167360" i="1" s="1"/>
  <c r="A167361" i="1" s="1"/>
  <c r="A167362" i="1" s="1"/>
  <c r="A167363" i="1" s="1"/>
  <c r="A167364" i="1" s="1"/>
  <c r="A167365" i="1" s="1"/>
  <c r="A167366" i="1" s="1"/>
  <c r="A167367" i="1" s="1"/>
  <c r="A167368" i="1" s="1"/>
  <c r="A167369" i="1" s="1"/>
  <c r="A167370" i="1" s="1"/>
  <c r="A167371" i="1" s="1"/>
  <c r="A167372" i="1" s="1"/>
  <c r="A167373" i="1" s="1"/>
  <c r="A167374" i="1" s="1"/>
  <c r="A167375" i="1" s="1"/>
  <c r="A167376" i="1" s="1"/>
  <c r="A167377" i="1" s="1"/>
  <c r="A167378" i="1" s="1"/>
  <c r="A167379" i="1" s="1"/>
  <c r="A167380" i="1" s="1"/>
  <c r="A167381" i="1" s="1"/>
  <c r="A167382" i="1" s="1"/>
  <c r="A167383" i="1" s="1"/>
  <c r="A167384" i="1" s="1"/>
  <c r="A167385" i="1" s="1"/>
  <c r="A167386" i="1" s="1"/>
  <c r="A167387" i="1" s="1"/>
  <c r="A167388" i="1" s="1"/>
  <c r="A167389" i="1" s="1"/>
  <c r="A167390" i="1" s="1"/>
  <c r="A167391" i="1" s="1"/>
  <c r="A167392" i="1" s="1"/>
  <c r="A167393" i="1" s="1"/>
  <c r="A167394" i="1" s="1"/>
  <c r="A167395" i="1" s="1"/>
  <c r="A167396" i="1" s="1"/>
  <c r="A167397" i="1" s="1"/>
  <c r="A167398" i="1" s="1"/>
  <c r="A167399" i="1" s="1"/>
  <c r="A167400" i="1" s="1"/>
  <c r="A167401" i="1" s="1"/>
  <c r="A167402" i="1" s="1"/>
  <c r="A167403" i="1" s="1"/>
  <c r="A167404" i="1" s="1"/>
  <c r="A167405" i="1" s="1"/>
  <c r="A167406" i="1" s="1"/>
  <c r="A167407" i="1" s="1"/>
  <c r="A167408" i="1" s="1"/>
  <c r="A167409" i="1" s="1"/>
  <c r="A167410" i="1" s="1"/>
  <c r="A167411" i="1" s="1"/>
  <c r="A167412" i="1" s="1"/>
  <c r="A167413" i="1" s="1"/>
  <c r="A167414" i="1" s="1"/>
  <c r="A167415" i="1" s="1"/>
  <c r="A167416" i="1" s="1"/>
  <c r="A167417" i="1" s="1"/>
  <c r="A167418" i="1" s="1"/>
  <c r="A167419" i="1" s="1"/>
  <c r="A167420" i="1" s="1"/>
  <c r="A167421" i="1" s="1"/>
  <c r="A167422" i="1" s="1"/>
  <c r="A167423" i="1" s="1"/>
  <c r="A167424" i="1" s="1"/>
  <c r="A167425" i="1" s="1"/>
  <c r="A167426" i="1" s="1"/>
  <c r="A167427" i="1" s="1"/>
  <c r="A167428" i="1" s="1"/>
  <c r="A167429" i="1" s="1"/>
  <c r="A167430" i="1" s="1"/>
  <c r="A167431" i="1" s="1"/>
  <c r="A167432" i="1" s="1"/>
  <c r="A167433" i="1" s="1"/>
  <c r="A167434" i="1" s="1"/>
  <c r="A167435" i="1" s="1"/>
  <c r="A167436" i="1" s="1"/>
  <c r="A167437" i="1" s="1"/>
  <c r="A167438" i="1" s="1"/>
  <c r="A167439" i="1" s="1"/>
  <c r="A167440" i="1" s="1"/>
  <c r="A167441" i="1" s="1"/>
  <c r="A167442" i="1" s="1"/>
  <c r="A167443" i="1" s="1"/>
  <c r="A167444" i="1" s="1"/>
  <c r="A167445" i="1" s="1"/>
  <c r="A167446" i="1" s="1"/>
  <c r="A167447" i="1" s="1"/>
  <c r="A167448" i="1" s="1"/>
  <c r="A167449" i="1" s="1"/>
  <c r="A167450" i="1" s="1"/>
  <c r="A167451" i="1" s="1"/>
  <c r="A167452" i="1" s="1"/>
  <c r="A167453" i="1" s="1"/>
  <c r="A167454" i="1" s="1"/>
  <c r="A167455" i="1" s="1"/>
  <c r="A167456" i="1" s="1"/>
  <c r="A167457" i="1" s="1"/>
  <c r="A167458" i="1" s="1"/>
  <c r="A167459" i="1" s="1"/>
  <c r="A167460" i="1" s="1"/>
  <c r="A167461" i="1" s="1"/>
  <c r="A167462" i="1" s="1"/>
  <c r="A167463" i="1" s="1"/>
  <c r="A167464" i="1" s="1"/>
  <c r="A167465" i="1" s="1"/>
  <c r="A167466" i="1" s="1"/>
  <c r="A167467" i="1" s="1"/>
  <c r="A167468" i="1" s="1"/>
  <c r="A167469" i="1" s="1"/>
  <c r="A167470" i="1" s="1"/>
  <c r="A167471" i="1" s="1"/>
  <c r="A167472" i="1" s="1"/>
  <c r="A167473" i="1" s="1"/>
  <c r="A167474" i="1" s="1"/>
  <c r="A167475" i="1" s="1"/>
  <c r="A167476" i="1" s="1"/>
  <c r="A167477" i="1" s="1"/>
  <c r="A167478" i="1" s="1"/>
  <c r="A167479" i="1" s="1"/>
  <c r="A167480" i="1" s="1"/>
  <c r="A167481" i="1" s="1"/>
  <c r="A167482" i="1" s="1"/>
  <c r="A167483" i="1" s="1"/>
  <c r="A167484" i="1" s="1"/>
  <c r="A167485" i="1" s="1"/>
  <c r="A167486" i="1" s="1"/>
  <c r="A167487" i="1" s="1"/>
  <c r="A167488" i="1" s="1"/>
  <c r="A167489" i="1" s="1"/>
  <c r="A167490" i="1" s="1"/>
  <c r="A167491" i="1" s="1"/>
  <c r="A167492" i="1" s="1"/>
  <c r="A167493" i="1" s="1"/>
  <c r="A167494" i="1" s="1"/>
  <c r="A167495" i="1" s="1"/>
  <c r="A167496" i="1" s="1"/>
  <c r="A167497" i="1" s="1"/>
  <c r="A167498" i="1" s="1"/>
  <c r="A167499" i="1" s="1"/>
  <c r="A167500" i="1" s="1"/>
  <c r="A167501" i="1" s="1"/>
  <c r="A167502" i="1" s="1"/>
  <c r="A167503" i="1" s="1"/>
  <c r="A167504" i="1" s="1"/>
  <c r="A167505" i="1" s="1"/>
  <c r="A167506" i="1" s="1"/>
  <c r="A167507" i="1" s="1"/>
  <c r="A167508" i="1" s="1"/>
  <c r="A167509" i="1" s="1"/>
  <c r="A167510" i="1" s="1"/>
  <c r="A167511" i="1" s="1"/>
  <c r="A167512" i="1" s="1"/>
  <c r="A167513" i="1" s="1"/>
  <c r="A167514" i="1" s="1"/>
  <c r="A167515" i="1" s="1"/>
  <c r="A167516" i="1" s="1"/>
  <c r="A167517" i="1" s="1"/>
  <c r="A167518" i="1" s="1"/>
  <c r="A167519" i="1" s="1"/>
  <c r="A167520" i="1" s="1"/>
  <c r="A167521" i="1" s="1"/>
  <c r="A167522" i="1" s="1"/>
  <c r="A167523" i="1" s="1"/>
  <c r="A167524" i="1" s="1"/>
  <c r="A167525" i="1" s="1"/>
  <c r="A167526" i="1" s="1"/>
  <c r="A167527" i="1" s="1"/>
  <c r="A167528" i="1" s="1"/>
  <c r="A167529" i="1" s="1"/>
  <c r="A167530" i="1" s="1"/>
  <c r="A167531" i="1" s="1"/>
  <c r="A167532" i="1" s="1"/>
  <c r="A167533" i="1" s="1"/>
  <c r="A167534" i="1" s="1"/>
  <c r="A167535" i="1" s="1"/>
  <c r="A167536" i="1" s="1"/>
  <c r="A167537" i="1" s="1"/>
  <c r="A167538" i="1" s="1"/>
  <c r="A167539" i="1" s="1"/>
  <c r="A167540" i="1" s="1"/>
  <c r="A167541" i="1" s="1"/>
  <c r="A167542" i="1" s="1"/>
  <c r="A167543" i="1" s="1"/>
  <c r="A167544" i="1" s="1"/>
  <c r="A167545" i="1" s="1"/>
  <c r="A167546" i="1" s="1"/>
  <c r="A167547" i="1" s="1"/>
  <c r="A167548" i="1" s="1"/>
  <c r="A167549" i="1" s="1"/>
  <c r="A167550" i="1" s="1"/>
  <c r="A167551" i="1" s="1"/>
  <c r="A167552" i="1" s="1"/>
  <c r="A167553" i="1" s="1"/>
  <c r="A167554" i="1" s="1"/>
  <c r="A167555" i="1" s="1"/>
  <c r="A167556" i="1" s="1"/>
  <c r="A167557" i="1" s="1"/>
  <c r="A167558" i="1" s="1"/>
  <c r="A167559" i="1" s="1"/>
  <c r="A167560" i="1" s="1"/>
  <c r="A167561" i="1" s="1"/>
  <c r="A167562" i="1" s="1"/>
  <c r="A167563" i="1" s="1"/>
  <c r="A167564" i="1" s="1"/>
  <c r="A167565" i="1" s="1"/>
  <c r="A167566" i="1" s="1"/>
  <c r="A167567" i="1" s="1"/>
  <c r="A167568" i="1" s="1"/>
  <c r="A167569" i="1" s="1"/>
  <c r="A167570" i="1" s="1"/>
  <c r="A167571" i="1" s="1"/>
  <c r="A167572" i="1" s="1"/>
  <c r="A167573" i="1" s="1"/>
  <c r="A167574" i="1" s="1"/>
  <c r="A167575" i="1" s="1"/>
  <c r="A167576" i="1" s="1"/>
  <c r="A167577" i="1" s="1"/>
  <c r="A167578" i="1" s="1"/>
  <c r="A167579" i="1" s="1"/>
  <c r="A167580" i="1" s="1"/>
  <c r="A167581" i="1" s="1"/>
  <c r="A167582" i="1" s="1"/>
  <c r="A167583" i="1" s="1"/>
  <c r="A167584" i="1" s="1"/>
  <c r="A167585" i="1" s="1"/>
  <c r="A167586" i="1" s="1"/>
  <c r="A167587" i="1" s="1"/>
  <c r="A167588" i="1" s="1"/>
  <c r="A167589" i="1" s="1"/>
  <c r="A167590" i="1" s="1"/>
  <c r="A167591" i="1" s="1"/>
  <c r="A167592" i="1" s="1"/>
  <c r="A167593" i="1" s="1"/>
  <c r="A167594" i="1" s="1"/>
  <c r="A167595" i="1" s="1"/>
  <c r="A167596" i="1" s="1"/>
  <c r="A167597" i="1" s="1"/>
  <c r="A167598" i="1" s="1"/>
  <c r="A167599" i="1" s="1"/>
  <c r="A167600" i="1" s="1"/>
  <c r="A167601" i="1" s="1"/>
  <c r="A167602" i="1" s="1"/>
  <c r="A167603" i="1" s="1"/>
  <c r="A167604" i="1" s="1"/>
  <c r="A167605" i="1" s="1"/>
  <c r="A167606" i="1" s="1"/>
  <c r="A167607" i="1" s="1"/>
  <c r="A167608" i="1" s="1"/>
  <c r="A167609" i="1" s="1"/>
  <c r="A167610" i="1" s="1"/>
  <c r="A167611" i="1" s="1"/>
  <c r="A167612" i="1" s="1"/>
  <c r="A167613" i="1" s="1"/>
  <c r="A167614" i="1" s="1"/>
  <c r="A167615" i="1" s="1"/>
  <c r="A167616" i="1" s="1"/>
  <c r="A167617" i="1" s="1"/>
  <c r="A167618" i="1" s="1"/>
  <c r="A167619" i="1" s="1"/>
  <c r="A167620" i="1" s="1"/>
  <c r="A167621" i="1" s="1"/>
  <c r="A167622" i="1" s="1"/>
  <c r="A167623" i="1" s="1"/>
  <c r="A167624" i="1" s="1"/>
  <c r="A167625" i="1" s="1"/>
  <c r="A167626" i="1" s="1"/>
  <c r="A167627" i="1" s="1"/>
  <c r="A167628" i="1" s="1"/>
  <c r="A167629" i="1" s="1"/>
  <c r="A167630" i="1" s="1"/>
  <c r="A167631" i="1" s="1"/>
  <c r="A167632" i="1" s="1"/>
  <c r="A167633" i="1" s="1"/>
  <c r="A167634" i="1" s="1"/>
  <c r="A167635" i="1" s="1"/>
  <c r="A167636" i="1" s="1"/>
  <c r="A167637" i="1" s="1"/>
  <c r="A167638" i="1" s="1"/>
  <c r="A167639" i="1" s="1"/>
  <c r="A167640" i="1" s="1"/>
  <c r="A167641" i="1" s="1"/>
  <c r="A167642" i="1" s="1"/>
  <c r="A167643" i="1" s="1"/>
  <c r="A167644" i="1" s="1"/>
  <c r="A167645" i="1" s="1"/>
  <c r="A167646" i="1" s="1"/>
  <c r="A167647" i="1" s="1"/>
  <c r="A167648" i="1" s="1"/>
  <c r="A167649" i="1" s="1"/>
  <c r="A167650" i="1" s="1"/>
  <c r="A167651" i="1" s="1"/>
  <c r="A167652" i="1" s="1"/>
  <c r="A167653" i="1" s="1"/>
  <c r="A167654" i="1" s="1"/>
  <c r="A167655" i="1" s="1"/>
  <c r="A167656" i="1" s="1"/>
  <c r="A167657" i="1" s="1"/>
  <c r="A167658" i="1" s="1"/>
  <c r="A167659" i="1" s="1"/>
  <c r="A167660" i="1" s="1"/>
  <c r="A167661" i="1" s="1"/>
  <c r="A167662" i="1" s="1"/>
  <c r="A167663" i="1" s="1"/>
  <c r="A167664" i="1" s="1"/>
  <c r="A167665" i="1" s="1"/>
  <c r="A167666" i="1" s="1"/>
  <c r="A167667" i="1" s="1"/>
  <c r="A167668" i="1" s="1"/>
  <c r="A167669" i="1" s="1"/>
  <c r="A167670" i="1" s="1"/>
  <c r="A167671" i="1" s="1"/>
  <c r="A167672" i="1" s="1"/>
  <c r="A167673" i="1" s="1"/>
  <c r="A167674" i="1" s="1"/>
  <c r="A167675" i="1" s="1"/>
  <c r="A167676" i="1" s="1"/>
  <c r="A167677" i="1" s="1"/>
  <c r="A167678" i="1" s="1"/>
  <c r="A167679" i="1" s="1"/>
  <c r="A167680" i="1" s="1"/>
  <c r="A167681" i="1" s="1"/>
  <c r="A167682" i="1" s="1"/>
  <c r="A167683" i="1" s="1"/>
  <c r="A167684" i="1" s="1"/>
  <c r="A167685" i="1" s="1"/>
  <c r="A167686" i="1" s="1"/>
  <c r="A167687" i="1" s="1"/>
  <c r="A167688" i="1" s="1"/>
  <c r="A167689" i="1" s="1"/>
  <c r="A167690" i="1" s="1"/>
  <c r="A167691" i="1" s="1"/>
  <c r="A167692" i="1" s="1"/>
  <c r="A167693" i="1" s="1"/>
  <c r="A167694" i="1" s="1"/>
  <c r="A167695" i="1" s="1"/>
  <c r="A167696" i="1" s="1"/>
  <c r="A167697" i="1" s="1"/>
  <c r="A167698" i="1" s="1"/>
  <c r="A167699" i="1" s="1"/>
  <c r="A167700" i="1" s="1"/>
  <c r="A167701" i="1" s="1"/>
  <c r="A167702" i="1" s="1"/>
  <c r="A167703" i="1" s="1"/>
  <c r="A167704" i="1" s="1"/>
  <c r="A167705" i="1" s="1"/>
  <c r="A167706" i="1" s="1"/>
  <c r="A167707" i="1" s="1"/>
  <c r="A167708" i="1" s="1"/>
  <c r="A167709" i="1" s="1"/>
  <c r="A167710" i="1" s="1"/>
  <c r="A167711" i="1" s="1"/>
  <c r="A167712" i="1" s="1"/>
  <c r="A167713" i="1" s="1"/>
  <c r="A167714" i="1" s="1"/>
  <c r="A167715" i="1" s="1"/>
  <c r="A167716" i="1" s="1"/>
  <c r="A167717" i="1" s="1"/>
  <c r="A167718" i="1" s="1"/>
  <c r="A167719" i="1" s="1"/>
  <c r="A167720" i="1" s="1"/>
  <c r="A167721" i="1" s="1"/>
  <c r="A167722" i="1" s="1"/>
  <c r="A167723" i="1" s="1"/>
  <c r="A167724" i="1" s="1"/>
  <c r="A167725" i="1" s="1"/>
  <c r="A167726" i="1" s="1"/>
  <c r="A167727" i="1" s="1"/>
  <c r="A167728" i="1" s="1"/>
  <c r="A167729" i="1" s="1"/>
  <c r="A167730" i="1" s="1"/>
  <c r="A167731" i="1" s="1"/>
  <c r="A167732" i="1" s="1"/>
  <c r="A167733" i="1" s="1"/>
  <c r="A167734" i="1" s="1"/>
  <c r="A167735" i="1" s="1"/>
  <c r="A167736" i="1" s="1"/>
  <c r="A167737" i="1" s="1"/>
  <c r="A167738" i="1" s="1"/>
  <c r="A167739" i="1" s="1"/>
  <c r="A167740" i="1" s="1"/>
  <c r="A167741" i="1" s="1"/>
  <c r="A167742" i="1" s="1"/>
  <c r="A167743" i="1" s="1"/>
  <c r="A167744" i="1" s="1"/>
  <c r="A167745" i="1" s="1"/>
  <c r="A167746" i="1" s="1"/>
  <c r="A167747" i="1" s="1"/>
  <c r="A167748" i="1" s="1"/>
  <c r="A167749" i="1" s="1"/>
  <c r="A167750" i="1" s="1"/>
  <c r="A167751" i="1" s="1"/>
  <c r="A167752" i="1" s="1"/>
  <c r="A167753" i="1" s="1"/>
  <c r="A167754" i="1" s="1"/>
  <c r="A167755" i="1" s="1"/>
  <c r="A167756" i="1" s="1"/>
  <c r="A167757" i="1" s="1"/>
  <c r="A167758" i="1" s="1"/>
  <c r="A167759" i="1" s="1"/>
  <c r="A167760" i="1" s="1"/>
  <c r="A167761" i="1" s="1"/>
  <c r="A167762" i="1" s="1"/>
  <c r="A167763" i="1" s="1"/>
  <c r="A167764" i="1" s="1"/>
  <c r="A167765" i="1" s="1"/>
  <c r="A167766" i="1" s="1"/>
  <c r="A167767" i="1" s="1"/>
  <c r="A167768" i="1" s="1"/>
  <c r="A167769" i="1" s="1"/>
  <c r="A167770" i="1" s="1"/>
  <c r="A167771" i="1" s="1"/>
  <c r="A167772" i="1" s="1"/>
  <c r="A167773" i="1" s="1"/>
  <c r="A167774" i="1" s="1"/>
  <c r="A167775" i="1" s="1"/>
  <c r="A167776" i="1" s="1"/>
  <c r="A167777" i="1" s="1"/>
  <c r="A167778" i="1" s="1"/>
  <c r="A167779" i="1" s="1"/>
  <c r="A167780" i="1" s="1"/>
  <c r="A167781" i="1" s="1"/>
  <c r="A167782" i="1" s="1"/>
  <c r="A167783" i="1" s="1"/>
  <c r="A167784" i="1" s="1"/>
  <c r="A167785" i="1" s="1"/>
  <c r="A167786" i="1" s="1"/>
  <c r="A167787" i="1" s="1"/>
  <c r="A167788" i="1" s="1"/>
  <c r="A167789" i="1" s="1"/>
  <c r="A167790" i="1" s="1"/>
  <c r="A167791" i="1" s="1"/>
  <c r="A167792" i="1" s="1"/>
  <c r="A167793" i="1" s="1"/>
  <c r="A167794" i="1" s="1"/>
  <c r="A167795" i="1" s="1"/>
  <c r="A167796" i="1" s="1"/>
  <c r="A167797" i="1" s="1"/>
  <c r="A167798" i="1" s="1"/>
  <c r="A167799" i="1" s="1"/>
  <c r="A167800" i="1" s="1"/>
  <c r="A167801" i="1" s="1"/>
  <c r="A167802" i="1" s="1"/>
  <c r="A167803" i="1" s="1"/>
  <c r="A167804" i="1" s="1"/>
  <c r="A167805" i="1" s="1"/>
  <c r="A167806" i="1" s="1"/>
  <c r="A167807" i="1" s="1"/>
  <c r="A167808" i="1" s="1"/>
  <c r="A167809" i="1" s="1"/>
  <c r="A167810" i="1" s="1"/>
  <c r="A167811" i="1" s="1"/>
  <c r="A167812" i="1" s="1"/>
  <c r="A167813" i="1" s="1"/>
  <c r="A167814" i="1" s="1"/>
  <c r="A167815" i="1" s="1"/>
  <c r="A167816" i="1" s="1"/>
  <c r="A167817" i="1" s="1"/>
  <c r="A167818" i="1" s="1"/>
  <c r="A167819" i="1" s="1"/>
  <c r="A167820" i="1" s="1"/>
  <c r="A167821" i="1" s="1"/>
  <c r="A167822" i="1" s="1"/>
  <c r="A167823" i="1" s="1"/>
  <c r="A167824" i="1" s="1"/>
  <c r="A167825" i="1" s="1"/>
  <c r="A167826" i="1" s="1"/>
  <c r="A167827" i="1" s="1"/>
  <c r="A167828" i="1" s="1"/>
  <c r="A167829" i="1" s="1"/>
  <c r="A167830" i="1" s="1"/>
  <c r="A167831" i="1" s="1"/>
  <c r="A167832" i="1" s="1"/>
  <c r="A167833" i="1" s="1"/>
  <c r="A167834" i="1" s="1"/>
  <c r="A167835" i="1" s="1"/>
  <c r="A167836" i="1" s="1"/>
  <c r="A167837" i="1" s="1"/>
  <c r="A167838" i="1" s="1"/>
  <c r="A167839" i="1" s="1"/>
  <c r="A167840" i="1" s="1"/>
  <c r="A167841" i="1" s="1"/>
  <c r="A167842" i="1" s="1"/>
  <c r="A167843" i="1" s="1"/>
  <c r="A167844" i="1" s="1"/>
  <c r="A167845" i="1" s="1"/>
  <c r="A167846" i="1" s="1"/>
  <c r="A167847" i="1" s="1"/>
  <c r="A167848" i="1" s="1"/>
  <c r="A167849" i="1" s="1"/>
  <c r="A167850" i="1" s="1"/>
  <c r="A167851" i="1" s="1"/>
  <c r="A167852" i="1" s="1"/>
  <c r="A167853" i="1" s="1"/>
  <c r="A167854" i="1" s="1"/>
  <c r="A167855" i="1" s="1"/>
  <c r="A167856" i="1" s="1"/>
  <c r="A167857" i="1" s="1"/>
  <c r="A167858" i="1" s="1"/>
  <c r="A167859" i="1" s="1"/>
  <c r="A167860" i="1" s="1"/>
  <c r="A167861" i="1" s="1"/>
  <c r="A167862" i="1" s="1"/>
  <c r="A167863" i="1" s="1"/>
  <c r="A167864" i="1" s="1"/>
  <c r="A167865" i="1" s="1"/>
  <c r="A167866" i="1" s="1"/>
  <c r="A167867" i="1" s="1"/>
  <c r="A167868" i="1" s="1"/>
  <c r="A167869" i="1" s="1"/>
  <c r="A167870" i="1" s="1"/>
  <c r="A167871" i="1" s="1"/>
  <c r="A167872" i="1" s="1"/>
  <c r="A167873" i="1" s="1"/>
  <c r="A167874" i="1" s="1"/>
  <c r="A167875" i="1" s="1"/>
  <c r="A167876" i="1" s="1"/>
  <c r="A167877" i="1" s="1"/>
  <c r="A167878" i="1" s="1"/>
  <c r="A167879" i="1" s="1"/>
  <c r="A167880" i="1" s="1"/>
  <c r="A167881" i="1" s="1"/>
  <c r="A167882" i="1" s="1"/>
  <c r="A167883" i="1" s="1"/>
  <c r="A167884" i="1" s="1"/>
  <c r="A167885" i="1" s="1"/>
  <c r="A167886" i="1" s="1"/>
  <c r="A167887" i="1" s="1"/>
  <c r="A167888" i="1" s="1"/>
  <c r="A167889" i="1" s="1"/>
  <c r="A167890" i="1" s="1"/>
  <c r="A167891" i="1" s="1"/>
  <c r="A167892" i="1" s="1"/>
  <c r="A167893" i="1" s="1"/>
  <c r="A167894" i="1" s="1"/>
  <c r="A167895" i="1" s="1"/>
  <c r="A167896" i="1" s="1"/>
  <c r="A167897" i="1" s="1"/>
  <c r="A167898" i="1" s="1"/>
  <c r="A167899" i="1" s="1"/>
  <c r="A167900" i="1" s="1"/>
  <c r="A167901" i="1" s="1"/>
  <c r="A167902" i="1" s="1"/>
  <c r="A167903" i="1" s="1"/>
  <c r="A167904" i="1" s="1"/>
  <c r="A167905" i="1" s="1"/>
  <c r="A167906" i="1" s="1"/>
  <c r="A167907" i="1" s="1"/>
  <c r="A167908" i="1" s="1"/>
  <c r="A167909" i="1" s="1"/>
  <c r="A167910" i="1" s="1"/>
  <c r="A167911" i="1" s="1"/>
  <c r="A167912" i="1" s="1"/>
  <c r="A167913" i="1" s="1"/>
  <c r="A167914" i="1" s="1"/>
  <c r="A167915" i="1" s="1"/>
  <c r="A167916" i="1" s="1"/>
  <c r="A167917" i="1" s="1"/>
  <c r="A167918" i="1" s="1"/>
  <c r="A167919" i="1" s="1"/>
  <c r="A167920" i="1" s="1"/>
  <c r="A167921" i="1" s="1"/>
  <c r="A167922" i="1" s="1"/>
  <c r="A167923" i="1" s="1"/>
  <c r="A167924" i="1" s="1"/>
  <c r="A167925" i="1" s="1"/>
  <c r="A167926" i="1" s="1"/>
  <c r="A167927" i="1" s="1"/>
  <c r="A167928" i="1" s="1"/>
  <c r="A167929" i="1" s="1"/>
  <c r="A167930" i="1" s="1"/>
  <c r="A167931" i="1" s="1"/>
  <c r="A167932" i="1" s="1"/>
  <c r="A167933" i="1" s="1"/>
  <c r="A167934" i="1" s="1"/>
  <c r="A167935" i="1" s="1"/>
  <c r="A167936" i="1" s="1"/>
  <c r="A167937" i="1" s="1"/>
  <c r="A167938" i="1" s="1"/>
  <c r="A167939" i="1" s="1"/>
  <c r="A167940" i="1" s="1"/>
  <c r="A167941" i="1" s="1"/>
  <c r="A167942" i="1" s="1"/>
  <c r="A167943" i="1" s="1"/>
  <c r="A167944" i="1" s="1"/>
  <c r="A167945" i="1" s="1"/>
  <c r="A167946" i="1" s="1"/>
  <c r="A167947" i="1" s="1"/>
  <c r="A167948" i="1" s="1"/>
  <c r="A167949" i="1" s="1"/>
  <c r="A167950" i="1" s="1"/>
  <c r="A167951" i="1" s="1"/>
  <c r="A167952" i="1" s="1"/>
  <c r="A167953" i="1" s="1"/>
  <c r="A167954" i="1" s="1"/>
  <c r="A167955" i="1" s="1"/>
  <c r="A167956" i="1" s="1"/>
  <c r="A167957" i="1" s="1"/>
  <c r="A167958" i="1" s="1"/>
  <c r="A167959" i="1" s="1"/>
  <c r="A167960" i="1" s="1"/>
  <c r="A167961" i="1" s="1"/>
  <c r="A167962" i="1" s="1"/>
  <c r="A167963" i="1" s="1"/>
  <c r="A167964" i="1" s="1"/>
  <c r="A167965" i="1" s="1"/>
  <c r="A167966" i="1" s="1"/>
  <c r="A167967" i="1" s="1"/>
  <c r="A167968" i="1" s="1"/>
  <c r="A167969" i="1" s="1"/>
  <c r="A167970" i="1" s="1"/>
  <c r="A167971" i="1" s="1"/>
  <c r="A167972" i="1" s="1"/>
  <c r="A167973" i="1" s="1"/>
  <c r="A167974" i="1" s="1"/>
  <c r="A167975" i="1" s="1"/>
  <c r="A167976" i="1" s="1"/>
  <c r="A167977" i="1" s="1"/>
  <c r="A167978" i="1" s="1"/>
  <c r="A167979" i="1" s="1"/>
  <c r="A167980" i="1" s="1"/>
  <c r="A167981" i="1" s="1"/>
  <c r="A167982" i="1" s="1"/>
  <c r="A167983" i="1" s="1"/>
  <c r="A167984" i="1" s="1"/>
  <c r="A167985" i="1" s="1"/>
  <c r="A167986" i="1" s="1"/>
  <c r="A167987" i="1" s="1"/>
  <c r="A167988" i="1" s="1"/>
  <c r="A167989" i="1" s="1"/>
  <c r="A167990" i="1" s="1"/>
  <c r="A167991" i="1" s="1"/>
  <c r="A167992" i="1" s="1"/>
  <c r="A167993" i="1" s="1"/>
  <c r="A167994" i="1" s="1"/>
  <c r="A167995" i="1" s="1"/>
  <c r="A167996" i="1" s="1"/>
  <c r="A167997" i="1" s="1"/>
  <c r="A167998" i="1" s="1"/>
  <c r="A167999" i="1" s="1"/>
  <c r="A168000" i="1" s="1"/>
  <c r="A168001" i="1" s="1"/>
  <c r="A168002" i="1" s="1"/>
  <c r="A168003" i="1" s="1"/>
  <c r="A168004" i="1" s="1"/>
  <c r="A168005" i="1" s="1"/>
  <c r="A168006" i="1" s="1"/>
  <c r="A168007" i="1" s="1"/>
  <c r="A168008" i="1" s="1"/>
  <c r="A168009" i="1" s="1"/>
  <c r="A168010" i="1" s="1"/>
  <c r="A168011" i="1" s="1"/>
  <c r="A168012" i="1" s="1"/>
  <c r="A168013" i="1" s="1"/>
  <c r="A168014" i="1" s="1"/>
  <c r="A168015" i="1" s="1"/>
  <c r="A168016" i="1" s="1"/>
  <c r="A168017" i="1" s="1"/>
  <c r="A168018" i="1" s="1"/>
  <c r="A168019" i="1" s="1"/>
  <c r="A168020" i="1" s="1"/>
  <c r="A168021" i="1" s="1"/>
  <c r="A168022" i="1" s="1"/>
  <c r="A168023" i="1" s="1"/>
  <c r="A168024" i="1" s="1"/>
  <c r="A168025" i="1" s="1"/>
  <c r="A168026" i="1" s="1"/>
  <c r="A168027" i="1" s="1"/>
  <c r="A168028" i="1" s="1"/>
  <c r="A168029" i="1" s="1"/>
  <c r="A168030" i="1" s="1"/>
  <c r="A168031" i="1" s="1"/>
  <c r="A168032" i="1" s="1"/>
  <c r="A168033" i="1" s="1"/>
  <c r="A168034" i="1" s="1"/>
  <c r="A168035" i="1" s="1"/>
  <c r="A168036" i="1" s="1"/>
  <c r="A168037" i="1" s="1"/>
  <c r="A168038" i="1" s="1"/>
  <c r="A168039" i="1" s="1"/>
  <c r="A168040" i="1" s="1"/>
  <c r="A168041" i="1" s="1"/>
  <c r="A168042" i="1" s="1"/>
  <c r="A168043" i="1" s="1"/>
  <c r="A168044" i="1" s="1"/>
  <c r="A168045" i="1" s="1"/>
  <c r="A168046" i="1" s="1"/>
  <c r="A168047" i="1" s="1"/>
  <c r="A168048" i="1" s="1"/>
  <c r="A168049" i="1" s="1"/>
  <c r="A168050" i="1" s="1"/>
  <c r="A168051" i="1" s="1"/>
  <c r="A168052" i="1" s="1"/>
  <c r="A168053" i="1" s="1"/>
  <c r="A168054" i="1" s="1"/>
  <c r="A168055" i="1" s="1"/>
  <c r="A168056" i="1" s="1"/>
  <c r="A168057" i="1" s="1"/>
  <c r="A168058" i="1" s="1"/>
  <c r="A168059" i="1" s="1"/>
  <c r="A168060" i="1" s="1"/>
  <c r="A168061" i="1" s="1"/>
  <c r="A168062" i="1" s="1"/>
  <c r="A168063" i="1" s="1"/>
  <c r="A168064" i="1" s="1"/>
  <c r="A168065" i="1" s="1"/>
  <c r="A168066" i="1" s="1"/>
  <c r="A168067" i="1" s="1"/>
  <c r="A168068" i="1" s="1"/>
  <c r="A168069" i="1" s="1"/>
  <c r="A168070" i="1" s="1"/>
  <c r="A168071" i="1" s="1"/>
  <c r="A168072" i="1" s="1"/>
  <c r="A168073" i="1" s="1"/>
  <c r="A168074" i="1" s="1"/>
  <c r="A168075" i="1" s="1"/>
  <c r="A168076" i="1" s="1"/>
  <c r="A168077" i="1" s="1"/>
  <c r="A168078" i="1" s="1"/>
  <c r="A168079" i="1" s="1"/>
  <c r="A168080" i="1" s="1"/>
  <c r="A168081" i="1" s="1"/>
  <c r="A168082" i="1" s="1"/>
  <c r="A168083" i="1" s="1"/>
  <c r="A168084" i="1" s="1"/>
  <c r="A168085" i="1" s="1"/>
  <c r="A168086" i="1" s="1"/>
  <c r="A168087" i="1" s="1"/>
  <c r="A168088" i="1" s="1"/>
  <c r="A168089" i="1" s="1"/>
  <c r="A168090" i="1" s="1"/>
  <c r="A168091" i="1" s="1"/>
  <c r="A168092" i="1" s="1"/>
  <c r="A168093" i="1" s="1"/>
  <c r="A168094" i="1" s="1"/>
  <c r="A168095" i="1" s="1"/>
  <c r="A168096" i="1" s="1"/>
  <c r="A168097" i="1" s="1"/>
  <c r="A168098" i="1" s="1"/>
  <c r="A168099" i="1" s="1"/>
  <c r="A168100" i="1" s="1"/>
  <c r="A168101" i="1" s="1"/>
  <c r="A168102" i="1" s="1"/>
  <c r="A168103" i="1" s="1"/>
  <c r="A168104" i="1" s="1"/>
  <c r="A168105" i="1" s="1"/>
  <c r="A168106" i="1" s="1"/>
  <c r="A168107" i="1" s="1"/>
  <c r="A168108" i="1" s="1"/>
  <c r="A168109" i="1" s="1"/>
  <c r="A168110" i="1" s="1"/>
  <c r="A168111" i="1" s="1"/>
  <c r="A168112" i="1" s="1"/>
  <c r="A168113" i="1" s="1"/>
  <c r="A168114" i="1" s="1"/>
  <c r="A168115" i="1" s="1"/>
  <c r="A168116" i="1" s="1"/>
  <c r="A168117" i="1" s="1"/>
  <c r="A168118" i="1" s="1"/>
  <c r="A168119" i="1" s="1"/>
  <c r="A168120" i="1" s="1"/>
  <c r="A168121" i="1" s="1"/>
  <c r="A168122" i="1" s="1"/>
  <c r="A168123" i="1" s="1"/>
  <c r="A168124" i="1" s="1"/>
  <c r="A168125" i="1" s="1"/>
  <c r="A168126" i="1" s="1"/>
  <c r="A168127" i="1" s="1"/>
  <c r="A168128" i="1" s="1"/>
  <c r="A168129" i="1" s="1"/>
  <c r="A168130" i="1" s="1"/>
  <c r="A168131" i="1" s="1"/>
  <c r="A168132" i="1" s="1"/>
  <c r="A168133" i="1" s="1"/>
  <c r="A168134" i="1" s="1"/>
  <c r="A168135" i="1" s="1"/>
  <c r="A168136" i="1" s="1"/>
  <c r="A168137" i="1" s="1"/>
  <c r="A168138" i="1" s="1"/>
  <c r="A168139" i="1" s="1"/>
  <c r="A168140" i="1" s="1"/>
  <c r="A168141" i="1" s="1"/>
  <c r="A168142" i="1" s="1"/>
  <c r="A168143" i="1" s="1"/>
  <c r="A168144" i="1" s="1"/>
  <c r="A168145" i="1" s="1"/>
  <c r="A168146" i="1" s="1"/>
  <c r="A168147" i="1" s="1"/>
  <c r="A168148" i="1" s="1"/>
  <c r="A168149" i="1" s="1"/>
  <c r="A168150" i="1" s="1"/>
  <c r="A168151" i="1" s="1"/>
  <c r="A168152" i="1" s="1"/>
  <c r="A168153" i="1" s="1"/>
  <c r="A168154" i="1" s="1"/>
  <c r="A168155" i="1" s="1"/>
  <c r="A168156" i="1" s="1"/>
  <c r="A168157" i="1" s="1"/>
  <c r="A168158" i="1" s="1"/>
  <c r="A168159" i="1" s="1"/>
  <c r="A168160" i="1" s="1"/>
  <c r="A168161" i="1" s="1"/>
  <c r="A168162" i="1" s="1"/>
  <c r="A168163" i="1" s="1"/>
  <c r="A168164" i="1" s="1"/>
  <c r="A168165" i="1" s="1"/>
  <c r="A168166" i="1" s="1"/>
  <c r="A168167" i="1" s="1"/>
  <c r="A168168" i="1" s="1"/>
  <c r="A168169" i="1" s="1"/>
  <c r="A168170" i="1" s="1"/>
  <c r="A168171" i="1" s="1"/>
  <c r="A168172" i="1" s="1"/>
  <c r="A168173" i="1" s="1"/>
  <c r="A168174" i="1" s="1"/>
  <c r="A168175" i="1" s="1"/>
  <c r="A168176" i="1" s="1"/>
  <c r="A168177" i="1" s="1"/>
  <c r="A168178" i="1" s="1"/>
  <c r="A168179" i="1" s="1"/>
  <c r="A168180" i="1" s="1"/>
  <c r="A168181" i="1" s="1"/>
  <c r="A168182" i="1" s="1"/>
  <c r="A168183" i="1" s="1"/>
  <c r="A168184" i="1" s="1"/>
  <c r="A168185" i="1" s="1"/>
  <c r="A168186" i="1" s="1"/>
  <c r="A168187" i="1" s="1"/>
  <c r="A168188" i="1" s="1"/>
  <c r="A168189" i="1" s="1"/>
  <c r="A168190" i="1" s="1"/>
  <c r="A168191" i="1" s="1"/>
  <c r="A168192" i="1" s="1"/>
  <c r="A168193" i="1" s="1"/>
  <c r="A168194" i="1" s="1"/>
  <c r="A168195" i="1" s="1"/>
  <c r="A168196" i="1" s="1"/>
  <c r="A168197" i="1" s="1"/>
  <c r="A168198" i="1" s="1"/>
  <c r="A168199" i="1" s="1"/>
  <c r="A168200" i="1" s="1"/>
  <c r="A168201" i="1" s="1"/>
  <c r="A168202" i="1" s="1"/>
  <c r="A168203" i="1" s="1"/>
  <c r="A168204" i="1" s="1"/>
  <c r="A168205" i="1" s="1"/>
  <c r="A168206" i="1" s="1"/>
  <c r="A168207" i="1" s="1"/>
  <c r="A168208" i="1" s="1"/>
  <c r="A168209" i="1" s="1"/>
  <c r="A168210" i="1" s="1"/>
  <c r="A168211" i="1" s="1"/>
  <c r="A168212" i="1" s="1"/>
  <c r="A168213" i="1" s="1"/>
  <c r="A168214" i="1" s="1"/>
  <c r="A168215" i="1" s="1"/>
  <c r="A168216" i="1" s="1"/>
  <c r="A168217" i="1" s="1"/>
  <c r="A168218" i="1" s="1"/>
  <c r="A168219" i="1" s="1"/>
  <c r="A168220" i="1" s="1"/>
  <c r="A168221" i="1" s="1"/>
  <c r="A168222" i="1" s="1"/>
  <c r="A168223" i="1" s="1"/>
  <c r="A168224" i="1" s="1"/>
  <c r="A168225" i="1" s="1"/>
  <c r="A168226" i="1" s="1"/>
  <c r="A168227" i="1" s="1"/>
  <c r="A168228" i="1" s="1"/>
  <c r="A168229" i="1" s="1"/>
  <c r="A168230" i="1" s="1"/>
  <c r="A168231" i="1" s="1"/>
  <c r="A168232" i="1" s="1"/>
  <c r="A168233" i="1" s="1"/>
  <c r="A168234" i="1" s="1"/>
  <c r="A168235" i="1" s="1"/>
  <c r="A168236" i="1" s="1"/>
  <c r="A168237" i="1" s="1"/>
  <c r="A168238" i="1" s="1"/>
  <c r="A168239" i="1" s="1"/>
  <c r="A168240" i="1" s="1"/>
  <c r="A168241" i="1" s="1"/>
  <c r="A168242" i="1" s="1"/>
  <c r="A168243" i="1" s="1"/>
  <c r="A168244" i="1" s="1"/>
  <c r="A168245" i="1" s="1"/>
  <c r="A168246" i="1" s="1"/>
  <c r="A168247" i="1" s="1"/>
  <c r="A168248" i="1" s="1"/>
  <c r="A168249" i="1" s="1"/>
  <c r="A168250" i="1" s="1"/>
  <c r="A168251" i="1" s="1"/>
  <c r="A168252" i="1" s="1"/>
  <c r="A168253" i="1" s="1"/>
  <c r="A168254" i="1" s="1"/>
  <c r="A168255" i="1" s="1"/>
  <c r="A168256" i="1" s="1"/>
  <c r="A168257" i="1" s="1"/>
  <c r="A168258" i="1" s="1"/>
  <c r="A168259" i="1" s="1"/>
  <c r="A168260" i="1" s="1"/>
  <c r="A168261" i="1" s="1"/>
  <c r="A168262" i="1" s="1"/>
  <c r="A168263" i="1" s="1"/>
  <c r="A168264" i="1" s="1"/>
  <c r="A168265" i="1" s="1"/>
  <c r="A168266" i="1" s="1"/>
  <c r="A168267" i="1" s="1"/>
  <c r="A168268" i="1" s="1"/>
  <c r="A168269" i="1" s="1"/>
  <c r="A168270" i="1" s="1"/>
  <c r="A168271" i="1" s="1"/>
  <c r="A168272" i="1" s="1"/>
  <c r="A168273" i="1" s="1"/>
  <c r="A168274" i="1" s="1"/>
  <c r="A168275" i="1" s="1"/>
  <c r="A168276" i="1" s="1"/>
  <c r="A168277" i="1" s="1"/>
  <c r="A168278" i="1" s="1"/>
  <c r="A168279" i="1" s="1"/>
  <c r="A168280" i="1" s="1"/>
  <c r="A168281" i="1" s="1"/>
  <c r="A168282" i="1" s="1"/>
  <c r="A168283" i="1" s="1"/>
  <c r="A168284" i="1" s="1"/>
  <c r="A168285" i="1" s="1"/>
  <c r="A168286" i="1" s="1"/>
  <c r="A168287" i="1" s="1"/>
  <c r="A168288" i="1" s="1"/>
  <c r="A168289" i="1" s="1"/>
  <c r="A168290" i="1" s="1"/>
  <c r="A168291" i="1" s="1"/>
  <c r="A168292" i="1" s="1"/>
  <c r="A168293" i="1" s="1"/>
  <c r="A168294" i="1" s="1"/>
  <c r="A168295" i="1" s="1"/>
  <c r="A168296" i="1" s="1"/>
  <c r="A168297" i="1" s="1"/>
  <c r="A168298" i="1" s="1"/>
  <c r="A168299" i="1" s="1"/>
  <c r="A168300" i="1" s="1"/>
  <c r="A168301" i="1" s="1"/>
  <c r="A168302" i="1" s="1"/>
  <c r="A168303" i="1" s="1"/>
  <c r="A168304" i="1" s="1"/>
  <c r="A168305" i="1" s="1"/>
  <c r="A168306" i="1" s="1"/>
  <c r="A168307" i="1" s="1"/>
  <c r="A168308" i="1" s="1"/>
  <c r="A168309" i="1" s="1"/>
  <c r="A168310" i="1" s="1"/>
  <c r="A168311" i="1" s="1"/>
  <c r="A168312" i="1" s="1"/>
  <c r="A168313" i="1" s="1"/>
  <c r="A168314" i="1" s="1"/>
  <c r="A168315" i="1" s="1"/>
  <c r="A168316" i="1" s="1"/>
  <c r="A168317" i="1" s="1"/>
  <c r="A168318" i="1" s="1"/>
  <c r="A168319" i="1" s="1"/>
  <c r="A168320" i="1" s="1"/>
  <c r="A168321" i="1" s="1"/>
  <c r="A168322" i="1" s="1"/>
  <c r="A168323" i="1" s="1"/>
  <c r="A168324" i="1" s="1"/>
  <c r="A168325" i="1" s="1"/>
  <c r="A168326" i="1" s="1"/>
  <c r="A168327" i="1" s="1"/>
  <c r="A168328" i="1" s="1"/>
  <c r="A168329" i="1" s="1"/>
  <c r="A168330" i="1" s="1"/>
  <c r="A168331" i="1" s="1"/>
  <c r="A168332" i="1" s="1"/>
  <c r="A168333" i="1" s="1"/>
  <c r="A168334" i="1" s="1"/>
  <c r="A168335" i="1" s="1"/>
  <c r="A168336" i="1" s="1"/>
  <c r="A168337" i="1" s="1"/>
  <c r="A168338" i="1" s="1"/>
  <c r="A168339" i="1" s="1"/>
  <c r="A168340" i="1" s="1"/>
  <c r="A168341" i="1" s="1"/>
  <c r="A168342" i="1" s="1"/>
  <c r="A168343" i="1" s="1"/>
  <c r="A168344" i="1" s="1"/>
  <c r="A168345" i="1" s="1"/>
  <c r="A168346" i="1" s="1"/>
  <c r="A168347" i="1" s="1"/>
  <c r="A168348" i="1" s="1"/>
  <c r="A168349" i="1" s="1"/>
  <c r="A168350" i="1" s="1"/>
  <c r="A168351" i="1" s="1"/>
  <c r="A168352" i="1" s="1"/>
  <c r="A168353" i="1" s="1"/>
  <c r="A168354" i="1" s="1"/>
  <c r="A168355" i="1" s="1"/>
  <c r="A168356" i="1" s="1"/>
  <c r="A168357" i="1" s="1"/>
  <c r="A168358" i="1" s="1"/>
  <c r="A168359" i="1" s="1"/>
  <c r="A168360" i="1" s="1"/>
  <c r="A168361" i="1" s="1"/>
  <c r="A168362" i="1" s="1"/>
  <c r="A168363" i="1" s="1"/>
  <c r="A168364" i="1" s="1"/>
  <c r="A168365" i="1" s="1"/>
  <c r="A168366" i="1" s="1"/>
  <c r="A168367" i="1" s="1"/>
  <c r="A168368" i="1" s="1"/>
  <c r="A168369" i="1" s="1"/>
  <c r="A168370" i="1" s="1"/>
  <c r="A168371" i="1" s="1"/>
  <c r="A168372" i="1" s="1"/>
  <c r="A168373" i="1" s="1"/>
  <c r="A168374" i="1" s="1"/>
  <c r="A168375" i="1" s="1"/>
  <c r="A168376" i="1" s="1"/>
  <c r="A168377" i="1" s="1"/>
  <c r="A168378" i="1" s="1"/>
  <c r="A168379" i="1" s="1"/>
  <c r="A168380" i="1" s="1"/>
  <c r="A168381" i="1" s="1"/>
  <c r="A168382" i="1" s="1"/>
  <c r="A168383" i="1" s="1"/>
  <c r="A168384" i="1" s="1"/>
  <c r="A168385" i="1" s="1"/>
  <c r="A168386" i="1" s="1"/>
  <c r="A168387" i="1" s="1"/>
  <c r="A168388" i="1" s="1"/>
  <c r="A168389" i="1" s="1"/>
  <c r="A168390" i="1" s="1"/>
  <c r="A168391" i="1" s="1"/>
  <c r="A168392" i="1" s="1"/>
  <c r="A168393" i="1" s="1"/>
  <c r="A168394" i="1" s="1"/>
  <c r="A168395" i="1" s="1"/>
  <c r="A168396" i="1" s="1"/>
  <c r="A168397" i="1" s="1"/>
  <c r="A168398" i="1" s="1"/>
  <c r="A168399" i="1" s="1"/>
  <c r="A168400" i="1" s="1"/>
  <c r="A168401" i="1" s="1"/>
  <c r="A168402" i="1" s="1"/>
  <c r="A168403" i="1" s="1"/>
  <c r="A168404" i="1" s="1"/>
  <c r="A168405" i="1" s="1"/>
  <c r="A168406" i="1" s="1"/>
  <c r="A168407" i="1" s="1"/>
  <c r="A168408" i="1" s="1"/>
  <c r="A168409" i="1" s="1"/>
  <c r="A168410" i="1" s="1"/>
  <c r="A168411" i="1" s="1"/>
  <c r="A168412" i="1" s="1"/>
  <c r="A168413" i="1" s="1"/>
  <c r="A168414" i="1" s="1"/>
  <c r="A168415" i="1" s="1"/>
  <c r="A168416" i="1" s="1"/>
  <c r="A168417" i="1" s="1"/>
  <c r="A168418" i="1" s="1"/>
  <c r="A168419" i="1" s="1"/>
  <c r="A168420" i="1" s="1"/>
  <c r="A168421" i="1" s="1"/>
  <c r="A168422" i="1" s="1"/>
  <c r="A168423" i="1" s="1"/>
  <c r="A168424" i="1" s="1"/>
  <c r="A168425" i="1" s="1"/>
  <c r="A168426" i="1" s="1"/>
  <c r="A168427" i="1" s="1"/>
  <c r="A168428" i="1" s="1"/>
  <c r="A168429" i="1" s="1"/>
  <c r="A168430" i="1" s="1"/>
  <c r="A168431" i="1" s="1"/>
  <c r="A168432" i="1" s="1"/>
  <c r="A168433" i="1" s="1"/>
  <c r="A168434" i="1" s="1"/>
  <c r="A168435" i="1" s="1"/>
  <c r="A168436" i="1" s="1"/>
  <c r="A168437" i="1" s="1"/>
  <c r="A168438" i="1" s="1"/>
  <c r="A168439" i="1" s="1"/>
  <c r="A168440" i="1" s="1"/>
  <c r="A168441" i="1" s="1"/>
  <c r="A168442" i="1" s="1"/>
  <c r="A168443" i="1" s="1"/>
  <c r="A168444" i="1" s="1"/>
  <c r="A168445" i="1" s="1"/>
  <c r="A168446" i="1" s="1"/>
  <c r="A168447" i="1" s="1"/>
  <c r="A168448" i="1" s="1"/>
  <c r="A168449" i="1" s="1"/>
  <c r="A168450" i="1" s="1"/>
  <c r="A168451" i="1" s="1"/>
  <c r="A168452" i="1" s="1"/>
  <c r="A168453" i="1" s="1"/>
  <c r="A168454" i="1" s="1"/>
  <c r="A168455" i="1" s="1"/>
  <c r="A168456" i="1" s="1"/>
  <c r="A168457" i="1" s="1"/>
  <c r="A168458" i="1" s="1"/>
  <c r="A168459" i="1" s="1"/>
  <c r="A168460" i="1" s="1"/>
  <c r="A168461" i="1" s="1"/>
  <c r="A168462" i="1" s="1"/>
  <c r="A168463" i="1" s="1"/>
  <c r="A168464" i="1" s="1"/>
  <c r="A168465" i="1" s="1"/>
  <c r="A168466" i="1" s="1"/>
  <c r="A168467" i="1" s="1"/>
  <c r="A168468" i="1" s="1"/>
  <c r="A168469" i="1" s="1"/>
  <c r="A168470" i="1" s="1"/>
  <c r="A168471" i="1" s="1"/>
  <c r="A168472" i="1" s="1"/>
  <c r="A168473" i="1" s="1"/>
  <c r="A168474" i="1" s="1"/>
  <c r="A168475" i="1" s="1"/>
  <c r="A168476" i="1" s="1"/>
  <c r="A168477" i="1" s="1"/>
  <c r="A168478" i="1" s="1"/>
  <c r="A168479" i="1" s="1"/>
  <c r="A168480" i="1" s="1"/>
  <c r="A168481" i="1" s="1"/>
  <c r="A168482" i="1" s="1"/>
  <c r="A168483" i="1" s="1"/>
  <c r="A168484" i="1" s="1"/>
  <c r="A168485" i="1" s="1"/>
  <c r="A168486" i="1" s="1"/>
  <c r="A168487" i="1" s="1"/>
  <c r="A168488" i="1" s="1"/>
  <c r="A168489" i="1" s="1"/>
  <c r="A168490" i="1" s="1"/>
  <c r="A168491" i="1" s="1"/>
  <c r="A168492" i="1" s="1"/>
  <c r="A168493" i="1" s="1"/>
  <c r="A168494" i="1" s="1"/>
  <c r="A168495" i="1" s="1"/>
  <c r="A168496" i="1" s="1"/>
  <c r="A168497" i="1" s="1"/>
  <c r="A168498" i="1" s="1"/>
  <c r="A168499" i="1" s="1"/>
  <c r="A168500" i="1" s="1"/>
  <c r="A168501" i="1" s="1"/>
  <c r="A168502" i="1" s="1"/>
  <c r="A168503" i="1" s="1"/>
  <c r="A168504" i="1" s="1"/>
  <c r="A168505" i="1" s="1"/>
  <c r="A168506" i="1" s="1"/>
  <c r="A168507" i="1" s="1"/>
  <c r="A168508" i="1" s="1"/>
  <c r="A168509" i="1" s="1"/>
  <c r="A168510" i="1" s="1"/>
  <c r="A168511" i="1" s="1"/>
  <c r="A168512" i="1" s="1"/>
  <c r="A168513" i="1" s="1"/>
  <c r="A168514" i="1" s="1"/>
  <c r="A168515" i="1" s="1"/>
  <c r="A168516" i="1" s="1"/>
  <c r="A168517" i="1" s="1"/>
  <c r="A168518" i="1" s="1"/>
  <c r="A168519" i="1" s="1"/>
  <c r="A168520" i="1" s="1"/>
  <c r="A168521" i="1" s="1"/>
  <c r="A168522" i="1" s="1"/>
  <c r="A168523" i="1" s="1"/>
  <c r="A168524" i="1" s="1"/>
  <c r="A168525" i="1" s="1"/>
  <c r="A168526" i="1" s="1"/>
  <c r="A168527" i="1" s="1"/>
  <c r="A168528" i="1" s="1"/>
  <c r="A168529" i="1" s="1"/>
  <c r="A168530" i="1" s="1"/>
  <c r="A168531" i="1" s="1"/>
  <c r="A168532" i="1" s="1"/>
  <c r="A168533" i="1" s="1"/>
  <c r="A168534" i="1" s="1"/>
  <c r="A168535" i="1" s="1"/>
  <c r="A168536" i="1" s="1"/>
  <c r="A168537" i="1" s="1"/>
  <c r="A168538" i="1" s="1"/>
  <c r="A168539" i="1" s="1"/>
  <c r="A168540" i="1" s="1"/>
  <c r="A168541" i="1" s="1"/>
  <c r="A168542" i="1" s="1"/>
  <c r="A168543" i="1" s="1"/>
  <c r="A168544" i="1" s="1"/>
  <c r="A168545" i="1" s="1"/>
  <c r="A168546" i="1" s="1"/>
  <c r="A168547" i="1" s="1"/>
  <c r="A168548" i="1" s="1"/>
  <c r="A168549" i="1" s="1"/>
  <c r="A168550" i="1" s="1"/>
  <c r="A168551" i="1" s="1"/>
  <c r="A168552" i="1" s="1"/>
  <c r="A168553" i="1" s="1"/>
  <c r="A168554" i="1" s="1"/>
  <c r="A168555" i="1" s="1"/>
  <c r="A168556" i="1" s="1"/>
  <c r="A168557" i="1" s="1"/>
  <c r="A168558" i="1" s="1"/>
  <c r="A168559" i="1" s="1"/>
  <c r="A168560" i="1" s="1"/>
  <c r="A168561" i="1" s="1"/>
  <c r="A168562" i="1" s="1"/>
  <c r="A168563" i="1" s="1"/>
  <c r="A168564" i="1" s="1"/>
  <c r="A168565" i="1" s="1"/>
  <c r="A168566" i="1" s="1"/>
  <c r="A168567" i="1" s="1"/>
  <c r="A168568" i="1" s="1"/>
  <c r="A168569" i="1" s="1"/>
  <c r="A168570" i="1" s="1"/>
  <c r="A168571" i="1" s="1"/>
  <c r="A168572" i="1" s="1"/>
  <c r="A168573" i="1" s="1"/>
  <c r="A168574" i="1" s="1"/>
  <c r="A168575" i="1" s="1"/>
  <c r="A168576" i="1" s="1"/>
  <c r="A168577" i="1" s="1"/>
  <c r="A168578" i="1" s="1"/>
  <c r="A168579" i="1" s="1"/>
  <c r="A168580" i="1" s="1"/>
  <c r="A168581" i="1" s="1"/>
  <c r="A168582" i="1" s="1"/>
  <c r="A168583" i="1" s="1"/>
  <c r="A168584" i="1" s="1"/>
  <c r="A168585" i="1" s="1"/>
  <c r="A168586" i="1" s="1"/>
  <c r="A168587" i="1" s="1"/>
  <c r="A168588" i="1" s="1"/>
  <c r="A168589" i="1" s="1"/>
  <c r="A168590" i="1" s="1"/>
  <c r="A168591" i="1" s="1"/>
  <c r="A168592" i="1" s="1"/>
  <c r="A168593" i="1" s="1"/>
  <c r="A168594" i="1" s="1"/>
  <c r="A168595" i="1" s="1"/>
  <c r="A168596" i="1" s="1"/>
  <c r="A168597" i="1" s="1"/>
  <c r="A168598" i="1" s="1"/>
  <c r="A168599" i="1" s="1"/>
  <c r="A168600" i="1" s="1"/>
  <c r="A168601" i="1" s="1"/>
  <c r="A168602" i="1" s="1"/>
  <c r="A168603" i="1" s="1"/>
  <c r="A168604" i="1" s="1"/>
  <c r="A168605" i="1" s="1"/>
  <c r="A168606" i="1" s="1"/>
  <c r="A168607" i="1" s="1"/>
  <c r="A168608" i="1" s="1"/>
  <c r="A168609" i="1" s="1"/>
  <c r="A168610" i="1" s="1"/>
  <c r="A168611" i="1" s="1"/>
  <c r="A168612" i="1" s="1"/>
  <c r="A168613" i="1" s="1"/>
  <c r="A168614" i="1" s="1"/>
  <c r="A168615" i="1" s="1"/>
  <c r="A168616" i="1" s="1"/>
  <c r="A168617" i="1" s="1"/>
  <c r="A168618" i="1" s="1"/>
  <c r="A168619" i="1" s="1"/>
  <c r="A168620" i="1" s="1"/>
  <c r="A168621" i="1" s="1"/>
  <c r="A168622" i="1" s="1"/>
  <c r="A168623" i="1" s="1"/>
  <c r="A168624" i="1" s="1"/>
  <c r="A168625" i="1" s="1"/>
  <c r="A168626" i="1" s="1"/>
  <c r="A168627" i="1" s="1"/>
  <c r="A168628" i="1" s="1"/>
  <c r="A168629" i="1" s="1"/>
  <c r="A168630" i="1" s="1"/>
  <c r="A168631" i="1" s="1"/>
  <c r="A168632" i="1" s="1"/>
  <c r="A168633" i="1" s="1"/>
  <c r="A168634" i="1" s="1"/>
  <c r="A168635" i="1" s="1"/>
  <c r="A168636" i="1" s="1"/>
  <c r="A168637" i="1" s="1"/>
  <c r="A168638" i="1" s="1"/>
  <c r="A168639" i="1" s="1"/>
  <c r="A168640" i="1" s="1"/>
  <c r="A168641" i="1" s="1"/>
  <c r="A168642" i="1" s="1"/>
  <c r="A168643" i="1" s="1"/>
  <c r="A168644" i="1" s="1"/>
  <c r="A168645" i="1" s="1"/>
  <c r="A168646" i="1" s="1"/>
  <c r="A168647" i="1" s="1"/>
  <c r="A168648" i="1" s="1"/>
  <c r="A168649" i="1" s="1"/>
  <c r="A168650" i="1" s="1"/>
  <c r="A168651" i="1" s="1"/>
  <c r="A168652" i="1" s="1"/>
  <c r="A168653" i="1" s="1"/>
  <c r="A168654" i="1" s="1"/>
  <c r="A168655" i="1" s="1"/>
  <c r="A168656" i="1" s="1"/>
  <c r="A168657" i="1" s="1"/>
  <c r="A168658" i="1" s="1"/>
  <c r="A168659" i="1" s="1"/>
  <c r="A168660" i="1" s="1"/>
  <c r="A168661" i="1" s="1"/>
  <c r="A168662" i="1" s="1"/>
  <c r="A168663" i="1" s="1"/>
  <c r="A168664" i="1" s="1"/>
  <c r="A168665" i="1" s="1"/>
  <c r="A168666" i="1" s="1"/>
  <c r="A168667" i="1" s="1"/>
  <c r="A168668" i="1" s="1"/>
  <c r="A168669" i="1" s="1"/>
  <c r="A168670" i="1" s="1"/>
  <c r="A168671" i="1" s="1"/>
  <c r="A168672" i="1" s="1"/>
  <c r="A168673" i="1" s="1"/>
  <c r="A168674" i="1" s="1"/>
  <c r="A168675" i="1" s="1"/>
  <c r="A168676" i="1" s="1"/>
  <c r="A168677" i="1" s="1"/>
  <c r="A168678" i="1" s="1"/>
  <c r="A168679" i="1" s="1"/>
  <c r="A168680" i="1" s="1"/>
  <c r="A168681" i="1" s="1"/>
  <c r="A168682" i="1" s="1"/>
  <c r="A168683" i="1" s="1"/>
  <c r="A168684" i="1" s="1"/>
  <c r="A168685" i="1" s="1"/>
  <c r="A168686" i="1" s="1"/>
  <c r="A168687" i="1" s="1"/>
  <c r="A168688" i="1" s="1"/>
  <c r="A168689" i="1" s="1"/>
  <c r="A168690" i="1" s="1"/>
  <c r="A168691" i="1" s="1"/>
  <c r="A168692" i="1" s="1"/>
  <c r="A168693" i="1" s="1"/>
  <c r="A168694" i="1" s="1"/>
  <c r="A168695" i="1" s="1"/>
  <c r="A168696" i="1" s="1"/>
  <c r="A168697" i="1" s="1"/>
  <c r="A168698" i="1" s="1"/>
  <c r="A168699" i="1" s="1"/>
  <c r="A168700" i="1" s="1"/>
  <c r="A168701" i="1" s="1"/>
  <c r="A168702" i="1" s="1"/>
  <c r="A168703" i="1" s="1"/>
  <c r="A168704" i="1" s="1"/>
  <c r="A168705" i="1" s="1"/>
  <c r="A168706" i="1" s="1"/>
  <c r="A168707" i="1" s="1"/>
  <c r="A168708" i="1" s="1"/>
  <c r="A168709" i="1" s="1"/>
  <c r="A168710" i="1" s="1"/>
  <c r="A168711" i="1" s="1"/>
  <c r="A168712" i="1" s="1"/>
  <c r="A168713" i="1" s="1"/>
  <c r="A168714" i="1" s="1"/>
  <c r="A168715" i="1" s="1"/>
  <c r="A168716" i="1" s="1"/>
  <c r="A168717" i="1" s="1"/>
  <c r="A168718" i="1" s="1"/>
  <c r="A168719" i="1" s="1"/>
  <c r="A168720" i="1" s="1"/>
  <c r="A168721" i="1" s="1"/>
  <c r="A168722" i="1" s="1"/>
  <c r="A168723" i="1" s="1"/>
  <c r="A168724" i="1" s="1"/>
  <c r="A168725" i="1" s="1"/>
  <c r="A168726" i="1" s="1"/>
  <c r="A168727" i="1" s="1"/>
  <c r="A168728" i="1" s="1"/>
  <c r="A168729" i="1" s="1"/>
  <c r="A168730" i="1" s="1"/>
  <c r="A168731" i="1" s="1"/>
  <c r="A168732" i="1" s="1"/>
  <c r="A168733" i="1" s="1"/>
  <c r="A168734" i="1" s="1"/>
  <c r="A168735" i="1" s="1"/>
  <c r="A168736" i="1" s="1"/>
  <c r="A168737" i="1" s="1"/>
  <c r="A168738" i="1" s="1"/>
  <c r="A168739" i="1" s="1"/>
  <c r="A168740" i="1" s="1"/>
  <c r="A168741" i="1" s="1"/>
  <c r="A168742" i="1" s="1"/>
  <c r="A168743" i="1" s="1"/>
  <c r="A168744" i="1" s="1"/>
  <c r="A168745" i="1" s="1"/>
  <c r="A168746" i="1" s="1"/>
  <c r="A168747" i="1" s="1"/>
  <c r="A168748" i="1" s="1"/>
  <c r="A168749" i="1" s="1"/>
  <c r="A168750" i="1" s="1"/>
  <c r="A168751" i="1" s="1"/>
  <c r="A168752" i="1" s="1"/>
  <c r="A168753" i="1" s="1"/>
  <c r="A168754" i="1" s="1"/>
  <c r="A168755" i="1" s="1"/>
  <c r="A168756" i="1" s="1"/>
  <c r="A168757" i="1" s="1"/>
  <c r="A168758" i="1" s="1"/>
  <c r="A168759" i="1" s="1"/>
  <c r="A168760" i="1" s="1"/>
  <c r="A168761" i="1" s="1"/>
  <c r="A168762" i="1" s="1"/>
  <c r="A168763" i="1" s="1"/>
  <c r="A168764" i="1" s="1"/>
  <c r="A168765" i="1" s="1"/>
  <c r="A168766" i="1" s="1"/>
  <c r="A168767" i="1" s="1"/>
  <c r="A168768" i="1" s="1"/>
  <c r="A168769" i="1" s="1"/>
  <c r="A168770" i="1" s="1"/>
  <c r="A168771" i="1" s="1"/>
  <c r="A168772" i="1" s="1"/>
  <c r="A168773" i="1" s="1"/>
  <c r="A168774" i="1" s="1"/>
  <c r="A168775" i="1" s="1"/>
  <c r="A168776" i="1" s="1"/>
  <c r="A168777" i="1" s="1"/>
  <c r="A168778" i="1" s="1"/>
  <c r="A168779" i="1" s="1"/>
  <c r="A168780" i="1" s="1"/>
  <c r="A168781" i="1" s="1"/>
  <c r="A168782" i="1" s="1"/>
  <c r="A168783" i="1" s="1"/>
  <c r="A168784" i="1" s="1"/>
  <c r="A168785" i="1" s="1"/>
  <c r="A168786" i="1" s="1"/>
  <c r="A168787" i="1" s="1"/>
  <c r="A168788" i="1" s="1"/>
  <c r="A168789" i="1" s="1"/>
  <c r="A168790" i="1" s="1"/>
  <c r="A168791" i="1" s="1"/>
  <c r="A168792" i="1" s="1"/>
  <c r="A168793" i="1" s="1"/>
  <c r="A168794" i="1" s="1"/>
  <c r="A168795" i="1" s="1"/>
  <c r="A168796" i="1" s="1"/>
  <c r="A168797" i="1" s="1"/>
  <c r="A168798" i="1" s="1"/>
  <c r="A168799" i="1" s="1"/>
  <c r="A168800" i="1" s="1"/>
  <c r="A168801" i="1" s="1"/>
  <c r="A168802" i="1" s="1"/>
  <c r="A168803" i="1" s="1"/>
  <c r="A168804" i="1" s="1"/>
  <c r="A168805" i="1" s="1"/>
  <c r="A168806" i="1" s="1"/>
  <c r="A168807" i="1" s="1"/>
  <c r="A168808" i="1" s="1"/>
  <c r="A168809" i="1" s="1"/>
  <c r="A168810" i="1" s="1"/>
  <c r="A168811" i="1" s="1"/>
  <c r="A168812" i="1" s="1"/>
  <c r="A168813" i="1" s="1"/>
  <c r="A168814" i="1" s="1"/>
  <c r="A168815" i="1" s="1"/>
  <c r="A168816" i="1" s="1"/>
  <c r="A168817" i="1" s="1"/>
  <c r="A168818" i="1" s="1"/>
  <c r="A168819" i="1" s="1"/>
  <c r="A168820" i="1" s="1"/>
  <c r="A168821" i="1" s="1"/>
  <c r="A168822" i="1" s="1"/>
  <c r="A168823" i="1" s="1"/>
  <c r="A168824" i="1" s="1"/>
  <c r="A168825" i="1" s="1"/>
  <c r="A168826" i="1" s="1"/>
  <c r="A168827" i="1" s="1"/>
  <c r="A168828" i="1" s="1"/>
  <c r="A168829" i="1" s="1"/>
  <c r="A168830" i="1" s="1"/>
  <c r="A168831" i="1" s="1"/>
  <c r="A168832" i="1" s="1"/>
  <c r="A168833" i="1" s="1"/>
  <c r="A168834" i="1" s="1"/>
  <c r="A168835" i="1" s="1"/>
  <c r="A168836" i="1" s="1"/>
  <c r="A168837" i="1" s="1"/>
  <c r="A168838" i="1" s="1"/>
  <c r="A168839" i="1" s="1"/>
  <c r="A168840" i="1" s="1"/>
  <c r="A168841" i="1" s="1"/>
  <c r="A168842" i="1" s="1"/>
  <c r="A168843" i="1" s="1"/>
  <c r="A168844" i="1" s="1"/>
  <c r="A168845" i="1" s="1"/>
  <c r="A168846" i="1" s="1"/>
  <c r="A168847" i="1" s="1"/>
  <c r="A168848" i="1" s="1"/>
  <c r="A168849" i="1" s="1"/>
  <c r="A168850" i="1" s="1"/>
  <c r="A168851" i="1" s="1"/>
  <c r="A168852" i="1" s="1"/>
  <c r="A168853" i="1" s="1"/>
  <c r="A168854" i="1" s="1"/>
  <c r="A168855" i="1" s="1"/>
  <c r="A168856" i="1" s="1"/>
  <c r="A168857" i="1" s="1"/>
  <c r="A168858" i="1" s="1"/>
  <c r="A168859" i="1" s="1"/>
  <c r="A168860" i="1" s="1"/>
  <c r="A168861" i="1" s="1"/>
  <c r="A168862" i="1" s="1"/>
  <c r="A168863" i="1" s="1"/>
  <c r="A168864" i="1" s="1"/>
  <c r="A168865" i="1" s="1"/>
  <c r="A168866" i="1" s="1"/>
  <c r="A168867" i="1" s="1"/>
  <c r="A168868" i="1" s="1"/>
  <c r="A168869" i="1" s="1"/>
  <c r="A168870" i="1" s="1"/>
  <c r="A168871" i="1" s="1"/>
  <c r="A168872" i="1" s="1"/>
  <c r="A168873" i="1" s="1"/>
  <c r="A168874" i="1" s="1"/>
  <c r="A168875" i="1" s="1"/>
  <c r="A168876" i="1" s="1"/>
  <c r="A168877" i="1" s="1"/>
  <c r="A168878" i="1" s="1"/>
  <c r="A168879" i="1" s="1"/>
  <c r="A168880" i="1" s="1"/>
  <c r="A168881" i="1" s="1"/>
  <c r="A168882" i="1" s="1"/>
  <c r="A168883" i="1" s="1"/>
  <c r="A168884" i="1" s="1"/>
  <c r="A168885" i="1" s="1"/>
  <c r="A168886" i="1" s="1"/>
  <c r="A168887" i="1" s="1"/>
  <c r="A168888" i="1" s="1"/>
  <c r="A168889" i="1" s="1"/>
  <c r="A168890" i="1" s="1"/>
  <c r="A168891" i="1" s="1"/>
  <c r="A168892" i="1" s="1"/>
  <c r="A168893" i="1" s="1"/>
  <c r="A168894" i="1" s="1"/>
  <c r="A168895" i="1" s="1"/>
  <c r="A168896" i="1" s="1"/>
  <c r="A168897" i="1" s="1"/>
  <c r="A168898" i="1" s="1"/>
  <c r="A168899" i="1" s="1"/>
  <c r="A168900" i="1" s="1"/>
  <c r="A168901" i="1" s="1"/>
  <c r="A168902" i="1" s="1"/>
  <c r="A168903" i="1" s="1"/>
  <c r="A168904" i="1" s="1"/>
  <c r="A168905" i="1" s="1"/>
  <c r="A168906" i="1" s="1"/>
  <c r="A168907" i="1" s="1"/>
  <c r="A168908" i="1" s="1"/>
  <c r="A168909" i="1" s="1"/>
  <c r="A168910" i="1" s="1"/>
  <c r="A168911" i="1" s="1"/>
  <c r="A168912" i="1" s="1"/>
  <c r="A168913" i="1" s="1"/>
  <c r="A168914" i="1" s="1"/>
  <c r="A168915" i="1" s="1"/>
  <c r="A168916" i="1" s="1"/>
  <c r="A168917" i="1" s="1"/>
  <c r="A168918" i="1" s="1"/>
  <c r="A168919" i="1" s="1"/>
  <c r="A168920" i="1" s="1"/>
  <c r="A168921" i="1" s="1"/>
  <c r="A168922" i="1" s="1"/>
  <c r="A168923" i="1" s="1"/>
  <c r="A168924" i="1" s="1"/>
  <c r="A168925" i="1" s="1"/>
  <c r="A168926" i="1" s="1"/>
  <c r="A168927" i="1" s="1"/>
  <c r="A168928" i="1" s="1"/>
  <c r="A168929" i="1" s="1"/>
  <c r="A168930" i="1" s="1"/>
  <c r="A168931" i="1" s="1"/>
  <c r="A168932" i="1" s="1"/>
  <c r="A168933" i="1" s="1"/>
  <c r="A168934" i="1" s="1"/>
  <c r="A168935" i="1" s="1"/>
  <c r="A168936" i="1" s="1"/>
  <c r="A168937" i="1" s="1"/>
  <c r="A168938" i="1" s="1"/>
  <c r="A168939" i="1" s="1"/>
  <c r="A168940" i="1" s="1"/>
  <c r="A168941" i="1" s="1"/>
  <c r="A168942" i="1" s="1"/>
  <c r="A168943" i="1" s="1"/>
  <c r="A168944" i="1" s="1"/>
  <c r="A168945" i="1" s="1"/>
  <c r="A168946" i="1" s="1"/>
  <c r="A168947" i="1" s="1"/>
  <c r="A168948" i="1" s="1"/>
  <c r="A168949" i="1" s="1"/>
  <c r="A168950" i="1" s="1"/>
  <c r="A168951" i="1" s="1"/>
  <c r="A168952" i="1" s="1"/>
  <c r="A168953" i="1" s="1"/>
  <c r="A168954" i="1" s="1"/>
  <c r="A168955" i="1" s="1"/>
  <c r="A168956" i="1" s="1"/>
  <c r="A168957" i="1" s="1"/>
  <c r="A168958" i="1" s="1"/>
  <c r="A168959" i="1" s="1"/>
  <c r="A168960" i="1" s="1"/>
  <c r="A168961" i="1" s="1"/>
  <c r="A168962" i="1" s="1"/>
  <c r="A168963" i="1" s="1"/>
  <c r="A168964" i="1" s="1"/>
  <c r="A168965" i="1" s="1"/>
  <c r="A168966" i="1" s="1"/>
  <c r="A168967" i="1" s="1"/>
  <c r="A168968" i="1" s="1"/>
  <c r="A168969" i="1" s="1"/>
  <c r="A168970" i="1" s="1"/>
  <c r="A168971" i="1" s="1"/>
  <c r="A168972" i="1" s="1"/>
  <c r="A168973" i="1" s="1"/>
  <c r="A168974" i="1" s="1"/>
  <c r="A168975" i="1" s="1"/>
  <c r="A168976" i="1" s="1"/>
  <c r="A168977" i="1" s="1"/>
  <c r="A168978" i="1" s="1"/>
  <c r="A168979" i="1" s="1"/>
  <c r="A168980" i="1" s="1"/>
  <c r="A168981" i="1" s="1"/>
  <c r="A168982" i="1" s="1"/>
  <c r="A168983" i="1" s="1"/>
  <c r="A168984" i="1" s="1"/>
  <c r="A168985" i="1" s="1"/>
  <c r="A168986" i="1" s="1"/>
  <c r="A168987" i="1" s="1"/>
  <c r="A168988" i="1" s="1"/>
  <c r="A168989" i="1" s="1"/>
  <c r="A168990" i="1" s="1"/>
  <c r="A168991" i="1" s="1"/>
  <c r="A168992" i="1" s="1"/>
  <c r="A168993" i="1" s="1"/>
  <c r="A168994" i="1" s="1"/>
  <c r="A168995" i="1" s="1"/>
  <c r="A168996" i="1" s="1"/>
  <c r="A168997" i="1" s="1"/>
  <c r="A168998" i="1" s="1"/>
  <c r="A168999" i="1" s="1"/>
  <c r="A169000" i="1" s="1"/>
  <c r="A169001" i="1" s="1"/>
  <c r="A169002" i="1" s="1"/>
  <c r="A169003" i="1" s="1"/>
  <c r="A169004" i="1" s="1"/>
  <c r="A169005" i="1" s="1"/>
  <c r="A169006" i="1" s="1"/>
  <c r="A169007" i="1" s="1"/>
  <c r="A169008" i="1" s="1"/>
  <c r="A169009" i="1" s="1"/>
  <c r="A169010" i="1" s="1"/>
  <c r="A169011" i="1" s="1"/>
  <c r="A169012" i="1" s="1"/>
  <c r="A169013" i="1" s="1"/>
  <c r="A169014" i="1" s="1"/>
  <c r="A169015" i="1" s="1"/>
  <c r="A169016" i="1" s="1"/>
  <c r="A169017" i="1" s="1"/>
  <c r="A169018" i="1" s="1"/>
  <c r="A169019" i="1" s="1"/>
  <c r="A169020" i="1" s="1"/>
  <c r="A169021" i="1" s="1"/>
  <c r="A169022" i="1" s="1"/>
  <c r="A169023" i="1" s="1"/>
  <c r="A169024" i="1" s="1"/>
  <c r="A169025" i="1" s="1"/>
  <c r="A169026" i="1" s="1"/>
  <c r="A169027" i="1" s="1"/>
  <c r="A169028" i="1" s="1"/>
  <c r="A169029" i="1" s="1"/>
  <c r="A169030" i="1" s="1"/>
  <c r="A169031" i="1" s="1"/>
  <c r="A169032" i="1" s="1"/>
  <c r="A169033" i="1" s="1"/>
  <c r="A169034" i="1" s="1"/>
  <c r="A169035" i="1" s="1"/>
  <c r="A169036" i="1" s="1"/>
  <c r="A169037" i="1" s="1"/>
  <c r="A169038" i="1" s="1"/>
  <c r="A169039" i="1" s="1"/>
  <c r="A169040" i="1" s="1"/>
  <c r="A169041" i="1" s="1"/>
  <c r="A169042" i="1" s="1"/>
  <c r="A169043" i="1" s="1"/>
  <c r="A169044" i="1" s="1"/>
  <c r="A169045" i="1" s="1"/>
  <c r="A169046" i="1" s="1"/>
  <c r="A169047" i="1" s="1"/>
  <c r="A169048" i="1" s="1"/>
  <c r="A169049" i="1" s="1"/>
  <c r="A169050" i="1" s="1"/>
  <c r="A169051" i="1" s="1"/>
  <c r="A169052" i="1" s="1"/>
  <c r="A169053" i="1" s="1"/>
  <c r="A169054" i="1" s="1"/>
  <c r="A169055" i="1" s="1"/>
  <c r="A169056" i="1" s="1"/>
  <c r="A169057" i="1" s="1"/>
  <c r="A169058" i="1" s="1"/>
  <c r="A169059" i="1" s="1"/>
  <c r="A169060" i="1" s="1"/>
  <c r="A169061" i="1" s="1"/>
  <c r="A169062" i="1" s="1"/>
  <c r="A169063" i="1" s="1"/>
  <c r="A169064" i="1" s="1"/>
  <c r="A169065" i="1" s="1"/>
  <c r="A169066" i="1" s="1"/>
  <c r="A169067" i="1" s="1"/>
  <c r="A169068" i="1" s="1"/>
  <c r="A169069" i="1" s="1"/>
  <c r="A169070" i="1" s="1"/>
  <c r="A169071" i="1" s="1"/>
  <c r="A169072" i="1" s="1"/>
  <c r="A169073" i="1" s="1"/>
  <c r="A169074" i="1" s="1"/>
  <c r="A169075" i="1" s="1"/>
  <c r="A169076" i="1" s="1"/>
  <c r="A169077" i="1" s="1"/>
  <c r="A169078" i="1" s="1"/>
  <c r="A169079" i="1" s="1"/>
  <c r="A169080" i="1" s="1"/>
  <c r="A169081" i="1" s="1"/>
  <c r="A169082" i="1" s="1"/>
  <c r="A169083" i="1" s="1"/>
  <c r="A169084" i="1" s="1"/>
  <c r="A169085" i="1" s="1"/>
  <c r="A169086" i="1" s="1"/>
  <c r="A169087" i="1" s="1"/>
  <c r="A169088" i="1" s="1"/>
  <c r="A169089" i="1" s="1"/>
  <c r="A169090" i="1" s="1"/>
  <c r="A169091" i="1" s="1"/>
  <c r="A169092" i="1" s="1"/>
  <c r="A169093" i="1" s="1"/>
  <c r="A169094" i="1" s="1"/>
  <c r="A169095" i="1" s="1"/>
  <c r="A169096" i="1" s="1"/>
  <c r="A169097" i="1" s="1"/>
  <c r="A169098" i="1" s="1"/>
  <c r="A169099" i="1" s="1"/>
  <c r="A169100" i="1" s="1"/>
  <c r="A169101" i="1" s="1"/>
  <c r="A169102" i="1" s="1"/>
  <c r="A169103" i="1" s="1"/>
  <c r="A169104" i="1" s="1"/>
  <c r="A169105" i="1" s="1"/>
  <c r="A169106" i="1" s="1"/>
  <c r="A169107" i="1" s="1"/>
  <c r="A169108" i="1" s="1"/>
  <c r="A169109" i="1" s="1"/>
  <c r="A169110" i="1" s="1"/>
  <c r="A169111" i="1" s="1"/>
  <c r="A169112" i="1" s="1"/>
  <c r="A169113" i="1" s="1"/>
  <c r="A169114" i="1" s="1"/>
  <c r="A169115" i="1" s="1"/>
  <c r="A169116" i="1" s="1"/>
  <c r="A169117" i="1" s="1"/>
  <c r="A169118" i="1" s="1"/>
  <c r="A169119" i="1" s="1"/>
  <c r="A169120" i="1" s="1"/>
  <c r="A169121" i="1" s="1"/>
  <c r="A169122" i="1" s="1"/>
  <c r="A169123" i="1" s="1"/>
  <c r="A169124" i="1" s="1"/>
  <c r="A169125" i="1" s="1"/>
  <c r="A169126" i="1" s="1"/>
  <c r="A169127" i="1" s="1"/>
  <c r="A169128" i="1" s="1"/>
  <c r="A169129" i="1" s="1"/>
  <c r="A169130" i="1" s="1"/>
  <c r="A169131" i="1" s="1"/>
  <c r="A169132" i="1" s="1"/>
  <c r="A169133" i="1" s="1"/>
  <c r="A169134" i="1" s="1"/>
  <c r="A169135" i="1" s="1"/>
  <c r="A169136" i="1" s="1"/>
  <c r="A169137" i="1" s="1"/>
  <c r="A169138" i="1" s="1"/>
  <c r="A169139" i="1" s="1"/>
  <c r="A169140" i="1" s="1"/>
  <c r="A169141" i="1" s="1"/>
  <c r="A169142" i="1" s="1"/>
  <c r="A169143" i="1" s="1"/>
  <c r="A169144" i="1" s="1"/>
  <c r="A169145" i="1" s="1"/>
  <c r="A169146" i="1" s="1"/>
  <c r="A169147" i="1" s="1"/>
  <c r="A169148" i="1" s="1"/>
  <c r="A169149" i="1" s="1"/>
  <c r="A169150" i="1" s="1"/>
  <c r="A169151" i="1" s="1"/>
  <c r="A169152" i="1" s="1"/>
  <c r="A169153" i="1" s="1"/>
  <c r="A169154" i="1" s="1"/>
  <c r="A169155" i="1" s="1"/>
  <c r="A169156" i="1" s="1"/>
  <c r="A169157" i="1" s="1"/>
  <c r="A169158" i="1" s="1"/>
  <c r="A169159" i="1" s="1"/>
  <c r="A169160" i="1" s="1"/>
  <c r="A169161" i="1" s="1"/>
  <c r="A169162" i="1" s="1"/>
  <c r="A169163" i="1" s="1"/>
  <c r="A169164" i="1" s="1"/>
  <c r="A169165" i="1" s="1"/>
  <c r="A169166" i="1" s="1"/>
  <c r="A169167" i="1" s="1"/>
  <c r="A169168" i="1" s="1"/>
  <c r="A169169" i="1" s="1"/>
  <c r="A169170" i="1" s="1"/>
  <c r="A169171" i="1" s="1"/>
  <c r="A169172" i="1" s="1"/>
  <c r="A169173" i="1" s="1"/>
  <c r="A169174" i="1" s="1"/>
  <c r="A169175" i="1" s="1"/>
  <c r="A169176" i="1" s="1"/>
  <c r="A169177" i="1" s="1"/>
  <c r="A169178" i="1" s="1"/>
  <c r="A169179" i="1" s="1"/>
  <c r="A169180" i="1" s="1"/>
  <c r="A169181" i="1" s="1"/>
  <c r="A169182" i="1" s="1"/>
  <c r="A169183" i="1" s="1"/>
  <c r="A169184" i="1" s="1"/>
  <c r="A169185" i="1" s="1"/>
  <c r="A169186" i="1" s="1"/>
  <c r="A169187" i="1" s="1"/>
  <c r="A169188" i="1" s="1"/>
  <c r="A169189" i="1" s="1"/>
  <c r="A169190" i="1" s="1"/>
  <c r="A169191" i="1" s="1"/>
  <c r="A169192" i="1" s="1"/>
  <c r="A169193" i="1" s="1"/>
  <c r="A169194" i="1" s="1"/>
  <c r="A169195" i="1" s="1"/>
  <c r="A169196" i="1" s="1"/>
  <c r="A169197" i="1" s="1"/>
  <c r="A169198" i="1" s="1"/>
  <c r="A169199" i="1" s="1"/>
  <c r="A169200" i="1" s="1"/>
  <c r="A169201" i="1" s="1"/>
  <c r="A169202" i="1" s="1"/>
  <c r="A169203" i="1" s="1"/>
  <c r="A169204" i="1" s="1"/>
  <c r="A169205" i="1" s="1"/>
  <c r="A169206" i="1" s="1"/>
  <c r="A169207" i="1" s="1"/>
  <c r="A169208" i="1" s="1"/>
  <c r="A169209" i="1" s="1"/>
  <c r="A169210" i="1" s="1"/>
  <c r="A169211" i="1" s="1"/>
  <c r="A169212" i="1" s="1"/>
  <c r="A169213" i="1" s="1"/>
  <c r="A169214" i="1" s="1"/>
  <c r="A169215" i="1" s="1"/>
  <c r="A169216" i="1" s="1"/>
  <c r="A169217" i="1" s="1"/>
  <c r="A169218" i="1" s="1"/>
  <c r="A169219" i="1" s="1"/>
  <c r="A169220" i="1" s="1"/>
  <c r="A169221" i="1" s="1"/>
  <c r="A169222" i="1" s="1"/>
  <c r="A169223" i="1" s="1"/>
  <c r="A169224" i="1" s="1"/>
  <c r="A169225" i="1" s="1"/>
  <c r="A169226" i="1" s="1"/>
  <c r="A169227" i="1" s="1"/>
  <c r="A169228" i="1" s="1"/>
  <c r="A169229" i="1" s="1"/>
  <c r="A169230" i="1" s="1"/>
  <c r="A169231" i="1" s="1"/>
  <c r="A169232" i="1" s="1"/>
  <c r="A169233" i="1" s="1"/>
  <c r="A169234" i="1" s="1"/>
  <c r="A169235" i="1" s="1"/>
  <c r="A169236" i="1" s="1"/>
  <c r="A169237" i="1" s="1"/>
  <c r="A169238" i="1" s="1"/>
  <c r="A169239" i="1" s="1"/>
  <c r="A169240" i="1" s="1"/>
  <c r="A169241" i="1" s="1"/>
  <c r="A169242" i="1" s="1"/>
  <c r="A169243" i="1" s="1"/>
  <c r="A169244" i="1" s="1"/>
  <c r="A169245" i="1" s="1"/>
  <c r="A169246" i="1" s="1"/>
  <c r="A169247" i="1" s="1"/>
  <c r="A169248" i="1" s="1"/>
  <c r="A169249" i="1" s="1"/>
  <c r="A169250" i="1" s="1"/>
  <c r="A169251" i="1" s="1"/>
  <c r="A169252" i="1" s="1"/>
  <c r="A169253" i="1" s="1"/>
  <c r="A169254" i="1" s="1"/>
  <c r="A169255" i="1" s="1"/>
  <c r="A169256" i="1" s="1"/>
  <c r="A169257" i="1" s="1"/>
  <c r="A169258" i="1" s="1"/>
  <c r="A169259" i="1" s="1"/>
  <c r="A169260" i="1" s="1"/>
  <c r="A169261" i="1" s="1"/>
  <c r="A169262" i="1" s="1"/>
  <c r="A169263" i="1" s="1"/>
  <c r="A169264" i="1" s="1"/>
  <c r="A169265" i="1" s="1"/>
  <c r="A169266" i="1" s="1"/>
  <c r="A169267" i="1" s="1"/>
  <c r="A169268" i="1" s="1"/>
  <c r="A169269" i="1" s="1"/>
  <c r="A169270" i="1" s="1"/>
  <c r="A169271" i="1" s="1"/>
  <c r="A169272" i="1" s="1"/>
  <c r="A169273" i="1" s="1"/>
  <c r="A169274" i="1" s="1"/>
  <c r="A169275" i="1" s="1"/>
  <c r="A169276" i="1" s="1"/>
  <c r="A169277" i="1" s="1"/>
  <c r="A169278" i="1" s="1"/>
  <c r="A169279" i="1" s="1"/>
  <c r="A169280" i="1" s="1"/>
  <c r="A169281" i="1" s="1"/>
  <c r="A169282" i="1" s="1"/>
  <c r="A169283" i="1" s="1"/>
  <c r="A169284" i="1" s="1"/>
  <c r="A169285" i="1" s="1"/>
  <c r="A169286" i="1" s="1"/>
  <c r="A169287" i="1" s="1"/>
  <c r="A169288" i="1" s="1"/>
  <c r="A169289" i="1" s="1"/>
  <c r="A169290" i="1" s="1"/>
  <c r="A169291" i="1" s="1"/>
  <c r="A169292" i="1" s="1"/>
  <c r="A169293" i="1" s="1"/>
  <c r="A169294" i="1" s="1"/>
  <c r="A169295" i="1" s="1"/>
  <c r="A169296" i="1" s="1"/>
  <c r="A169297" i="1" s="1"/>
  <c r="A169298" i="1" s="1"/>
  <c r="A169299" i="1" s="1"/>
  <c r="A169300" i="1" s="1"/>
  <c r="A169301" i="1" s="1"/>
  <c r="A169302" i="1" s="1"/>
  <c r="A169303" i="1" s="1"/>
  <c r="A169304" i="1" s="1"/>
  <c r="A169305" i="1" s="1"/>
  <c r="A169306" i="1" s="1"/>
  <c r="A169307" i="1" s="1"/>
  <c r="A169308" i="1" s="1"/>
  <c r="A169309" i="1" s="1"/>
  <c r="A169310" i="1" s="1"/>
  <c r="A169311" i="1" s="1"/>
  <c r="A169312" i="1" s="1"/>
  <c r="A169313" i="1" s="1"/>
  <c r="A169314" i="1" s="1"/>
  <c r="A169315" i="1" s="1"/>
  <c r="A169316" i="1" s="1"/>
  <c r="A169317" i="1" s="1"/>
  <c r="A169318" i="1" s="1"/>
  <c r="A169319" i="1" s="1"/>
  <c r="A169320" i="1" s="1"/>
  <c r="A169321" i="1" s="1"/>
  <c r="A169322" i="1" s="1"/>
  <c r="A169323" i="1" s="1"/>
  <c r="A169324" i="1" s="1"/>
  <c r="A169325" i="1" s="1"/>
  <c r="A169326" i="1" s="1"/>
  <c r="A169327" i="1" s="1"/>
  <c r="A169328" i="1" s="1"/>
  <c r="A169329" i="1" s="1"/>
  <c r="A169330" i="1" s="1"/>
  <c r="A169331" i="1" s="1"/>
  <c r="A169332" i="1" s="1"/>
  <c r="A169333" i="1" s="1"/>
  <c r="A169334" i="1" s="1"/>
  <c r="A169335" i="1" s="1"/>
  <c r="A169336" i="1" s="1"/>
  <c r="A169337" i="1" s="1"/>
  <c r="A169338" i="1" s="1"/>
  <c r="A169339" i="1" s="1"/>
  <c r="A169340" i="1" s="1"/>
  <c r="A169341" i="1" s="1"/>
  <c r="A169342" i="1" s="1"/>
  <c r="A169343" i="1" s="1"/>
  <c r="A169344" i="1" s="1"/>
  <c r="A169345" i="1" s="1"/>
  <c r="A169346" i="1" s="1"/>
  <c r="A169347" i="1" s="1"/>
  <c r="A169348" i="1" s="1"/>
  <c r="A169349" i="1" s="1"/>
  <c r="A169350" i="1" s="1"/>
  <c r="A169351" i="1" s="1"/>
  <c r="A169352" i="1" s="1"/>
  <c r="A169353" i="1" s="1"/>
  <c r="A169354" i="1" s="1"/>
  <c r="A169355" i="1" s="1"/>
  <c r="A169356" i="1" s="1"/>
  <c r="A169357" i="1" s="1"/>
  <c r="A169358" i="1" s="1"/>
  <c r="A169359" i="1" s="1"/>
  <c r="A169360" i="1" s="1"/>
  <c r="A169361" i="1" s="1"/>
  <c r="A169362" i="1" s="1"/>
  <c r="A169363" i="1" s="1"/>
  <c r="A169364" i="1" s="1"/>
  <c r="A169365" i="1" s="1"/>
  <c r="A169366" i="1" s="1"/>
  <c r="A169367" i="1" s="1"/>
  <c r="A169368" i="1" s="1"/>
  <c r="A169369" i="1" s="1"/>
  <c r="A169370" i="1" s="1"/>
  <c r="A169371" i="1" s="1"/>
  <c r="A169372" i="1" s="1"/>
  <c r="A169373" i="1" s="1"/>
  <c r="A169374" i="1" s="1"/>
  <c r="A169375" i="1" s="1"/>
  <c r="A169376" i="1" s="1"/>
  <c r="A169377" i="1" s="1"/>
  <c r="A169378" i="1" s="1"/>
  <c r="A169379" i="1" s="1"/>
  <c r="A169380" i="1" s="1"/>
  <c r="A169381" i="1" s="1"/>
  <c r="A169382" i="1" s="1"/>
  <c r="A169383" i="1" s="1"/>
  <c r="A169384" i="1" s="1"/>
  <c r="A169385" i="1" s="1"/>
  <c r="A169386" i="1" s="1"/>
  <c r="A169387" i="1" s="1"/>
  <c r="A169388" i="1" s="1"/>
  <c r="A169389" i="1" s="1"/>
  <c r="A169390" i="1" s="1"/>
  <c r="A169391" i="1" s="1"/>
  <c r="A169392" i="1" s="1"/>
  <c r="A169393" i="1" s="1"/>
  <c r="A169394" i="1" s="1"/>
  <c r="A169395" i="1" s="1"/>
  <c r="A169396" i="1" s="1"/>
  <c r="A169397" i="1" s="1"/>
  <c r="A169398" i="1" s="1"/>
  <c r="A169399" i="1" s="1"/>
  <c r="A169400" i="1" s="1"/>
  <c r="A169401" i="1" s="1"/>
  <c r="A169402" i="1" s="1"/>
  <c r="A169403" i="1" s="1"/>
  <c r="A169404" i="1" s="1"/>
  <c r="A169405" i="1" s="1"/>
  <c r="A169406" i="1" s="1"/>
  <c r="A169407" i="1" s="1"/>
  <c r="A169408" i="1" s="1"/>
  <c r="A169409" i="1" s="1"/>
  <c r="A169410" i="1" s="1"/>
  <c r="A169411" i="1" s="1"/>
  <c r="A169412" i="1" s="1"/>
  <c r="A169413" i="1" s="1"/>
  <c r="A169414" i="1" s="1"/>
  <c r="A169415" i="1" s="1"/>
  <c r="A169416" i="1" s="1"/>
  <c r="A169417" i="1" s="1"/>
  <c r="A169418" i="1" s="1"/>
  <c r="A169419" i="1" s="1"/>
  <c r="A169420" i="1" s="1"/>
  <c r="A169421" i="1" s="1"/>
  <c r="A169422" i="1" s="1"/>
  <c r="A169423" i="1" s="1"/>
  <c r="A169424" i="1" s="1"/>
  <c r="A169425" i="1" s="1"/>
  <c r="A169426" i="1" s="1"/>
  <c r="A169427" i="1" s="1"/>
  <c r="A169428" i="1" s="1"/>
  <c r="A169429" i="1" s="1"/>
  <c r="A169430" i="1" s="1"/>
  <c r="A169431" i="1" s="1"/>
  <c r="A169432" i="1" s="1"/>
  <c r="A169433" i="1" s="1"/>
  <c r="A169434" i="1" s="1"/>
  <c r="A169435" i="1" s="1"/>
  <c r="A169436" i="1" s="1"/>
  <c r="A169437" i="1" s="1"/>
  <c r="A169438" i="1" s="1"/>
  <c r="A169439" i="1" s="1"/>
  <c r="A169440" i="1" s="1"/>
  <c r="A169441" i="1" s="1"/>
  <c r="A169442" i="1" s="1"/>
  <c r="A169443" i="1" s="1"/>
  <c r="A169444" i="1" s="1"/>
  <c r="A169445" i="1" s="1"/>
  <c r="A169446" i="1" s="1"/>
  <c r="A169447" i="1" s="1"/>
  <c r="A169448" i="1" s="1"/>
  <c r="A169449" i="1" s="1"/>
  <c r="A169450" i="1" s="1"/>
  <c r="A169451" i="1" s="1"/>
  <c r="A169452" i="1" s="1"/>
  <c r="A169453" i="1" s="1"/>
  <c r="A169454" i="1" s="1"/>
  <c r="A169455" i="1" s="1"/>
  <c r="A169456" i="1" s="1"/>
  <c r="A169457" i="1" s="1"/>
  <c r="A169458" i="1" s="1"/>
  <c r="A169459" i="1" s="1"/>
  <c r="A169460" i="1" s="1"/>
  <c r="A169461" i="1" s="1"/>
  <c r="A169462" i="1" s="1"/>
  <c r="A169463" i="1" s="1"/>
  <c r="A169464" i="1" s="1"/>
  <c r="A169465" i="1" s="1"/>
  <c r="A169466" i="1" s="1"/>
  <c r="A169467" i="1" s="1"/>
  <c r="A169468" i="1" s="1"/>
  <c r="A169469" i="1" s="1"/>
  <c r="A169470" i="1" s="1"/>
  <c r="A169471" i="1" s="1"/>
  <c r="A169472" i="1" s="1"/>
  <c r="A169473" i="1" s="1"/>
  <c r="A169474" i="1" s="1"/>
  <c r="A169475" i="1" s="1"/>
  <c r="A169476" i="1" s="1"/>
  <c r="A169477" i="1" s="1"/>
  <c r="A169478" i="1" s="1"/>
  <c r="A169479" i="1" s="1"/>
  <c r="A169480" i="1" s="1"/>
  <c r="A169481" i="1" s="1"/>
  <c r="A169482" i="1" s="1"/>
  <c r="A169483" i="1" s="1"/>
  <c r="A169484" i="1" s="1"/>
  <c r="A169485" i="1" s="1"/>
  <c r="A169486" i="1" s="1"/>
  <c r="A169487" i="1" s="1"/>
  <c r="A169488" i="1" s="1"/>
  <c r="A169489" i="1" s="1"/>
  <c r="A169490" i="1" s="1"/>
  <c r="A169491" i="1" s="1"/>
  <c r="A169492" i="1" s="1"/>
  <c r="A169493" i="1" s="1"/>
  <c r="A169494" i="1" s="1"/>
  <c r="A169495" i="1" s="1"/>
  <c r="A169496" i="1" s="1"/>
  <c r="A169497" i="1" s="1"/>
  <c r="A169498" i="1" s="1"/>
  <c r="A169499" i="1" s="1"/>
  <c r="A169500" i="1" s="1"/>
  <c r="A169501" i="1" s="1"/>
  <c r="A169502" i="1" s="1"/>
  <c r="A169503" i="1" s="1"/>
  <c r="A169504" i="1" s="1"/>
  <c r="A169505" i="1" s="1"/>
  <c r="A169506" i="1" s="1"/>
  <c r="A169507" i="1" s="1"/>
  <c r="A169508" i="1" s="1"/>
  <c r="A169509" i="1" s="1"/>
  <c r="A169510" i="1" s="1"/>
  <c r="A169511" i="1" s="1"/>
  <c r="A169512" i="1" s="1"/>
  <c r="A169513" i="1" s="1"/>
  <c r="A169514" i="1" s="1"/>
  <c r="A169515" i="1" s="1"/>
  <c r="A169516" i="1" s="1"/>
  <c r="A169517" i="1" s="1"/>
  <c r="A169518" i="1" s="1"/>
  <c r="A169519" i="1" s="1"/>
  <c r="A169520" i="1" s="1"/>
  <c r="A169521" i="1" s="1"/>
  <c r="A169522" i="1" s="1"/>
  <c r="A169523" i="1" s="1"/>
  <c r="A169524" i="1" s="1"/>
  <c r="A169525" i="1" s="1"/>
  <c r="A169526" i="1" s="1"/>
  <c r="A169527" i="1" s="1"/>
  <c r="A169528" i="1" s="1"/>
  <c r="A169529" i="1" s="1"/>
  <c r="A169530" i="1" s="1"/>
  <c r="A169531" i="1" s="1"/>
  <c r="A169532" i="1" s="1"/>
  <c r="A169533" i="1" s="1"/>
  <c r="A169534" i="1" s="1"/>
  <c r="A169535" i="1" s="1"/>
  <c r="A169536" i="1" s="1"/>
  <c r="A169537" i="1" s="1"/>
  <c r="A169538" i="1" s="1"/>
  <c r="A169539" i="1" s="1"/>
  <c r="A169540" i="1" s="1"/>
  <c r="A169541" i="1" s="1"/>
  <c r="A169542" i="1" s="1"/>
  <c r="A169543" i="1" s="1"/>
  <c r="A169544" i="1" s="1"/>
  <c r="A169545" i="1" s="1"/>
  <c r="A169546" i="1" s="1"/>
  <c r="A169547" i="1" s="1"/>
  <c r="A169548" i="1" s="1"/>
  <c r="A169549" i="1" s="1"/>
  <c r="A169550" i="1" s="1"/>
  <c r="A169551" i="1" s="1"/>
  <c r="A169552" i="1" s="1"/>
  <c r="A169553" i="1" s="1"/>
  <c r="A169554" i="1" s="1"/>
  <c r="A169555" i="1" s="1"/>
  <c r="A169556" i="1" s="1"/>
  <c r="A169557" i="1" s="1"/>
  <c r="A169558" i="1" s="1"/>
  <c r="A169559" i="1" s="1"/>
  <c r="A169560" i="1" s="1"/>
  <c r="A169561" i="1" s="1"/>
  <c r="A169562" i="1" s="1"/>
  <c r="A169563" i="1" s="1"/>
  <c r="A169564" i="1" s="1"/>
  <c r="A169565" i="1" s="1"/>
  <c r="A169566" i="1" s="1"/>
  <c r="A169567" i="1" s="1"/>
  <c r="A169568" i="1" s="1"/>
  <c r="A169569" i="1" s="1"/>
  <c r="A169570" i="1" s="1"/>
  <c r="A169571" i="1" s="1"/>
  <c r="A169572" i="1" s="1"/>
  <c r="A169573" i="1" s="1"/>
  <c r="A169574" i="1" s="1"/>
  <c r="A169575" i="1" s="1"/>
  <c r="A169576" i="1" s="1"/>
  <c r="A169577" i="1" s="1"/>
  <c r="A169578" i="1" s="1"/>
  <c r="A169579" i="1" s="1"/>
  <c r="A169580" i="1" s="1"/>
  <c r="A169581" i="1" s="1"/>
  <c r="A169582" i="1" s="1"/>
  <c r="A169583" i="1" s="1"/>
  <c r="A169584" i="1" s="1"/>
  <c r="A169585" i="1" s="1"/>
  <c r="A169586" i="1" s="1"/>
  <c r="A169587" i="1" s="1"/>
  <c r="A169588" i="1" s="1"/>
  <c r="A169589" i="1" s="1"/>
  <c r="A169590" i="1" s="1"/>
  <c r="A169591" i="1" s="1"/>
  <c r="A169592" i="1" s="1"/>
  <c r="A169593" i="1" s="1"/>
  <c r="A169594" i="1" s="1"/>
  <c r="A169595" i="1" s="1"/>
  <c r="A169596" i="1" s="1"/>
  <c r="A169597" i="1" s="1"/>
  <c r="A169598" i="1" s="1"/>
  <c r="A169599" i="1" s="1"/>
  <c r="A169600" i="1" s="1"/>
  <c r="A169601" i="1" s="1"/>
  <c r="A169602" i="1" s="1"/>
  <c r="A169603" i="1" s="1"/>
  <c r="A169604" i="1" s="1"/>
  <c r="A169605" i="1" s="1"/>
  <c r="A169606" i="1" s="1"/>
  <c r="A169607" i="1" s="1"/>
  <c r="A169608" i="1" s="1"/>
  <c r="A169609" i="1" s="1"/>
  <c r="A169610" i="1" s="1"/>
  <c r="A169611" i="1" s="1"/>
  <c r="A169612" i="1" s="1"/>
  <c r="A169613" i="1" s="1"/>
  <c r="A169614" i="1" s="1"/>
  <c r="A169615" i="1" s="1"/>
  <c r="A169616" i="1" s="1"/>
  <c r="A169617" i="1" s="1"/>
  <c r="A169618" i="1" s="1"/>
  <c r="A169619" i="1" s="1"/>
  <c r="A169620" i="1" s="1"/>
  <c r="A169621" i="1" s="1"/>
  <c r="A169622" i="1" s="1"/>
  <c r="A169623" i="1" s="1"/>
  <c r="A169624" i="1" s="1"/>
  <c r="A169625" i="1" s="1"/>
  <c r="A169626" i="1" s="1"/>
  <c r="A169627" i="1" s="1"/>
  <c r="A169628" i="1" s="1"/>
  <c r="A169629" i="1" s="1"/>
  <c r="A169630" i="1" s="1"/>
  <c r="A169631" i="1" s="1"/>
  <c r="A169632" i="1" s="1"/>
  <c r="A169633" i="1" s="1"/>
  <c r="A169634" i="1" s="1"/>
  <c r="A169635" i="1" s="1"/>
  <c r="A169636" i="1" s="1"/>
  <c r="A169637" i="1" s="1"/>
  <c r="A169638" i="1" s="1"/>
  <c r="A169639" i="1" s="1"/>
  <c r="A169640" i="1" s="1"/>
  <c r="A169641" i="1" s="1"/>
  <c r="A169642" i="1" s="1"/>
  <c r="A169643" i="1" s="1"/>
  <c r="A169644" i="1" s="1"/>
  <c r="A169645" i="1" s="1"/>
  <c r="A169646" i="1" s="1"/>
  <c r="A169647" i="1" s="1"/>
  <c r="A169648" i="1" s="1"/>
  <c r="A169649" i="1" s="1"/>
  <c r="A169650" i="1" s="1"/>
  <c r="A169651" i="1" s="1"/>
  <c r="A169652" i="1" s="1"/>
  <c r="A169653" i="1" s="1"/>
  <c r="A169654" i="1" s="1"/>
  <c r="A169655" i="1" s="1"/>
  <c r="A169656" i="1" s="1"/>
  <c r="A169657" i="1" s="1"/>
  <c r="A169658" i="1" s="1"/>
  <c r="A169659" i="1" s="1"/>
  <c r="A169660" i="1" s="1"/>
  <c r="A169661" i="1" s="1"/>
  <c r="A169662" i="1" s="1"/>
  <c r="A169663" i="1" s="1"/>
  <c r="A169664" i="1" s="1"/>
  <c r="A169665" i="1" s="1"/>
  <c r="A169666" i="1" s="1"/>
  <c r="A169667" i="1" s="1"/>
  <c r="A169668" i="1" s="1"/>
  <c r="A169669" i="1" s="1"/>
  <c r="A169670" i="1" s="1"/>
  <c r="A169671" i="1" s="1"/>
  <c r="A169672" i="1" s="1"/>
  <c r="A169673" i="1" s="1"/>
  <c r="A169674" i="1" s="1"/>
  <c r="A169675" i="1" s="1"/>
  <c r="A169676" i="1" s="1"/>
  <c r="A169677" i="1" s="1"/>
  <c r="A169678" i="1" s="1"/>
  <c r="A169679" i="1" s="1"/>
  <c r="A169680" i="1" s="1"/>
  <c r="A169681" i="1" s="1"/>
  <c r="A169682" i="1" s="1"/>
  <c r="A169683" i="1" s="1"/>
  <c r="A169684" i="1" s="1"/>
  <c r="A169685" i="1" s="1"/>
  <c r="A169686" i="1" s="1"/>
  <c r="A169687" i="1" s="1"/>
  <c r="A169688" i="1" s="1"/>
  <c r="A169689" i="1" s="1"/>
  <c r="A169690" i="1" s="1"/>
  <c r="A169691" i="1" s="1"/>
  <c r="A169692" i="1" s="1"/>
  <c r="A169693" i="1" s="1"/>
  <c r="A169694" i="1" s="1"/>
  <c r="A169695" i="1" s="1"/>
  <c r="A169696" i="1" s="1"/>
  <c r="A169697" i="1" s="1"/>
  <c r="A169698" i="1" s="1"/>
  <c r="A169699" i="1" s="1"/>
  <c r="A169700" i="1" s="1"/>
  <c r="A169701" i="1" s="1"/>
  <c r="A169702" i="1" s="1"/>
  <c r="A169703" i="1" s="1"/>
  <c r="A169704" i="1" s="1"/>
  <c r="A169705" i="1" s="1"/>
  <c r="A169706" i="1" s="1"/>
  <c r="A169707" i="1" s="1"/>
  <c r="A169708" i="1" s="1"/>
  <c r="A169709" i="1" s="1"/>
  <c r="A169710" i="1" s="1"/>
  <c r="A169711" i="1" s="1"/>
  <c r="A169712" i="1" s="1"/>
  <c r="A169713" i="1" s="1"/>
  <c r="A169714" i="1" s="1"/>
  <c r="A169715" i="1" s="1"/>
  <c r="A169716" i="1" s="1"/>
  <c r="A169717" i="1" s="1"/>
  <c r="A169718" i="1" s="1"/>
  <c r="A169719" i="1" s="1"/>
  <c r="A169720" i="1" s="1"/>
  <c r="A169721" i="1" s="1"/>
  <c r="A169722" i="1" s="1"/>
  <c r="A169723" i="1" s="1"/>
  <c r="A169724" i="1" s="1"/>
  <c r="A169725" i="1" s="1"/>
  <c r="A169726" i="1" s="1"/>
  <c r="A169727" i="1" s="1"/>
  <c r="A169728" i="1" s="1"/>
  <c r="A169729" i="1" s="1"/>
  <c r="A169730" i="1" s="1"/>
  <c r="A169731" i="1" s="1"/>
  <c r="A169732" i="1" s="1"/>
  <c r="A169733" i="1" s="1"/>
  <c r="A169734" i="1" s="1"/>
  <c r="A169735" i="1" s="1"/>
  <c r="A169736" i="1" s="1"/>
  <c r="A169737" i="1" s="1"/>
  <c r="A169738" i="1" s="1"/>
  <c r="A169739" i="1" s="1"/>
  <c r="A169740" i="1" s="1"/>
  <c r="A169741" i="1" s="1"/>
  <c r="A169742" i="1" s="1"/>
  <c r="A169743" i="1" s="1"/>
  <c r="A169744" i="1" s="1"/>
  <c r="A169745" i="1" s="1"/>
  <c r="A169746" i="1" s="1"/>
  <c r="A169747" i="1" s="1"/>
  <c r="A169748" i="1" s="1"/>
  <c r="A169749" i="1" s="1"/>
  <c r="A169750" i="1" s="1"/>
  <c r="A169751" i="1" s="1"/>
  <c r="A169752" i="1" s="1"/>
  <c r="A169753" i="1" s="1"/>
  <c r="A169754" i="1" s="1"/>
  <c r="A169755" i="1" s="1"/>
  <c r="A169756" i="1" s="1"/>
  <c r="A169757" i="1" s="1"/>
  <c r="A169758" i="1" s="1"/>
  <c r="A169759" i="1" s="1"/>
  <c r="A169760" i="1" s="1"/>
  <c r="A169761" i="1" s="1"/>
  <c r="A169762" i="1" s="1"/>
  <c r="A169763" i="1" s="1"/>
  <c r="A169764" i="1" s="1"/>
  <c r="A169765" i="1" s="1"/>
  <c r="A169766" i="1" s="1"/>
  <c r="A169767" i="1" s="1"/>
  <c r="A169768" i="1" s="1"/>
  <c r="A169769" i="1" s="1"/>
  <c r="A169770" i="1" s="1"/>
  <c r="A169771" i="1" s="1"/>
  <c r="A169772" i="1" s="1"/>
  <c r="A169773" i="1" s="1"/>
  <c r="A169774" i="1" s="1"/>
  <c r="A169775" i="1" s="1"/>
  <c r="A169776" i="1" s="1"/>
  <c r="A169777" i="1" s="1"/>
  <c r="A169778" i="1" s="1"/>
  <c r="A169779" i="1" s="1"/>
  <c r="A169780" i="1" s="1"/>
  <c r="A169781" i="1" s="1"/>
  <c r="A169782" i="1" s="1"/>
  <c r="A169783" i="1" s="1"/>
  <c r="A169784" i="1" s="1"/>
  <c r="A169785" i="1" s="1"/>
  <c r="A169786" i="1" s="1"/>
  <c r="A169787" i="1" s="1"/>
  <c r="A169788" i="1" s="1"/>
  <c r="A169789" i="1" s="1"/>
  <c r="A169790" i="1" s="1"/>
  <c r="A169791" i="1" s="1"/>
  <c r="A169792" i="1" s="1"/>
  <c r="A169793" i="1" s="1"/>
  <c r="A169794" i="1" s="1"/>
  <c r="A169795" i="1" s="1"/>
  <c r="A169796" i="1" s="1"/>
  <c r="A169797" i="1" s="1"/>
  <c r="A169798" i="1" s="1"/>
  <c r="A169799" i="1" s="1"/>
  <c r="A169800" i="1" s="1"/>
  <c r="A169801" i="1" s="1"/>
  <c r="A169802" i="1" s="1"/>
  <c r="A169803" i="1" s="1"/>
  <c r="A169804" i="1" s="1"/>
  <c r="A169805" i="1" s="1"/>
  <c r="A169806" i="1" s="1"/>
  <c r="A169807" i="1" s="1"/>
  <c r="A169808" i="1" s="1"/>
  <c r="A169809" i="1" s="1"/>
  <c r="A169810" i="1" s="1"/>
  <c r="A169811" i="1" s="1"/>
  <c r="A169812" i="1" s="1"/>
  <c r="A169813" i="1" s="1"/>
  <c r="A169814" i="1" s="1"/>
  <c r="A169815" i="1" s="1"/>
  <c r="A169816" i="1" s="1"/>
  <c r="A169817" i="1" s="1"/>
  <c r="A169818" i="1" s="1"/>
  <c r="A169819" i="1" s="1"/>
  <c r="A169820" i="1" s="1"/>
  <c r="A169821" i="1" s="1"/>
  <c r="A169822" i="1" s="1"/>
  <c r="A169823" i="1" s="1"/>
  <c r="A169824" i="1" s="1"/>
  <c r="A169825" i="1" s="1"/>
  <c r="A169826" i="1" s="1"/>
  <c r="A169827" i="1" s="1"/>
  <c r="A169828" i="1" s="1"/>
  <c r="A169829" i="1" s="1"/>
  <c r="A169830" i="1" s="1"/>
  <c r="A169831" i="1" s="1"/>
  <c r="A169832" i="1" s="1"/>
  <c r="A169833" i="1" s="1"/>
  <c r="A169834" i="1" s="1"/>
  <c r="A169835" i="1" s="1"/>
  <c r="A169836" i="1" s="1"/>
  <c r="A169837" i="1" s="1"/>
  <c r="A169838" i="1" s="1"/>
  <c r="A169839" i="1" s="1"/>
  <c r="A169840" i="1" s="1"/>
  <c r="A169841" i="1" s="1"/>
  <c r="A169842" i="1" s="1"/>
  <c r="A169843" i="1" s="1"/>
  <c r="A169844" i="1" s="1"/>
  <c r="A169845" i="1" s="1"/>
  <c r="A169846" i="1" s="1"/>
  <c r="A169847" i="1" s="1"/>
  <c r="A169848" i="1" s="1"/>
  <c r="A169849" i="1" s="1"/>
  <c r="A169850" i="1" s="1"/>
  <c r="A169851" i="1" s="1"/>
  <c r="A169852" i="1" s="1"/>
  <c r="A169853" i="1" s="1"/>
  <c r="A169854" i="1" s="1"/>
  <c r="A169855" i="1" s="1"/>
  <c r="A169856" i="1" s="1"/>
  <c r="A169857" i="1" s="1"/>
  <c r="A169858" i="1" s="1"/>
  <c r="A169859" i="1" s="1"/>
  <c r="A169860" i="1" s="1"/>
  <c r="A169861" i="1" s="1"/>
  <c r="A169862" i="1" s="1"/>
  <c r="A169863" i="1" s="1"/>
  <c r="A169864" i="1" s="1"/>
  <c r="A169865" i="1" s="1"/>
  <c r="A169866" i="1" s="1"/>
  <c r="A169867" i="1" s="1"/>
  <c r="A169868" i="1" s="1"/>
  <c r="A169869" i="1" s="1"/>
  <c r="A169870" i="1" s="1"/>
  <c r="A169871" i="1" s="1"/>
  <c r="A169872" i="1" s="1"/>
  <c r="A169873" i="1" s="1"/>
  <c r="A169874" i="1" s="1"/>
  <c r="A169875" i="1" s="1"/>
  <c r="A169876" i="1" s="1"/>
  <c r="A169877" i="1" s="1"/>
  <c r="A169878" i="1" s="1"/>
  <c r="A169879" i="1" s="1"/>
  <c r="A169880" i="1" s="1"/>
  <c r="A169881" i="1" s="1"/>
  <c r="A169882" i="1" s="1"/>
  <c r="A169883" i="1" s="1"/>
  <c r="A169884" i="1" s="1"/>
  <c r="A169885" i="1" s="1"/>
  <c r="A169886" i="1" s="1"/>
  <c r="A169887" i="1" s="1"/>
  <c r="A169888" i="1" s="1"/>
  <c r="A169889" i="1" s="1"/>
  <c r="A169890" i="1" s="1"/>
  <c r="A169891" i="1" s="1"/>
  <c r="A169892" i="1" s="1"/>
  <c r="A169893" i="1" s="1"/>
  <c r="A169894" i="1" s="1"/>
  <c r="A169895" i="1" s="1"/>
  <c r="A169896" i="1" s="1"/>
  <c r="A169897" i="1" s="1"/>
  <c r="A169898" i="1" s="1"/>
  <c r="A169899" i="1" s="1"/>
  <c r="A169900" i="1" s="1"/>
  <c r="A169901" i="1" s="1"/>
  <c r="A169902" i="1" s="1"/>
  <c r="A169903" i="1" s="1"/>
  <c r="A169904" i="1" s="1"/>
  <c r="A169905" i="1" s="1"/>
  <c r="A169906" i="1" s="1"/>
  <c r="A169907" i="1" s="1"/>
  <c r="A169908" i="1" s="1"/>
  <c r="A169909" i="1" s="1"/>
  <c r="A169910" i="1" s="1"/>
  <c r="A169911" i="1" s="1"/>
  <c r="A169912" i="1" s="1"/>
  <c r="A169913" i="1" s="1"/>
  <c r="A169914" i="1" s="1"/>
  <c r="A169915" i="1" s="1"/>
  <c r="A169916" i="1" s="1"/>
  <c r="A169917" i="1" s="1"/>
  <c r="A169918" i="1" s="1"/>
  <c r="A169919" i="1" s="1"/>
  <c r="A169920" i="1" s="1"/>
  <c r="A169921" i="1" s="1"/>
  <c r="A169922" i="1" s="1"/>
  <c r="A169923" i="1" s="1"/>
  <c r="A169924" i="1" s="1"/>
  <c r="A169925" i="1" s="1"/>
  <c r="A169926" i="1" s="1"/>
  <c r="A169927" i="1" s="1"/>
  <c r="A169928" i="1" s="1"/>
  <c r="A169929" i="1" s="1"/>
  <c r="A169930" i="1" s="1"/>
  <c r="A169931" i="1" s="1"/>
  <c r="A169932" i="1" s="1"/>
  <c r="A169933" i="1" s="1"/>
  <c r="A169934" i="1" s="1"/>
  <c r="A169935" i="1" s="1"/>
  <c r="A169936" i="1" s="1"/>
  <c r="A169937" i="1" s="1"/>
  <c r="A169938" i="1" s="1"/>
  <c r="A169939" i="1" s="1"/>
  <c r="A169940" i="1" s="1"/>
  <c r="A169941" i="1" s="1"/>
  <c r="A169942" i="1" s="1"/>
  <c r="A169943" i="1" s="1"/>
  <c r="A169944" i="1" s="1"/>
  <c r="A169945" i="1" s="1"/>
  <c r="A169946" i="1" s="1"/>
  <c r="A169947" i="1" s="1"/>
  <c r="A169948" i="1" s="1"/>
  <c r="A169949" i="1" s="1"/>
  <c r="A169950" i="1" s="1"/>
  <c r="A169951" i="1" s="1"/>
  <c r="A169952" i="1" s="1"/>
  <c r="A169953" i="1" s="1"/>
  <c r="A169954" i="1" s="1"/>
  <c r="A169955" i="1" s="1"/>
  <c r="A169956" i="1" s="1"/>
  <c r="A169957" i="1" s="1"/>
  <c r="A169958" i="1" s="1"/>
  <c r="A169959" i="1" s="1"/>
  <c r="A169960" i="1" s="1"/>
  <c r="A169961" i="1" s="1"/>
  <c r="A169962" i="1" s="1"/>
  <c r="A169963" i="1" s="1"/>
  <c r="A169964" i="1" s="1"/>
  <c r="A169965" i="1" s="1"/>
  <c r="A169966" i="1" s="1"/>
  <c r="A169967" i="1" s="1"/>
  <c r="A169968" i="1" s="1"/>
  <c r="A169969" i="1" s="1"/>
  <c r="A169970" i="1" s="1"/>
  <c r="A169971" i="1" s="1"/>
  <c r="A169972" i="1" s="1"/>
  <c r="A169973" i="1" s="1"/>
  <c r="A169974" i="1" s="1"/>
  <c r="A169975" i="1" s="1"/>
  <c r="A169976" i="1" s="1"/>
  <c r="A169977" i="1" s="1"/>
  <c r="A169978" i="1" s="1"/>
  <c r="A169979" i="1" s="1"/>
  <c r="A169980" i="1" s="1"/>
  <c r="A169981" i="1" s="1"/>
  <c r="A169982" i="1" s="1"/>
  <c r="A169983" i="1" s="1"/>
  <c r="A169984" i="1" s="1"/>
  <c r="A169985" i="1" s="1"/>
  <c r="A169986" i="1" s="1"/>
  <c r="A169987" i="1" s="1"/>
  <c r="A169988" i="1" s="1"/>
  <c r="A169989" i="1" s="1"/>
  <c r="A169990" i="1" s="1"/>
  <c r="A169991" i="1" s="1"/>
  <c r="A169992" i="1" s="1"/>
  <c r="A169993" i="1" s="1"/>
  <c r="A169994" i="1" s="1"/>
  <c r="A169995" i="1" s="1"/>
  <c r="A169996" i="1" s="1"/>
  <c r="A169997" i="1" s="1"/>
  <c r="A169998" i="1" s="1"/>
  <c r="A169999" i="1" s="1"/>
  <c r="A170000" i="1" s="1"/>
  <c r="A170001" i="1" s="1"/>
  <c r="A170002" i="1" s="1"/>
  <c r="A170003" i="1" s="1"/>
  <c r="A170004" i="1" s="1"/>
  <c r="A170005" i="1" s="1"/>
  <c r="A170006" i="1" s="1"/>
  <c r="A170007" i="1" s="1"/>
  <c r="A170008" i="1" s="1"/>
  <c r="A170009" i="1" s="1"/>
  <c r="A170010" i="1" s="1"/>
  <c r="A170011" i="1" s="1"/>
  <c r="A170012" i="1" s="1"/>
  <c r="A170013" i="1" s="1"/>
  <c r="A170014" i="1" s="1"/>
  <c r="A170015" i="1" s="1"/>
  <c r="A170016" i="1" s="1"/>
  <c r="A170017" i="1" s="1"/>
  <c r="A170018" i="1" s="1"/>
  <c r="A170019" i="1" s="1"/>
  <c r="A170020" i="1" s="1"/>
  <c r="A170021" i="1" s="1"/>
  <c r="A170022" i="1" s="1"/>
  <c r="A170023" i="1" s="1"/>
  <c r="A170024" i="1" s="1"/>
  <c r="A170025" i="1" s="1"/>
  <c r="A170026" i="1" s="1"/>
  <c r="A170027" i="1" s="1"/>
  <c r="A170028" i="1" s="1"/>
  <c r="A170029" i="1" s="1"/>
  <c r="A170030" i="1" s="1"/>
  <c r="A170031" i="1" s="1"/>
  <c r="A170032" i="1" s="1"/>
  <c r="A170033" i="1" s="1"/>
  <c r="A170034" i="1" s="1"/>
  <c r="A170035" i="1" s="1"/>
  <c r="A170036" i="1" s="1"/>
  <c r="A170037" i="1" s="1"/>
  <c r="A170038" i="1" s="1"/>
  <c r="A170039" i="1" s="1"/>
  <c r="A170040" i="1" s="1"/>
  <c r="A170041" i="1" s="1"/>
  <c r="A170042" i="1" s="1"/>
  <c r="A170043" i="1" s="1"/>
  <c r="A170044" i="1" s="1"/>
  <c r="A170045" i="1" s="1"/>
  <c r="A170046" i="1" s="1"/>
  <c r="A170047" i="1" s="1"/>
  <c r="A170048" i="1" s="1"/>
  <c r="A170049" i="1" s="1"/>
  <c r="A170050" i="1" s="1"/>
  <c r="A170051" i="1" s="1"/>
  <c r="A170052" i="1" s="1"/>
  <c r="A170053" i="1" s="1"/>
  <c r="A170054" i="1" s="1"/>
  <c r="A170055" i="1" s="1"/>
  <c r="A170056" i="1" s="1"/>
  <c r="A170057" i="1" s="1"/>
  <c r="A170058" i="1" s="1"/>
  <c r="A170059" i="1" s="1"/>
  <c r="A170060" i="1" s="1"/>
  <c r="A170061" i="1" s="1"/>
  <c r="A170062" i="1" s="1"/>
  <c r="A170063" i="1" s="1"/>
  <c r="A170064" i="1" s="1"/>
  <c r="A170065" i="1" s="1"/>
  <c r="A170066" i="1" s="1"/>
  <c r="A170067" i="1" s="1"/>
  <c r="A170068" i="1" s="1"/>
  <c r="A170069" i="1" s="1"/>
  <c r="A170070" i="1" s="1"/>
  <c r="A170071" i="1" s="1"/>
  <c r="A170072" i="1" s="1"/>
  <c r="A170073" i="1" s="1"/>
  <c r="A170074" i="1" s="1"/>
  <c r="A170075" i="1" s="1"/>
  <c r="A170076" i="1" s="1"/>
  <c r="A170077" i="1" s="1"/>
  <c r="A170078" i="1" s="1"/>
  <c r="A170079" i="1" s="1"/>
  <c r="A170080" i="1" s="1"/>
  <c r="A170081" i="1" s="1"/>
  <c r="A170082" i="1" s="1"/>
  <c r="A170083" i="1" s="1"/>
  <c r="A170084" i="1" s="1"/>
  <c r="A170085" i="1" s="1"/>
  <c r="A170086" i="1" s="1"/>
  <c r="A170087" i="1" s="1"/>
  <c r="A170088" i="1" s="1"/>
  <c r="A170089" i="1" s="1"/>
  <c r="A170090" i="1" s="1"/>
  <c r="A170091" i="1" s="1"/>
  <c r="A170092" i="1" s="1"/>
  <c r="A170093" i="1" s="1"/>
  <c r="A170094" i="1" s="1"/>
  <c r="A170095" i="1" s="1"/>
  <c r="A170096" i="1" s="1"/>
  <c r="A170097" i="1" s="1"/>
  <c r="A170098" i="1" s="1"/>
  <c r="A170099" i="1" s="1"/>
  <c r="A170100" i="1" s="1"/>
  <c r="A170101" i="1" s="1"/>
  <c r="A170102" i="1" s="1"/>
  <c r="A170103" i="1" s="1"/>
  <c r="A170104" i="1" s="1"/>
  <c r="A170105" i="1" s="1"/>
  <c r="A170106" i="1" s="1"/>
  <c r="A170107" i="1" s="1"/>
  <c r="A170108" i="1" s="1"/>
  <c r="A170109" i="1" s="1"/>
  <c r="A170110" i="1" s="1"/>
  <c r="A170111" i="1" s="1"/>
  <c r="A170112" i="1" s="1"/>
  <c r="A170113" i="1" s="1"/>
  <c r="A170114" i="1" s="1"/>
  <c r="A170115" i="1" s="1"/>
  <c r="A170116" i="1" s="1"/>
  <c r="A170117" i="1" s="1"/>
  <c r="A170118" i="1" s="1"/>
  <c r="A170119" i="1" s="1"/>
  <c r="A170120" i="1" s="1"/>
  <c r="A170121" i="1" s="1"/>
  <c r="A170122" i="1" s="1"/>
  <c r="A170123" i="1" s="1"/>
  <c r="A170124" i="1" s="1"/>
  <c r="A170125" i="1" s="1"/>
  <c r="A170126" i="1" s="1"/>
  <c r="A170127" i="1" s="1"/>
  <c r="A170128" i="1" s="1"/>
  <c r="A170129" i="1" s="1"/>
  <c r="A170130" i="1" s="1"/>
  <c r="A170131" i="1" s="1"/>
  <c r="A170132" i="1" s="1"/>
  <c r="A170133" i="1" s="1"/>
  <c r="A170134" i="1" s="1"/>
  <c r="A170135" i="1" s="1"/>
  <c r="A170136" i="1" s="1"/>
  <c r="A170137" i="1" s="1"/>
  <c r="A170138" i="1" s="1"/>
  <c r="A170139" i="1" s="1"/>
  <c r="A170140" i="1" s="1"/>
  <c r="A170141" i="1" s="1"/>
  <c r="A170142" i="1" s="1"/>
  <c r="A170143" i="1" s="1"/>
  <c r="A170144" i="1" s="1"/>
  <c r="A170145" i="1" s="1"/>
  <c r="A170146" i="1" s="1"/>
  <c r="A170147" i="1" s="1"/>
  <c r="A170148" i="1" s="1"/>
  <c r="A170149" i="1" s="1"/>
  <c r="A170150" i="1" s="1"/>
  <c r="A170151" i="1" s="1"/>
  <c r="A170152" i="1" s="1"/>
  <c r="A170153" i="1" s="1"/>
  <c r="A170154" i="1" s="1"/>
  <c r="A170155" i="1" s="1"/>
  <c r="A170156" i="1" s="1"/>
  <c r="A170157" i="1" s="1"/>
  <c r="A170158" i="1" s="1"/>
  <c r="A170159" i="1" s="1"/>
  <c r="A170160" i="1" s="1"/>
  <c r="A170161" i="1" s="1"/>
  <c r="A170162" i="1" s="1"/>
  <c r="A170163" i="1" s="1"/>
  <c r="A170164" i="1" s="1"/>
  <c r="A170165" i="1" s="1"/>
  <c r="A170166" i="1" s="1"/>
  <c r="A170167" i="1" s="1"/>
  <c r="A170168" i="1" s="1"/>
  <c r="A170169" i="1" s="1"/>
  <c r="A170170" i="1" s="1"/>
  <c r="A170171" i="1" s="1"/>
  <c r="A170172" i="1" s="1"/>
  <c r="A170173" i="1" s="1"/>
  <c r="A170174" i="1" s="1"/>
  <c r="A170175" i="1" s="1"/>
  <c r="A170176" i="1" s="1"/>
  <c r="A170177" i="1" s="1"/>
  <c r="A170178" i="1" s="1"/>
  <c r="A170179" i="1" s="1"/>
  <c r="A170180" i="1" s="1"/>
  <c r="A170181" i="1" s="1"/>
  <c r="A170182" i="1" s="1"/>
  <c r="A170183" i="1" s="1"/>
  <c r="A170184" i="1" s="1"/>
  <c r="A170185" i="1" s="1"/>
  <c r="A170186" i="1" s="1"/>
  <c r="A170187" i="1" s="1"/>
  <c r="A170188" i="1" s="1"/>
  <c r="A170189" i="1" s="1"/>
  <c r="A170190" i="1" s="1"/>
  <c r="A170191" i="1" s="1"/>
  <c r="A170192" i="1" s="1"/>
  <c r="A170193" i="1" s="1"/>
  <c r="A170194" i="1" s="1"/>
  <c r="A170195" i="1" s="1"/>
  <c r="A170196" i="1" s="1"/>
  <c r="A170197" i="1" s="1"/>
  <c r="A170198" i="1" s="1"/>
  <c r="A170199" i="1" s="1"/>
  <c r="A170200" i="1" s="1"/>
  <c r="A170201" i="1" s="1"/>
  <c r="A170202" i="1" s="1"/>
  <c r="A170203" i="1" s="1"/>
  <c r="A170204" i="1" s="1"/>
  <c r="A170205" i="1" s="1"/>
  <c r="A170206" i="1" s="1"/>
  <c r="A170207" i="1" s="1"/>
  <c r="A170208" i="1" s="1"/>
  <c r="A170209" i="1" s="1"/>
  <c r="A170210" i="1" s="1"/>
  <c r="A170211" i="1" s="1"/>
  <c r="A170212" i="1" s="1"/>
  <c r="A170213" i="1" s="1"/>
  <c r="A170214" i="1" s="1"/>
  <c r="A170215" i="1" s="1"/>
  <c r="A170216" i="1" s="1"/>
  <c r="A170217" i="1" s="1"/>
  <c r="A170218" i="1" s="1"/>
  <c r="A170219" i="1" s="1"/>
  <c r="A170220" i="1" s="1"/>
  <c r="A170221" i="1" s="1"/>
  <c r="A170222" i="1" s="1"/>
  <c r="A170223" i="1" s="1"/>
  <c r="A170224" i="1" s="1"/>
  <c r="A170225" i="1" s="1"/>
  <c r="A170226" i="1" s="1"/>
  <c r="A170227" i="1" s="1"/>
  <c r="A170228" i="1" s="1"/>
  <c r="A170229" i="1" s="1"/>
  <c r="A170230" i="1" s="1"/>
  <c r="A170231" i="1" s="1"/>
  <c r="A170232" i="1" s="1"/>
  <c r="A170233" i="1" s="1"/>
  <c r="A170234" i="1" s="1"/>
  <c r="A170235" i="1" s="1"/>
  <c r="A170236" i="1" s="1"/>
  <c r="A170237" i="1" s="1"/>
  <c r="A170238" i="1" s="1"/>
  <c r="A170239" i="1" s="1"/>
  <c r="A170240" i="1" s="1"/>
  <c r="A170241" i="1" s="1"/>
  <c r="A170242" i="1" s="1"/>
  <c r="A170243" i="1" s="1"/>
  <c r="A170244" i="1" s="1"/>
  <c r="A170245" i="1" s="1"/>
  <c r="A170246" i="1" s="1"/>
  <c r="A170247" i="1" s="1"/>
  <c r="A170248" i="1" s="1"/>
  <c r="A170249" i="1" s="1"/>
  <c r="A170250" i="1" s="1"/>
  <c r="A170251" i="1" s="1"/>
  <c r="A170252" i="1" s="1"/>
  <c r="A170253" i="1" s="1"/>
  <c r="A170254" i="1" s="1"/>
  <c r="A170255" i="1" s="1"/>
  <c r="A170256" i="1" s="1"/>
  <c r="A170257" i="1" s="1"/>
  <c r="A170258" i="1" s="1"/>
  <c r="A170259" i="1" s="1"/>
  <c r="A170260" i="1" s="1"/>
  <c r="A170261" i="1" s="1"/>
  <c r="A170262" i="1" s="1"/>
  <c r="A170263" i="1" s="1"/>
  <c r="A170264" i="1" s="1"/>
  <c r="A170265" i="1" s="1"/>
  <c r="A170266" i="1" s="1"/>
  <c r="A170267" i="1" s="1"/>
  <c r="A170268" i="1" s="1"/>
  <c r="A170269" i="1" s="1"/>
  <c r="A170270" i="1" s="1"/>
  <c r="A170271" i="1" s="1"/>
  <c r="A170272" i="1" s="1"/>
  <c r="A170273" i="1" s="1"/>
  <c r="A170274" i="1" s="1"/>
  <c r="A170275" i="1" s="1"/>
  <c r="A170276" i="1" s="1"/>
  <c r="A170277" i="1" s="1"/>
  <c r="A170278" i="1" s="1"/>
  <c r="A170279" i="1" s="1"/>
  <c r="A170280" i="1" s="1"/>
  <c r="A170281" i="1" s="1"/>
  <c r="A170282" i="1" s="1"/>
  <c r="A170283" i="1" s="1"/>
  <c r="A170284" i="1" s="1"/>
  <c r="A170285" i="1" s="1"/>
  <c r="A170286" i="1" s="1"/>
  <c r="A170287" i="1" s="1"/>
  <c r="A170288" i="1" s="1"/>
  <c r="A170289" i="1" s="1"/>
  <c r="A170290" i="1" s="1"/>
  <c r="A170291" i="1" s="1"/>
  <c r="A170292" i="1" s="1"/>
  <c r="A170293" i="1" s="1"/>
  <c r="A170294" i="1" s="1"/>
  <c r="A170295" i="1" s="1"/>
  <c r="A170296" i="1" s="1"/>
  <c r="A170297" i="1" s="1"/>
  <c r="A170298" i="1" s="1"/>
  <c r="A170299" i="1" s="1"/>
  <c r="A170300" i="1" s="1"/>
  <c r="A170301" i="1" s="1"/>
  <c r="A170302" i="1" s="1"/>
  <c r="A170303" i="1" s="1"/>
  <c r="A170304" i="1" s="1"/>
  <c r="A170305" i="1" s="1"/>
  <c r="A170306" i="1" s="1"/>
  <c r="A170307" i="1" s="1"/>
  <c r="A170308" i="1" s="1"/>
  <c r="A170309" i="1" s="1"/>
  <c r="A170310" i="1" s="1"/>
  <c r="A170311" i="1" s="1"/>
  <c r="A170312" i="1" s="1"/>
  <c r="A170313" i="1" s="1"/>
  <c r="A170314" i="1" s="1"/>
  <c r="A170315" i="1" s="1"/>
  <c r="A170316" i="1" s="1"/>
  <c r="A170317" i="1" s="1"/>
  <c r="A170318" i="1" s="1"/>
  <c r="A170319" i="1" s="1"/>
  <c r="A170320" i="1" s="1"/>
  <c r="A170321" i="1" s="1"/>
  <c r="A170322" i="1" s="1"/>
  <c r="A170323" i="1" s="1"/>
  <c r="A170324" i="1" s="1"/>
  <c r="A170325" i="1" s="1"/>
  <c r="A170326" i="1" s="1"/>
  <c r="A170327" i="1" s="1"/>
  <c r="A170328" i="1" s="1"/>
  <c r="A170329" i="1" s="1"/>
  <c r="A170330" i="1" s="1"/>
  <c r="A170331" i="1" s="1"/>
  <c r="A170332" i="1" s="1"/>
  <c r="A170333" i="1" s="1"/>
  <c r="A170334" i="1" s="1"/>
  <c r="A170335" i="1" s="1"/>
  <c r="A170336" i="1" s="1"/>
  <c r="A170337" i="1" s="1"/>
  <c r="A170338" i="1" s="1"/>
  <c r="A170339" i="1" s="1"/>
  <c r="A170340" i="1" s="1"/>
  <c r="A170341" i="1" s="1"/>
  <c r="A170342" i="1" s="1"/>
  <c r="A170343" i="1" s="1"/>
  <c r="A170344" i="1" s="1"/>
  <c r="A170345" i="1" s="1"/>
  <c r="A170346" i="1" s="1"/>
  <c r="A170347" i="1" s="1"/>
  <c r="A170348" i="1" s="1"/>
  <c r="A170349" i="1" s="1"/>
  <c r="A170350" i="1" s="1"/>
  <c r="A170351" i="1" s="1"/>
  <c r="A170352" i="1" s="1"/>
  <c r="A170353" i="1" s="1"/>
  <c r="A170354" i="1" s="1"/>
  <c r="A170355" i="1" s="1"/>
  <c r="A170356" i="1" s="1"/>
  <c r="A170357" i="1" s="1"/>
  <c r="A170358" i="1" s="1"/>
  <c r="A170359" i="1" s="1"/>
  <c r="A170360" i="1" s="1"/>
  <c r="A170361" i="1" s="1"/>
  <c r="A170362" i="1" s="1"/>
  <c r="A170363" i="1" s="1"/>
  <c r="A170364" i="1" s="1"/>
  <c r="A170365" i="1" s="1"/>
  <c r="A170366" i="1" s="1"/>
  <c r="A170367" i="1" s="1"/>
  <c r="A170368" i="1" s="1"/>
  <c r="A170369" i="1" s="1"/>
  <c r="A170370" i="1" s="1"/>
  <c r="A170371" i="1" s="1"/>
  <c r="A170372" i="1" s="1"/>
  <c r="A170373" i="1" s="1"/>
  <c r="A170374" i="1" s="1"/>
  <c r="A170375" i="1" s="1"/>
  <c r="A170376" i="1" s="1"/>
  <c r="A170377" i="1" s="1"/>
  <c r="A170378" i="1" s="1"/>
  <c r="A170379" i="1" s="1"/>
  <c r="A170380" i="1" s="1"/>
  <c r="A170381" i="1" s="1"/>
  <c r="A170382" i="1" s="1"/>
  <c r="A170383" i="1" s="1"/>
  <c r="A170384" i="1" s="1"/>
  <c r="A170385" i="1" s="1"/>
  <c r="A170386" i="1" s="1"/>
  <c r="A170387" i="1" s="1"/>
  <c r="A170388" i="1" s="1"/>
  <c r="A170389" i="1" s="1"/>
  <c r="A170390" i="1" s="1"/>
  <c r="A170391" i="1" s="1"/>
  <c r="A170392" i="1" s="1"/>
  <c r="A170393" i="1" s="1"/>
  <c r="A170394" i="1" s="1"/>
  <c r="A170395" i="1" s="1"/>
  <c r="A170396" i="1" s="1"/>
  <c r="A170397" i="1" s="1"/>
  <c r="A170398" i="1" s="1"/>
  <c r="A170399" i="1" s="1"/>
  <c r="A170400" i="1" s="1"/>
  <c r="A170401" i="1" s="1"/>
  <c r="A170402" i="1" s="1"/>
  <c r="A170403" i="1" s="1"/>
  <c r="A170404" i="1" s="1"/>
  <c r="A170405" i="1" s="1"/>
  <c r="A170406" i="1" s="1"/>
  <c r="A170407" i="1" s="1"/>
  <c r="A170408" i="1" s="1"/>
  <c r="A170409" i="1" s="1"/>
  <c r="A170410" i="1" s="1"/>
  <c r="A170411" i="1" s="1"/>
  <c r="A170412" i="1" s="1"/>
  <c r="A170413" i="1" s="1"/>
  <c r="A170414" i="1" s="1"/>
  <c r="A170415" i="1" s="1"/>
  <c r="A170416" i="1" s="1"/>
  <c r="A170417" i="1" s="1"/>
  <c r="A170418" i="1" s="1"/>
  <c r="A170419" i="1" s="1"/>
  <c r="A170420" i="1" s="1"/>
  <c r="A170421" i="1" s="1"/>
  <c r="A170422" i="1" s="1"/>
  <c r="A170423" i="1" s="1"/>
  <c r="A170424" i="1" s="1"/>
  <c r="A170425" i="1" s="1"/>
  <c r="A170426" i="1" s="1"/>
  <c r="A170427" i="1" s="1"/>
  <c r="A170428" i="1" s="1"/>
  <c r="A170429" i="1" s="1"/>
  <c r="A170430" i="1" s="1"/>
  <c r="A170431" i="1" s="1"/>
  <c r="A170432" i="1" s="1"/>
  <c r="A170433" i="1" s="1"/>
  <c r="A170434" i="1" s="1"/>
  <c r="A170435" i="1" s="1"/>
  <c r="A170436" i="1" s="1"/>
  <c r="A170437" i="1" s="1"/>
  <c r="A170438" i="1" s="1"/>
  <c r="A170439" i="1" s="1"/>
  <c r="A170440" i="1" s="1"/>
  <c r="A170441" i="1" s="1"/>
  <c r="A170442" i="1" s="1"/>
  <c r="A170443" i="1" s="1"/>
  <c r="A170444" i="1" s="1"/>
  <c r="A170445" i="1" s="1"/>
  <c r="A170446" i="1" s="1"/>
  <c r="A170447" i="1" s="1"/>
  <c r="A170448" i="1" s="1"/>
  <c r="A170449" i="1" s="1"/>
  <c r="A170450" i="1" s="1"/>
  <c r="A170451" i="1" s="1"/>
  <c r="A170452" i="1" s="1"/>
  <c r="A170453" i="1" s="1"/>
  <c r="A170454" i="1" s="1"/>
  <c r="A170455" i="1" s="1"/>
  <c r="A170456" i="1" s="1"/>
  <c r="A170457" i="1" s="1"/>
  <c r="A170458" i="1" s="1"/>
  <c r="A170459" i="1" s="1"/>
  <c r="A170460" i="1" s="1"/>
  <c r="A170461" i="1" s="1"/>
  <c r="A170462" i="1" s="1"/>
  <c r="A170463" i="1" s="1"/>
  <c r="A170464" i="1" s="1"/>
  <c r="A170465" i="1" s="1"/>
  <c r="A170466" i="1" s="1"/>
  <c r="A170467" i="1" s="1"/>
  <c r="A170468" i="1" s="1"/>
  <c r="A170469" i="1" s="1"/>
  <c r="A170470" i="1" s="1"/>
  <c r="A170471" i="1" s="1"/>
  <c r="A170472" i="1" s="1"/>
  <c r="A170473" i="1" s="1"/>
  <c r="A170474" i="1" s="1"/>
  <c r="A170475" i="1" s="1"/>
  <c r="A170476" i="1" s="1"/>
  <c r="A170477" i="1" s="1"/>
  <c r="A170478" i="1" s="1"/>
  <c r="A170479" i="1" s="1"/>
  <c r="A170480" i="1" s="1"/>
  <c r="A170481" i="1" s="1"/>
  <c r="A170482" i="1" s="1"/>
  <c r="A170483" i="1" s="1"/>
  <c r="A170484" i="1" s="1"/>
  <c r="A170485" i="1" s="1"/>
  <c r="A170486" i="1" s="1"/>
  <c r="A170487" i="1" s="1"/>
  <c r="A170488" i="1" s="1"/>
  <c r="A170489" i="1" s="1"/>
  <c r="A170490" i="1" s="1"/>
  <c r="A170491" i="1" s="1"/>
  <c r="A170492" i="1" s="1"/>
  <c r="A170493" i="1" s="1"/>
  <c r="A170494" i="1" s="1"/>
  <c r="A170495" i="1" s="1"/>
  <c r="A170496" i="1" s="1"/>
  <c r="A170497" i="1" s="1"/>
  <c r="A170498" i="1" s="1"/>
  <c r="A170499" i="1" s="1"/>
  <c r="A170500" i="1" s="1"/>
  <c r="A170501" i="1" s="1"/>
  <c r="A170502" i="1" s="1"/>
  <c r="A170503" i="1" s="1"/>
  <c r="A170504" i="1" s="1"/>
  <c r="A170505" i="1" s="1"/>
  <c r="A170506" i="1" s="1"/>
  <c r="A170507" i="1" s="1"/>
  <c r="A170508" i="1" s="1"/>
  <c r="A170509" i="1" s="1"/>
  <c r="A170510" i="1" s="1"/>
  <c r="A170511" i="1" s="1"/>
  <c r="A170512" i="1" s="1"/>
  <c r="A170513" i="1" s="1"/>
  <c r="A170514" i="1" s="1"/>
  <c r="A170515" i="1" s="1"/>
  <c r="A170516" i="1" s="1"/>
  <c r="A170517" i="1" s="1"/>
  <c r="A170518" i="1" s="1"/>
  <c r="A170519" i="1" s="1"/>
  <c r="A170520" i="1" s="1"/>
  <c r="A170521" i="1" s="1"/>
  <c r="A170522" i="1" s="1"/>
  <c r="A170523" i="1" s="1"/>
  <c r="A170524" i="1" s="1"/>
  <c r="A170525" i="1" s="1"/>
  <c r="A170526" i="1" s="1"/>
  <c r="A170527" i="1" s="1"/>
  <c r="A170528" i="1" s="1"/>
  <c r="A170529" i="1" s="1"/>
  <c r="A170530" i="1" s="1"/>
  <c r="A170531" i="1" s="1"/>
  <c r="A170532" i="1" s="1"/>
  <c r="A170533" i="1" s="1"/>
  <c r="A170534" i="1" s="1"/>
  <c r="A170535" i="1" s="1"/>
  <c r="A170536" i="1" s="1"/>
  <c r="A170537" i="1" s="1"/>
  <c r="A170538" i="1" s="1"/>
  <c r="A170539" i="1" s="1"/>
  <c r="A170540" i="1" s="1"/>
  <c r="A170541" i="1" s="1"/>
  <c r="A170542" i="1" s="1"/>
  <c r="A170543" i="1" s="1"/>
  <c r="A170544" i="1" s="1"/>
  <c r="A170545" i="1" s="1"/>
  <c r="A170546" i="1" s="1"/>
  <c r="A170547" i="1" s="1"/>
  <c r="A170548" i="1" s="1"/>
  <c r="A170549" i="1" s="1"/>
  <c r="A170550" i="1" s="1"/>
  <c r="A170551" i="1" s="1"/>
  <c r="A170552" i="1" s="1"/>
  <c r="A170553" i="1" s="1"/>
  <c r="A170554" i="1" s="1"/>
  <c r="A170555" i="1" s="1"/>
  <c r="A170556" i="1" s="1"/>
  <c r="A170557" i="1" s="1"/>
  <c r="A170558" i="1" s="1"/>
  <c r="A170559" i="1" s="1"/>
  <c r="A170560" i="1" s="1"/>
  <c r="A170561" i="1" s="1"/>
  <c r="A170562" i="1" s="1"/>
  <c r="A170563" i="1" s="1"/>
  <c r="A170564" i="1" s="1"/>
  <c r="A170565" i="1" s="1"/>
  <c r="A170566" i="1" s="1"/>
  <c r="A170567" i="1" s="1"/>
  <c r="A170568" i="1" s="1"/>
  <c r="A170569" i="1" s="1"/>
  <c r="A170570" i="1" s="1"/>
  <c r="A170571" i="1" s="1"/>
  <c r="A170572" i="1" s="1"/>
  <c r="A170573" i="1" s="1"/>
  <c r="A170574" i="1" s="1"/>
  <c r="A170575" i="1" s="1"/>
  <c r="A170576" i="1" s="1"/>
  <c r="A170577" i="1" s="1"/>
  <c r="A170578" i="1" s="1"/>
  <c r="A170579" i="1" s="1"/>
  <c r="A170580" i="1" s="1"/>
  <c r="A170581" i="1" s="1"/>
  <c r="A170582" i="1" s="1"/>
  <c r="A170583" i="1" s="1"/>
  <c r="A170584" i="1" s="1"/>
  <c r="A170585" i="1" s="1"/>
  <c r="A170586" i="1" s="1"/>
  <c r="A170587" i="1" s="1"/>
  <c r="A170588" i="1" s="1"/>
  <c r="A170589" i="1" s="1"/>
  <c r="A170590" i="1" s="1"/>
  <c r="A170591" i="1" s="1"/>
  <c r="A170592" i="1" s="1"/>
  <c r="A170593" i="1" s="1"/>
  <c r="A170594" i="1" s="1"/>
  <c r="A170595" i="1" s="1"/>
  <c r="A170596" i="1" s="1"/>
  <c r="A170597" i="1" s="1"/>
  <c r="A170598" i="1" s="1"/>
  <c r="A170599" i="1" s="1"/>
  <c r="A170600" i="1" s="1"/>
  <c r="A170601" i="1" s="1"/>
  <c r="A170602" i="1" s="1"/>
  <c r="A170603" i="1" s="1"/>
  <c r="A170604" i="1" s="1"/>
  <c r="A170605" i="1" s="1"/>
  <c r="A170606" i="1" s="1"/>
  <c r="A170607" i="1" s="1"/>
  <c r="A170608" i="1" s="1"/>
  <c r="A170609" i="1" s="1"/>
  <c r="A170610" i="1" s="1"/>
  <c r="A170611" i="1" s="1"/>
  <c r="A170612" i="1" s="1"/>
  <c r="A170613" i="1" s="1"/>
  <c r="A170614" i="1" s="1"/>
  <c r="A170615" i="1" s="1"/>
  <c r="A170616" i="1" s="1"/>
  <c r="A170617" i="1" s="1"/>
  <c r="A170618" i="1" s="1"/>
  <c r="A170619" i="1" s="1"/>
  <c r="A170620" i="1" s="1"/>
  <c r="A170621" i="1" s="1"/>
  <c r="A170622" i="1" s="1"/>
  <c r="A170623" i="1" s="1"/>
  <c r="A170624" i="1" s="1"/>
  <c r="A170625" i="1" s="1"/>
  <c r="A170626" i="1" s="1"/>
  <c r="A170627" i="1" s="1"/>
  <c r="A170628" i="1" s="1"/>
  <c r="A170629" i="1" s="1"/>
  <c r="A170630" i="1" s="1"/>
  <c r="A170631" i="1" s="1"/>
  <c r="A170632" i="1" s="1"/>
  <c r="A170633" i="1" s="1"/>
  <c r="A170634" i="1" s="1"/>
  <c r="A170635" i="1" s="1"/>
  <c r="A170636" i="1" s="1"/>
  <c r="A170637" i="1" s="1"/>
  <c r="A170638" i="1" s="1"/>
  <c r="A170639" i="1" s="1"/>
  <c r="A170640" i="1" s="1"/>
  <c r="A170641" i="1" s="1"/>
  <c r="A170642" i="1" s="1"/>
  <c r="A170643" i="1" s="1"/>
  <c r="A170644" i="1" s="1"/>
  <c r="A170645" i="1" s="1"/>
  <c r="A170646" i="1" s="1"/>
  <c r="A170647" i="1" s="1"/>
  <c r="A170648" i="1" s="1"/>
  <c r="A170649" i="1" s="1"/>
  <c r="A170650" i="1" s="1"/>
  <c r="A170651" i="1" s="1"/>
  <c r="A170652" i="1" s="1"/>
  <c r="A170653" i="1" s="1"/>
  <c r="A170654" i="1" s="1"/>
  <c r="A170655" i="1" s="1"/>
  <c r="A170656" i="1" s="1"/>
  <c r="A170657" i="1" s="1"/>
  <c r="A170658" i="1" s="1"/>
  <c r="A170659" i="1" s="1"/>
  <c r="A170660" i="1" s="1"/>
  <c r="A170661" i="1" s="1"/>
  <c r="A170662" i="1" s="1"/>
  <c r="A170663" i="1" s="1"/>
  <c r="A170664" i="1" s="1"/>
  <c r="A170665" i="1" s="1"/>
  <c r="A170666" i="1" s="1"/>
  <c r="A170667" i="1" s="1"/>
  <c r="A170668" i="1" s="1"/>
  <c r="A170669" i="1" s="1"/>
  <c r="A170670" i="1" s="1"/>
  <c r="A170671" i="1" s="1"/>
  <c r="A170672" i="1" s="1"/>
  <c r="A170673" i="1" s="1"/>
  <c r="A170674" i="1" s="1"/>
  <c r="A170675" i="1" s="1"/>
  <c r="A170676" i="1" s="1"/>
  <c r="A170677" i="1" s="1"/>
  <c r="A170678" i="1" s="1"/>
  <c r="A170679" i="1" s="1"/>
  <c r="A170680" i="1" s="1"/>
  <c r="A170681" i="1" s="1"/>
  <c r="A170682" i="1" s="1"/>
  <c r="A170683" i="1" s="1"/>
  <c r="A170684" i="1" s="1"/>
  <c r="A170685" i="1" s="1"/>
  <c r="A170686" i="1" s="1"/>
  <c r="A170687" i="1" s="1"/>
  <c r="A170688" i="1" s="1"/>
  <c r="A170689" i="1" s="1"/>
  <c r="A170690" i="1" s="1"/>
  <c r="A170691" i="1" s="1"/>
  <c r="A170692" i="1" s="1"/>
  <c r="A170693" i="1" s="1"/>
  <c r="A170694" i="1" s="1"/>
  <c r="A170695" i="1" s="1"/>
  <c r="A170696" i="1" s="1"/>
  <c r="A170697" i="1" s="1"/>
  <c r="A170698" i="1" s="1"/>
  <c r="A170699" i="1" s="1"/>
  <c r="A170700" i="1" s="1"/>
  <c r="A170701" i="1" s="1"/>
  <c r="A170702" i="1" s="1"/>
  <c r="A170703" i="1" s="1"/>
  <c r="A170704" i="1" s="1"/>
  <c r="A170705" i="1" s="1"/>
  <c r="A170706" i="1" s="1"/>
  <c r="A170707" i="1" s="1"/>
  <c r="A170708" i="1" s="1"/>
  <c r="A170709" i="1" s="1"/>
  <c r="A170710" i="1" s="1"/>
  <c r="A170711" i="1" s="1"/>
  <c r="A170712" i="1" s="1"/>
  <c r="A170713" i="1" s="1"/>
  <c r="A170714" i="1" s="1"/>
  <c r="A170715" i="1" s="1"/>
  <c r="A170716" i="1" s="1"/>
  <c r="A170717" i="1" s="1"/>
  <c r="A170718" i="1" s="1"/>
  <c r="A170719" i="1" s="1"/>
  <c r="A170720" i="1" s="1"/>
  <c r="A170721" i="1" s="1"/>
  <c r="A170722" i="1" s="1"/>
  <c r="A170723" i="1" s="1"/>
  <c r="A170724" i="1" s="1"/>
  <c r="A170725" i="1" s="1"/>
  <c r="A170726" i="1" s="1"/>
  <c r="A170727" i="1" s="1"/>
  <c r="A170728" i="1" s="1"/>
  <c r="A170729" i="1" s="1"/>
  <c r="A170730" i="1" s="1"/>
  <c r="A170731" i="1" s="1"/>
  <c r="A170732" i="1" s="1"/>
  <c r="A170733" i="1" s="1"/>
  <c r="A170734" i="1" s="1"/>
  <c r="A170735" i="1" s="1"/>
  <c r="A170736" i="1" s="1"/>
  <c r="A170737" i="1" s="1"/>
  <c r="A170738" i="1" s="1"/>
  <c r="A170739" i="1" s="1"/>
  <c r="A170740" i="1" s="1"/>
  <c r="A170741" i="1" s="1"/>
  <c r="A170742" i="1" s="1"/>
  <c r="A170743" i="1" s="1"/>
  <c r="A170744" i="1" s="1"/>
  <c r="A170745" i="1" s="1"/>
  <c r="A170746" i="1" s="1"/>
  <c r="A170747" i="1" s="1"/>
  <c r="A170748" i="1" s="1"/>
  <c r="A170749" i="1" s="1"/>
  <c r="A170750" i="1" s="1"/>
  <c r="A170751" i="1" s="1"/>
  <c r="A170752" i="1" s="1"/>
  <c r="A170753" i="1" s="1"/>
  <c r="A170754" i="1" s="1"/>
  <c r="A170755" i="1" s="1"/>
  <c r="A170756" i="1" s="1"/>
  <c r="A170757" i="1" s="1"/>
  <c r="A170758" i="1" s="1"/>
  <c r="A170759" i="1" s="1"/>
  <c r="A170760" i="1" s="1"/>
  <c r="A170761" i="1" s="1"/>
  <c r="A170762" i="1" s="1"/>
  <c r="A170763" i="1" s="1"/>
  <c r="A170764" i="1" s="1"/>
  <c r="A170765" i="1" s="1"/>
  <c r="A170766" i="1" s="1"/>
  <c r="A170767" i="1" s="1"/>
  <c r="A170768" i="1" s="1"/>
  <c r="A170769" i="1" s="1"/>
  <c r="A170770" i="1" s="1"/>
  <c r="A170771" i="1" s="1"/>
  <c r="A170772" i="1" s="1"/>
  <c r="A170773" i="1" s="1"/>
  <c r="A170774" i="1" s="1"/>
  <c r="A170775" i="1" s="1"/>
  <c r="A170776" i="1" s="1"/>
  <c r="A170777" i="1" s="1"/>
  <c r="A170778" i="1" s="1"/>
  <c r="A170779" i="1" s="1"/>
  <c r="A170780" i="1" s="1"/>
  <c r="A170781" i="1" s="1"/>
  <c r="A170782" i="1" s="1"/>
  <c r="A170783" i="1" s="1"/>
  <c r="A170784" i="1" s="1"/>
  <c r="A170785" i="1" s="1"/>
  <c r="A170786" i="1" s="1"/>
  <c r="A170787" i="1" s="1"/>
  <c r="A170788" i="1" s="1"/>
  <c r="A170789" i="1" s="1"/>
  <c r="A170790" i="1" s="1"/>
  <c r="A170791" i="1" s="1"/>
  <c r="A170792" i="1" s="1"/>
  <c r="A170793" i="1" s="1"/>
  <c r="A170794" i="1" s="1"/>
  <c r="A170795" i="1" s="1"/>
  <c r="A170796" i="1" s="1"/>
  <c r="A170797" i="1" s="1"/>
  <c r="A170798" i="1" s="1"/>
  <c r="A170799" i="1" s="1"/>
  <c r="A170800" i="1" s="1"/>
  <c r="A170801" i="1" s="1"/>
  <c r="A170802" i="1" s="1"/>
  <c r="A170803" i="1" s="1"/>
  <c r="A170804" i="1" s="1"/>
  <c r="A170805" i="1" s="1"/>
  <c r="A170806" i="1" s="1"/>
  <c r="A170807" i="1" s="1"/>
  <c r="A170808" i="1" s="1"/>
  <c r="A170809" i="1" s="1"/>
  <c r="A170810" i="1" s="1"/>
  <c r="A170811" i="1" s="1"/>
  <c r="A170812" i="1" s="1"/>
  <c r="A170813" i="1" s="1"/>
  <c r="A170814" i="1" s="1"/>
  <c r="A170815" i="1" s="1"/>
  <c r="A170816" i="1" s="1"/>
  <c r="A170817" i="1" s="1"/>
  <c r="A170818" i="1" s="1"/>
  <c r="A170819" i="1" s="1"/>
  <c r="A170820" i="1" s="1"/>
  <c r="A170821" i="1" s="1"/>
  <c r="A170822" i="1" s="1"/>
  <c r="A170823" i="1" s="1"/>
  <c r="A170824" i="1" s="1"/>
  <c r="A170825" i="1" s="1"/>
  <c r="A170826" i="1" s="1"/>
  <c r="A170827" i="1" s="1"/>
  <c r="A170828" i="1" s="1"/>
  <c r="A170829" i="1" s="1"/>
  <c r="A170830" i="1" s="1"/>
  <c r="A170831" i="1" s="1"/>
  <c r="A170832" i="1" s="1"/>
  <c r="A170833" i="1" s="1"/>
  <c r="A170834" i="1" s="1"/>
  <c r="A170835" i="1" s="1"/>
  <c r="A170836" i="1" s="1"/>
  <c r="A170837" i="1" s="1"/>
  <c r="A170838" i="1" s="1"/>
  <c r="A170839" i="1" s="1"/>
  <c r="A170840" i="1" s="1"/>
  <c r="A170841" i="1" s="1"/>
  <c r="A170842" i="1" s="1"/>
  <c r="A170843" i="1" s="1"/>
  <c r="A170844" i="1" s="1"/>
  <c r="A170845" i="1" s="1"/>
  <c r="A170846" i="1" s="1"/>
  <c r="A170847" i="1" s="1"/>
  <c r="A170848" i="1" s="1"/>
  <c r="A170849" i="1" s="1"/>
  <c r="A170850" i="1" s="1"/>
  <c r="A170851" i="1" s="1"/>
  <c r="A170852" i="1" s="1"/>
  <c r="A170853" i="1" s="1"/>
  <c r="A170854" i="1" s="1"/>
  <c r="A170855" i="1" s="1"/>
  <c r="A170856" i="1" s="1"/>
  <c r="A170857" i="1" s="1"/>
  <c r="A170858" i="1" s="1"/>
  <c r="A170859" i="1" s="1"/>
  <c r="A170860" i="1" s="1"/>
  <c r="A170861" i="1" s="1"/>
  <c r="A170862" i="1" s="1"/>
  <c r="A170863" i="1" s="1"/>
  <c r="A170864" i="1" s="1"/>
  <c r="A170865" i="1" s="1"/>
  <c r="A170866" i="1" s="1"/>
  <c r="A170867" i="1" s="1"/>
  <c r="A170868" i="1" s="1"/>
  <c r="A170869" i="1" s="1"/>
  <c r="A170870" i="1" s="1"/>
  <c r="A170871" i="1" s="1"/>
  <c r="A170872" i="1" s="1"/>
  <c r="A170873" i="1" s="1"/>
  <c r="A170874" i="1" s="1"/>
  <c r="A170875" i="1" s="1"/>
  <c r="A170876" i="1" s="1"/>
  <c r="A170877" i="1" s="1"/>
  <c r="A170878" i="1" s="1"/>
  <c r="A170879" i="1" s="1"/>
  <c r="A170880" i="1" s="1"/>
  <c r="A170881" i="1" s="1"/>
  <c r="A170882" i="1" s="1"/>
  <c r="A170883" i="1" s="1"/>
  <c r="A170884" i="1" s="1"/>
  <c r="A170885" i="1" s="1"/>
  <c r="A170886" i="1" s="1"/>
  <c r="A170887" i="1" s="1"/>
  <c r="A170888" i="1" s="1"/>
  <c r="A170889" i="1" s="1"/>
  <c r="A170890" i="1" s="1"/>
  <c r="A170891" i="1" s="1"/>
  <c r="A170892" i="1" s="1"/>
  <c r="A170893" i="1" s="1"/>
  <c r="A170894" i="1" s="1"/>
  <c r="A170895" i="1" s="1"/>
  <c r="A170896" i="1" s="1"/>
  <c r="A170897" i="1" s="1"/>
  <c r="A170898" i="1" s="1"/>
  <c r="A170899" i="1" s="1"/>
  <c r="A170900" i="1" s="1"/>
  <c r="A170901" i="1" s="1"/>
  <c r="A170902" i="1" s="1"/>
  <c r="A170903" i="1" s="1"/>
  <c r="A170904" i="1" s="1"/>
  <c r="A170905" i="1" s="1"/>
  <c r="A170906" i="1" s="1"/>
  <c r="A170907" i="1" s="1"/>
  <c r="A170908" i="1" s="1"/>
  <c r="A170909" i="1" s="1"/>
  <c r="A170910" i="1" s="1"/>
  <c r="A170911" i="1" s="1"/>
  <c r="A170912" i="1" s="1"/>
  <c r="A170913" i="1" s="1"/>
  <c r="A170914" i="1" s="1"/>
  <c r="A170915" i="1" s="1"/>
  <c r="A170916" i="1" s="1"/>
  <c r="A170917" i="1" s="1"/>
  <c r="A170918" i="1" s="1"/>
  <c r="A170919" i="1" s="1"/>
  <c r="A170920" i="1" s="1"/>
  <c r="A170921" i="1" s="1"/>
  <c r="A170922" i="1" s="1"/>
  <c r="A170923" i="1" s="1"/>
  <c r="A170924" i="1" s="1"/>
  <c r="A170925" i="1" s="1"/>
  <c r="A170926" i="1" s="1"/>
  <c r="A170927" i="1" s="1"/>
  <c r="A170928" i="1" s="1"/>
  <c r="A170929" i="1" s="1"/>
  <c r="A170930" i="1" s="1"/>
  <c r="A170931" i="1" s="1"/>
  <c r="A170932" i="1" s="1"/>
  <c r="A170933" i="1" s="1"/>
  <c r="A170934" i="1" s="1"/>
  <c r="A170935" i="1" s="1"/>
  <c r="A170936" i="1" s="1"/>
  <c r="A170937" i="1" s="1"/>
  <c r="A170938" i="1" s="1"/>
  <c r="A170939" i="1" s="1"/>
  <c r="A170940" i="1" s="1"/>
  <c r="A170941" i="1" s="1"/>
  <c r="A170942" i="1" s="1"/>
  <c r="A170943" i="1" s="1"/>
  <c r="A170944" i="1" s="1"/>
  <c r="A170945" i="1" s="1"/>
  <c r="A170946" i="1" s="1"/>
  <c r="A170947" i="1" s="1"/>
  <c r="A170948" i="1" s="1"/>
  <c r="A170949" i="1" s="1"/>
  <c r="A170950" i="1" s="1"/>
  <c r="A170951" i="1" s="1"/>
  <c r="A170952" i="1" s="1"/>
  <c r="A170953" i="1" s="1"/>
  <c r="A170954" i="1" s="1"/>
  <c r="A170955" i="1" s="1"/>
  <c r="A170956" i="1" s="1"/>
  <c r="A170957" i="1" s="1"/>
  <c r="A170958" i="1" s="1"/>
  <c r="A170959" i="1" s="1"/>
  <c r="A170960" i="1" s="1"/>
  <c r="A170961" i="1" s="1"/>
  <c r="A170962" i="1" s="1"/>
  <c r="A170963" i="1" s="1"/>
  <c r="A170964" i="1" s="1"/>
  <c r="A170965" i="1" s="1"/>
  <c r="A170966" i="1" s="1"/>
  <c r="A170967" i="1" s="1"/>
  <c r="A170968" i="1" s="1"/>
  <c r="A170969" i="1" s="1"/>
  <c r="A170970" i="1" s="1"/>
  <c r="A170971" i="1" s="1"/>
  <c r="A170972" i="1" s="1"/>
  <c r="A170973" i="1" s="1"/>
  <c r="A170974" i="1" s="1"/>
  <c r="A170975" i="1" s="1"/>
  <c r="A170976" i="1" s="1"/>
  <c r="A170977" i="1" s="1"/>
  <c r="A170978" i="1" s="1"/>
  <c r="A170979" i="1" s="1"/>
  <c r="A170980" i="1" s="1"/>
  <c r="A170981" i="1" s="1"/>
  <c r="A170982" i="1" s="1"/>
  <c r="A170983" i="1" s="1"/>
  <c r="A170984" i="1" s="1"/>
  <c r="A170985" i="1" s="1"/>
  <c r="A170986" i="1" s="1"/>
  <c r="A170987" i="1" s="1"/>
  <c r="A170988" i="1" s="1"/>
  <c r="A170989" i="1" s="1"/>
  <c r="A170990" i="1" s="1"/>
  <c r="A170991" i="1" s="1"/>
  <c r="A170992" i="1" s="1"/>
  <c r="A170993" i="1" s="1"/>
  <c r="A170994" i="1" s="1"/>
  <c r="A170995" i="1" s="1"/>
  <c r="A170996" i="1" s="1"/>
  <c r="A170997" i="1" s="1"/>
  <c r="A170998" i="1" s="1"/>
  <c r="A170999" i="1" s="1"/>
  <c r="A171000" i="1" s="1"/>
  <c r="A171001" i="1" s="1"/>
  <c r="A171002" i="1" s="1"/>
  <c r="A171003" i="1" s="1"/>
  <c r="A171004" i="1" s="1"/>
  <c r="A171005" i="1" s="1"/>
  <c r="A171006" i="1" s="1"/>
  <c r="A171007" i="1" s="1"/>
  <c r="A171008" i="1" s="1"/>
  <c r="A171009" i="1" s="1"/>
  <c r="A171010" i="1" s="1"/>
  <c r="A171011" i="1" s="1"/>
  <c r="A171012" i="1" s="1"/>
  <c r="A171013" i="1" s="1"/>
  <c r="A171014" i="1" s="1"/>
  <c r="A171015" i="1" s="1"/>
  <c r="A171016" i="1" s="1"/>
  <c r="A171017" i="1" s="1"/>
  <c r="A171018" i="1" s="1"/>
  <c r="A171019" i="1" s="1"/>
  <c r="A171020" i="1" s="1"/>
  <c r="A171021" i="1" s="1"/>
  <c r="A171022" i="1" s="1"/>
  <c r="A171023" i="1" s="1"/>
  <c r="A171024" i="1" s="1"/>
  <c r="A171025" i="1" s="1"/>
  <c r="A171026" i="1" s="1"/>
  <c r="A171027" i="1" s="1"/>
  <c r="A171028" i="1" s="1"/>
  <c r="A171029" i="1" s="1"/>
  <c r="A171030" i="1" s="1"/>
  <c r="A171031" i="1" s="1"/>
  <c r="A171032" i="1" s="1"/>
  <c r="A171033" i="1" s="1"/>
  <c r="A171034" i="1" s="1"/>
  <c r="A171035" i="1" s="1"/>
  <c r="A171036" i="1" s="1"/>
  <c r="A171037" i="1" s="1"/>
  <c r="A171038" i="1" s="1"/>
  <c r="A171039" i="1" s="1"/>
  <c r="A171040" i="1" s="1"/>
  <c r="A171041" i="1" s="1"/>
  <c r="A171042" i="1" s="1"/>
  <c r="A171043" i="1" s="1"/>
  <c r="A171044" i="1" s="1"/>
  <c r="A171045" i="1" s="1"/>
  <c r="A171046" i="1" s="1"/>
  <c r="A171047" i="1" s="1"/>
  <c r="A171048" i="1" s="1"/>
  <c r="A171049" i="1" s="1"/>
  <c r="A171050" i="1" s="1"/>
  <c r="A171051" i="1" s="1"/>
  <c r="A171052" i="1" s="1"/>
  <c r="A171053" i="1" s="1"/>
  <c r="A171054" i="1" s="1"/>
  <c r="A171055" i="1" s="1"/>
  <c r="A171056" i="1" s="1"/>
  <c r="A171057" i="1" s="1"/>
  <c r="A171058" i="1" s="1"/>
  <c r="A171059" i="1" s="1"/>
  <c r="A171060" i="1" s="1"/>
  <c r="A171061" i="1" s="1"/>
  <c r="A171062" i="1" s="1"/>
  <c r="A171063" i="1" s="1"/>
  <c r="A171064" i="1" s="1"/>
  <c r="A171065" i="1" s="1"/>
  <c r="A171066" i="1" s="1"/>
  <c r="A171067" i="1" s="1"/>
  <c r="A171068" i="1" s="1"/>
  <c r="A171069" i="1" s="1"/>
  <c r="A171070" i="1" s="1"/>
  <c r="A171071" i="1" s="1"/>
  <c r="A171072" i="1" s="1"/>
  <c r="A171073" i="1" s="1"/>
  <c r="A171074" i="1" s="1"/>
  <c r="A171075" i="1" s="1"/>
  <c r="A171076" i="1" s="1"/>
  <c r="A171077" i="1" s="1"/>
  <c r="A171078" i="1" s="1"/>
  <c r="A171079" i="1" s="1"/>
  <c r="A171080" i="1" s="1"/>
  <c r="A171081" i="1" s="1"/>
  <c r="A171082" i="1" s="1"/>
  <c r="A171083" i="1" s="1"/>
  <c r="A171084" i="1" s="1"/>
  <c r="A171085" i="1" s="1"/>
  <c r="A171086" i="1" s="1"/>
  <c r="A171087" i="1" s="1"/>
  <c r="A171088" i="1" s="1"/>
  <c r="A171089" i="1" s="1"/>
  <c r="A171090" i="1" s="1"/>
  <c r="A171091" i="1" s="1"/>
  <c r="A171092" i="1" s="1"/>
  <c r="A171093" i="1" s="1"/>
  <c r="A171094" i="1" s="1"/>
  <c r="A171095" i="1" s="1"/>
  <c r="A171096" i="1" s="1"/>
  <c r="A171097" i="1" s="1"/>
  <c r="A171098" i="1" s="1"/>
  <c r="A171099" i="1" s="1"/>
  <c r="A171100" i="1" s="1"/>
  <c r="A171101" i="1" s="1"/>
  <c r="A171102" i="1" s="1"/>
  <c r="A171103" i="1" s="1"/>
  <c r="A171104" i="1" s="1"/>
  <c r="A171105" i="1" s="1"/>
  <c r="A171106" i="1" s="1"/>
  <c r="A171107" i="1" s="1"/>
  <c r="A171108" i="1" s="1"/>
  <c r="A171109" i="1" s="1"/>
  <c r="A171110" i="1" s="1"/>
  <c r="A171111" i="1" s="1"/>
  <c r="A171112" i="1" s="1"/>
  <c r="A171113" i="1" s="1"/>
  <c r="A171114" i="1" s="1"/>
  <c r="A171115" i="1" s="1"/>
  <c r="A171116" i="1" s="1"/>
  <c r="A171117" i="1" s="1"/>
  <c r="A171118" i="1" s="1"/>
  <c r="A171119" i="1" s="1"/>
  <c r="A171120" i="1" s="1"/>
  <c r="A171121" i="1" s="1"/>
  <c r="A171122" i="1" s="1"/>
  <c r="A171123" i="1" s="1"/>
  <c r="A171124" i="1" s="1"/>
  <c r="A171125" i="1" s="1"/>
  <c r="A171126" i="1" s="1"/>
  <c r="A171127" i="1" s="1"/>
  <c r="A171128" i="1" s="1"/>
  <c r="A171129" i="1" s="1"/>
  <c r="A171130" i="1" s="1"/>
  <c r="A171131" i="1" s="1"/>
  <c r="A171132" i="1" s="1"/>
  <c r="A171133" i="1" s="1"/>
  <c r="A171134" i="1" s="1"/>
  <c r="A171135" i="1" s="1"/>
  <c r="A171136" i="1" s="1"/>
  <c r="A171137" i="1" s="1"/>
  <c r="A171138" i="1" s="1"/>
  <c r="A171139" i="1" s="1"/>
  <c r="A171140" i="1" s="1"/>
  <c r="A171141" i="1" s="1"/>
  <c r="A171142" i="1" s="1"/>
  <c r="A171143" i="1" s="1"/>
  <c r="A171144" i="1" s="1"/>
  <c r="A171145" i="1" s="1"/>
  <c r="A171146" i="1" s="1"/>
  <c r="A171147" i="1" s="1"/>
  <c r="A171148" i="1" s="1"/>
  <c r="A171149" i="1" s="1"/>
  <c r="A171150" i="1" s="1"/>
  <c r="A171151" i="1" s="1"/>
  <c r="A171152" i="1" s="1"/>
  <c r="A171153" i="1" s="1"/>
  <c r="A171154" i="1" s="1"/>
  <c r="A171155" i="1" s="1"/>
  <c r="A171156" i="1" s="1"/>
  <c r="A171157" i="1" s="1"/>
  <c r="A171158" i="1" s="1"/>
  <c r="A171159" i="1" s="1"/>
  <c r="A171160" i="1" s="1"/>
  <c r="A171161" i="1" s="1"/>
  <c r="A171162" i="1" s="1"/>
  <c r="A171163" i="1" s="1"/>
  <c r="A171164" i="1" s="1"/>
  <c r="A171165" i="1" s="1"/>
  <c r="A171166" i="1" s="1"/>
  <c r="A171167" i="1" s="1"/>
  <c r="A171168" i="1" s="1"/>
  <c r="A171169" i="1" s="1"/>
  <c r="A171170" i="1" s="1"/>
  <c r="A171171" i="1" s="1"/>
  <c r="A171172" i="1" s="1"/>
  <c r="A171173" i="1" s="1"/>
  <c r="A171174" i="1" s="1"/>
  <c r="A171175" i="1" s="1"/>
  <c r="A171176" i="1" s="1"/>
  <c r="A171177" i="1" s="1"/>
  <c r="A171178" i="1" s="1"/>
  <c r="A171179" i="1" s="1"/>
  <c r="A171180" i="1" s="1"/>
  <c r="A171181" i="1" s="1"/>
  <c r="A171182" i="1" s="1"/>
  <c r="A171183" i="1" s="1"/>
  <c r="A171184" i="1" s="1"/>
  <c r="A171185" i="1" s="1"/>
  <c r="A171186" i="1" s="1"/>
  <c r="A171187" i="1" s="1"/>
  <c r="A171188" i="1" s="1"/>
  <c r="A171189" i="1" s="1"/>
  <c r="A171190" i="1" s="1"/>
  <c r="A171191" i="1" s="1"/>
  <c r="A171192" i="1" s="1"/>
  <c r="A171193" i="1" s="1"/>
  <c r="A171194" i="1" s="1"/>
  <c r="A171195" i="1" s="1"/>
  <c r="A171196" i="1" s="1"/>
  <c r="A171197" i="1" s="1"/>
  <c r="A171198" i="1" s="1"/>
  <c r="A171199" i="1" s="1"/>
  <c r="A171200" i="1" s="1"/>
  <c r="A171201" i="1" s="1"/>
  <c r="A171202" i="1" s="1"/>
  <c r="A171203" i="1" s="1"/>
  <c r="A171204" i="1" s="1"/>
  <c r="A171205" i="1" s="1"/>
  <c r="A171206" i="1" s="1"/>
  <c r="A171207" i="1" s="1"/>
  <c r="A171208" i="1" s="1"/>
  <c r="A171209" i="1" s="1"/>
  <c r="A171210" i="1" s="1"/>
  <c r="A171211" i="1" s="1"/>
  <c r="A171212" i="1" s="1"/>
  <c r="A171213" i="1" s="1"/>
  <c r="A171214" i="1" s="1"/>
  <c r="A171215" i="1" s="1"/>
  <c r="A171216" i="1" s="1"/>
  <c r="A171217" i="1" s="1"/>
  <c r="A171218" i="1" s="1"/>
  <c r="A171219" i="1" s="1"/>
  <c r="A171220" i="1" s="1"/>
  <c r="A171221" i="1" s="1"/>
  <c r="A171222" i="1" s="1"/>
  <c r="A171223" i="1" s="1"/>
  <c r="A171224" i="1" s="1"/>
  <c r="A171225" i="1" s="1"/>
  <c r="A171226" i="1" s="1"/>
  <c r="A171227" i="1" s="1"/>
  <c r="A171228" i="1" s="1"/>
  <c r="A171229" i="1" s="1"/>
  <c r="A171230" i="1" s="1"/>
  <c r="A171231" i="1" s="1"/>
  <c r="A171232" i="1" s="1"/>
  <c r="A171233" i="1" s="1"/>
  <c r="A171234" i="1" s="1"/>
  <c r="A171235" i="1" s="1"/>
  <c r="A171236" i="1" s="1"/>
  <c r="A171237" i="1" s="1"/>
  <c r="A171238" i="1" s="1"/>
  <c r="A171239" i="1" s="1"/>
  <c r="A171240" i="1" s="1"/>
  <c r="A171241" i="1" s="1"/>
  <c r="A171242" i="1" s="1"/>
  <c r="A171243" i="1" s="1"/>
  <c r="A171244" i="1" s="1"/>
  <c r="A171245" i="1" s="1"/>
  <c r="A171246" i="1" s="1"/>
  <c r="A171247" i="1" s="1"/>
  <c r="A171248" i="1" s="1"/>
  <c r="A171249" i="1" s="1"/>
  <c r="A171250" i="1" s="1"/>
  <c r="A171251" i="1" s="1"/>
  <c r="A171252" i="1" s="1"/>
  <c r="A171253" i="1" s="1"/>
  <c r="A171254" i="1" s="1"/>
  <c r="A171255" i="1" s="1"/>
  <c r="A171256" i="1" s="1"/>
  <c r="A171257" i="1" s="1"/>
  <c r="A171258" i="1" s="1"/>
  <c r="A171259" i="1" s="1"/>
  <c r="A171260" i="1" s="1"/>
  <c r="A171261" i="1" s="1"/>
  <c r="A171262" i="1" s="1"/>
  <c r="A171263" i="1" s="1"/>
  <c r="A171264" i="1" s="1"/>
  <c r="A171265" i="1" s="1"/>
  <c r="A171266" i="1" s="1"/>
  <c r="A171267" i="1" s="1"/>
  <c r="A171268" i="1" s="1"/>
  <c r="A171269" i="1" s="1"/>
  <c r="A171270" i="1" s="1"/>
  <c r="A171271" i="1" s="1"/>
  <c r="A171272" i="1" s="1"/>
  <c r="A171273" i="1" s="1"/>
  <c r="A171274" i="1" s="1"/>
  <c r="A171275" i="1" s="1"/>
  <c r="A171276" i="1" s="1"/>
  <c r="A171277" i="1" s="1"/>
  <c r="A171278" i="1" s="1"/>
  <c r="A171279" i="1" s="1"/>
  <c r="A171280" i="1" s="1"/>
  <c r="A171281" i="1" s="1"/>
  <c r="A171282" i="1" s="1"/>
  <c r="A171283" i="1" s="1"/>
  <c r="A171284" i="1" s="1"/>
  <c r="A171285" i="1" s="1"/>
  <c r="A171286" i="1" s="1"/>
  <c r="A171287" i="1" s="1"/>
  <c r="A171288" i="1" s="1"/>
  <c r="A171289" i="1" s="1"/>
  <c r="A171290" i="1" s="1"/>
  <c r="A171291" i="1" s="1"/>
  <c r="A171292" i="1" s="1"/>
  <c r="A171293" i="1" s="1"/>
  <c r="A171294" i="1" s="1"/>
  <c r="A171295" i="1" s="1"/>
  <c r="A171296" i="1" s="1"/>
  <c r="A171297" i="1" s="1"/>
  <c r="A171298" i="1" s="1"/>
  <c r="A171299" i="1" s="1"/>
  <c r="A171300" i="1" s="1"/>
  <c r="A171301" i="1" s="1"/>
  <c r="A171302" i="1" s="1"/>
  <c r="A171303" i="1" s="1"/>
  <c r="A171304" i="1" s="1"/>
  <c r="A171305" i="1" s="1"/>
  <c r="A171306" i="1" s="1"/>
  <c r="A171307" i="1" s="1"/>
  <c r="A171308" i="1" s="1"/>
  <c r="A171309" i="1" s="1"/>
  <c r="A171310" i="1" s="1"/>
  <c r="A171311" i="1" s="1"/>
  <c r="A171312" i="1" s="1"/>
  <c r="A171313" i="1" s="1"/>
  <c r="A171314" i="1" s="1"/>
  <c r="A171315" i="1" s="1"/>
  <c r="A171316" i="1" s="1"/>
  <c r="A171317" i="1" s="1"/>
  <c r="A171318" i="1" s="1"/>
  <c r="A171319" i="1" s="1"/>
  <c r="A171320" i="1" s="1"/>
  <c r="A171321" i="1" s="1"/>
  <c r="A171322" i="1" s="1"/>
  <c r="A171323" i="1" s="1"/>
  <c r="A171324" i="1" s="1"/>
  <c r="A171325" i="1" s="1"/>
  <c r="A171326" i="1" s="1"/>
  <c r="A171327" i="1" s="1"/>
  <c r="A171328" i="1" s="1"/>
  <c r="A171329" i="1" s="1"/>
  <c r="A171330" i="1" s="1"/>
  <c r="A171331" i="1" s="1"/>
  <c r="A171332" i="1" s="1"/>
  <c r="A171333" i="1" s="1"/>
  <c r="A171334" i="1" s="1"/>
  <c r="A171335" i="1" s="1"/>
  <c r="A171336" i="1" s="1"/>
  <c r="A171337" i="1" s="1"/>
  <c r="A171338" i="1" s="1"/>
  <c r="A171339" i="1" s="1"/>
  <c r="A171340" i="1" s="1"/>
  <c r="A171341" i="1" s="1"/>
  <c r="A171342" i="1" s="1"/>
  <c r="A171343" i="1" s="1"/>
  <c r="A171344" i="1" s="1"/>
  <c r="A171345" i="1" s="1"/>
  <c r="A171346" i="1" s="1"/>
  <c r="A171347" i="1" s="1"/>
  <c r="A171348" i="1" s="1"/>
  <c r="A171349" i="1" s="1"/>
  <c r="A171350" i="1" s="1"/>
  <c r="A171351" i="1" s="1"/>
  <c r="A171352" i="1" s="1"/>
  <c r="A171353" i="1" s="1"/>
  <c r="A171354" i="1" s="1"/>
  <c r="A171355" i="1" s="1"/>
  <c r="A171356" i="1" s="1"/>
  <c r="A171357" i="1" s="1"/>
  <c r="A171358" i="1" s="1"/>
  <c r="A171359" i="1" s="1"/>
  <c r="A171360" i="1" s="1"/>
  <c r="A171361" i="1" s="1"/>
  <c r="A171362" i="1" s="1"/>
  <c r="A171363" i="1" s="1"/>
  <c r="A171364" i="1" s="1"/>
  <c r="A171365" i="1" s="1"/>
  <c r="A171366" i="1" s="1"/>
  <c r="A171367" i="1" s="1"/>
  <c r="A171368" i="1" s="1"/>
  <c r="A171369" i="1" s="1"/>
  <c r="A171370" i="1" s="1"/>
  <c r="A171371" i="1" s="1"/>
  <c r="A171372" i="1" s="1"/>
  <c r="A171373" i="1" s="1"/>
  <c r="A171374" i="1" s="1"/>
  <c r="A171375" i="1" s="1"/>
  <c r="A171376" i="1" s="1"/>
  <c r="A171377" i="1" s="1"/>
  <c r="A171378" i="1" s="1"/>
  <c r="A171379" i="1" s="1"/>
  <c r="A171380" i="1" s="1"/>
  <c r="A171381" i="1" s="1"/>
  <c r="A171382" i="1" s="1"/>
  <c r="A171383" i="1" s="1"/>
  <c r="A171384" i="1" s="1"/>
  <c r="A171385" i="1" s="1"/>
  <c r="A171386" i="1" s="1"/>
  <c r="A171387" i="1" s="1"/>
  <c r="A171388" i="1" s="1"/>
  <c r="A171389" i="1" s="1"/>
  <c r="A171390" i="1" s="1"/>
  <c r="A171391" i="1" s="1"/>
  <c r="A171392" i="1" s="1"/>
  <c r="A171393" i="1" s="1"/>
  <c r="A171394" i="1" s="1"/>
  <c r="A171395" i="1" s="1"/>
  <c r="A171396" i="1" s="1"/>
  <c r="A171397" i="1" s="1"/>
  <c r="A171398" i="1" s="1"/>
  <c r="A171399" i="1" s="1"/>
  <c r="A171400" i="1" s="1"/>
  <c r="A171401" i="1" s="1"/>
  <c r="A171402" i="1" s="1"/>
  <c r="A171403" i="1" s="1"/>
  <c r="A171404" i="1" s="1"/>
  <c r="A171405" i="1" s="1"/>
  <c r="A171406" i="1" s="1"/>
  <c r="A171407" i="1" s="1"/>
  <c r="A171408" i="1" s="1"/>
  <c r="A171409" i="1" s="1"/>
  <c r="A171410" i="1" s="1"/>
  <c r="A171411" i="1" s="1"/>
  <c r="A171412" i="1" s="1"/>
  <c r="A171413" i="1" s="1"/>
  <c r="A171414" i="1" s="1"/>
  <c r="A171415" i="1" s="1"/>
  <c r="A171416" i="1" s="1"/>
  <c r="A171417" i="1" s="1"/>
  <c r="A171418" i="1" s="1"/>
  <c r="A171419" i="1" s="1"/>
  <c r="A171420" i="1" s="1"/>
  <c r="A171421" i="1" s="1"/>
  <c r="A171422" i="1" s="1"/>
  <c r="A171423" i="1" s="1"/>
  <c r="A171424" i="1" s="1"/>
  <c r="A171425" i="1" s="1"/>
  <c r="A171426" i="1" s="1"/>
  <c r="A171427" i="1" s="1"/>
  <c r="A171428" i="1" s="1"/>
  <c r="A171429" i="1" s="1"/>
  <c r="A171430" i="1" s="1"/>
  <c r="A171431" i="1" s="1"/>
  <c r="A171432" i="1" s="1"/>
  <c r="A171433" i="1" s="1"/>
  <c r="A171434" i="1" s="1"/>
  <c r="A171435" i="1" s="1"/>
  <c r="A171436" i="1" s="1"/>
  <c r="A171437" i="1" s="1"/>
  <c r="A171438" i="1" s="1"/>
  <c r="A171439" i="1" s="1"/>
  <c r="A171440" i="1" s="1"/>
  <c r="A171441" i="1" s="1"/>
  <c r="A171442" i="1" s="1"/>
  <c r="A171443" i="1" s="1"/>
  <c r="A171444" i="1" s="1"/>
  <c r="A171445" i="1" s="1"/>
  <c r="A171446" i="1" s="1"/>
  <c r="A171447" i="1" s="1"/>
  <c r="A171448" i="1" s="1"/>
  <c r="A171449" i="1" s="1"/>
  <c r="A171450" i="1" s="1"/>
  <c r="A171451" i="1" s="1"/>
  <c r="A171452" i="1" s="1"/>
  <c r="A171453" i="1" s="1"/>
  <c r="A171454" i="1" s="1"/>
  <c r="A171455" i="1" s="1"/>
  <c r="A171456" i="1" s="1"/>
  <c r="A171457" i="1" s="1"/>
  <c r="A171458" i="1" s="1"/>
  <c r="A171459" i="1" s="1"/>
  <c r="A171460" i="1" s="1"/>
  <c r="A171461" i="1" s="1"/>
  <c r="A171462" i="1" s="1"/>
  <c r="A171463" i="1" s="1"/>
  <c r="A171464" i="1" s="1"/>
  <c r="A171465" i="1" s="1"/>
  <c r="A171466" i="1" s="1"/>
  <c r="A171467" i="1" s="1"/>
  <c r="A171468" i="1" s="1"/>
  <c r="A171469" i="1" s="1"/>
  <c r="A171470" i="1" s="1"/>
  <c r="A171471" i="1" s="1"/>
  <c r="A171472" i="1" s="1"/>
  <c r="A171473" i="1" s="1"/>
  <c r="A171474" i="1" s="1"/>
  <c r="A171475" i="1" s="1"/>
  <c r="A171476" i="1" s="1"/>
  <c r="A171477" i="1" s="1"/>
  <c r="A171478" i="1" s="1"/>
  <c r="A171479" i="1" s="1"/>
  <c r="A171480" i="1" s="1"/>
  <c r="A171481" i="1" s="1"/>
  <c r="A171482" i="1" s="1"/>
  <c r="A171483" i="1" s="1"/>
  <c r="A171484" i="1" s="1"/>
  <c r="A171485" i="1" s="1"/>
  <c r="A171486" i="1" s="1"/>
  <c r="A171487" i="1" s="1"/>
  <c r="A171488" i="1" s="1"/>
  <c r="A171489" i="1" s="1"/>
  <c r="A171490" i="1" s="1"/>
  <c r="A171491" i="1" s="1"/>
  <c r="A171492" i="1" s="1"/>
  <c r="A171493" i="1" s="1"/>
  <c r="A171494" i="1" s="1"/>
  <c r="A171495" i="1" s="1"/>
  <c r="A171496" i="1" s="1"/>
  <c r="A171497" i="1" s="1"/>
  <c r="A171498" i="1" s="1"/>
  <c r="A171499" i="1" s="1"/>
  <c r="A171500" i="1" s="1"/>
  <c r="A171501" i="1" s="1"/>
  <c r="A171502" i="1" s="1"/>
  <c r="A171503" i="1" s="1"/>
  <c r="A171504" i="1" s="1"/>
  <c r="A171505" i="1" s="1"/>
  <c r="A171506" i="1" s="1"/>
  <c r="A171507" i="1" s="1"/>
  <c r="A171508" i="1" s="1"/>
  <c r="A171509" i="1" s="1"/>
  <c r="A171510" i="1" s="1"/>
  <c r="A171511" i="1" s="1"/>
  <c r="A171512" i="1" s="1"/>
  <c r="A171513" i="1" s="1"/>
  <c r="A171514" i="1" s="1"/>
  <c r="A171515" i="1" s="1"/>
  <c r="A171516" i="1" s="1"/>
  <c r="A171517" i="1" s="1"/>
  <c r="A171518" i="1" s="1"/>
  <c r="A171519" i="1" s="1"/>
  <c r="A171520" i="1" s="1"/>
  <c r="A171521" i="1" s="1"/>
  <c r="A171522" i="1" s="1"/>
  <c r="A171523" i="1" s="1"/>
  <c r="A171524" i="1" s="1"/>
  <c r="A171525" i="1" s="1"/>
  <c r="A171526" i="1" s="1"/>
  <c r="A171527" i="1" s="1"/>
  <c r="A171528" i="1" s="1"/>
  <c r="A171529" i="1" s="1"/>
  <c r="A171530" i="1" s="1"/>
  <c r="A171531" i="1" s="1"/>
  <c r="A171532" i="1" s="1"/>
  <c r="A171533" i="1" s="1"/>
  <c r="A171534" i="1" s="1"/>
  <c r="A171535" i="1" s="1"/>
  <c r="A171536" i="1" s="1"/>
  <c r="A171537" i="1" s="1"/>
  <c r="A171538" i="1" s="1"/>
  <c r="A171539" i="1" s="1"/>
  <c r="A171540" i="1" s="1"/>
  <c r="A171541" i="1" s="1"/>
  <c r="A171542" i="1" s="1"/>
  <c r="A171543" i="1" s="1"/>
  <c r="A171544" i="1" s="1"/>
  <c r="A171545" i="1" s="1"/>
  <c r="A171546" i="1" s="1"/>
  <c r="A171547" i="1" s="1"/>
  <c r="A171548" i="1" s="1"/>
  <c r="A171549" i="1" s="1"/>
  <c r="A171550" i="1" s="1"/>
  <c r="A171551" i="1" s="1"/>
  <c r="A171552" i="1" s="1"/>
  <c r="A171553" i="1" s="1"/>
  <c r="A171554" i="1" s="1"/>
  <c r="A171555" i="1" s="1"/>
  <c r="A171556" i="1" s="1"/>
  <c r="A171557" i="1" s="1"/>
  <c r="A171558" i="1" s="1"/>
  <c r="A171559" i="1" s="1"/>
  <c r="A171560" i="1" s="1"/>
  <c r="A171561" i="1" s="1"/>
  <c r="A171562" i="1" s="1"/>
  <c r="A171563" i="1" s="1"/>
  <c r="A171564" i="1" s="1"/>
  <c r="A171565" i="1" s="1"/>
  <c r="A171566" i="1" s="1"/>
  <c r="A171567" i="1" s="1"/>
  <c r="A171568" i="1" s="1"/>
  <c r="A171569" i="1" s="1"/>
  <c r="A171570" i="1" s="1"/>
  <c r="A171571" i="1" s="1"/>
  <c r="A171572" i="1" s="1"/>
  <c r="A171573" i="1" s="1"/>
  <c r="A171574" i="1" s="1"/>
  <c r="A171575" i="1" s="1"/>
  <c r="A171576" i="1" s="1"/>
  <c r="A171577" i="1" s="1"/>
  <c r="A171578" i="1" s="1"/>
  <c r="A171579" i="1" s="1"/>
  <c r="A171580" i="1" s="1"/>
  <c r="A171581" i="1" s="1"/>
  <c r="A171582" i="1" s="1"/>
  <c r="A171583" i="1" s="1"/>
  <c r="A171584" i="1" s="1"/>
  <c r="A171585" i="1" s="1"/>
  <c r="A171586" i="1" s="1"/>
  <c r="A171587" i="1" s="1"/>
  <c r="A171588" i="1" s="1"/>
  <c r="A171589" i="1" s="1"/>
  <c r="A171590" i="1" s="1"/>
  <c r="A171591" i="1" s="1"/>
  <c r="A171592" i="1" s="1"/>
  <c r="A171593" i="1" s="1"/>
  <c r="A171594" i="1" s="1"/>
  <c r="A171595" i="1" s="1"/>
  <c r="A171596" i="1" s="1"/>
  <c r="A171597" i="1" s="1"/>
  <c r="A171598" i="1" s="1"/>
  <c r="A171599" i="1" s="1"/>
  <c r="A171600" i="1" s="1"/>
  <c r="A171601" i="1" s="1"/>
  <c r="A171602" i="1" s="1"/>
  <c r="A171603" i="1" s="1"/>
  <c r="A171604" i="1" s="1"/>
  <c r="A171605" i="1" s="1"/>
  <c r="A171606" i="1" s="1"/>
  <c r="A171607" i="1" s="1"/>
  <c r="A171608" i="1" s="1"/>
  <c r="A171609" i="1" s="1"/>
  <c r="A171610" i="1" s="1"/>
  <c r="A171611" i="1" s="1"/>
  <c r="A171612" i="1" s="1"/>
  <c r="A171613" i="1" s="1"/>
  <c r="A171614" i="1" s="1"/>
  <c r="A171615" i="1" s="1"/>
  <c r="A171616" i="1" s="1"/>
  <c r="A171617" i="1" s="1"/>
  <c r="A171618" i="1" s="1"/>
  <c r="A171619" i="1" s="1"/>
  <c r="A171620" i="1" s="1"/>
  <c r="A171621" i="1" s="1"/>
  <c r="A171622" i="1" s="1"/>
  <c r="A171623" i="1" s="1"/>
  <c r="A171624" i="1" s="1"/>
  <c r="A171625" i="1" s="1"/>
  <c r="A171626" i="1" s="1"/>
  <c r="A171627" i="1" s="1"/>
  <c r="A171628" i="1" s="1"/>
  <c r="A171629" i="1" s="1"/>
  <c r="A171630" i="1" s="1"/>
  <c r="A171631" i="1" s="1"/>
  <c r="A171632" i="1" s="1"/>
  <c r="A171633" i="1" s="1"/>
  <c r="A171634" i="1" s="1"/>
  <c r="A171635" i="1" s="1"/>
  <c r="A171636" i="1" s="1"/>
  <c r="A171637" i="1" s="1"/>
  <c r="A171638" i="1" s="1"/>
  <c r="A171639" i="1" s="1"/>
  <c r="A171640" i="1" s="1"/>
  <c r="A171641" i="1" s="1"/>
  <c r="A171642" i="1" s="1"/>
  <c r="A171643" i="1" s="1"/>
  <c r="A171644" i="1" s="1"/>
  <c r="A171645" i="1" s="1"/>
  <c r="A171646" i="1" s="1"/>
  <c r="A171647" i="1" s="1"/>
  <c r="A171648" i="1" s="1"/>
  <c r="A171649" i="1" s="1"/>
  <c r="A171650" i="1" s="1"/>
  <c r="A171651" i="1" s="1"/>
  <c r="A171652" i="1" s="1"/>
  <c r="A171653" i="1" s="1"/>
  <c r="A171654" i="1" s="1"/>
  <c r="A171655" i="1" s="1"/>
  <c r="A171656" i="1" s="1"/>
  <c r="A171657" i="1" s="1"/>
  <c r="A171658" i="1" s="1"/>
  <c r="A171659" i="1" s="1"/>
  <c r="A171660" i="1" s="1"/>
  <c r="A171661" i="1" s="1"/>
  <c r="A171662" i="1" s="1"/>
  <c r="A171663" i="1" s="1"/>
  <c r="A171664" i="1" s="1"/>
  <c r="A171665" i="1" s="1"/>
  <c r="A171666" i="1" s="1"/>
  <c r="A171667" i="1" s="1"/>
  <c r="A171668" i="1" s="1"/>
  <c r="A171669" i="1" s="1"/>
  <c r="A171670" i="1" s="1"/>
  <c r="A171671" i="1" s="1"/>
  <c r="A171672" i="1" s="1"/>
  <c r="A171673" i="1" s="1"/>
  <c r="A171674" i="1" s="1"/>
  <c r="A171675" i="1" s="1"/>
  <c r="A171676" i="1" s="1"/>
  <c r="A171677" i="1" s="1"/>
  <c r="A171678" i="1" s="1"/>
  <c r="A171679" i="1" s="1"/>
  <c r="A171680" i="1" s="1"/>
  <c r="A171681" i="1" s="1"/>
  <c r="A171682" i="1" s="1"/>
  <c r="A171683" i="1" s="1"/>
  <c r="A171684" i="1" s="1"/>
  <c r="A171685" i="1" s="1"/>
  <c r="A171686" i="1" s="1"/>
  <c r="A171687" i="1" s="1"/>
  <c r="A171688" i="1" s="1"/>
  <c r="A171689" i="1" s="1"/>
  <c r="A171690" i="1" s="1"/>
  <c r="A171691" i="1" s="1"/>
  <c r="A171692" i="1" s="1"/>
  <c r="A171693" i="1" s="1"/>
  <c r="A171694" i="1" s="1"/>
  <c r="A171695" i="1" s="1"/>
  <c r="A171696" i="1" s="1"/>
  <c r="A171697" i="1" s="1"/>
  <c r="A171698" i="1" s="1"/>
  <c r="A171699" i="1" s="1"/>
  <c r="A171700" i="1" s="1"/>
  <c r="A171701" i="1" s="1"/>
  <c r="A171702" i="1" s="1"/>
  <c r="A171703" i="1" s="1"/>
  <c r="A171704" i="1" s="1"/>
  <c r="A171705" i="1" s="1"/>
  <c r="A171706" i="1" s="1"/>
  <c r="A171707" i="1" s="1"/>
  <c r="A171708" i="1" s="1"/>
  <c r="A171709" i="1" s="1"/>
  <c r="A171710" i="1" s="1"/>
  <c r="A171711" i="1" s="1"/>
  <c r="A171712" i="1" s="1"/>
  <c r="A171713" i="1" s="1"/>
  <c r="A171714" i="1" s="1"/>
  <c r="A171715" i="1" s="1"/>
  <c r="A171716" i="1" s="1"/>
  <c r="A171717" i="1" s="1"/>
  <c r="A171718" i="1" s="1"/>
  <c r="A171719" i="1" s="1"/>
  <c r="A171720" i="1" s="1"/>
  <c r="A171721" i="1" s="1"/>
  <c r="A171722" i="1" s="1"/>
  <c r="A171723" i="1" s="1"/>
  <c r="A171724" i="1" s="1"/>
  <c r="A171725" i="1" s="1"/>
  <c r="A171726" i="1" s="1"/>
  <c r="A171727" i="1" s="1"/>
  <c r="A171728" i="1" s="1"/>
  <c r="A171729" i="1" s="1"/>
  <c r="A171730" i="1" s="1"/>
  <c r="A171731" i="1" s="1"/>
  <c r="A171732" i="1" s="1"/>
  <c r="A171733" i="1" s="1"/>
  <c r="A171734" i="1" s="1"/>
  <c r="A171735" i="1" s="1"/>
  <c r="A171736" i="1" s="1"/>
  <c r="A171737" i="1" s="1"/>
  <c r="A171738" i="1" s="1"/>
  <c r="A171739" i="1" s="1"/>
  <c r="A171740" i="1" s="1"/>
  <c r="A171741" i="1" s="1"/>
  <c r="A171742" i="1" s="1"/>
  <c r="A171743" i="1" s="1"/>
  <c r="A171744" i="1" s="1"/>
  <c r="A171745" i="1" s="1"/>
  <c r="A171746" i="1" s="1"/>
  <c r="A171747" i="1" s="1"/>
  <c r="A171748" i="1" s="1"/>
  <c r="A171749" i="1" s="1"/>
  <c r="A171750" i="1" s="1"/>
  <c r="A171751" i="1" s="1"/>
  <c r="A171752" i="1" s="1"/>
  <c r="A171753" i="1" s="1"/>
  <c r="A171754" i="1" s="1"/>
  <c r="A171755" i="1" s="1"/>
  <c r="A171756" i="1" s="1"/>
  <c r="A171757" i="1" s="1"/>
  <c r="A171758" i="1" s="1"/>
  <c r="A171759" i="1" s="1"/>
  <c r="A171760" i="1" s="1"/>
  <c r="A171761" i="1" s="1"/>
  <c r="A171762" i="1" s="1"/>
  <c r="A171763" i="1" s="1"/>
  <c r="A171764" i="1" s="1"/>
  <c r="A171765" i="1" s="1"/>
  <c r="A171766" i="1" s="1"/>
  <c r="A171767" i="1" s="1"/>
  <c r="A171768" i="1" s="1"/>
  <c r="A171769" i="1" s="1"/>
  <c r="A171770" i="1" s="1"/>
  <c r="A171771" i="1" s="1"/>
  <c r="A171772" i="1" s="1"/>
  <c r="A171773" i="1" s="1"/>
  <c r="A171774" i="1" s="1"/>
  <c r="A171775" i="1" s="1"/>
  <c r="A171776" i="1" s="1"/>
  <c r="A171777" i="1" s="1"/>
  <c r="A171778" i="1" s="1"/>
  <c r="A171779" i="1" s="1"/>
  <c r="A171780" i="1" s="1"/>
  <c r="A171781" i="1" s="1"/>
  <c r="A171782" i="1" s="1"/>
  <c r="A171783" i="1" s="1"/>
  <c r="A171784" i="1" s="1"/>
  <c r="A171785" i="1" s="1"/>
  <c r="A171786" i="1" s="1"/>
  <c r="A171787" i="1" s="1"/>
  <c r="A171788" i="1" s="1"/>
  <c r="A171789" i="1" s="1"/>
  <c r="A171790" i="1" s="1"/>
  <c r="A171791" i="1" s="1"/>
  <c r="A171792" i="1" s="1"/>
  <c r="A171793" i="1" s="1"/>
  <c r="A171794" i="1" s="1"/>
  <c r="A171795" i="1" s="1"/>
  <c r="A171796" i="1" s="1"/>
  <c r="A171797" i="1" s="1"/>
  <c r="A171798" i="1" s="1"/>
  <c r="A171799" i="1" s="1"/>
  <c r="A171800" i="1" s="1"/>
  <c r="A171801" i="1" s="1"/>
  <c r="A171802" i="1" s="1"/>
  <c r="A171803" i="1" s="1"/>
  <c r="A171804" i="1" s="1"/>
  <c r="A171805" i="1" s="1"/>
  <c r="A171806" i="1" s="1"/>
  <c r="A171807" i="1" s="1"/>
  <c r="A171808" i="1" s="1"/>
  <c r="A171809" i="1" s="1"/>
  <c r="A171810" i="1" s="1"/>
  <c r="A171811" i="1" s="1"/>
  <c r="A171812" i="1" s="1"/>
  <c r="A171813" i="1" s="1"/>
  <c r="A171814" i="1" s="1"/>
  <c r="A171815" i="1" s="1"/>
  <c r="A171816" i="1" s="1"/>
  <c r="A171817" i="1" s="1"/>
  <c r="A171818" i="1" s="1"/>
  <c r="A171819" i="1" s="1"/>
  <c r="A171820" i="1" s="1"/>
  <c r="A171821" i="1" s="1"/>
  <c r="A171822" i="1" s="1"/>
  <c r="A171823" i="1" s="1"/>
  <c r="A171824" i="1" s="1"/>
  <c r="A171825" i="1" s="1"/>
  <c r="A171826" i="1" s="1"/>
  <c r="A171827" i="1" s="1"/>
  <c r="A171828" i="1" s="1"/>
  <c r="A171829" i="1" s="1"/>
  <c r="A171830" i="1" s="1"/>
  <c r="A171831" i="1" s="1"/>
  <c r="A171832" i="1" s="1"/>
  <c r="A171833" i="1" s="1"/>
  <c r="A171834" i="1" s="1"/>
  <c r="A171835" i="1" s="1"/>
  <c r="A171836" i="1" s="1"/>
  <c r="A171837" i="1" s="1"/>
  <c r="A171838" i="1" s="1"/>
  <c r="A171839" i="1" s="1"/>
  <c r="A171840" i="1" s="1"/>
  <c r="A171841" i="1" s="1"/>
  <c r="A171842" i="1" s="1"/>
  <c r="A171843" i="1" s="1"/>
  <c r="A171844" i="1" s="1"/>
  <c r="A171845" i="1" s="1"/>
  <c r="A171846" i="1" s="1"/>
  <c r="A171847" i="1" s="1"/>
  <c r="A171848" i="1" s="1"/>
  <c r="A171849" i="1" s="1"/>
  <c r="A171850" i="1" s="1"/>
  <c r="A171851" i="1" s="1"/>
  <c r="A171852" i="1" s="1"/>
  <c r="A171853" i="1" s="1"/>
  <c r="A171854" i="1" s="1"/>
  <c r="A171855" i="1" s="1"/>
  <c r="A171856" i="1" s="1"/>
  <c r="A171857" i="1" s="1"/>
  <c r="A171858" i="1" s="1"/>
  <c r="A171859" i="1" s="1"/>
  <c r="A171860" i="1" s="1"/>
  <c r="A171861" i="1" s="1"/>
  <c r="A171862" i="1" s="1"/>
  <c r="A171863" i="1" s="1"/>
  <c r="A171864" i="1" s="1"/>
  <c r="A171865" i="1" s="1"/>
  <c r="A171866" i="1" s="1"/>
  <c r="A171867" i="1" s="1"/>
  <c r="A171868" i="1" s="1"/>
  <c r="A171869" i="1" s="1"/>
  <c r="A171870" i="1" s="1"/>
  <c r="A171871" i="1" s="1"/>
  <c r="A171872" i="1" s="1"/>
  <c r="A171873" i="1" s="1"/>
  <c r="A171874" i="1" s="1"/>
  <c r="A171875" i="1" s="1"/>
  <c r="A171876" i="1" s="1"/>
  <c r="A171877" i="1" s="1"/>
  <c r="A171878" i="1" s="1"/>
  <c r="A171879" i="1" s="1"/>
  <c r="A171880" i="1" s="1"/>
  <c r="A171881" i="1" s="1"/>
  <c r="A171882" i="1" s="1"/>
  <c r="A171883" i="1" s="1"/>
  <c r="A171884" i="1" s="1"/>
  <c r="A171885" i="1" s="1"/>
  <c r="A171886" i="1" s="1"/>
  <c r="A171887" i="1" s="1"/>
  <c r="A171888" i="1" s="1"/>
  <c r="A171889" i="1" s="1"/>
  <c r="A171890" i="1" s="1"/>
  <c r="A171891" i="1" s="1"/>
  <c r="A171892" i="1" s="1"/>
  <c r="A171893" i="1" s="1"/>
  <c r="A171894" i="1" s="1"/>
  <c r="A171895" i="1" s="1"/>
  <c r="A171896" i="1" s="1"/>
  <c r="A171897" i="1" s="1"/>
  <c r="A171898" i="1" s="1"/>
  <c r="A171899" i="1" s="1"/>
  <c r="A171900" i="1" s="1"/>
  <c r="A171901" i="1" s="1"/>
  <c r="A171902" i="1" s="1"/>
  <c r="A171903" i="1" s="1"/>
  <c r="A171904" i="1" s="1"/>
  <c r="A171905" i="1" s="1"/>
  <c r="A171906" i="1" s="1"/>
  <c r="A171907" i="1" s="1"/>
  <c r="A171908" i="1" s="1"/>
  <c r="A171909" i="1" s="1"/>
  <c r="A171910" i="1" s="1"/>
  <c r="A171911" i="1" s="1"/>
  <c r="A171912" i="1" s="1"/>
  <c r="A171913" i="1" s="1"/>
  <c r="A171914" i="1" s="1"/>
  <c r="A171915" i="1" s="1"/>
  <c r="A171916" i="1" s="1"/>
  <c r="A171917" i="1" s="1"/>
  <c r="A171918" i="1" s="1"/>
  <c r="A171919" i="1" s="1"/>
  <c r="A171920" i="1" s="1"/>
  <c r="A171921" i="1" s="1"/>
  <c r="A171922" i="1" s="1"/>
  <c r="A171923" i="1" s="1"/>
  <c r="A171924" i="1" s="1"/>
  <c r="A171925" i="1" s="1"/>
  <c r="A171926" i="1" s="1"/>
  <c r="A171927" i="1" s="1"/>
  <c r="A171928" i="1" s="1"/>
  <c r="A171929" i="1" s="1"/>
  <c r="A171930" i="1" s="1"/>
  <c r="A171931" i="1" s="1"/>
  <c r="A171932" i="1" s="1"/>
  <c r="A171933" i="1" s="1"/>
  <c r="A171934" i="1" s="1"/>
  <c r="A171935" i="1" s="1"/>
  <c r="A171936" i="1" s="1"/>
  <c r="A171937" i="1" s="1"/>
  <c r="A171938" i="1" s="1"/>
  <c r="A171939" i="1" s="1"/>
  <c r="A171940" i="1" s="1"/>
  <c r="A171941" i="1" s="1"/>
  <c r="A171942" i="1" s="1"/>
  <c r="A171943" i="1" s="1"/>
  <c r="A171944" i="1" s="1"/>
  <c r="A171945" i="1" s="1"/>
  <c r="A171946" i="1" s="1"/>
  <c r="A171947" i="1" s="1"/>
  <c r="A171948" i="1" s="1"/>
  <c r="A171949" i="1" s="1"/>
  <c r="A171950" i="1" s="1"/>
  <c r="A171951" i="1" s="1"/>
  <c r="A171952" i="1" s="1"/>
  <c r="A171953" i="1" s="1"/>
  <c r="A171954" i="1" s="1"/>
  <c r="A171955" i="1" s="1"/>
  <c r="A171956" i="1" s="1"/>
  <c r="A171957" i="1" s="1"/>
  <c r="A171958" i="1" s="1"/>
  <c r="A171959" i="1" s="1"/>
  <c r="A171960" i="1" s="1"/>
  <c r="A171961" i="1" s="1"/>
  <c r="A171962" i="1" s="1"/>
  <c r="A171963" i="1" s="1"/>
  <c r="A171964" i="1" s="1"/>
  <c r="A171965" i="1" s="1"/>
  <c r="A171966" i="1" s="1"/>
  <c r="A171967" i="1" s="1"/>
  <c r="A171968" i="1" s="1"/>
  <c r="A171969" i="1" s="1"/>
  <c r="A171970" i="1" s="1"/>
  <c r="A171971" i="1" s="1"/>
  <c r="A171972" i="1" s="1"/>
  <c r="A171973" i="1" s="1"/>
  <c r="A171974" i="1" s="1"/>
  <c r="A171975" i="1" s="1"/>
  <c r="A171976" i="1" s="1"/>
  <c r="A171977" i="1" s="1"/>
  <c r="A171978" i="1" s="1"/>
  <c r="A171979" i="1" s="1"/>
  <c r="A171980" i="1" s="1"/>
  <c r="A171981" i="1" s="1"/>
  <c r="A171982" i="1" s="1"/>
  <c r="A171983" i="1" s="1"/>
  <c r="A171984" i="1" s="1"/>
  <c r="A171985" i="1" s="1"/>
  <c r="A171986" i="1" s="1"/>
  <c r="A171987" i="1" s="1"/>
  <c r="A171988" i="1" s="1"/>
  <c r="A171989" i="1" s="1"/>
  <c r="A171990" i="1" s="1"/>
  <c r="A171991" i="1" s="1"/>
  <c r="A171992" i="1" s="1"/>
  <c r="A171993" i="1" s="1"/>
  <c r="A171994" i="1" s="1"/>
  <c r="A171995" i="1" s="1"/>
  <c r="A171996" i="1" s="1"/>
  <c r="A171997" i="1" s="1"/>
  <c r="A171998" i="1" s="1"/>
  <c r="A171999" i="1" s="1"/>
  <c r="A172000" i="1" s="1"/>
  <c r="A172001" i="1" s="1"/>
  <c r="A172002" i="1" s="1"/>
  <c r="A172003" i="1" s="1"/>
  <c r="A172004" i="1" s="1"/>
  <c r="A172005" i="1" s="1"/>
  <c r="A172006" i="1" s="1"/>
  <c r="A172007" i="1" s="1"/>
  <c r="A172008" i="1" s="1"/>
  <c r="A172009" i="1" s="1"/>
  <c r="A172010" i="1" s="1"/>
  <c r="A172011" i="1" s="1"/>
  <c r="A172012" i="1" s="1"/>
  <c r="A172013" i="1" s="1"/>
  <c r="A172014" i="1" s="1"/>
  <c r="A172015" i="1" s="1"/>
  <c r="A172016" i="1" s="1"/>
  <c r="A172017" i="1" s="1"/>
  <c r="A172018" i="1" s="1"/>
  <c r="A172019" i="1" s="1"/>
  <c r="A172020" i="1" s="1"/>
  <c r="A172021" i="1" s="1"/>
  <c r="A172022" i="1" s="1"/>
  <c r="A172023" i="1" s="1"/>
  <c r="A172024" i="1" s="1"/>
  <c r="A172025" i="1" s="1"/>
  <c r="A172026" i="1" s="1"/>
  <c r="A172027" i="1" s="1"/>
  <c r="A172028" i="1" s="1"/>
  <c r="A172029" i="1" s="1"/>
  <c r="A172030" i="1" s="1"/>
  <c r="A172031" i="1" s="1"/>
  <c r="A172032" i="1" s="1"/>
  <c r="A172033" i="1" s="1"/>
  <c r="A172034" i="1" s="1"/>
  <c r="A172035" i="1" s="1"/>
  <c r="A172036" i="1" s="1"/>
  <c r="A172037" i="1" s="1"/>
  <c r="A172038" i="1" s="1"/>
  <c r="A172039" i="1" s="1"/>
  <c r="A172040" i="1" s="1"/>
  <c r="A172041" i="1" s="1"/>
  <c r="A172042" i="1" s="1"/>
  <c r="A172043" i="1" s="1"/>
  <c r="A172044" i="1" s="1"/>
  <c r="A172045" i="1" s="1"/>
  <c r="A172046" i="1" s="1"/>
  <c r="A172047" i="1" s="1"/>
  <c r="A172048" i="1" s="1"/>
  <c r="A172049" i="1" s="1"/>
  <c r="A172050" i="1" s="1"/>
  <c r="A172051" i="1" s="1"/>
  <c r="A172052" i="1" s="1"/>
  <c r="A172053" i="1" s="1"/>
  <c r="A172054" i="1" s="1"/>
  <c r="A172055" i="1" s="1"/>
  <c r="A172056" i="1" s="1"/>
  <c r="A172057" i="1" s="1"/>
  <c r="A172058" i="1" s="1"/>
  <c r="A172059" i="1" s="1"/>
  <c r="A172060" i="1" s="1"/>
  <c r="A172061" i="1" s="1"/>
  <c r="A172062" i="1" s="1"/>
  <c r="A172063" i="1" s="1"/>
  <c r="A172064" i="1" s="1"/>
  <c r="A172065" i="1" s="1"/>
  <c r="A172066" i="1" s="1"/>
  <c r="A172067" i="1" s="1"/>
  <c r="A172068" i="1" s="1"/>
  <c r="A172069" i="1" s="1"/>
  <c r="A172070" i="1" s="1"/>
  <c r="A172071" i="1" s="1"/>
  <c r="A172072" i="1" s="1"/>
  <c r="A172073" i="1" s="1"/>
  <c r="A172074" i="1" s="1"/>
  <c r="A172075" i="1" s="1"/>
  <c r="A172076" i="1" s="1"/>
  <c r="A172077" i="1" s="1"/>
  <c r="A172078" i="1" s="1"/>
  <c r="A172079" i="1" s="1"/>
  <c r="A172080" i="1" s="1"/>
  <c r="A172081" i="1" s="1"/>
  <c r="A172082" i="1" s="1"/>
  <c r="A172083" i="1" s="1"/>
  <c r="A172084" i="1" s="1"/>
  <c r="A172085" i="1" s="1"/>
  <c r="A172086" i="1" s="1"/>
  <c r="A172087" i="1" s="1"/>
  <c r="A172088" i="1" s="1"/>
  <c r="A172089" i="1" s="1"/>
  <c r="A172090" i="1" s="1"/>
  <c r="A172091" i="1" s="1"/>
  <c r="A172092" i="1" s="1"/>
  <c r="A172093" i="1" s="1"/>
  <c r="A172094" i="1" s="1"/>
  <c r="A172095" i="1" s="1"/>
  <c r="A172096" i="1" s="1"/>
  <c r="A172097" i="1" s="1"/>
  <c r="A172098" i="1" s="1"/>
  <c r="A172099" i="1" s="1"/>
  <c r="A172100" i="1" s="1"/>
  <c r="A172101" i="1" s="1"/>
  <c r="A172102" i="1" s="1"/>
  <c r="A172103" i="1" s="1"/>
  <c r="A172104" i="1" s="1"/>
  <c r="A172105" i="1" s="1"/>
  <c r="A172106" i="1" s="1"/>
  <c r="A172107" i="1" s="1"/>
  <c r="A172108" i="1" s="1"/>
  <c r="A172109" i="1" s="1"/>
  <c r="A172110" i="1" s="1"/>
  <c r="A172111" i="1" s="1"/>
  <c r="A172112" i="1" s="1"/>
  <c r="A172113" i="1" s="1"/>
  <c r="A172114" i="1" s="1"/>
  <c r="A172115" i="1" s="1"/>
  <c r="A172116" i="1" s="1"/>
  <c r="A172117" i="1" s="1"/>
  <c r="A172118" i="1" s="1"/>
  <c r="A172119" i="1" s="1"/>
  <c r="A172120" i="1" s="1"/>
  <c r="A172121" i="1" s="1"/>
  <c r="A172122" i="1" s="1"/>
  <c r="A172123" i="1" s="1"/>
  <c r="A172124" i="1" s="1"/>
  <c r="A172125" i="1" s="1"/>
  <c r="A172126" i="1" s="1"/>
  <c r="A172127" i="1" s="1"/>
  <c r="A172128" i="1" s="1"/>
  <c r="A172129" i="1" s="1"/>
  <c r="A172130" i="1" s="1"/>
  <c r="A172131" i="1" s="1"/>
  <c r="A172132" i="1" s="1"/>
  <c r="A172133" i="1" s="1"/>
  <c r="A172134" i="1" s="1"/>
  <c r="A172135" i="1" s="1"/>
  <c r="A172136" i="1" s="1"/>
  <c r="A172137" i="1" s="1"/>
  <c r="A172138" i="1" s="1"/>
  <c r="A172139" i="1" s="1"/>
  <c r="A172140" i="1" s="1"/>
  <c r="A172141" i="1" s="1"/>
  <c r="A172142" i="1" s="1"/>
  <c r="A172143" i="1" s="1"/>
  <c r="A172144" i="1" s="1"/>
  <c r="A172145" i="1" s="1"/>
  <c r="A172146" i="1" s="1"/>
  <c r="A172147" i="1" s="1"/>
  <c r="A172148" i="1" s="1"/>
  <c r="A172149" i="1" s="1"/>
  <c r="A172150" i="1" s="1"/>
  <c r="A172151" i="1" s="1"/>
  <c r="A172152" i="1" s="1"/>
  <c r="A172153" i="1" s="1"/>
  <c r="A172154" i="1" s="1"/>
  <c r="A172155" i="1" s="1"/>
  <c r="A172156" i="1" s="1"/>
  <c r="A172157" i="1" s="1"/>
  <c r="A172158" i="1" s="1"/>
  <c r="A172159" i="1" s="1"/>
  <c r="A172160" i="1" s="1"/>
  <c r="A172161" i="1" s="1"/>
  <c r="A172162" i="1" s="1"/>
  <c r="A172163" i="1" s="1"/>
  <c r="A172164" i="1" s="1"/>
  <c r="A172165" i="1" s="1"/>
  <c r="A172166" i="1" s="1"/>
  <c r="A172167" i="1" s="1"/>
  <c r="A172168" i="1" s="1"/>
  <c r="A172169" i="1" s="1"/>
  <c r="A172170" i="1" s="1"/>
  <c r="A172171" i="1" s="1"/>
  <c r="A172172" i="1" s="1"/>
  <c r="A172173" i="1" s="1"/>
  <c r="A172174" i="1" s="1"/>
  <c r="A172175" i="1" s="1"/>
  <c r="A172176" i="1" s="1"/>
  <c r="A172177" i="1" s="1"/>
  <c r="A172178" i="1" s="1"/>
  <c r="A172179" i="1" s="1"/>
  <c r="A172180" i="1" s="1"/>
  <c r="A172181" i="1" s="1"/>
  <c r="A172182" i="1" s="1"/>
  <c r="A172183" i="1" s="1"/>
  <c r="A172184" i="1" s="1"/>
  <c r="A172185" i="1" s="1"/>
  <c r="A172186" i="1" s="1"/>
  <c r="A172187" i="1" s="1"/>
  <c r="A172188" i="1" s="1"/>
  <c r="A172189" i="1" s="1"/>
  <c r="A172190" i="1" s="1"/>
  <c r="A172191" i="1" s="1"/>
  <c r="A172192" i="1" s="1"/>
  <c r="A172193" i="1" s="1"/>
  <c r="A172194" i="1" s="1"/>
  <c r="A172195" i="1" s="1"/>
  <c r="A172196" i="1" s="1"/>
  <c r="A172197" i="1" s="1"/>
  <c r="A172198" i="1" s="1"/>
  <c r="A172199" i="1" s="1"/>
  <c r="A172200" i="1" s="1"/>
  <c r="A172201" i="1" s="1"/>
  <c r="A172202" i="1" s="1"/>
  <c r="A172203" i="1" s="1"/>
  <c r="A172204" i="1" s="1"/>
  <c r="A172205" i="1" s="1"/>
  <c r="A172206" i="1" s="1"/>
  <c r="A172207" i="1" s="1"/>
  <c r="A172208" i="1" s="1"/>
  <c r="A172209" i="1" s="1"/>
  <c r="A172210" i="1" s="1"/>
  <c r="A172211" i="1" s="1"/>
  <c r="A172212" i="1" s="1"/>
  <c r="A172213" i="1" s="1"/>
  <c r="A172214" i="1" s="1"/>
  <c r="A172215" i="1" s="1"/>
  <c r="A172216" i="1" s="1"/>
  <c r="A172217" i="1" s="1"/>
  <c r="A172218" i="1" s="1"/>
  <c r="A172219" i="1" s="1"/>
  <c r="A172220" i="1" s="1"/>
  <c r="A172221" i="1" s="1"/>
  <c r="A172222" i="1" s="1"/>
  <c r="A172223" i="1" s="1"/>
  <c r="A172224" i="1" s="1"/>
  <c r="A172225" i="1" s="1"/>
  <c r="A172226" i="1" s="1"/>
  <c r="A172227" i="1" s="1"/>
  <c r="A172228" i="1" s="1"/>
  <c r="A172229" i="1" s="1"/>
  <c r="A172230" i="1" s="1"/>
  <c r="A172231" i="1" s="1"/>
  <c r="A172232" i="1" s="1"/>
  <c r="A172233" i="1" s="1"/>
  <c r="A172234" i="1" s="1"/>
  <c r="A172235" i="1" s="1"/>
  <c r="A172236" i="1" s="1"/>
  <c r="A172237" i="1" s="1"/>
  <c r="A172238" i="1" s="1"/>
  <c r="A172239" i="1" s="1"/>
  <c r="A172240" i="1" s="1"/>
  <c r="A172241" i="1" s="1"/>
  <c r="A172242" i="1" s="1"/>
  <c r="A172243" i="1" s="1"/>
  <c r="A172244" i="1" s="1"/>
  <c r="A172245" i="1" s="1"/>
  <c r="A172246" i="1" s="1"/>
  <c r="A172247" i="1" s="1"/>
  <c r="A172248" i="1" s="1"/>
  <c r="A172249" i="1" s="1"/>
  <c r="A172250" i="1" s="1"/>
  <c r="A172251" i="1" s="1"/>
  <c r="A172252" i="1" s="1"/>
  <c r="A172253" i="1" s="1"/>
  <c r="A172254" i="1" s="1"/>
  <c r="A172255" i="1" s="1"/>
  <c r="A172256" i="1" s="1"/>
  <c r="A172257" i="1" s="1"/>
  <c r="A172258" i="1" s="1"/>
  <c r="A172259" i="1" s="1"/>
  <c r="A172260" i="1" s="1"/>
  <c r="A172261" i="1" s="1"/>
  <c r="A172262" i="1" s="1"/>
  <c r="A172263" i="1" s="1"/>
  <c r="A172264" i="1" s="1"/>
  <c r="A172265" i="1" s="1"/>
  <c r="A172266" i="1" s="1"/>
  <c r="A172267" i="1" s="1"/>
  <c r="A172268" i="1" s="1"/>
  <c r="A172269" i="1" s="1"/>
  <c r="A172270" i="1" s="1"/>
  <c r="A172271" i="1" s="1"/>
  <c r="A172272" i="1" s="1"/>
  <c r="A172273" i="1" s="1"/>
  <c r="A172274" i="1" s="1"/>
  <c r="A172275" i="1" s="1"/>
  <c r="A172276" i="1" s="1"/>
  <c r="A172277" i="1" s="1"/>
  <c r="A172278" i="1" s="1"/>
  <c r="A172279" i="1" s="1"/>
  <c r="A172280" i="1" s="1"/>
  <c r="A172281" i="1" s="1"/>
  <c r="A172282" i="1" s="1"/>
  <c r="A172283" i="1" s="1"/>
  <c r="A172284" i="1" s="1"/>
  <c r="A172285" i="1" s="1"/>
  <c r="A172286" i="1" s="1"/>
  <c r="A172287" i="1" s="1"/>
  <c r="A172288" i="1" s="1"/>
  <c r="A172289" i="1" s="1"/>
  <c r="A172290" i="1" s="1"/>
  <c r="A172291" i="1" s="1"/>
  <c r="A172292" i="1" s="1"/>
  <c r="A172293" i="1" s="1"/>
  <c r="A172294" i="1" s="1"/>
  <c r="A172295" i="1" s="1"/>
  <c r="A172296" i="1" s="1"/>
  <c r="A172297" i="1" s="1"/>
  <c r="A172298" i="1" s="1"/>
  <c r="A172299" i="1" s="1"/>
  <c r="A172300" i="1" s="1"/>
  <c r="A172301" i="1" s="1"/>
  <c r="A172302" i="1" s="1"/>
  <c r="A172303" i="1" s="1"/>
  <c r="A172304" i="1" s="1"/>
  <c r="A172305" i="1" s="1"/>
  <c r="A172306" i="1" s="1"/>
  <c r="A172307" i="1" s="1"/>
  <c r="A172308" i="1" s="1"/>
  <c r="A172309" i="1" s="1"/>
  <c r="A172310" i="1" s="1"/>
  <c r="A172311" i="1" s="1"/>
  <c r="A172312" i="1" s="1"/>
  <c r="A172313" i="1" s="1"/>
  <c r="A172314" i="1" s="1"/>
  <c r="A172315" i="1" s="1"/>
  <c r="A172316" i="1" s="1"/>
  <c r="A172317" i="1" s="1"/>
  <c r="A172318" i="1" s="1"/>
  <c r="A172319" i="1" s="1"/>
  <c r="A172320" i="1" s="1"/>
  <c r="A172321" i="1" s="1"/>
  <c r="A172322" i="1" s="1"/>
  <c r="A172323" i="1" s="1"/>
  <c r="A172324" i="1" s="1"/>
  <c r="A172325" i="1" s="1"/>
  <c r="A172326" i="1" s="1"/>
  <c r="A172327" i="1" s="1"/>
  <c r="A172328" i="1" s="1"/>
  <c r="A172329" i="1" s="1"/>
  <c r="A172330" i="1" s="1"/>
  <c r="A172331" i="1" s="1"/>
  <c r="A172332" i="1" s="1"/>
  <c r="A172333" i="1" s="1"/>
  <c r="A172334" i="1" s="1"/>
  <c r="A172335" i="1" s="1"/>
  <c r="A172336" i="1" s="1"/>
  <c r="A172337" i="1" s="1"/>
  <c r="A172338" i="1" s="1"/>
  <c r="A172339" i="1" s="1"/>
  <c r="A172340" i="1" s="1"/>
  <c r="A172341" i="1" s="1"/>
  <c r="A172342" i="1" s="1"/>
  <c r="A172343" i="1" s="1"/>
  <c r="A172344" i="1" s="1"/>
  <c r="A172345" i="1" s="1"/>
  <c r="A172346" i="1" s="1"/>
  <c r="A172347" i="1" s="1"/>
  <c r="A172348" i="1" s="1"/>
  <c r="A172349" i="1" s="1"/>
  <c r="A172350" i="1" s="1"/>
  <c r="A172351" i="1" s="1"/>
  <c r="A172352" i="1" s="1"/>
  <c r="A172353" i="1" s="1"/>
  <c r="A172354" i="1" s="1"/>
  <c r="A172355" i="1" s="1"/>
  <c r="A172356" i="1" s="1"/>
  <c r="A172357" i="1" s="1"/>
  <c r="A172358" i="1" s="1"/>
  <c r="A172359" i="1" s="1"/>
  <c r="A172360" i="1" s="1"/>
  <c r="A172361" i="1" s="1"/>
  <c r="A172362" i="1" s="1"/>
  <c r="A172363" i="1" s="1"/>
  <c r="A172364" i="1" s="1"/>
  <c r="A172365" i="1" s="1"/>
  <c r="A172366" i="1" s="1"/>
  <c r="A172367" i="1" s="1"/>
  <c r="A172368" i="1" s="1"/>
  <c r="A172369" i="1" s="1"/>
  <c r="A172370" i="1" s="1"/>
  <c r="A172371" i="1" s="1"/>
  <c r="A172372" i="1" s="1"/>
  <c r="A172373" i="1" s="1"/>
  <c r="A172374" i="1" s="1"/>
  <c r="A172375" i="1" s="1"/>
  <c r="A172376" i="1" s="1"/>
  <c r="A172377" i="1" s="1"/>
  <c r="A172378" i="1" s="1"/>
  <c r="A172379" i="1" s="1"/>
  <c r="A172380" i="1" s="1"/>
  <c r="A172381" i="1" s="1"/>
  <c r="A172382" i="1" s="1"/>
  <c r="A172383" i="1" s="1"/>
  <c r="A172384" i="1" s="1"/>
  <c r="A172385" i="1" s="1"/>
  <c r="A172386" i="1" s="1"/>
  <c r="A172387" i="1" s="1"/>
  <c r="A172388" i="1" s="1"/>
  <c r="A172389" i="1" s="1"/>
  <c r="A172390" i="1" s="1"/>
  <c r="A172391" i="1" s="1"/>
  <c r="A172392" i="1" s="1"/>
  <c r="A172393" i="1" s="1"/>
  <c r="A172394" i="1" s="1"/>
  <c r="A172395" i="1" s="1"/>
  <c r="A172396" i="1" s="1"/>
  <c r="A172397" i="1" s="1"/>
  <c r="A172398" i="1" s="1"/>
  <c r="A172399" i="1" s="1"/>
  <c r="A172400" i="1" s="1"/>
  <c r="A172401" i="1" s="1"/>
  <c r="A172402" i="1" s="1"/>
  <c r="A172403" i="1" s="1"/>
  <c r="A172404" i="1" s="1"/>
  <c r="A172405" i="1" s="1"/>
  <c r="A172406" i="1" s="1"/>
  <c r="A172407" i="1" s="1"/>
  <c r="A172408" i="1" s="1"/>
  <c r="A172409" i="1" s="1"/>
  <c r="A172410" i="1" s="1"/>
  <c r="A172411" i="1" s="1"/>
  <c r="A172412" i="1" s="1"/>
  <c r="A172413" i="1" s="1"/>
  <c r="A172414" i="1" s="1"/>
  <c r="A172415" i="1" s="1"/>
  <c r="A172416" i="1" s="1"/>
  <c r="A172417" i="1" s="1"/>
  <c r="A172418" i="1" s="1"/>
  <c r="A172419" i="1" s="1"/>
  <c r="A172420" i="1" s="1"/>
  <c r="A172421" i="1" s="1"/>
  <c r="A172422" i="1" s="1"/>
  <c r="A172423" i="1" s="1"/>
  <c r="A172424" i="1" s="1"/>
  <c r="A172425" i="1" s="1"/>
  <c r="A172426" i="1" s="1"/>
  <c r="A172427" i="1" s="1"/>
  <c r="A172428" i="1" s="1"/>
  <c r="A172429" i="1" s="1"/>
  <c r="A172430" i="1" s="1"/>
  <c r="A172431" i="1" s="1"/>
  <c r="A172432" i="1" s="1"/>
  <c r="A172433" i="1" s="1"/>
  <c r="A172434" i="1" s="1"/>
  <c r="A172435" i="1" s="1"/>
  <c r="A172436" i="1" s="1"/>
  <c r="A172437" i="1" s="1"/>
  <c r="A172438" i="1" s="1"/>
  <c r="A172439" i="1" s="1"/>
  <c r="A172440" i="1" s="1"/>
  <c r="A172441" i="1" s="1"/>
  <c r="A172442" i="1" s="1"/>
  <c r="A172443" i="1" s="1"/>
  <c r="A172444" i="1" s="1"/>
  <c r="A172445" i="1" s="1"/>
  <c r="A172446" i="1" s="1"/>
  <c r="A172447" i="1" s="1"/>
  <c r="A172448" i="1" s="1"/>
  <c r="A172449" i="1" s="1"/>
  <c r="A172450" i="1" s="1"/>
  <c r="A172451" i="1" s="1"/>
  <c r="A172452" i="1" s="1"/>
  <c r="A172453" i="1" s="1"/>
  <c r="A172454" i="1" s="1"/>
  <c r="A172455" i="1" s="1"/>
  <c r="A172456" i="1" s="1"/>
  <c r="A172457" i="1" s="1"/>
  <c r="A172458" i="1" s="1"/>
  <c r="A172459" i="1" s="1"/>
  <c r="A172460" i="1" s="1"/>
  <c r="A172461" i="1" s="1"/>
  <c r="A172462" i="1" s="1"/>
  <c r="A172463" i="1" s="1"/>
  <c r="A172464" i="1" s="1"/>
  <c r="A172465" i="1" s="1"/>
  <c r="A172466" i="1" s="1"/>
  <c r="A172467" i="1" s="1"/>
  <c r="A172468" i="1" s="1"/>
  <c r="A172469" i="1" s="1"/>
  <c r="A172470" i="1" s="1"/>
  <c r="A172471" i="1" s="1"/>
  <c r="A172472" i="1" s="1"/>
  <c r="A172473" i="1" s="1"/>
  <c r="A172474" i="1" s="1"/>
  <c r="A172475" i="1" s="1"/>
  <c r="A172476" i="1" s="1"/>
  <c r="A172477" i="1" s="1"/>
  <c r="A172478" i="1" s="1"/>
  <c r="A172479" i="1" s="1"/>
  <c r="A172480" i="1" s="1"/>
  <c r="A172481" i="1" s="1"/>
  <c r="A172482" i="1" s="1"/>
  <c r="A172483" i="1" s="1"/>
  <c r="A172484" i="1" s="1"/>
  <c r="A172485" i="1" s="1"/>
  <c r="A172486" i="1" s="1"/>
  <c r="A172487" i="1" s="1"/>
  <c r="A172488" i="1" s="1"/>
  <c r="A172489" i="1" s="1"/>
  <c r="A172490" i="1" s="1"/>
  <c r="A172491" i="1" s="1"/>
  <c r="A172492" i="1" s="1"/>
  <c r="A172493" i="1" s="1"/>
  <c r="A172494" i="1" s="1"/>
  <c r="A172495" i="1" s="1"/>
  <c r="A172496" i="1" s="1"/>
  <c r="A172497" i="1" s="1"/>
  <c r="A172498" i="1" s="1"/>
  <c r="A172499" i="1" s="1"/>
  <c r="A172500" i="1" s="1"/>
  <c r="A172501" i="1" s="1"/>
  <c r="A172502" i="1" s="1"/>
  <c r="A172503" i="1" s="1"/>
  <c r="A172504" i="1" s="1"/>
  <c r="A172505" i="1" s="1"/>
  <c r="A172506" i="1" s="1"/>
  <c r="A172507" i="1" s="1"/>
  <c r="A172508" i="1" s="1"/>
  <c r="A172509" i="1" s="1"/>
  <c r="A172510" i="1" s="1"/>
  <c r="A172511" i="1" s="1"/>
  <c r="A172512" i="1" s="1"/>
  <c r="A172513" i="1" s="1"/>
  <c r="A172514" i="1" s="1"/>
  <c r="A172515" i="1" s="1"/>
  <c r="A172516" i="1" s="1"/>
  <c r="A172517" i="1" s="1"/>
  <c r="A172518" i="1" s="1"/>
  <c r="A172519" i="1" s="1"/>
  <c r="A172520" i="1" s="1"/>
  <c r="A172521" i="1" s="1"/>
  <c r="A172522" i="1" s="1"/>
  <c r="A172523" i="1" s="1"/>
  <c r="A172524" i="1" s="1"/>
  <c r="A172525" i="1" s="1"/>
  <c r="A172526" i="1" s="1"/>
  <c r="A172527" i="1" s="1"/>
  <c r="A172528" i="1" s="1"/>
  <c r="A172529" i="1" s="1"/>
  <c r="A172530" i="1" s="1"/>
  <c r="A172531" i="1" s="1"/>
  <c r="A172532" i="1" s="1"/>
  <c r="A172533" i="1" s="1"/>
  <c r="A172534" i="1" s="1"/>
  <c r="A172535" i="1" s="1"/>
  <c r="A172536" i="1" s="1"/>
  <c r="A172537" i="1" s="1"/>
  <c r="A172538" i="1" s="1"/>
  <c r="A172539" i="1" s="1"/>
  <c r="A172540" i="1" s="1"/>
  <c r="A172541" i="1" s="1"/>
  <c r="A172542" i="1" s="1"/>
  <c r="A172543" i="1" s="1"/>
  <c r="A172544" i="1" s="1"/>
  <c r="A172545" i="1" s="1"/>
  <c r="A172546" i="1" s="1"/>
  <c r="A172547" i="1" s="1"/>
  <c r="A172548" i="1" s="1"/>
  <c r="A172549" i="1" s="1"/>
  <c r="A172550" i="1" s="1"/>
  <c r="A172551" i="1" s="1"/>
  <c r="A172552" i="1" s="1"/>
  <c r="A172553" i="1" s="1"/>
  <c r="A172554" i="1" s="1"/>
  <c r="A172555" i="1" s="1"/>
  <c r="A172556" i="1" s="1"/>
  <c r="A172557" i="1" s="1"/>
  <c r="A172558" i="1" s="1"/>
  <c r="A172559" i="1" s="1"/>
  <c r="A172560" i="1" s="1"/>
  <c r="A172561" i="1" s="1"/>
  <c r="A172562" i="1" s="1"/>
  <c r="A172563" i="1" s="1"/>
  <c r="A172564" i="1" s="1"/>
  <c r="A172565" i="1" s="1"/>
  <c r="A172566" i="1" s="1"/>
  <c r="A172567" i="1" s="1"/>
  <c r="A172568" i="1" s="1"/>
  <c r="A172569" i="1" s="1"/>
  <c r="A172570" i="1" s="1"/>
  <c r="A172571" i="1" s="1"/>
  <c r="A172572" i="1" s="1"/>
  <c r="A172573" i="1" s="1"/>
  <c r="A172574" i="1" s="1"/>
  <c r="A172575" i="1" s="1"/>
  <c r="A172576" i="1" s="1"/>
  <c r="A172577" i="1" s="1"/>
  <c r="A172578" i="1" s="1"/>
  <c r="A172579" i="1" s="1"/>
  <c r="A172580" i="1" s="1"/>
  <c r="A172581" i="1" s="1"/>
  <c r="A172582" i="1" s="1"/>
  <c r="A172583" i="1" s="1"/>
  <c r="A172584" i="1" s="1"/>
  <c r="A172585" i="1" s="1"/>
  <c r="A172586" i="1" s="1"/>
  <c r="A172587" i="1" s="1"/>
  <c r="A172588" i="1" s="1"/>
  <c r="A172589" i="1" s="1"/>
  <c r="A172590" i="1" s="1"/>
  <c r="A172591" i="1" s="1"/>
  <c r="A172592" i="1" s="1"/>
  <c r="A172593" i="1" s="1"/>
  <c r="A172594" i="1" s="1"/>
  <c r="A172595" i="1" s="1"/>
  <c r="A172596" i="1" s="1"/>
  <c r="A172597" i="1" s="1"/>
  <c r="A172598" i="1" s="1"/>
  <c r="A172599" i="1" s="1"/>
  <c r="A172600" i="1" s="1"/>
  <c r="A172601" i="1" s="1"/>
  <c r="A172602" i="1" s="1"/>
  <c r="A172603" i="1" s="1"/>
  <c r="A172604" i="1" s="1"/>
  <c r="A172605" i="1" s="1"/>
  <c r="A172606" i="1" s="1"/>
  <c r="A172607" i="1" s="1"/>
  <c r="A172608" i="1" s="1"/>
  <c r="A172609" i="1" s="1"/>
  <c r="A172610" i="1" s="1"/>
  <c r="A172611" i="1" s="1"/>
  <c r="A172612" i="1" s="1"/>
  <c r="A172613" i="1" s="1"/>
  <c r="A172614" i="1" s="1"/>
  <c r="A172615" i="1" s="1"/>
  <c r="A172616" i="1" s="1"/>
  <c r="A172617" i="1" s="1"/>
  <c r="A172618" i="1" s="1"/>
  <c r="A172619" i="1" s="1"/>
  <c r="A172620" i="1" s="1"/>
  <c r="A172621" i="1" s="1"/>
  <c r="A172622" i="1" s="1"/>
  <c r="A172623" i="1" s="1"/>
  <c r="A172624" i="1" s="1"/>
  <c r="A172625" i="1" s="1"/>
  <c r="A172626" i="1" s="1"/>
  <c r="A172627" i="1" s="1"/>
  <c r="A172628" i="1" s="1"/>
  <c r="A172629" i="1" s="1"/>
  <c r="A172630" i="1" s="1"/>
  <c r="A172631" i="1" s="1"/>
  <c r="A172632" i="1" s="1"/>
  <c r="A172633" i="1" s="1"/>
  <c r="A172634" i="1" s="1"/>
  <c r="A172635" i="1" s="1"/>
  <c r="A172636" i="1" s="1"/>
  <c r="A172637" i="1" s="1"/>
  <c r="A172638" i="1" s="1"/>
  <c r="A172639" i="1" s="1"/>
  <c r="A172640" i="1" s="1"/>
  <c r="A172641" i="1" s="1"/>
  <c r="A172642" i="1" s="1"/>
  <c r="A172643" i="1" s="1"/>
  <c r="A172644" i="1" s="1"/>
  <c r="A172645" i="1" s="1"/>
  <c r="A172646" i="1" s="1"/>
  <c r="A172647" i="1" s="1"/>
  <c r="A172648" i="1" s="1"/>
  <c r="A172649" i="1" s="1"/>
  <c r="A172650" i="1" s="1"/>
  <c r="A172651" i="1" s="1"/>
  <c r="A172652" i="1" s="1"/>
  <c r="A172653" i="1" s="1"/>
  <c r="A172654" i="1" s="1"/>
  <c r="A172655" i="1" s="1"/>
  <c r="A172656" i="1" s="1"/>
  <c r="A172657" i="1" s="1"/>
  <c r="A172658" i="1" s="1"/>
  <c r="A172659" i="1" s="1"/>
  <c r="A172660" i="1" s="1"/>
  <c r="A172661" i="1" s="1"/>
  <c r="A172662" i="1" s="1"/>
  <c r="A172663" i="1" s="1"/>
  <c r="A172664" i="1" s="1"/>
  <c r="A172665" i="1" s="1"/>
  <c r="A172666" i="1" s="1"/>
  <c r="A172667" i="1" s="1"/>
  <c r="A172668" i="1" s="1"/>
  <c r="A172669" i="1" s="1"/>
  <c r="A172670" i="1" s="1"/>
  <c r="A172671" i="1" s="1"/>
  <c r="A172672" i="1" s="1"/>
  <c r="A172673" i="1" s="1"/>
  <c r="A172674" i="1" s="1"/>
  <c r="A172675" i="1" s="1"/>
  <c r="A172676" i="1" s="1"/>
  <c r="A172677" i="1" s="1"/>
  <c r="A172678" i="1" s="1"/>
  <c r="A172679" i="1" s="1"/>
  <c r="A172680" i="1" s="1"/>
  <c r="A172681" i="1" s="1"/>
  <c r="A172682" i="1" s="1"/>
  <c r="A172683" i="1" s="1"/>
  <c r="A172684" i="1" s="1"/>
  <c r="A172685" i="1" s="1"/>
  <c r="A172686" i="1" s="1"/>
  <c r="A172687" i="1" s="1"/>
  <c r="A172688" i="1" s="1"/>
  <c r="A172689" i="1" s="1"/>
  <c r="A172690" i="1" s="1"/>
  <c r="A172691" i="1" s="1"/>
  <c r="A172692" i="1" s="1"/>
  <c r="A172693" i="1" s="1"/>
  <c r="A172694" i="1" s="1"/>
  <c r="A172695" i="1" s="1"/>
  <c r="A172696" i="1" s="1"/>
  <c r="A172697" i="1" s="1"/>
  <c r="A172698" i="1" s="1"/>
  <c r="A172699" i="1" s="1"/>
  <c r="A172700" i="1" s="1"/>
  <c r="A172701" i="1" s="1"/>
  <c r="A172702" i="1" s="1"/>
  <c r="A172703" i="1" s="1"/>
  <c r="A172704" i="1" s="1"/>
  <c r="A172705" i="1" s="1"/>
  <c r="A172706" i="1" s="1"/>
  <c r="A172707" i="1" s="1"/>
  <c r="A172708" i="1" s="1"/>
  <c r="A172709" i="1" s="1"/>
  <c r="A172710" i="1" s="1"/>
  <c r="A172711" i="1" s="1"/>
  <c r="A172712" i="1" s="1"/>
  <c r="A172713" i="1" s="1"/>
  <c r="A172714" i="1" s="1"/>
  <c r="A172715" i="1" s="1"/>
  <c r="A172716" i="1" s="1"/>
  <c r="A172717" i="1" s="1"/>
  <c r="A172718" i="1" s="1"/>
  <c r="A172719" i="1" s="1"/>
  <c r="A172720" i="1" s="1"/>
  <c r="A172721" i="1" s="1"/>
  <c r="A172722" i="1" s="1"/>
  <c r="A172723" i="1" s="1"/>
  <c r="A172724" i="1" s="1"/>
  <c r="A172725" i="1" s="1"/>
  <c r="A172726" i="1" s="1"/>
  <c r="A172727" i="1" s="1"/>
  <c r="A172728" i="1" s="1"/>
  <c r="A172729" i="1" s="1"/>
  <c r="A172730" i="1" s="1"/>
  <c r="A172731" i="1" s="1"/>
  <c r="A172732" i="1" s="1"/>
  <c r="A172733" i="1" s="1"/>
  <c r="A172734" i="1" s="1"/>
  <c r="A172735" i="1" s="1"/>
  <c r="A172736" i="1" s="1"/>
  <c r="A172737" i="1" s="1"/>
  <c r="A172738" i="1" s="1"/>
  <c r="A172739" i="1" s="1"/>
  <c r="A172740" i="1" s="1"/>
  <c r="A172741" i="1" s="1"/>
  <c r="A172742" i="1" s="1"/>
  <c r="A172743" i="1" s="1"/>
  <c r="A172744" i="1" s="1"/>
  <c r="A172745" i="1" s="1"/>
  <c r="A172746" i="1" s="1"/>
  <c r="A172747" i="1" s="1"/>
  <c r="A172748" i="1" s="1"/>
  <c r="A172749" i="1" s="1"/>
  <c r="A172750" i="1" s="1"/>
  <c r="A172751" i="1" s="1"/>
  <c r="A172752" i="1" s="1"/>
  <c r="A172753" i="1" s="1"/>
  <c r="A172754" i="1" s="1"/>
  <c r="A172755" i="1" s="1"/>
  <c r="A172756" i="1" s="1"/>
  <c r="A172757" i="1" s="1"/>
  <c r="A172758" i="1" s="1"/>
  <c r="A172759" i="1" s="1"/>
  <c r="A172760" i="1" s="1"/>
  <c r="A172761" i="1" s="1"/>
  <c r="A172762" i="1" s="1"/>
  <c r="A172763" i="1" s="1"/>
  <c r="A172764" i="1" s="1"/>
  <c r="A172765" i="1" s="1"/>
  <c r="A172766" i="1" s="1"/>
  <c r="A172767" i="1" s="1"/>
  <c r="A172768" i="1" s="1"/>
  <c r="A172769" i="1" s="1"/>
  <c r="A172770" i="1" s="1"/>
  <c r="A172771" i="1" s="1"/>
  <c r="A172772" i="1" s="1"/>
  <c r="A172773" i="1" s="1"/>
  <c r="A172774" i="1" s="1"/>
  <c r="A172775" i="1" s="1"/>
  <c r="A172776" i="1" s="1"/>
  <c r="A172777" i="1" s="1"/>
  <c r="A172778" i="1" s="1"/>
  <c r="A172779" i="1" s="1"/>
  <c r="A172780" i="1" s="1"/>
  <c r="A172781" i="1" s="1"/>
  <c r="A172782" i="1" s="1"/>
  <c r="A172783" i="1" s="1"/>
  <c r="A172784" i="1" s="1"/>
  <c r="A172785" i="1" s="1"/>
  <c r="A172786" i="1" s="1"/>
  <c r="A172787" i="1" s="1"/>
  <c r="A172788" i="1" s="1"/>
  <c r="A172789" i="1" s="1"/>
  <c r="A172790" i="1" s="1"/>
  <c r="A172791" i="1" s="1"/>
  <c r="A172792" i="1" s="1"/>
  <c r="A172793" i="1" s="1"/>
  <c r="A172794" i="1" s="1"/>
  <c r="A172795" i="1" s="1"/>
  <c r="A172796" i="1" s="1"/>
  <c r="A172797" i="1" s="1"/>
  <c r="A172798" i="1" s="1"/>
  <c r="A172799" i="1" s="1"/>
  <c r="A172800" i="1" s="1"/>
  <c r="A172801" i="1" s="1"/>
  <c r="A172802" i="1" s="1"/>
  <c r="A172803" i="1" s="1"/>
  <c r="A172804" i="1" s="1"/>
  <c r="A172805" i="1" s="1"/>
  <c r="A172806" i="1" s="1"/>
  <c r="A172807" i="1" s="1"/>
  <c r="A172808" i="1" s="1"/>
  <c r="A172809" i="1" s="1"/>
  <c r="A172810" i="1" s="1"/>
  <c r="A172811" i="1" s="1"/>
  <c r="A172812" i="1" s="1"/>
  <c r="A172813" i="1" s="1"/>
  <c r="A172814" i="1" s="1"/>
  <c r="A172815" i="1" s="1"/>
  <c r="A172816" i="1" s="1"/>
  <c r="A172817" i="1" s="1"/>
  <c r="A172818" i="1" s="1"/>
  <c r="A172819" i="1" s="1"/>
  <c r="A172820" i="1" s="1"/>
  <c r="A172821" i="1" s="1"/>
  <c r="A172822" i="1" s="1"/>
  <c r="A172823" i="1" s="1"/>
  <c r="A172824" i="1" s="1"/>
  <c r="A172825" i="1" s="1"/>
  <c r="A172826" i="1" s="1"/>
  <c r="A172827" i="1" s="1"/>
  <c r="A172828" i="1" s="1"/>
  <c r="A172829" i="1" s="1"/>
  <c r="A172830" i="1" s="1"/>
  <c r="A172831" i="1" s="1"/>
  <c r="A172832" i="1" s="1"/>
  <c r="A172833" i="1" s="1"/>
  <c r="A172834" i="1" s="1"/>
  <c r="A172835" i="1" s="1"/>
  <c r="A172836" i="1" s="1"/>
  <c r="A172837" i="1" s="1"/>
  <c r="A172838" i="1" s="1"/>
  <c r="A172839" i="1" s="1"/>
  <c r="A172840" i="1" s="1"/>
  <c r="A172841" i="1" s="1"/>
  <c r="A172842" i="1" s="1"/>
  <c r="A172843" i="1" s="1"/>
  <c r="A172844" i="1" s="1"/>
  <c r="A172845" i="1" s="1"/>
  <c r="A172846" i="1" s="1"/>
  <c r="A172847" i="1" s="1"/>
  <c r="A172848" i="1" s="1"/>
  <c r="A172849" i="1" s="1"/>
  <c r="A172850" i="1" s="1"/>
  <c r="A172851" i="1" s="1"/>
  <c r="A172852" i="1" s="1"/>
  <c r="A172853" i="1" s="1"/>
  <c r="A172854" i="1" s="1"/>
  <c r="A172855" i="1" s="1"/>
  <c r="A172856" i="1" s="1"/>
  <c r="A172857" i="1" s="1"/>
  <c r="A172858" i="1" s="1"/>
  <c r="A172859" i="1" s="1"/>
  <c r="A172860" i="1" s="1"/>
  <c r="A172861" i="1" s="1"/>
  <c r="A172862" i="1" s="1"/>
  <c r="A172863" i="1" s="1"/>
  <c r="A172864" i="1" s="1"/>
  <c r="A172865" i="1" s="1"/>
  <c r="A172866" i="1" s="1"/>
  <c r="A172867" i="1" s="1"/>
  <c r="A172868" i="1" s="1"/>
  <c r="A172869" i="1" s="1"/>
  <c r="A172870" i="1" s="1"/>
  <c r="A172871" i="1" s="1"/>
  <c r="A172872" i="1" s="1"/>
  <c r="A172873" i="1" s="1"/>
  <c r="A172874" i="1" s="1"/>
  <c r="A172875" i="1" s="1"/>
  <c r="A172876" i="1" s="1"/>
  <c r="A172877" i="1" s="1"/>
  <c r="A172878" i="1" s="1"/>
  <c r="A172879" i="1" s="1"/>
  <c r="A172880" i="1" s="1"/>
  <c r="A172881" i="1" s="1"/>
  <c r="A172882" i="1" s="1"/>
  <c r="A172883" i="1" s="1"/>
  <c r="A172884" i="1" s="1"/>
  <c r="A172885" i="1" s="1"/>
  <c r="A172886" i="1" s="1"/>
  <c r="A172887" i="1" s="1"/>
  <c r="A172888" i="1" s="1"/>
  <c r="A172889" i="1" s="1"/>
  <c r="A172890" i="1" s="1"/>
  <c r="A172891" i="1" s="1"/>
  <c r="A172892" i="1" s="1"/>
  <c r="A172893" i="1" s="1"/>
  <c r="A172894" i="1" s="1"/>
  <c r="A172895" i="1" s="1"/>
  <c r="A172896" i="1" s="1"/>
  <c r="A172897" i="1" s="1"/>
  <c r="A172898" i="1" s="1"/>
  <c r="A172899" i="1" s="1"/>
  <c r="A172900" i="1" s="1"/>
  <c r="A172901" i="1" s="1"/>
  <c r="A172902" i="1" s="1"/>
  <c r="A172903" i="1" s="1"/>
  <c r="A172904" i="1" s="1"/>
  <c r="A172905" i="1" s="1"/>
  <c r="A172906" i="1" s="1"/>
  <c r="A172907" i="1" s="1"/>
  <c r="A172908" i="1" s="1"/>
  <c r="A172909" i="1" s="1"/>
  <c r="A172910" i="1" s="1"/>
  <c r="A172911" i="1" s="1"/>
  <c r="A172912" i="1" s="1"/>
  <c r="A172913" i="1" s="1"/>
  <c r="A172914" i="1" s="1"/>
  <c r="A172915" i="1" s="1"/>
  <c r="A172916" i="1" s="1"/>
  <c r="A172917" i="1" s="1"/>
  <c r="A172918" i="1" s="1"/>
  <c r="A172919" i="1" s="1"/>
  <c r="A172920" i="1" s="1"/>
  <c r="A172921" i="1" s="1"/>
  <c r="A172922" i="1" s="1"/>
  <c r="A172923" i="1" s="1"/>
  <c r="A172924" i="1" s="1"/>
  <c r="A172925" i="1" s="1"/>
  <c r="A172926" i="1" s="1"/>
  <c r="A172927" i="1" s="1"/>
  <c r="A172928" i="1" s="1"/>
  <c r="A172929" i="1" s="1"/>
  <c r="A172930" i="1" s="1"/>
  <c r="A172931" i="1" s="1"/>
  <c r="A172932" i="1" s="1"/>
  <c r="A172933" i="1" s="1"/>
  <c r="A172934" i="1" s="1"/>
  <c r="A172935" i="1" s="1"/>
  <c r="A172936" i="1" s="1"/>
  <c r="A172937" i="1" s="1"/>
  <c r="A172938" i="1" s="1"/>
  <c r="A172939" i="1" s="1"/>
  <c r="A172940" i="1" s="1"/>
  <c r="A172941" i="1" s="1"/>
  <c r="A172942" i="1" s="1"/>
  <c r="A172943" i="1" s="1"/>
  <c r="A172944" i="1" s="1"/>
  <c r="A172945" i="1" s="1"/>
  <c r="A172946" i="1" s="1"/>
  <c r="A172947" i="1" s="1"/>
  <c r="A172948" i="1" s="1"/>
  <c r="A172949" i="1" s="1"/>
  <c r="A172950" i="1" s="1"/>
  <c r="A172951" i="1" s="1"/>
  <c r="A172952" i="1" s="1"/>
  <c r="A172953" i="1" s="1"/>
  <c r="A172954" i="1" s="1"/>
  <c r="A172955" i="1" s="1"/>
  <c r="A172956" i="1" s="1"/>
  <c r="A172957" i="1" s="1"/>
  <c r="A172958" i="1" s="1"/>
  <c r="A172959" i="1" s="1"/>
  <c r="A172960" i="1" s="1"/>
  <c r="A172961" i="1" s="1"/>
  <c r="A172962" i="1" s="1"/>
  <c r="A172963" i="1" s="1"/>
  <c r="A172964" i="1" s="1"/>
  <c r="A172965" i="1" s="1"/>
  <c r="A172966" i="1" s="1"/>
  <c r="A172967" i="1" s="1"/>
  <c r="A172968" i="1" s="1"/>
  <c r="A172969" i="1" s="1"/>
  <c r="A172970" i="1" s="1"/>
  <c r="A172971" i="1" s="1"/>
  <c r="A172972" i="1" s="1"/>
  <c r="A172973" i="1" s="1"/>
  <c r="A172974" i="1" s="1"/>
  <c r="A172975" i="1" s="1"/>
  <c r="A172976" i="1" s="1"/>
  <c r="A172977" i="1" s="1"/>
  <c r="A172978" i="1" s="1"/>
  <c r="A172979" i="1" s="1"/>
  <c r="A172980" i="1" s="1"/>
  <c r="A172981" i="1" s="1"/>
  <c r="A172982" i="1" s="1"/>
  <c r="A172983" i="1" s="1"/>
  <c r="A172984" i="1" s="1"/>
  <c r="A172985" i="1" s="1"/>
  <c r="A172986" i="1" s="1"/>
  <c r="A172987" i="1" s="1"/>
  <c r="A172988" i="1" s="1"/>
  <c r="A172989" i="1" s="1"/>
  <c r="A172990" i="1" s="1"/>
  <c r="A172991" i="1" s="1"/>
  <c r="A172992" i="1" s="1"/>
  <c r="A172993" i="1" s="1"/>
  <c r="A172994" i="1" s="1"/>
  <c r="A172995" i="1" s="1"/>
  <c r="A172996" i="1" s="1"/>
  <c r="A172997" i="1" s="1"/>
  <c r="A172998" i="1" s="1"/>
  <c r="A172999" i="1" s="1"/>
  <c r="A173000" i="1" s="1"/>
  <c r="A173001" i="1" s="1"/>
  <c r="A173002" i="1" s="1"/>
  <c r="A173003" i="1" s="1"/>
  <c r="A173004" i="1" s="1"/>
  <c r="A173005" i="1" s="1"/>
  <c r="A173006" i="1" s="1"/>
  <c r="A173007" i="1" s="1"/>
  <c r="A173008" i="1" s="1"/>
  <c r="A173009" i="1" s="1"/>
  <c r="A173010" i="1" s="1"/>
  <c r="A173011" i="1" s="1"/>
  <c r="A173012" i="1" s="1"/>
  <c r="A173013" i="1" s="1"/>
  <c r="A173014" i="1" s="1"/>
  <c r="A173015" i="1" s="1"/>
  <c r="A173016" i="1" s="1"/>
  <c r="A173017" i="1" s="1"/>
  <c r="A173018" i="1" s="1"/>
  <c r="A173019" i="1" s="1"/>
  <c r="A173020" i="1" s="1"/>
  <c r="A173021" i="1" s="1"/>
  <c r="A173022" i="1" s="1"/>
  <c r="A173023" i="1" s="1"/>
  <c r="A173024" i="1" s="1"/>
  <c r="A173025" i="1" s="1"/>
  <c r="A173026" i="1" s="1"/>
  <c r="A173027" i="1" s="1"/>
  <c r="A173028" i="1" s="1"/>
  <c r="A173029" i="1" s="1"/>
  <c r="A173030" i="1" s="1"/>
  <c r="A173031" i="1" s="1"/>
  <c r="A173032" i="1" s="1"/>
  <c r="A173033" i="1" s="1"/>
  <c r="A173034" i="1" s="1"/>
  <c r="A173035" i="1" s="1"/>
  <c r="A173036" i="1" s="1"/>
  <c r="A173037" i="1" s="1"/>
  <c r="A173038" i="1" s="1"/>
  <c r="A173039" i="1" s="1"/>
  <c r="A173040" i="1" s="1"/>
  <c r="A173041" i="1" s="1"/>
  <c r="A173042" i="1" s="1"/>
  <c r="A173043" i="1" s="1"/>
  <c r="A173044" i="1" s="1"/>
  <c r="A173045" i="1" s="1"/>
  <c r="A173046" i="1" s="1"/>
  <c r="A173047" i="1" s="1"/>
  <c r="A173048" i="1" s="1"/>
  <c r="A173049" i="1" s="1"/>
  <c r="A173050" i="1" s="1"/>
  <c r="A173051" i="1" s="1"/>
  <c r="A173052" i="1" s="1"/>
  <c r="A173053" i="1" s="1"/>
  <c r="A173054" i="1" s="1"/>
  <c r="A173055" i="1" s="1"/>
  <c r="A173056" i="1" s="1"/>
  <c r="A173057" i="1" s="1"/>
  <c r="A173058" i="1" s="1"/>
  <c r="A173059" i="1" s="1"/>
  <c r="A173060" i="1" s="1"/>
  <c r="A173061" i="1" s="1"/>
  <c r="A173062" i="1" s="1"/>
  <c r="A173063" i="1" s="1"/>
  <c r="A173064" i="1" s="1"/>
  <c r="A173065" i="1" s="1"/>
  <c r="A173066" i="1" s="1"/>
  <c r="A173067" i="1" s="1"/>
  <c r="A173068" i="1" s="1"/>
  <c r="A173069" i="1" s="1"/>
  <c r="A173070" i="1" s="1"/>
  <c r="A173071" i="1" s="1"/>
  <c r="A173072" i="1" s="1"/>
  <c r="A173073" i="1" s="1"/>
  <c r="A173074" i="1" s="1"/>
  <c r="A173075" i="1" s="1"/>
  <c r="A173076" i="1" s="1"/>
  <c r="A173077" i="1" s="1"/>
  <c r="A173078" i="1" s="1"/>
  <c r="A173079" i="1" s="1"/>
  <c r="A173080" i="1" s="1"/>
  <c r="A173081" i="1" s="1"/>
  <c r="A173082" i="1" s="1"/>
  <c r="A173083" i="1" s="1"/>
  <c r="A173084" i="1" s="1"/>
  <c r="A173085" i="1" s="1"/>
  <c r="A173086" i="1" s="1"/>
  <c r="A173087" i="1" s="1"/>
  <c r="A173088" i="1" s="1"/>
  <c r="A173089" i="1" s="1"/>
  <c r="A173090" i="1" s="1"/>
  <c r="A173091" i="1" s="1"/>
  <c r="A173092" i="1" s="1"/>
  <c r="A173093" i="1" s="1"/>
  <c r="A173094" i="1" s="1"/>
  <c r="A173095" i="1" s="1"/>
  <c r="A173096" i="1" s="1"/>
  <c r="A173097" i="1" s="1"/>
  <c r="A173098" i="1" s="1"/>
  <c r="A173099" i="1" s="1"/>
  <c r="A173100" i="1" s="1"/>
  <c r="A173101" i="1" s="1"/>
  <c r="A173102" i="1" s="1"/>
  <c r="A173103" i="1" s="1"/>
  <c r="A173104" i="1" s="1"/>
  <c r="A173105" i="1" s="1"/>
  <c r="A173106" i="1" s="1"/>
  <c r="A173107" i="1" s="1"/>
  <c r="A173108" i="1" s="1"/>
  <c r="A173109" i="1" s="1"/>
  <c r="A173110" i="1" s="1"/>
  <c r="A173111" i="1" s="1"/>
  <c r="A173112" i="1" s="1"/>
  <c r="A173113" i="1" s="1"/>
  <c r="A173114" i="1" s="1"/>
  <c r="A173115" i="1" s="1"/>
  <c r="A173116" i="1" s="1"/>
  <c r="A173117" i="1" s="1"/>
  <c r="A173118" i="1" s="1"/>
  <c r="A173119" i="1" s="1"/>
  <c r="A173120" i="1" s="1"/>
  <c r="A173121" i="1" s="1"/>
  <c r="A173122" i="1" s="1"/>
  <c r="A173123" i="1" s="1"/>
  <c r="A173124" i="1" s="1"/>
  <c r="A173125" i="1" s="1"/>
  <c r="A173126" i="1" s="1"/>
  <c r="A173127" i="1" s="1"/>
  <c r="A173128" i="1" s="1"/>
  <c r="A173129" i="1" s="1"/>
  <c r="A173130" i="1" s="1"/>
  <c r="A173131" i="1" s="1"/>
  <c r="A173132" i="1" s="1"/>
  <c r="A173133" i="1" s="1"/>
  <c r="A173134" i="1" s="1"/>
  <c r="A173135" i="1" s="1"/>
  <c r="A173136" i="1" s="1"/>
  <c r="A173137" i="1" s="1"/>
  <c r="A173138" i="1" s="1"/>
  <c r="A173139" i="1" s="1"/>
  <c r="A173140" i="1" s="1"/>
  <c r="A173141" i="1" s="1"/>
  <c r="A173142" i="1" s="1"/>
  <c r="A173143" i="1" s="1"/>
  <c r="A173144" i="1" s="1"/>
  <c r="A173145" i="1" s="1"/>
  <c r="A173146" i="1" s="1"/>
  <c r="A173147" i="1" s="1"/>
  <c r="A173148" i="1" s="1"/>
  <c r="A173149" i="1" s="1"/>
  <c r="A173150" i="1" s="1"/>
  <c r="A173151" i="1" s="1"/>
  <c r="A173152" i="1" s="1"/>
  <c r="A173153" i="1" s="1"/>
  <c r="A173154" i="1" s="1"/>
  <c r="A173155" i="1" s="1"/>
  <c r="A173156" i="1" s="1"/>
  <c r="A173157" i="1" s="1"/>
  <c r="A173158" i="1" s="1"/>
  <c r="A173159" i="1" s="1"/>
  <c r="A173160" i="1" s="1"/>
  <c r="A173161" i="1" s="1"/>
  <c r="A173162" i="1" s="1"/>
  <c r="A173163" i="1" s="1"/>
  <c r="A173164" i="1" s="1"/>
  <c r="A173165" i="1" s="1"/>
  <c r="A173166" i="1" s="1"/>
  <c r="A173167" i="1" s="1"/>
  <c r="A173168" i="1" s="1"/>
  <c r="A173169" i="1" s="1"/>
  <c r="A173170" i="1" s="1"/>
  <c r="A173171" i="1" s="1"/>
  <c r="A173172" i="1" s="1"/>
  <c r="A173173" i="1" s="1"/>
  <c r="A173174" i="1" s="1"/>
  <c r="A173175" i="1" s="1"/>
  <c r="A173176" i="1" s="1"/>
  <c r="A173177" i="1" s="1"/>
  <c r="A173178" i="1" s="1"/>
  <c r="A173179" i="1" s="1"/>
  <c r="A173180" i="1" s="1"/>
  <c r="A173181" i="1" s="1"/>
  <c r="A173182" i="1" s="1"/>
  <c r="A173183" i="1" s="1"/>
  <c r="A173184" i="1" s="1"/>
  <c r="A173185" i="1" s="1"/>
  <c r="A173186" i="1" s="1"/>
  <c r="A173187" i="1" s="1"/>
  <c r="A173188" i="1" s="1"/>
  <c r="A173189" i="1" s="1"/>
  <c r="A173190" i="1" s="1"/>
  <c r="A173191" i="1" s="1"/>
  <c r="A173192" i="1" s="1"/>
  <c r="A173193" i="1" s="1"/>
  <c r="A173194" i="1" s="1"/>
  <c r="A173195" i="1" s="1"/>
  <c r="A173196" i="1" s="1"/>
  <c r="A173197" i="1" s="1"/>
  <c r="A173198" i="1" s="1"/>
  <c r="A173199" i="1" s="1"/>
  <c r="A173200" i="1" s="1"/>
  <c r="A173201" i="1" s="1"/>
  <c r="A173202" i="1" s="1"/>
  <c r="A173203" i="1" s="1"/>
  <c r="A173204" i="1" s="1"/>
  <c r="A173205" i="1" s="1"/>
  <c r="A173206" i="1" s="1"/>
  <c r="A173207" i="1" s="1"/>
  <c r="A173208" i="1" s="1"/>
  <c r="A173209" i="1" s="1"/>
  <c r="A173210" i="1" s="1"/>
  <c r="A173211" i="1" s="1"/>
  <c r="A173212" i="1" s="1"/>
  <c r="A173213" i="1" s="1"/>
  <c r="A173214" i="1" s="1"/>
  <c r="A173215" i="1" s="1"/>
  <c r="A173216" i="1" s="1"/>
  <c r="A173217" i="1" s="1"/>
  <c r="A173218" i="1" s="1"/>
  <c r="A173219" i="1" s="1"/>
  <c r="A173220" i="1" s="1"/>
  <c r="A173221" i="1" s="1"/>
  <c r="A173222" i="1" s="1"/>
  <c r="A173223" i="1" s="1"/>
  <c r="A173224" i="1" s="1"/>
  <c r="A173225" i="1" s="1"/>
  <c r="A173226" i="1" s="1"/>
  <c r="A173227" i="1" s="1"/>
  <c r="A173228" i="1" s="1"/>
  <c r="A173229" i="1" s="1"/>
  <c r="A173230" i="1" s="1"/>
  <c r="A173231" i="1" s="1"/>
  <c r="A173232" i="1" s="1"/>
  <c r="A173233" i="1" s="1"/>
  <c r="A173234" i="1" s="1"/>
  <c r="A173235" i="1" s="1"/>
  <c r="A173236" i="1" s="1"/>
  <c r="A173237" i="1" s="1"/>
  <c r="A173238" i="1" s="1"/>
  <c r="A173239" i="1" s="1"/>
  <c r="A173240" i="1" s="1"/>
  <c r="A173241" i="1" s="1"/>
  <c r="A173242" i="1" s="1"/>
  <c r="A173243" i="1" s="1"/>
  <c r="A173244" i="1" s="1"/>
  <c r="A173245" i="1" s="1"/>
  <c r="A173246" i="1" s="1"/>
  <c r="A173247" i="1" s="1"/>
  <c r="A173248" i="1" s="1"/>
  <c r="A173249" i="1" s="1"/>
  <c r="A173250" i="1" s="1"/>
  <c r="A173251" i="1" s="1"/>
  <c r="A173252" i="1" s="1"/>
  <c r="A173253" i="1" s="1"/>
  <c r="A173254" i="1" s="1"/>
  <c r="A173255" i="1" s="1"/>
  <c r="A173256" i="1" s="1"/>
  <c r="A173257" i="1" s="1"/>
  <c r="A173258" i="1" s="1"/>
  <c r="A173259" i="1" s="1"/>
  <c r="A173260" i="1" s="1"/>
  <c r="A173261" i="1" s="1"/>
  <c r="A173262" i="1" s="1"/>
  <c r="A173263" i="1" s="1"/>
  <c r="A173264" i="1" s="1"/>
  <c r="A173265" i="1" s="1"/>
  <c r="A173266" i="1" s="1"/>
  <c r="A173267" i="1" s="1"/>
  <c r="A173268" i="1" s="1"/>
  <c r="A173269" i="1" s="1"/>
  <c r="A173270" i="1" s="1"/>
  <c r="A173271" i="1" s="1"/>
  <c r="A173272" i="1" s="1"/>
  <c r="A173273" i="1" s="1"/>
  <c r="A173274" i="1" s="1"/>
  <c r="A173275" i="1" s="1"/>
  <c r="A173276" i="1" s="1"/>
  <c r="A173277" i="1" s="1"/>
  <c r="A173278" i="1" s="1"/>
  <c r="A173279" i="1" s="1"/>
  <c r="A173280" i="1" s="1"/>
  <c r="A173281" i="1" s="1"/>
  <c r="A173282" i="1" s="1"/>
  <c r="A173283" i="1" s="1"/>
  <c r="A173284" i="1" s="1"/>
  <c r="A173285" i="1" s="1"/>
  <c r="A173286" i="1" s="1"/>
  <c r="A173287" i="1" s="1"/>
  <c r="A173288" i="1" s="1"/>
  <c r="A173289" i="1" s="1"/>
  <c r="A173290" i="1" s="1"/>
  <c r="A173291" i="1" s="1"/>
  <c r="A173292" i="1" s="1"/>
  <c r="A173293" i="1" s="1"/>
  <c r="A173294" i="1" s="1"/>
  <c r="A173295" i="1" s="1"/>
  <c r="A173296" i="1" s="1"/>
  <c r="A173297" i="1" s="1"/>
  <c r="A173298" i="1" s="1"/>
  <c r="A173299" i="1" s="1"/>
  <c r="A173300" i="1" s="1"/>
  <c r="A173301" i="1" s="1"/>
  <c r="A173302" i="1" s="1"/>
  <c r="A173303" i="1" s="1"/>
  <c r="A173304" i="1" s="1"/>
  <c r="A173305" i="1" s="1"/>
  <c r="A173306" i="1" s="1"/>
  <c r="A173307" i="1" s="1"/>
  <c r="A173308" i="1" s="1"/>
  <c r="A173309" i="1" s="1"/>
  <c r="A173310" i="1" s="1"/>
  <c r="A173311" i="1" s="1"/>
  <c r="A173312" i="1" s="1"/>
  <c r="A173313" i="1" s="1"/>
  <c r="A173314" i="1" s="1"/>
  <c r="A173315" i="1" s="1"/>
  <c r="A173316" i="1" s="1"/>
  <c r="A173317" i="1" s="1"/>
  <c r="A173318" i="1" s="1"/>
  <c r="A173319" i="1" s="1"/>
  <c r="A173320" i="1" s="1"/>
  <c r="A173321" i="1" s="1"/>
  <c r="A173322" i="1" s="1"/>
  <c r="A173323" i="1" s="1"/>
  <c r="A173324" i="1" s="1"/>
  <c r="A173325" i="1" s="1"/>
  <c r="A173326" i="1" s="1"/>
  <c r="A173327" i="1" s="1"/>
  <c r="A173328" i="1" s="1"/>
  <c r="A173329" i="1" s="1"/>
  <c r="A173330" i="1" s="1"/>
  <c r="A173331" i="1" s="1"/>
  <c r="A173332" i="1" s="1"/>
  <c r="A173333" i="1" s="1"/>
  <c r="A173334" i="1" s="1"/>
  <c r="A173335" i="1" s="1"/>
  <c r="A173336" i="1" s="1"/>
  <c r="A173337" i="1" s="1"/>
  <c r="A173338" i="1" s="1"/>
  <c r="A173339" i="1" s="1"/>
  <c r="A173340" i="1" s="1"/>
  <c r="A173341" i="1" s="1"/>
  <c r="A173342" i="1" s="1"/>
  <c r="A173343" i="1" s="1"/>
  <c r="A173344" i="1" s="1"/>
  <c r="A173345" i="1" s="1"/>
  <c r="A173346" i="1" s="1"/>
  <c r="A173347" i="1" s="1"/>
  <c r="A173348" i="1" s="1"/>
  <c r="A173349" i="1" s="1"/>
  <c r="A173350" i="1" s="1"/>
  <c r="A173351" i="1" s="1"/>
  <c r="A173352" i="1" s="1"/>
  <c r="A173353" i="1" s="1"/>
  <c r="A173354" i="1" s="1"/>
  <c r="A173355" i="1" s="1"/>
  <c r="A173356" i="1" s="1"/>
  <c r="A173357" i="1" s="1"/>
  <c r="A173358" i="1" s="1"/>
  <c r="A173359" i="1" s="1"/>
  <c r="A173360" i="1" s="1"/>
  <c r="A173361" i="1" s="1"/>
  <c r="A173362" i="1" s="1"/>
  <c r="A173363" i="1" s="1"/>
  <c r="A173364" i="1" s="1"/>
  <c r="A173365" i="1" s="1"/>
  <c r="A173366" i="1" s="1"/>
  <c r="A173367" i="1" s="1"/>
  <c r="A173368" i="1" s="1"/>
  <c r="A173369" i="1" s="1"/>
  <c r="A173370" i="1" s="1"/>
  <c r="A173371" i="1" s="1"/>
  <c r="A173372" i="1" s="1"/>
  <c r="A173373" i="1" s="1"/>
  <c r="A173374" i="1" s="1"/>
  <c r="A173375" i="1" s="1"/>
  <c r="A173376" i="1" s="1"/>
  <c r="A173377" i="1" s="1"/>
  <c r="A173378" i="1" s="1"/>
  <c r="A173379" i="1" s="1"/>
  <c r="A173380" i="1" s="1"/>
  <c r="A173381" i="1" s="1"/>
  <c r="A173382" i="1" s="1"/>
  <c r="A173383" i="1" s="1"/>
  <c r="A173384" i="1" s="1"/>
  <c r="A173385" i="1" s="1"/>
  <c r="A173386" i="1" s="1"/>
  <c r="A173387" i="1" s="1"/>
  <c r="A173388" i="1" s="1"/>
  <c r="A173389" i="1" s="1"/>
  <c r="A173390" i="1" s="1"/>
  <c r="A173391" i="1" s="1"/>
  <c r="A173392" i="1" s="1"/>
  <c r="A173393" i="1" s="1"/>
  <c r="A173394" i="1" s="1"/>
  <c r="A173395" i="1" s="1"/>
  <c r="A173396" i="1" s="1"/>
  <c r="A173397" i="1" s="1"/>
  <c r="A173398" i="1" s="1"/>
  <c r="A173399" i="1" s="1"/>
  <c r="A173400" i="1" s="1"/>
  <c r="A173401" i="1" s="1"/>
  <c r="A173402" i="1" s="1"/>
  <c r="A173403" i="1" s="1"/>
  <c r="A173404" i="1" s="1"/>
  <c r="A173405" i="1" s="1"/>
  <c r="A173406" i="1" s="1"/>
  <c r="A173407" i="1" s="1"/>
  <c r="A173408" i="1" s="1"/>
  <c r="A173409" i="1" s="1"/>
  <c r="A173410" i="1" s="1"/>
  <c r="A173411" i="1" s="1"/>
  <c r="A173412" i="1" s="1"/>
  <c r="A173413" i="1" s="1"/>
  <c r="A173414" i="1" s="1"/>
  <c r="A173415" i="1" s="1"/>
  <c r="A173416" i="1" s="1"/>
  <c r="A173417" i="1" s="1"/>
  <c r="A173418" i="1" s="1"/>
  <c r="A173419" i="1" s="1"/>
  <c r="A173420" i="1" s="1"/>
  <c r="A173421" i="1" s="1"/>
  <c r="A173422" i="1" s="1"/>
  <c r="A173423" i="1" s="1"/>
  <c r="A173424" i="1" s="1"/>
  <c r="A173425" i="1" s="1"/>
  <c r="A173426" i="1" s="1"/>
  <c r="A173427" i="1" s="1"/>
  <c r="A173428" i="1" s="1"/>
  <c r="A173429" i="1" s="1"/>
  <c r="A173430" i="1" s="1"/>
  <c r="A173431" i="1" s="1"/>
  <c r="A173432" i="1" s="1"/>
  <c r="A173433" i="1" s="1"/>
  <c r="A173434" i="1" s="1"/>
  <c r="A173435" i="1" s="1"/>
  <c r="A173436" i="1" s="1"/>
  <c r="A173437" i="1" s="1"/>
  <c r="A173438" i="1" s="1"/>
  <c r="A173439" i="1" s="1"/>
  <c r="A173440" i="1" s="1"/>
  <c r="A173441" i="1" s="1"/>
  <c r="A173442" i="1" s="1"/>
  <c r="A173443" i="1" s="1"/>
  <c r="A173444" i="1" s="1"/>
  <c r="A173445" i="1" s="1"/>
  <c r="A173446" i="1" s="1"/>
  <c r="A173447" i="1" s="1"/>
  <c r="A173448" i="1" s="1"/>
  <c r="A173449" i="1" s="1"/>
  <c r="A173450" i="1" s="1"/>
  <c r="A173451" i="1" s="1"/>
  <c r="A173452" i="1" s="1"/>
  <c r="A173453" i="1" s="1"/>
  <c r="A173454" i="1" s="1"/>
  <c r="A173455" i="1" s="1"/>
  <c r="A173456" i="1" s="1"/>
  <c r="A173457" i="1" s="1"/>
  <c r="A173458" i="1" s="1"/>
  <c r="A173459" i="1" s="1"/>
  <c r="A173460" i="1" s="1"/>
  <c r="A173461" i="1" s="1"/>
  <c r="A173462" i="1" s="1"/>
  <c r="A173463" i="1" s="1"/>
  <c r="A173464" i="1" s="1"/>
  <c r="A173465" i="1" s="1"/>
  <c r="A173466" i="1" s="1"/>
  <c r="A173467" i="1" s="1"/>
  <c r="A173468" i="1" s="1"/>
  <c r="A173469" i="1" s="1"/>
  <c r="A173470" i="1" s="1"/>
  <c r="A173471" i="1" s="1"/>
  <c r="A173472" i="1" s="1"/>
  <c r="A173473" i="1" s="1"/>
  <c r="A173474" i="1" s="1"/>
  <c r="A173475" i="1" s="1"/>
  <c r="A173476" i="1" s="1"/>
  <c r="A173477" i="1" s="1"/>
  <c r="A173478" i="1" s="1"/>
  <c r="A173479" i="1" s="1"/>
  <c r="A173480" i="1" s="1"/>
  <c r="A173481" i="1" s="1"/>
  <c r="A173482" i="1" s="1"/>
  <c r="A173483" i="1" s="1"/>
  <c r="A173484" i="1" s="1"/>
  <c r="A173485" i="1" s="1"/>
  <c r="A173486" i="1" s="1"/>
  <c r="A173487" i="1" s="1"/>
  <c r="A173488" i="1" s="1"/>
  <c r="A173489" i="1" s="1"/>
  <c r="A173490" i="1" s="1"/>
  <c r="A173491" i="1" s="1"/>
  <c r="A173492" i="1" s="1"/>
  <c r="A173493" i="1" s="1"/>
  <c r="A173494" i="1" s="1"/>
  <c r="A173495" i="1" s="1"/>
  <c r="A173496" i="1" s="1"/>
  <c r="A173497" i="1" s="1"/>
  <c r="A173498" i="1" s="1"/>
  <c r="A173499" i="1" s="1"/>
  <c r="A173500" i="1" s="1"/>
  <c r="A173501" i="1" s="1"/>
  <c r="A173502" i="1" s="1"/>
  <c r="A173503" i="1" s="1"/>
  <c r="A173504" i="1" s="1"/>
  <c r="A173505" i="1" s="1"/>
  <c r="A173506" i="1" s="1"/>
  <c r="A173507" i="1" s="1"/>
  <c r="A173508" i="1" s="1"/>
  <c r="A173509" i="1" s="1"/>
  <c r="A173510" i="1" s="1"/>
  <c r="A173511" i="1" s="1"/>
  <c r="A173512" i="1" s="1"/>
  <c r="A173513" i="1" s="1"/>
  <c r="A173514" i="1" s="1"/>
  <c r="A173515" i="1" s="1"/>
  <c r="A173516" i="1" s="1"/>
  <c r="A173517" i="1" s="1"/>
  <c r="A173518" i="1" s="1"/>
  <c r="A173519" i="1" s="1"/>
  <c r="A173520" i="1" s="1"/>
  <c r="A173521" i="1" s="1"/>
  <c r="A173522" i="1" s="1"/>
  <c r="A173523" i="1" s="1"/>
  <c r="A173524" i="1" s="1"/>
  <c r="A173525" i="1" s="1"/>
  <c r="A173526" i="1" s="1"/>
  <c r="A173527" i="1" s="1"/>
  <c r="A173528" i="1" s="1"/>
  <c r="A173529" i="1" s="1"/>
  <c r="A173530" i="1" s="1"/>
  <c r="A173531" i="1" s="1"/>
  <c r="A173532" i="1" s="1"/>
  <c r="A173533" i="1" s="1"/>
  <c r="A173534" i="1" s="1"/>
  <c r="A173535" i="1" s="1"/>
  <c r="A173536" i="1" s="1"/>
  <c r="A173537" i="1" s="1"/>
  <c r="A173538" i="1" s="1"/>
  <c r="A173539" i="1" s="1"/>
  <c r="A173540" i="1" s="1"/>
  <c r="A173541" i="1" s="1"/>
  <c r="A173542" i="1" s="1"/>
  <c r="A173543" i="1" s="1"/>
  <c r="A173544" i="1" s="1"/>
  <c r="A173545" i="1" s="1"/>
  <c r="A173546" i="1" s="1"/>
  <c r="A173547" i="1" s="1"/>
  <c r="A173548" i="1" s="1"/>
  <c r="A173549" i="1" s="1"/>
  <c r="A173550" i="1" s="1"/>
  <c r="A173551" i="1" s="1"/>
  <c r="A173552" i="1" s="1"/>
  <c r="A173553" i="1" s="1"/>
  <c r="A173554" i="1" s="1"/>
  <c r="A173555" i="1" s="1"/>
  <c r="A173556" i="1" s="1"/>
  <c r="A173557" i="1" s="1"/>
  <c r="A173558" i="1" s="1"/>
  <c r="A173559" i="1" s="1"/>
  <c r="A173560" i="1" s="1"/>
  <c r="A173561" i="1" s="1"/>
  <c r="A173562" i="1" s="1"/>
  <c r="A173563" i="1" s="1"/>
  <c r="A173564" i="1" s="1"/>
  <c r="A173565" i="1" s="1"/>
  <c r="A173566" i="1" s="1"/>
  <c r="A173567" i="1" s="1"/>
  <c r="A173568" i="1" s="1"/>
  <c r="A173569" i="1" s="1"/>
  <c r="A173570" i="1" s="1"/>
  <c r="A173571" i="1" s="1"/>
  <c r="A173572" i="1" s="1"/>
  <c r="A173573" i="1" s="1"/>
  <c r="A173574" i="1" s="1"/>
  <c r="A173575" i="1" s="1"/>
  <c r="A173576" i="1" s="1"/>
  <c r="A173577" i="1" s="1"/>
  <c r="A173578" i="1" s="1"/>
  <c r="A173579" i="1" s="1"/>
  <c r="A173580" i="1" s="1"/>
  <c r="A173581" i="1" s="1"/>
  <c r="A173582" i="1" s="1"/>
  <c r="A173583" i="1" s="1"/>
  <c r="A173584" i="1" s="1"/>
  <c r="A173585" i="1" s="1"/>
  <c r="A173586" i="1" s="1"/>
  <c r="A173587" i="1" s="1"/>
  <c r="A173588" i="1" s="1"/>
  <c r="A173589" i="1" s="1"/>
  <c r="A173590" i="1" s="1"/>
  <c r="A173591" i="1" s="1"/>
  <c r="A173592" i="1" s="1"/>
  <c r="A173593" i="1" s="1"/>
  <c r="A173594" i="1" s="1"/>
  <c r="A173595" i="1" s="1"/>
  <c r="A173596" i="1" s="1"/>
  <c r="A173597" i="1" s="1"/>
  <c r="A173598" i="1" s="1"/>
  <c r="A173599" i="1" s="1"/>
  <c r="A173600" i="1" s="1"/>
  <c r="A173601" i="1" s="1"/>
  <c r="A173602" i="1" s="1"/>
  <c r="A173603" i="1" s="1"/>
  <c r="A173604" i="1" s="1"/>
  <c r="A173605" i="1" s="1"/>
  <c r="A173606" i="1" s="1"/>
  <c r="A173607" i="1" s="1"/>
  <c r="A173608" i="1" s="1"/>
  <c r="A173609" i="1" s="1"/>
  <c r="A173610" i="1" s="1"/>
  <c r="A173611" i="1" s="1"/>
  <c r="A173612" i="1" s="1"/>
  <c r="A173613" i="1" s="1"/>
  <c r="A173614" i="1" s="1"/>
  <c r="A173615" i="1" s="1"/>
  <c r="A173616" i="1" s="1"/>
  <c r="A173617" i="1" s="1"/>
  <c r="A173618" i="1" s="1"/>
  <c r="A173619" i="1" s="1"/>
  <c r="A173620" i="1" s="1"/>
  <c r="A173621" i="1" s="1"/>
  <c r="A173622" i="1" s="1"/>
  <c r="A173623" i="1" s="1"/>
  <c r="A173624" i="1" s="1"/>
  <c r="A173625" i="1" s="1"/>
  <c r="A173626" i="1" s="1"/>
  <c r="A173627" i="1" s="1"/>
  <c r="A173628" i="1" s="1"/>
  <c r="A173629" i="1" s="1"/>
  <c r="A173630" i="1" s="1"/>
  <c r="A173631" i="1" s="1"/>
  <c r="A173632" i="1" s="1"/>
  <c r="A173633" i="1" s="1"/>
  <c r="A173634" i="1" s="1"/>
  <c r="A173635" i="1" s="1"/>
  <c r="A173636" i="1" s="1"/>
  <c r="A173637" i="1" s="1"/>
  <c r="A173638" i="1" s="1"/>
  <c r="A173639" i="1" s="1"/>
  <c r="A173640" i="1" s="1"/>
  <c r="A173641" i="1" s="1"/>
  <c r="A173642" i="1" s="1"/>
  <c r="A173643" i="1" s="1"/>
  <c r="A173644" i="1" s="1"/>
  <c r="A173645" i="1" s="1"/>
  <c r="A173646" i="1" s="1"/>
  <c r="A173647" i="1" s="1"/>
  <c r="A173648" i="1" s="1"/>
  <c r="A173649" i="1" s="1"/>
  <c r="A173650" i="1" s="1"/>
  <c r="A173651" i="1" s="1"/>
  <c r="A173652" i="1" s="1"/>
  <c r="A173653" i="1" s="1"/>
  <c r="A173654" i="1" s="1"/>
  <c r="A173655" i="1" s="1"/>
  <c r="A173656" i="1" s="1"/>
  <c r="A173657" i="1" s="1"/>
  <c r="A173658" i="1" s="1"/>
  <c r="A173659" i="1" s="1"/>
  <c r="A173660" i="1" s="1"/>
  <c r="A173661" i="1" s="1"/>
  <c r="A173662" i="1" s="1"/>
  <c r="A173663" i="1" s="1"/>
  <c r="A173664" i="1" s="1"/>
  <c r="A173665" i="1" s="1"/>
  <c r="A173666" i="1" s="1"/>
  <c r="A173667" i="1" s="1"/>
  <c r="A173668" i="1" s="1"/>
  <c r="A173669" i="1" s="1"/>
  <c r="A173670" i="1" s="1"/>
  <c r="A173671" i="1" s="1"/>
  <c r="A173672" i="1" s="1"/>
  <c r="A173673" i="1" s="1"/>
  <c r="A173674" i="1" s="1"/>
  <c r="A173675" i="1" s="1"/>
  <c r="A173676" i="1" s="1"/>
  <c r="A173677" i="1" s="1"/>
  <c r="A173678" i="1" s="1"/>
  <c r="A173679" i="1" s="1"/>
  <c r="A173680" i="1" s="1"/>
  <c r="A173681" i="1" s="1"/>
  <c r="A173682" i="1" s="1"/>
  <c r="A173683" i="1" s="1"/>
  <c r="A173684" i="1" s="1"/>
  <c r="A173685" i="1" s="1"/>
  <c r="A173686" i="1" s="1"/>
  <c r="A173687" i="1" s="1"/>
  <c r="A173688" i="1" s="1"/>
  <c r="A173689" i="1" s="1"/>
  <c r="A173690" i="1" s="1"/>
  <c r="A173691" i="1" s="1"/>
  <c r="A173692" i="1" s="1"/>
  <c r="A173693" i="1" s="1"/>
  <c r="A173694" i="1" s="1"/>
  <c r="A173695" i="1" s="1"/>
  <c r="A173696" i="1" s="1"/>
  <c r="A173697" i="1" s="1"/>
  <c r="A173698" i="1" s="1"/>
  <c r="A173699" i="1" s="1"/>
  <c r="A173700" i="1" s="1"/>
  <c r="A173701" i="1" s="1"/>
  <c r="A173702" i="1" s="1"/>
  <c r="A173703" i="1" s="1"/>
  <c r="A173704" i="1" s="1"/>
  <c r="A173705" i="1" s="1"/>
  <c r="A173706" i="1" s="1"/>
  <c r="A173707" i="1" s="1"/>
  <c r="A173708" i="1" s="1"/>
  <c r="A173709" i="1" s="1"/>
  <c r="A173710" i="1" s="1"/>
  <c r="A173711" i="1" s="1"/>
  <c r="A173712" i="1" s="1"/>
  <c r="A173713" i="1" s="1"/>
  <c r="A173714" i="1" s="1"/>
  <c r="A173715" i="1" s="1"/>
  <c r="A173716" i="1" s="1"/>
  <c r="A173717" i="1" s="1"/>
  <c r="A173718" i="1" s="1"/>
  <c r="A173719" i="1" s="1"/>
  <c r="A173720" i="1" s="1"/>
  <c r="A173721" i="1" s="1"/>
  <c r="A173722" i="1" s="1"/>
  <c r="A173723" i="1" s="1"/>
  <c r="A173724" i="1" s="1"/>
  <c r="A173725" i="1" s="1"/>
  <c r="A173726" i="1" s="1"/>
  <c r="A173727" i="1" s="1"/>
  <c r="A173728" i="1" s="1"/>
  <c r="A173729" i="1" s="1"/>
  <c r="A173730" i="1" s="1"/>
  <c r="A173731" i="1" s="1"/>
  <c r="A173732" i="1" s="1"/>
  <c r="A173733" i="1" s="1"/>
  <c r="A173734" i="1" s="1"/>
  <c r="A173735" i="1" s="1"/>
  <c r="A173736" i="1" s="1"/>
  <c r="A173737" i="1" s="1"/>
  <c r="A173738" i="1" s="1"/>
  <c r="A173739" i="1" s="1"/>
  <c r="A173740" i="1" s="1"/>
  <c r="A173741" i="1" s="1"/>
  <c r="A173742" i="1" s="1"/>
  <c r="A173743" i="1" s="1"/>
  <c r="A173744" i="1" s="1"/>
  <c r="A173745" i="1" s="1"/>
  <c r="A173746" i="1" s="1"/>
  <c r="A173747" i="1" s="1"/>
  <c r="A173748" i="1" s="1"/>
  <c r="A173749" i="1" s="1"/>
  <c r="A173750" i="1" s="1"/>
  <c r="A173751" i="1" s="1"/>
  <c r="A173752" i="1" s="1"/>
  <c r="A173753" i="1" s="1"/>
  <c r="A173754" i="1" s="1"/>
  <c r="A173755" i="1" s="1"/>
  <c r="A173756" i="1" s="1"/>
  <c r="A173757" i="1" s="1"/>
  <c r="A173758" i="1" s="1"/>
  <c r="A173759" i="1" s="1"/>
  <c r="A173760" i="1" s="1"/>
  <c r="A173761" i="1" s="1"/>
  <c r="A173762" i="1" s="1"/>
  <c r="A173763" i="1" s="1"/>
  <c r="A173764" i="1" s="1"/>
  <c r="A173765" i="1" s="1"/>
  <c r="A173766" i="1" s="1"/>
  <c r="A173767" i="1" s="1"/>
  <c r="A173768" i="1" s="1"/>
  <c r="A173769" i="1" s="1"/>
  <c r="A173770" i="1" s="1"/>
  <c r="A173771" i="1" s="1"/>
  <c r="A173772" i="1" s="1"/>
  <c r="A173773" i="1" s="1"/>
  <c r="A173774" i="1" s="1"/>
  <c r="A173775" i="1" s="1"/>
  <c r="A173776" i="1" s="1"/>
  <c r="A173777" i="1" s="1"/>
  <c r="A173778" i="1" s="1"/>
  <c r="A173779" i="1" s="1"/>
  <c r="A173780" i="1" s="1"/>
  <c r="A173781" i="1" s="1"/>
  <c r="A173782" i="1" s="1"/>
  <c r="A173783" i="1" s="1"/>
  <c r="A173784" i="1" s="1"/>
  <c r="A173785" i="1" s="1"/>
  <c r="A173786" i="1" s="1"/>
  <c r="A173787" i="1" s="1"/>
  <c r="A173788" i="1" s="1"/>
  <c r="A173789" i="1" s="1"/>
  <c r="A173790" i="1" s="1"/>
  <c r="A173791" i="1" s="1"/>
  <c r="A173792" i="1" s="1"/>
  <c r="A173793" i="1" s="1"/>
  <c r="A173794" i="1" s="1"/>
  <c r="A173795" i="1" s="1"/>
  <c r="A173796" i="1" s="1"/>
  <c r="A173797" i="1" s="1"/>
  <c r="A173798" i="1" s="1"/>
  <c r="A173799" i="1" s="1"/>
  <c r="A173800" i="1" s="1"/>
  <c r="A173801" i="1" s="1"/>
  <c r="A173802" i="1" s="1"/>
  <c r="A173803" i="1" s="1"/>
  <c r="A173804" i="1" s="1"/>
  <c r="A173805" i="1" s="1"/>
  <c r="A173806" i="1" s="1"/>
  <c r="A173807" i="1" s="1"/>
  <c r="A173808" i="1" s="1"/>
  <c r="A173809" i="1" s="1"/>
  <c r="A173810" i="1" s="1"/>
  <c r="A173811" i="1" s="1"/>
  <c r="A173812" i="1" s="1"/>
  <c r="A173813" i="1" s="1"/>
  <c r="A173814" i="1" s="1"/>
  <c r="A173815" i="1" s="1"/>
  <c r="A173816" i="1" s="1"/>
  <c r="A173817" i="1" s="1"/>
  <c r="A173818" i="1" s="1"/>
  <c r="A173819" i="1" s="1"/>
  <c r="A173820" i="1" s="1"/>
  <c r="A173821" i="1" s="1"/>
  <c r="A173822" i="1" s="1"/>
  <c r="A173823" i="1" s="1"/>
  <c r="A173824" i="1" s="1"/>
  <c r="A173825" i="1" s="1"/>
  <c r="A173826" i="1" s="1"/>
  <c r="A173827" i="1" s="1"/>
  <c r="A173828" i="1" s="1"/>
  <c r="A173829" i="1" s="1"/>
  <c r="A173830" i="1" s="1"/>
  <c r="A173831" i="1" s="1"/>
  <c r="A173832" i="1" s="1"/>
  <c r="A173833" i="1" s="1"/>
  <c r="A173834" i="1" s="1"/>
  <c r="A173835" i="1" s="1"/>
  <c r="A173836" i="1" s="1"/>
  <c r="A173837" i="1" s="1"/>
  <c r="A173838" i="1" s="1"/>
  <c r="A173839" i="1" s="1"/>
  <c r="A173840" i="1" s="1"/>
  <c r="A173841" i="1" s="1"/>
  <c r="A173842" i="1" s="1"/>
  <c r="A173843" i="1" s="1"/>
  <c r="A173844" i="1" s="1"/>
  <c r="A173845" i="1" s="1"/>
  <c r="A173846" i="1" s="1"/>
  <c r="A173847" i="1" s="1"/>
  <c r="A173848" i="1" s="1"/>
  <c r="A173849" i="1" s="1"/>
  <c r="A173850" i="1" s="1"/>
  <c r="A173851" i="1" s="1"/>
  <c r="A173852" i="1" s="1"/>
  <c r="A173853" i="1" s="1"/>
  <c r="A173854" i="1" s="1"/>
  <c r="A173855" i="1" s="1"/>
  <c r="A173856" i="1" s="1"/>
  <c r="A173857" i="1" s="1"/>
  <c r="A173858" i="1" s="1"/>
  <c r="A173859" i="1" s="1"/>
  <c r="A173860" i="1" s="1"/>
  <c r="A173861" i="1" s="1"/>
  <c r="A173862" i="1" s="1"/>
  <c r="A173863" i="1" s="1"/>
  <c r="A173864" i="1" s="1"/>
  <c r="A173865" i="1" s="1"/>
  <c r="A173866" i="1" s="1"/>
  <c r="A173867" i="1" s="1"/>
  <c r="A173868" i="1" s="1"/>
  <c r="A173869" i="1" s="1"/>
  <c r="A173870" i="1" s="1"/>
  <c r="A173871" i="1" s="1"/>
  <c r="A173872" i="1" s="1"/>
  <c r="A173873" i="1" s="1"/>
  <c r="A173874" i="1" s="1"/>
  <c r="A173875" i="1" s="1"/>
  <c r="A173876" i="1" s="1"/>
  <c r="A173877" i="1" s="1"/>
  <c r="A173878" i="1" s="1"/>
  <c r="A173879" i="1" s="1"/>
  <c r="A173880" i="1" s="1"/>
  <c r="A173881" i="1" s="1"/>
  <c r="A173882" i="1" s="1"/>
  <c r="A173883" i="1" s="1"/>
  <c r="A173884" i="1" s="1"/>
  <c r="A173885" i="1" s="1"/>
  <c r="A173886" i="1" s="1"/>
  <c r="A173887" i="1" s="1"/>
  <c r="A173888" i="1" s="1"/>
  <c r="A173889" i="1" s="1"/>
  <c r="A173890" i="1" s="1"/>
  <c r="A173891" i="1" s="1"/>
  <c r="A173892" i="1" s="1"/>
  <c r="A173893" i="1" s="1"/>
  <c r="A173894" i="1" s="1"/>
  <c r="A173895" i="1" s="1"/>
  <c r="A173896" i="1" s="1"/>
  <c r="A173897" i="1" s="1"/>
  <c r="A173898" i="1" s="1"/>
  <c r="A173899" i="1" s="1"/>
  <c r="A173900" i="1" s="1"/>
  <c r="A173901" i="1" s="1"/>
  <c r="A173902" i="1" s="1"/>
  <c r="A173903" i="1" s="1"/>
  <c r="A173904" i="1" s="1"/>
  <c r="A173905" i="1" s="1"/>
  <c r="A173906" i="1" s="1"/>
  <c r="A173907" i="1" s="1"/>
  <c r="A173908" i="1" s="1"/>
  <c r="A173909" i="1" s="1"/>
  <c r="A173910" i="1" s="1"/>
  <c r="A173911" i="1" s="1"/>
  <c r="A173912" i="1" s="1"/>
  <c r="A173913" i="1" s="1"/>
  <c r="A173914" i="1" s="1"/>
  <c r="A173915" i="1" s="1"/>
  <c r="A173916" i="1" s="1"/>
  <c r="A173917" i="1" s="1"/>
  <c r="A173918" i="1" s="1"/>
  <c r="A173919" i="1" s="1"/>
  <c r="A173920" i="1" s="1"/>
  <c r="A173921" i="1" s="1"/>
  <c r="A173922" i="1" s="1"/>
  <c r="A173923" i="1" s="1"/>
  <c r="A173924" i="1" s="1"/>
  <c r="A173925" i="1" s="1"/>
  <c r="A173926" i="1" s="1"/>
  <c r="A173927" i="1" s="1"/>
  <c r="A173928" i="1" s="1"/>
  <c r="A173929" i="1" s="1"/>
  <c r="A173930" i="1" s="1"/>
  <c r="A173931" i="1" s="1"/>
  <c r="A173932" i="1" s="1"/>
  <c r="A173933" i="1" s="1"/>
  <c r="A173934" i="1" s="1"/>
  <c r="A173935" i="1" s="1"/>
  <c r="A173936" i="1" s="1"/>
  <c r="A173937" i="1" s="1"/>
  <c r="A173938" i="1" s="1"/>
  <c r="A173939" i="1" s="1"/>
  <c r="A173940" i="1" s="1"/>
  <c r="A173941" i="1" s="1"/>
  <c r="A173942" i="1" s="1"/>
  <c r="A173943" i="1" s="1"/>
  <c r="A173944" i="1" s="1"/>
  <c r="A173945" i="1" s="1"/>
  <c r="A173946" i="1" s="1"/>
  <c r="A173947" i="1" s="1"/>
  <c r="A173948" i="1" s="1"/>
  <c r="A173949" i="1" s="1"/>
  <c r="A173950" i="1" s="1"/>
  <c r="A173951" i="1" s="1"/>
  <c r="A173952" i="1" s="1"/>
  <c r="A173953" i="1" s="1"/>
  <c r="A173954" i="1" s="1"/>
  <c r="A173955" i="1" s="1"/>
  <c r="A173956" i="1" s="1"/>
  <c r="A173957" i="1" s="1"/>
  <c r="A173958" i="1" s="1"/>
  <c r="A173959" i="1" s="1"/>
  <c r="A173960" i="1" s="1"/>
  <c r="A173961" i="1" s="1"/>
  <c r="A173962" i="1" s="1"/>
  <c r="A173963" i="1" s="1"/>
  <c r="A173964" i="1" s="1"/>
  <c r="A173965" i="1" s="1"/>
  <c r="A173966" i="1" s="1"/>
  <c r="A173967" i="1" s="1"/>
  <c r="A173968" i="1" s="1"/>
  <c r="A173969" i="1" s="1"/>
  <c r="A173970" i="1" s="1"/>
  <c r="A173971" i="1" s="1"/>
  <c r="A173972" i="1" s="1"/>
  <c r="A173973" i="1" s="1"/>
  <c r="A173974" i="1" s="1"/>
  <c r="A173975" i="1" s="1"/>
  <c r="A173976" i="1" s="1"/>
  <c r="A173977" i="1" s="1"/>
  <c r="A173978" i="1" s="1"/>
  <c r="A173979" i="1" s="1"/>
  <c r="A173980" i="1" s="1"/>
  <c r="A173981" i="1" s="1"/>
  <c r="A173982" i="1" s="1"/>
  <c r="A173983" i="1" s="1"/>
  <c r="A173984" i="1" s="1"/>
  <c r="A173985" i="1" s="1"/>
  <c r="A173986" i="1" s="1"/>
  <c r="A173987" i="1" s="1"/>
  <c r="A173988" i="1" s="1"/>
  <c r="A173989" i="1" s="1"/>
  <c r="A173990" i="1" s="1"/>
  <c r="A173991" i="1" s="1"/>
  <c r="A173992" i="1" s="1"/>
  <c r="A173993" i="1" s="1"/>
  <c r="A173994" i="1" s="1"/>
  <c r="A173995" i="1" s="1"/>
  <c r="A173996" i="1" s="1"/>
  <c r="A173997" i="1" s="1"/>
  <c r="A173998" i="1" s="1"/>
  <c r="A173999" i="1" s="1"/>
  <c r="A174000" i="1" s="1"/>
  <c r="A174001" i="1" s="1"/>
  <c r="A174002" i="1" s="1"/>
  <c r="A174003" i="1" s="1"/>
  <c r="A174004" i="1" s="1"/>
  <c r="A174005" i="1" s="1"/>
  <c r="A174006" i="1" s="1"/>
  <c r="A174007" i="1" s="1"/>
  <c r="A174008" i="1" s="1"/>
  <c r="A174009" i="1" s="1"/>
  <c r="A174010" i="1" s="1"/>
  <c r="A174011" i="1" s="1"/>
  <c r="A174012" i="1" s="1"/>
  <c r="A174013" i="1" s="1"/>
  <c r="A174014" i="1" s="1"/>
  <c r="A174015" i="1" s="1"/>
  <c r="A174016" i="1" s="1"/>
  <c r="A174017" i="1" s="1"/>
  <c r="A174018" i="1" s="1"/>
  <c r="A174019" i="1" s="1"/>
  <c r="A174020" i="1" s="1"/>
  <c r="A174021" i="1" s="1"/>
  <c r="A174022" i="1" s="1"/>
  <c r="A174023" i="1" s="1"/>
  <c r="A174024" i="1" s="1"/>
  <c r="A174025" i="1" s="1"/>
  <c r="A174026" i="1" s="1"/>
  <c r="A174027" i="1" s="1"/>
  <c r="A174028" i="1" s="1"/>
  <c r="A174029" i="1" s="1"/>
  <c r="A174030" i="1" s="1"/>
  <c r="A174031" i="1" s="1"/>
  <c r="A174032" i="1" s="1"/>
  <c r="A174033" i="1" s="1"/>
  <c r="A174034" i="1" s="1"/>
  <c r="A174035" i="1" s="1"/>
  <c r="A174036" i="1" s="1"/>
  <c r="A174037" i="1" s="1"/>
  <c r="A174038" i="1" s="1"/>
  <c r="A174039" i="1" s="1"/>
  <c r="A174040" i="1" s="1"/>
  <c r="A174041" i="1" s="1"/>
  <c r="A174042" i="1" s="1"/>
  <c r="A174043" i="1" s="1"/>
  <c r="A174044" i="1" s="1"/>
  <c r="A174045" i="1" s="1"/>
  <c r="A174046" i="1" s="1"/>
  <c r="A174047" i="1" s="1"/>
  <c r="A174048" i="1" s="1"/>
  <c r="A174049" i="1" s="1"/>
  <c r="A174050" i="1" s="1"/>
  <c r="A174051" i="1" s="1"/>
  <c r="A174052" i="1" s="1"/>
  <c r="A174053" i="1" s="1"/>
  <c r="A174054" i="1" s="1"/>
  <c r="A174055" i="1" s="1"/>
  <c r="A174056" i="1" s="1"/>
  <c r="A174057" i="1" s="1"/>
  <c r="A174058" i="1" s="1"/>
  <c r="A174059" i="1" s="1"/>
  <c r="A174060" i="1" s="1"/>
  <c r="A174061" i="1" s="1"/>
  <c r="A174062" i="1" s="1"/>
  <c r="A174063" i="1" s="1"/>
  <c r="A174064" i="1" s="1"/>
  <c r="A174065" i="1" s="1"/>
  <c r="A174066" i="1" s="1"/>
  <c r="A174067" i="1" s="1"/>
  <c r="A174068" i="1" s="1"/>
  <c r="A174069" i="1" s="1"/>
  <c r="A174070" i="1" s="1"/>
  <c r="A174071" i="1" s="1"/>
  <c r="A174072" i="1" s="1"/>
  <c r="A174073" i="1" s="1"/>
  <c r="A174074" i="1" s="1"/>
  <c r="A174075" i="1" s="1"/>
  <c r="A174076" i="1" s="1"/>
  <c r="A174077" i="1" s="1"/>
  <c r="A174078" i="1" s="1"/>
  <c r="A174079" i="1" s="1"/>
  <c r="A174080" i="1" s="1"/>
  <c r="A174081" i="1" s="1"/>
  <c r="A174082" i="1" s="1"/>
  <c r="A174083" i="1" s="1"/>
  <c r="A174084" i="1" s="1"/>
  <c r="A174085" i="1" s="1"/>
  <c r="A174086" i="1" s="1"/>
  <c r="A174087" i="1" s="1"/>
  <c r="A174088" i="1" s="1"/>
  <c r="A174089" i="1" s="1"/>
  <c r="A174090" i="1" s="1"/>
  <c r="A174091" i="1" s="1"/>
  <c r="A174092" i="1" s="1"/>
  <c r="A174093" i="1" s="1"/>
  <c r="A174094" i="1" s="1"/>
  <c r="A174095" i="1" s="1"/>
  <c r="A174096" i="1" s="1"/>
  <c r="A174097" i="1" s="1"/>
  <c r="A174098" i="1" s="1"/>
  <c r="A174099" i="1" s="1"/>
  <c r="A174100" i="1" s="1"/>
  <c r="A174101" i="1" s="1"/>
  <c r="A174102" i="1" s="1"/>
  <c r="A174103" i="1" s="1"/>
  <c r="A174104" i="1" s="1"/>
  <c r="A174105" i="1" s="1"/>
  <c r="A174106" i="1" s="1"/>
  <c r="A174107" i="1" s="1"/>
  <c r="A174108" i="1" s="1"/>
  <c r="A174109" i="1" s="1"/>
  <c r="A174110" i="1" s="1"/>
  <c r="A174111" i="1" s="1"/>
  <c r="A174112" i="1" s="1"/>
  <c r="A174113" i="1" s="1"/>
  <c r="A174114" i="1" s="1"/>
  <c r="A174115" i="1" s="1"/>
  <c r="A174116" i="1" s="1"/>
  <c r="A174117" i="1" s="1"/>
  <c r="A174118" i="1" s="1"/>
  <c r="A174119" i="1" s="1"/>
  <c r="A174120" i="1" s="1"/>
  <c r="A174121" i="1" s="1"/>
  <c r="A174122" i="1" s="1"/>
  <c r="A174123" i="1" s="1"/>
  <c r="A174124" i="1" s="1"/>
  <c r="A174125" i="1" s="1"/>
  <c r="A174126" i="1" s="1"/>
  <c r="A174127" i="1" s="1"/>
  <c r="A174128" i="1" s="1"/>
  <c r="A174129" i="1" s="1"/>
  <c r="A174130" i="1" s="1"/>
  <c r="A174131" i="1" s="1"/>
  <c r="A174132" i="1" s="1"/>
  <c r="A174133" i="1" s="1"/>
  <c r="A174134" i="1" s="1"/>
  <c r="A174135" i="1" s="1"/>
  <c r="A174136" i="1" s="1"/>
  <c r="A174137" i="1" s="1"/>
  <c r="A174138" i="1" s="1"/>
  <c r="A174139" i="1" s="1"/>
  <c r="A174140" i="1" s="1"/>
  <c r="A174141" i="1" s="1"/>
  <c r="A174142" i="1" s="1"/>
  <c r="A174143" i="1" s="1"/>
  <c r="A174144" i="1" s="1"/>
  <c r="A174145" i="1" s="1"/>
  <c r="A174146" i="1" s="1"/>
  <c r="A174147" i="1" s="1"/>
  <c r="A174148" i="1" s="1"/>
  <c r="A174149" i="1" s="1"/>
  <c r="A174150" i="1" s="1"/>
  <c r="A174151" i="1" s="1"/>
  <c r="A174152" i="1" s="1"/>
  <c r="A174153" i="1" s="1"/>
  <c r="A174154" i="1" s="1"/>
  <c r="A174155" i="1" s="1"/>
  <c r="A174156" i="1" s="1"/>
  <c r="A174157" i="1" s="1"/>
  <c r="A174158" i="1" s="1"/>
  <c r="A174159" i="1" s="1"/>
  <c r="A174160" i="1" s="1"/>
  <c r="A174161" i="1" s="1"/>
  <c r="A174162" i="1" s="1"/>
  <c r="A174163" i="1" s="1"/>
  <c r="A174164" i="1" s="1"/>
  <c r="A174165" i="1" s="1"/>
  <c r="A174166" i="1" s="1"/>
  <c r="A174167" i="1" s="1"/>
  <c r="A174168" i="1" s="1"/>
  <c r="A174169" i="1" s="1"/>
  <c r="A174170" i="1" s="1"/>
  <c r="A174171" i="1" s="1"/>
  <c r="A174172" i="1" s="1"/>
  <c r="A174173" i="1" s="1"/>
  <c r="A174174" i="1" s="1"/>
  <c r="A174175" i="1" s="1"/>
  <c r="A174176" i="1" s="1"/>
  <c r="A174177" i="1" s="1"/>
  <c r="A174178" i="1" s="1"/>
  <c r="A174179" i="1" s="1"/>
  <c r="A174180" i="1" s="1"/>
  <c r="A174181" i="1" s="1"/>
  <c r="A174182" i="1" s="1"/>
  <c r="A174183" i="1" s="1"/>
  <c r="A174184" i="1" s="1"/>
  <c r="A174185" i="1" s="1"/>
  <c r="A174186" i="1" s="1"/>
  <c r="A174187" i="1" s="1"/>
  <c r="A174188" i="1" s="1"/>
  <c r="A174189" i="1" s="1"/>
  <c r="A174190" i="1" s="1"/>
  <c r="A174191" i="1" s="1"/>
  <c r="A174192" i="1" s="1"/>
  <c r="A174193" i="1" s="1"/>
  <c r="A174194" i="1" s="1"/>
  <c r="A174195" i="1" s="1"/>
  <c r="A174196" i="1" s="1"/>
  <c r="A174197" i="1" s="1"/>
  <c r="A174198" i="1" s="1"/>
  <c r="A174199" i="1" s="1"/>
  <c r="A174200" i="1" s="1"/>
  <c r="A174201" i="1" s="1"/>
  <c r="A174202" i="1" s="1"/>
  <c r="A174203" i="1" s="1"/>
  <c r="A174204" i="1" s="1"/>
  <c r="A174205" i="1" s="1"/>
  <c r="A174206" i="1" s="1"/>
  <c r="A174207" i="1" s="1"/>
  <c r="A174208" i="1" s="1"/>
  <c r="A174209" i="1" s="1"/>
  <c r="A174210" i="1" s="1"/>
  <c r="A174211" i="1" s="1"/>
  <c r="A174212" i="1" s="1"/>
  <c r="A174213" i="1" s="1"/>
  <c r="A174214" i="1" s="1"/>
  <c r="A174215" i="1" s="1"/>
  <c r="A174216" i="1" s="1"/>
  <c r="A174217" i="1" s="1"/>
  <c r="A174218" i="1" s="1"/>
  <c r="A174219" i="1" s="1"/>
  <c r="A174220" i="1" s="1"/>
  <c r="A174221" i="1" s="1"/>
  <c r="A174222" i="1" s="1"/>
  <c r="A174223" i="1" s="1"/>
  <c r="A174224" i="1" s="1"/>
  <c r="A174225" i="1" s="1"/>
  <c r="A174226" i="1" s="1"/>
  <c r="A174227" i="1" s="1"/>
  <c r="A174228" i="1" s="1"/>
  <c r="A174229" i="1" s="1"/>
  <c r="A174230" i="1" s="1"/>
  <c r="A174231" i="1" s="1"/>
  <c r="A174232" i="1" s="1"/>
  <c r="A174233" i="1" s="1"/>
  <c r="A174234" i="1" s="1"/>
  <c r="A174235" i="1" s="1"/>
  <c r="A174236" i="1" s="1"/>
  <c r="A174237" i="1" s="1"/>
  <c r="A174238" i="1" s="1"/>
  <c r="A174239" i="1" s="1"/>
  <c r="A174240" i="1" s="1"/>
  <c r="A174241" i="1" s="1"/>
  <c r="A174242" i="1" s="1"/>
  <c r="A174243" i="1" s="1"/>
  <c r="A174244" i="1" s="1"/>
  <c r="A174245" i="1" s="1"/>
  <c r="A174246" i="1" s="1"/>
  <c r="A174247" i="1" s="1"/>
  <c r="A174248" i="1" s="1"/>
  <c r="A174249" i="1" s="1"/>
  <c r="A174250" i="1" s="1"/>
  <c r="A174251" i="1" s="1"/>
  <c r="A174252" i="1" s="1"/>
  <c r="A174253" i="1" s="1"/>
  <c r="A174254" i="1" s="1"/>
  <c r="A174255" i="1" s="1"/>
  <c r="A174256" i="1" s="1"/>
  <c r="A174257" i="1" s="1"/>
  <c r="A174258" i="1" s="1"/>
  <c r="A174259" i="1" s="1"/>
  <c r="A174260" i="1" s="1"/>
  <c r="A174261" i="1" s="1"/>
  <c r="A174262" i="1" s="1"/>
  <c r="A174263" i="1" s="1"/>
  <c r="A174264" i="1" s="1"/>
  <c r="A174265" i="1" s="1"/>
  <c r="A174266" i="1" s="1"/>
  <c r="A174267" i="1" s="1"/>
  <c r="A174268" i="1" s="1"/>
  <c r="A174269" i="1" s="1"/>
  <c r="A174270" i="1" s="1"/>
  <c r="A174271" i="1" s="1"/>
  <c r="A174272" i="1" s="1"/>
  <c r="A174273" i="1" s="1"/>
  <c r="A174274" i="1" s="1"/>
  <c r="A174275" i="1" s="1"/>
  <c r="A174276" i="1" s="1"/>
  <c r="A174277" i="1" s="1"/>
  <c r="A174278" i="1" s="1"/>
  <c r="A174279" i="1" s="1"/>
  <c r="A174280" i="1" s="1"/>
  <c r="A174281" i="1" s="1"/>
  <c r="A174282" i="1" s="1"/>
  <c r="A174283" i="1" s="1"/>
  <c r="A174284" i="1" s="1"/>
  <c r="A174285" i="1" s="1"/>
  <c r="A174286" i="1" s="1"/>
  <c r="A174287" i="1" s="1"/>
  <c r="A174288" i="1" s="1"/>
  <c r="A174289" i="1" s="1"/>
  <c r="A174290" i="1" s="1"/>
  <c r="A174291" i="1" s="1"/>
  <c r="A174292" i="1" s="1"/>
  <c r="A174293" i="1" s="1"/>
  <c r="A174294" i="1" s="1"/>
  <c r="A174295" i="1" s="1"/>
  <c r="A174296" i="1" s="1"/>
  <c r="A174297" i="1" s="1"/>
  <c r="A174298" i="1" s="1"/>
  <c r="A174299" i="1" s="1"/>
  <c r="A174300" i="1" s="1"/>
  <c r="A174301" i="1" s="1"/>
  <c r="A174302" i="1" s="1"/>
  <c r="A174303" i="1" s="1"/>
  <c r="A174304" i="1" s="1"/>
  <c r="A174305" i="1" s="1"/>
  <c r="A174306" i="1" s="1"/>
  <c r="A174307" i="1" s="1"/>
  <c r="A174308" i="1" s="1"/>
  <c r="A174309" i="1" s="1"/>
  <c r="A174310" i="1" s="1"/>
  <c r="A174311" i="1" s="1"/>
  <c r="A174312" i="1" s="1"/>
  <c r="A174313" i="1" s="1"/>
  <c r="A174314" i="1" s="1"/>
  <c r="A174315" i="1" s="1"/>
  <c r="A174316" i="1" s="1"/>
  <c r="A174317" i="1" s="1"/>
  <c r="A174318" i="1" s="1"/>
  <c r="A174319" i="1" s="1"/>
  <c r="A174320" i="1" s="1"/>
  <c r="A174321" i="1" s="1"/>
  <c r="A174322" i="1" s="1"/>
  <c r="A174323" i="1" s="1"/>
  <c r="A174324" i="1" s="1"/>
  <c r="A174325" i="1" s="1"/>
  <c r="A174326" i="1" s="1"/>
  <c r="A174327" i="1" s="1"/>
  <c r="A174328" i="1" s="1"/>
  <c r="A174329" i="1" s="1"/>
  <c r="A174330" i="1" s="1"/>
  <c r="A174331" i="1" s="1"/>
  <c r="A174332" i="1" s="1"/>
  <c r="A174333" i="1" s="1"/>
  <c r="A174334" i="1" s="1"/>
  <c r="A174335" i="1" s="1"/>
  <c r="A174336" i="1" s="1"/>
  <c r="A174337" i="1" s="1"/>
  <c r="A174338" i="1" s="1"/>
  <c r="A174339" i="1" s="1"/>
  <c r="A174340" i="1" s="1"/>
  <c r="A174341" i="1" s="1"/>
  <c r="A174342" i="1" s="1"/>
  <c r="A174343" i="1" s="1"/>
  <c r="A174344" i="1" s="1"/>
  <c r="A174345" i="1" s="1"/>
  <c r="A174346" i="1" s="1"/>
  <c r="A174347" i="1" s="1"/>
  <c r="A174348" i="1" s="1"/>
  <c r="A174349" i="1" s="1"/>
  <c r="A174350" i="1" s="1"/>
  <c r="A174351" i="1" s="1"/>
  <c r="A174352" i="1" s="1"/>
  <c r="A174353" i="1" s="1"/>
  <c r="A174354" i="1" s="1"/>
  <c r="A174355" i="1" s="1"/>
  <c r="A174356" i="1" s="1"/>
  <c r="A174357" i="1" s="1"/>
  <c r="A174358" i="1" s="1"/>
  <c r="A174359" i="1" s="1"/>
  <c r="A174360" i="1" s="1"/>
  <c r="A174361" i="1" s="1"/>
  <c r="A174362" i="1" s="1"/>
  <c r="A174363" i="1" s="1"/>
  <c r="A174364" i="1" s="1"/>
  <c r="A174365" i="1" s="1"/>
  <c r="A174366" i="1" s="1"/>
  <c r="A174367" i="1" s="1"/>
  <c r="A174368" i="1" s="1"/>
  <c r="A174369" i="1" s="1"/>
  <c r="A174370" i="1" s="1"/>
  <c r="A174371" i="1" s="1"/>
  <c r="A174372" i="1" s="1"/>
  <c r="A174373" i="1" s="1"/>
  <c r="A174374" i="1" s="1"/>
  <c r="A174375" i="1" s="1"/>
  <c r="A174376" i="1" s="1"/>
  <c r="A174377" i="1" s="1"/>
  <c r="A174378" i="1" s="1"/>
  <c r="A174379" i="1" s="1"/>
  <c r="A174380" i="1" s="1"/>
  <c r="A174381" i="1" s="1"/>
  <c r="A174382" i="1" s="1"/>
  <c r="A174383" i="1" s="1"/>
  <c r="A174384" i="1" s="1"/>
  <c r="A174385" i="1" s="1"/>
  <c r="A174386" i="1" s="1"/>
  <c r="A174387" i="1" s="1"/>
  <c r="A174388" i="1" s="1"/>
  <c r="A174389" i="1" s="1"/>
  <c r="A174390" i="1" s="1"/>
  <c r="A174391" i="1" s="1"/>
  <c r="A174392" i="1" s="1"/>
  <c r="A174393" i="1" s="1"/>
  <c r="A174394" i="1" s="1"/>
  <c r="A174395" i="1" s="1"/>
  <c r="A174396" i="1" s="1"/>
  <c r="A174397" i="1" s="1"/>
  <c r="A174398" i="1" s="1"/>
  <c r="A174399" i="1" s="1"/>
  <c r="A174400" i="1" s="1"/>
  <c r="A174401" i="1" s="1"/>
  <c r="A174402" i="1" s="1"/>
  <c r="A174403" i="1" s="1"/>
  <c r="A174404" i="1" s="1"/>
  <c r="A174405" i="1" s="1"/>
  <c r="A174406" i="1" s="1"/>
  <c r="A174407" i="1" s="1"/>
  <c r="A174408" i="1" s="1"/>
  <c r="A174409" i="1" s="1"/>
  <c r="A174410" i="1" s="1"/>
  <c r="A174411" i="1" s="1"/>
  <c r="A174412" i="1" s="1"/>
  <c r="A174413" i="1" s="1"/>
  <c r="A174414" i="1" s="1"/>
  <c r="A174415" i="1" s="1"/>
  <c r="A174416" i="1" s="1"/>
  <c r="A174417" i="1" s="1"/>
  <c r="A174418" i="1" s="1"/>
  <c r="A174419" i="1" s="1"/>
  <c r="A174420" i="1" s="1"/>
  <c r="A174421" i="1" s="1"/>
  <c r="A174422" i="1" s="1"/>
  <c r="A174423" i="1" s="1"/>
  <c r="A174424" i="1" s="1"/>
  <c r="A174425" i="1" s="1"/>
  <c r="A174426" i="1" s="1"/>
  <c r="A174427" i="1" s="1"/>
  <c r="A174428" i="1" s="1"/>
  <c r="A174429" i="1" s="1"/>
  <c r="A174430" i="1" s="1"/>
  <c r="A174431" i="1" s="1"/>
  <c r="A174432" i="1" s="1"/>
  <c r="A174433" i="1" s="1"/>
  <c r="A174434" i="1" s="1"/>
  <c r="A174435" i="1" s="1"/>
  <c r="A174436" i="1" s="1"/>
  <c r="A174437" i="1" s="1"/>
  <c r="A174438" i="1" s="1"/>
  <c r="A174439" i="1" s="1"/>
  <c r="A174440" i="1" s="1"/>
  <c r="A174441" i="1" s="1"/>
  <c r="A174442" i="1" s="1"/>
  <c r="A174443" i="1" s="1"/>
  <c r="A174444" i="1" s="1"/>
  <c r="A174445" i="1" s="1"/>
  <c r="A174446" i="1" s="1"/>
  <c r="A174447" i="1" s="1"/>
  <c r="A174448" i="1" s="1"/>
  <c r="A174449" i="1" s="1"/>
  <c r="A174450" i="1" s="1"/>
  <c r="A174451" i="1" s="1"/>
  <c r="A174452" i="1" s="1"/>
  <c r="A174453" i="1" s="1"/>
  <c r="A174454" i="1" s="1"/>
  <c r="A174455" i="1" s="1"/>
  <c r="A174456" i="1" s="1"/>
  <c r="A174457" i="1" s="1"/>
  <c r="A174458" i="1" s="1"/>
  <c r="A174459" i="1" s="1"/>
  <c r="A174460" i="1" s="1"/>
  <c r="A174461" i="1" s="1"/>
  <c r="A174462" i="1" s="1"/>
  <c r="A174463" i="1" s="1"/>
  <c r="A174464" i="1" s="1"/>
  <c r="A174465" i="1" s="1"/>
  <c r="A174466" i="1" s="1"/>
  <c r="A174467" i="1" s="1"/>
  <c r="A174468" i="1" s="1"/>
  <c r="A174469" i="1" s="1"/>
  <c r="A174470" i="1" s="1"/>
  <c r="A174471" i="1" s="1"/>
  <c r="A174472" i="1" s="1"/>
  <c r="A174473" i="1" s="1"/>
  <c r="A174474" i="1" s="1"/>
  <c r="A174475" i="1" s="1"/>
  <c r="A174476" i="1" s="1"/>
  <c r="A174477" i="1" s="1"/>
  <c r="A174478" i="1" s="1"/>
  <c r="A174479" i="1" s="1"/>
  <c r="A174480" i="1" s="1"/>
  <c r="A174481" i="1" s="1"/>
  <c r="A174482" i="1" s="1"/>
  <c r="A174483" i="1" s="1"/>
  <c r="A174484" i="1" s="1"/>
  <c r="A174485" i="1" s="1"/>
  <c r="A174486" i="1" s="1"/>
  <c r="A174487" i="1" s="1"/>
  <c r="A174488" i="1" s="1"/>
  <c r="A174489" i="1" s="1"/>
  <c r="A174490" i="1" s="1"/>
  <c r="A174491" i="1" s="1"/>
  <c r="A174492" i="1" s="1"/>
  <c r="A174493" i="1" s="1"/>
  <c r="A174494" i="1" s="1"/>
  <c r="A174495" i="1" s="1"/>
  <c r="A174496" i="1" s="1"/>
  <c r="A174497" i="1" s="1"/>
  <c r="A174498" i="1" s="1"/>
  <c r="A174499" i="1" s="1"/>
  <c r="A174500" i="1" s="1"/>
  <c r="A174501" i="1" s="1"/>
  <c r="A174502" i="1" s="1"/>
  <c r="A174503" i="1" s="1"/>
  <c r="A174504" i="1" s="1"/>
  <c r="A174505" i="1" s="1"/>
  <c r="A174506" i="1" s="1"/>
  <c r="A174507" i="1" s="1"/>
  <c r="A174508" i="1" s="1"/>
  <c r="A174509" i="1" s="1"/>
  <c r="A174510" i="1" s="1"/>
  <c r="A174511" i="1" s="1"/>
  <c r="A174512" i="1" s="1"/>
  <c r="A174513" i="1" s="1"/>
  <c r="A174514" i="1" s="1"/>
  <c r="A174515" i="1" s="1"/>
  <c r="A174516" i="1" s="1"/>
  <c r="A174517" i="1" s="1"/>
  <c r="A174518" i="1" s="1"/>
  <c r="A174519" i="1" s="1"/>
  <c r="A174520" i="1" s="1"/>
  <c r="A174521" i="1" s="1"/>
  <c r="A174522" i="1" s="1"/>
  <c r="A174523" i="1" s="1"/>
  <c r="A174524" i="1" s="1"/>
  <c r="A174525" i="1" s="1"/>
  <c r="A174526" i="1" s="1"/>
  <c r="A174527" i="1" s="1"/>
  <c r="A174528" i="1" s="1"/>
  <c r="A174529" i="1" s="1"/>
  <c r="A174530" i="1" s="1"/>
  <c r="A174531" i="1" s="1"/>
  <c r="A174532" i="1" s="1"/>
  <c r="A174533" i="1" s="1"/>
  <c r="A174534" i="1" s="1"/>
  <c r="A174535" i="1" s="1"/>
  <c r="A174536" i="1" s="1"/>
  <c r="A174537" i="1" s="1"/>
  <c r="A174538" i="1" s="1"/>
  <c r="A174539" i="1" s="1"/>
  <c r="A174540" i="1" s="1"/>
  <c r="A174541" i="1" s="1"/>
  <c r="A174542" i="1" s="1"/>
  <c r="A174543" i="1" s="1"/>
  <c r="A174544" i="1" s="1"/>
  <c r="A174545" i="1" s="1"/>
  <c r="A174546" i="1" s="1"/>
  <c r="A174547" i="1" s="1"/>
  <c r="A174548" i="1" s="1"/>
  <c r="A174549" i="1" s="1"/>
  <c r="A174550" i="1" s="1"/>
  <c r="A174551" i="1" s="1"/>
  <c r="A174552" i="1" s="1"/>
  <c r="A174553" i="1" s="1"/>
  <c r="A174554" i="1" s="1"/>
  <c r="A174555" i="1" s="1"/>
  <c r="A174556" i="1" s="1"/>
  <c r="A174557" i="1" s="1"/>
  <c r="A174558" i="1" s="1"/>
  <c r="A174559" i="1" s="1"/>
  <c r="A174560" i="1" s="1"/>
  <c r="A174561" i="1" s="1"/>
  <c r="A174562" i="1" s="1"/>
  <c r="A174563" i="1" s="1"/>
  <c r="A174564" i="1" s="1"/>
  <c r="A174565" i="1" s="1"/>
  <c r="A174566" i="1" s="1"/>
  <c r="A174567" i="1" s="1"/>
  <c r="A174568" i="1" s="1"/>
  <c r="A174569" i="1" s="1"/>
  <c r="A174570" i="1" s="1"/>
  <c r="A174571" i="1" s="1"/>
  <c r="A174572" i="1" s="1"/>
  <c r="A174573" i="1" s="1"/>
  <c r="A174574" i="1" s="1"/>
  <c r="A174575" i="1" s="1"/>
  <c r="A174576" i="1" s="1"/>
  <c r="A174577" i="1" s="1"/>
  <c r="A174578" i="1" s="1"/>
  <c r="A174579" i="1" s="1"/>
  <c r="A174580" i="1" s="1"/>
  <c r="A174581" i="1" s="1"/>
  <c r="A174582" i="1" s="1"/>
  <c r="A174583" i="1" s="1"/>
  <c r="A174584" i="1" s="1"/>
  <c r="A174585" i="1" s="1"/>
  <c r="A174586" i="1" s="1"/>
  <c r="A174587" i="1" s="1"/>
  <c r="A174588" i="1" s="1"/>
  <c r="A174589" i="1" s="1"/>
  <c r="A174590" i="1" s="1"/>
  <c r="A174591" i="1" s="1"/>
  <c r="A174592" i="1" s="1"/>
  <c r="A174593" i="1" s="1"/>
  <c r="A174594" i="1" s="1"/>
  <c r="A174595" i="1" s="1"/>
  <c r="A174596" i="1" s="1"/>
  <c r="A174597" i="1" s="1"/>
  <c r="A174598" i="1" s="1"/>
  <c r="A174599" i="1" s="1"/>
  <c r="A174600" i="1" s="1"/>
  <c r="A174601" i="1" s="1"/>
  <c r="A174602" i="1" s="1"/>
  <c r="A174603" i="1" s="1"/>
  <c r="A174604" i="1" s="1"/>
  <c r="A174605" i="1" s="1"/>
  <c r="A174606" i="1" s="1"/>
  <c r="A174607" i="1" s="1"/>
  <c r="A174608" i="1" s="1"/>
  <c r="A174609" i="1" s="1"/>
  <c r="A174610" i="1" s="1"/>
  <c r="A174611" i="1" s="1"/>
  <c r="A174612" i="1" s="1"/>
  <c r="A174613" i="1" s="1"/>
  <c r="A174614" i="1" s="1"/>
  <c r="A174615" i="1" s="1"/>
  <c r="A174616" i="1" s="1"/>
  <c r="A174617" i="1" s="1"/>
  <c r="A174618" i="1" s="1"/>
  <c r="A174619" i="1" s="1"/>
  <c r="A174620" i="1" s="1"/>
  <c r="A174621" i="1" s="1"/>
  <c r="A174622" i="1" s="1"/>
  <c r="A174623" i="1" s="1"/>
  <c r="A174624" i="1" s="1"/>
  <c r="A174625" i="1" s="1"/>
  <c r="A174626" i="1" s="1"/>
  <c r="A174627" i="1" s="1"/>
  <c r="A174628" i="1" s="1"/>
  <c r="A174629" i="1" s="1"/>
  <c r="A174630" i="1" s="1"/>
  <c r="A174631" i="1" s="1"/>
  <c r="A174632" i="1" s="1"/>
  <c r="A174633" i="1" s="1"/>
  <c r="A174634" i="1" s="1"/>
  <c r="A174635" i="1" s="1"/>
  <c r="A174636" i="1" s="1"/>
  <c r="A174637" i="1" s="1"/>
  <c r="A174638" i="1" s="1"/>
  <c r="A174639" i="1" s="1"/>
  <c r="A174640" i="1" s="1"/>
  <c r="A174641" i="1" s="1"/>
  <c r="A174642" i="1" s="1"/>
  <c r="A174643" i="1" s="1"/>
  <c r="A174644" i="1" s="1"/>
  <c r="A174645" i="1" s="1"/>
  <c r="A174646" i="1" s="1"/>
  <c r="A174647" i="1" s="1"/>
  <c r="A174648" i="1" s="1"/>
  <c r="A174649" i="1" s="1"/>
  <c r="A174650" i="1" s="1"/>
  <c r="A174651" i="1" s="1"/>
  <c r="A174652" i="1" s="1"/>
  <c r="A174653" i="1" s="1"/>
  <c r="A174654" i="1" s="1"/>
  <c r="A174655" i="1" s="1"/>
  <c r="A174656" i="1" s="1"/>
  <c r="A174657" i="1" s="1"/>
  <c r="A174658" i="1" s="1"/>
  <c r="A174659" i="1" s="1"/>
  <c r="A174660" i="1" s="1"/>
  <c r="A174661" i="1" s="1"/>
  <c r="A174662" i="1" s="1"/>
  <c r="A174663" i="1" s="1"/>
  <c r="A174664" i="1" s="1"/>
  <c r="A174665" i="1" s="1"/>
  <c r="A174666" i="1" s="1"/>
  <c r="A174667" i="1" s="1"/>
  <c r="A174668" i="1" s="1"/>
  <c r="A174669" i="1" s="1"/>
  <c r="A174670" i="1" s="1"/>
  <c r="A174671" i="1" s="1"/>
  <c r="A174672" i="1" s="1"/>
  <c r="A174673" i="1" s="1"/>
  <c r="A174674" i="1" s="1"/>
  <c r="A174675" i="1" s="1"/>
  <c r="A174676" i="1" s="1"/>
  <c r="A174677" i="1" s="1"/>
  <c r="A174678" i="1" s="1"/>
  <c r="A174679" i="1" s="1"/>
  <c r="A174680" i="1" s="1"/>
  <c r="A174681" i="1" s="1"/>
  <c r="A174682" i="1" s="1"/>
  <c r="A174683" i="1" s="1"/>
  <c r="A174684" i="1" s="1"/>
  <c r="A174685" i="1" s="1"/>
  <c r="A174686" i="1" s="1"/>
  <c r="A174687" i="1" s="1"/>
  <c r="A174688" i="1" s="1"/>
  <c r="A174689" i="1" s="1"/>
  <c r="A174690" i="1" s="1"/>
  <c r="A174691" i="1" s="1"/>
  <c r="A174692" i="1" s="1"/>
  <c r="A174693" i="1" s="1"/>
  <c r="A174694" i="1" s="1"/>
  <c r="A174695" i="1" s="1"/>
  <c r="A174696" i="1" s="1"/>
  <c r="A174697" i="1" s="1"/>
  <c r="A174698" i="1" s="1"/>
  <c r="A174699" i="1" s="1"/>
  <c r="A174700" i="1" s="1"/>
  <c r="A174701" i="1" s="1"/>
  <c r="A174702" i="1" s="1"/>
  <c r="A174703" i="1" s="1"/>
  <c r="A174704" i="1" s="1"/>
  <c r="A174705" i="1" s="1"/>
  <c r="A174706" i="1" s="1"/>
  <c r="A174707" i="1" s="1"/>
  <c r="A174708" i="1" s="1"/>
  <c r="A174709" i="1" s="1"/>
  <c r="A174710" i="1" s="1"/>
  <c r="A174711" i="1" s="1"/>
  <c r="A174712" i="1" s="1"/>
  <c r="A174713" i="1" s="1"/>
  <c r="A174714" i="1" s="1"/>
  <c r="A174715" i="1" s="1"/>
  <c r="A174716" i="1" s="1"/>
  <c r="A174717" i="1" s="1"/>
  <c r="A174718" i="1" s="1"/>
  <c r="A174719" i="1" s="1"/>
  <c r="A174720" i="1" s="1"/>
  <c r="A174721" i="1" s="1"/>
  <c r="A174722" i="1" s="1"/>
  <c r="A174723" i="1" s="1"/>
  <c r="A174724" i="1" s="1"/>
  <c r="A174725" i="1" s="1"/>
  <c r="A174726" i="1" s="1"/>
  <c r="A174727" i="1" s="1"/>
  <c r="A174728" i="1" s="1"/>
  <c r="A174729" i="1" s="1"/>
  <c r="A174730" i="1" s="1"/>
  <c r="A174731" i="1" s="1"/>
  <c r="A174732" i="1" s="1"/>
  <c r="A174733" i="1" s="1"/>
  <c r="A174734" i="1" s="1"/>
  <c r="A174735" i="1" s="1"/>
  <c r="A174736" i="1" s="1"/>
  <c r="A174737" i="1" s="1"/>
  <c r="A174738" i="1" s="1"/>
  <c r="A174739" i="1" s="1"/>
  <c r="A174740" i="1" s="1"/>
  <c r="A174741" i="1" s="1"/>
  <c r="A174742" i="1" s="1"/>
  <c r="A174743" i="1" s="1"/>
  <c r="A174744" i="1" s="1"/>
  <c r="A174745" i="1" s="1"/>
  <c r="A174746" i="1" s="1"/>
  <c r="A174747" i="1" s="1"/>
  <c r="A174748" i="1" s="1"/>
  <c r="A174749" i="1" s="1"/>
  <c r="A174750" i="1" s="1"/>
  <c r="A174751" i="1" s="1"/>
  <c r="A174752" i="1" s="1"/>
  <c r="A174753" i="1" s="1"/>
  <c r="A174754" i="1" s="1"/>
  <c r="A174755" i="1" s="1"/>
  <c r="A174756" i="1" s="1"/>
  <c r="A174757" i="1" s="1"/>
  <c r="A174758" i="1" s="1"/>
  <c r="A174759" i="1" s="1"/>
  <c r="A174760" i="1" s="1"/>
  <c r="A174761" i="1" s="1"/>
  <c r="A174762" i="1" s="1"/>
  <c r="A174763" i="1" s="1"/>
  <c r="A174764" i="1" s="1"/>
  <c r="A174765" i="1" s="1"/>
  <c r="A174766" i="1" s="1"/>
  <c r="A174767" i="1" s="1"/>
  <c r="A174768" i="1" s="1"/>
  <c r="A174769" i="1" s="1"/>
  <c r="A174770" i="1" s="1"/>
  <c r="A174771" i="1" s="1"/>
  <c r="A174772" i="1" s="1"/>
  <c r="A174773" i="1" s="1"/>
  <c r="A174774" i="1" s="1"/>
  <c r="A174775" i="1" s="1"/>
  <c r="A174776" i="1" s="1"/>
  <c r="A174777" i="1" s="1"/>
  <c r="A174778" i="1" s="1"/>
  <c r="A174779" i="1" s="1"/>
  <c r="A174780" i="1" s="1"/>
  <c r="A174781" i="1" s="1"/>
  <c r="A174782" i="1" s="1"/>
  <c r="A174783" i="1" s="1"/>
  <c r="A174784" i="1" s="1"/>
  <c r="A174785" i="1" s="1"/>
  <c r="A174786" i="1" s="1"/>
  <c r="A174787" i="1" s="1"/>
  <c r="A174788" i="1" s="1"/>
  <c r="A174789" i="1" s="1"/>
  <c r="A174790" i="1" s="1"/>
  <c r="A174791" i="1" s="1"/>
  <c r="A174792" i="1" s="1"/>
  <c r="A174793" i="1" s="1"/>
  <c r="A174794" i="1" s="1"/>
  <c r="A174795" i="1" s="1"/>
  <c r="A174796" i="1" s="1"/>
  <c r="A174797" i="1" s="1"/>
  <c r="A174798" i="1" s="1"/>
  <c r="A174799" i="1" s="1"/>
  <c r="A174800" i="1" s="1"/>
  <c r="A174801" i="1" s="1"/>
  <c r="A174802" i="1" s="1"/>
  <c r="A174803" i="1" s="1"/>
  <c r="A174804" i="1" s="1"/>
  <c r="A174805" i="1" s="1"/>
  <c r="A174806" i="1" s="1"/>
  <c r="A174807" i="1" s="1"/>
  <c r="A174808" i="1" s="1"/>
  <c r="A174809" i="1" s="1"/>
  <c r="A174810" i="1" s="1"/>
  <c r="A174811" i="1" s="1"/>
  <c r="A174812" i="1" s="1"/>
  <c r="A174813" i="1" s="1"/>
  <c r="A174814" i="1" s="1"/>
  <c r="A174815" i="1" s="1"/>
  <c r="A174816" i="1" s="1"/>
  <c r="A174817" i="1" s="1"/>
  <c r="A174818" i="1" s="1"/>
  <c r="A174819" i="1" s="1"/>
  <c r="A174820" i="1" s="1"/>
  <c r="A174821" i="1" s="1"/>
  <c r="A174822" i="1" s="1"/>
  <c r="A174823" i="1" s="1"/>
  <c r="A174824" i="1" s="1"/>
  <c r="A174825" i="1" s="1"/>
  <c r="A174826" i="1" s="1"/>
  <c r="A174827" i="1" s="1"/>
  <c r="A174828" i="1" s="1"/>
  <c r="A174829" i="1" s="1"/>
  <c r="A174830" i="1" s="1"/>
  <c r="A174831" i="1" s="1"/>
  <c r="A174832" i="1" s="1"/>
  <c r="A174833" i="1" s="1"/>
  <c r="A174834" i="1" s="1"/>
  <c r="A174835" i="1" s="1"/>
  <c r="A174836" i="1" s="1"/>
  <c r="A174837" i="1" s="1"/>
  <c r="A174838" i="1" s="1"/>
  <c r="A174839" i="1" s="1"/>
  <c r="A174840" i="1" s="1"/>
  <c r="A174841" i="1" s="1"/>
  <c r="A174842" i="1" s="1"/>
  <c r="A174843" i="1" s="1"/>
  <c r="A174844" i="1" s="1"/>
  <c r="A174845" i="1" s="1"/>
  <c r="A174846" i="1" s="1"/>
  <c r="A174847" i="1" s="1"/>
  <c r="A174848" i="1" s="1"/>
  <c r="A174849" i="1" s="1"/>
  <c r="A174850" i="1" s="1"/>
  <c r="A174851" i="1" s="1"/>
  <c r="A174852" i="1" s="1"/>
  <c r="A174853" i="1" s="1"/>
  <c r="A174854" i="1" s="1"/>
  <c r="A174855" i="1" s="1"/>
  <c r="A174856" i="1" s="1"/>
  <c r="A174857" i="1" s="1"/>
  <c r="A174858" i="1" s="1"/>
  <c r="A174859" i="1" s="1"/>
  <c r="A174860" i="1" s="1"/>
  <c r="A174861" i="1" s="1"/>
  <c r="A174862" i="1" s="1"/>
  <c r="A174863" i="1" s="1"/>
  <c r="A174864" i="1" s="1"/>
  <c r="A174865" i="1" s="1"/>
  <c r="A174866" i="1" s="1"/>
  <c r="A174867" i="1" s="1"/>
  <c r="A174868" i="1" s="1"/>
  <c r="A174869" i="1" s="1"/>
  <c r="A174870" i="1" s="1"/>
  <c r="A174871" i="1" s="1"/>
  <c r="A174872" i="1" s="1"/>
  <c r="A174873" i="1" s="1"/>
  <c r="A174874" i="1" s="1"/>
  <c r="A174875" i="1" s="1"/>
  <c r="A174876" i="1" s="1"/>
  <c r="A174877" i="1" s="1"/>
  <c r="A174878" i="1" s="1"/>
  <c r="A174879" i="1" s="1"/>
  <c r="A174880" i="1" s="1"/>
  <c r="A174881" i="1" s="1"/>
  <c r="A174882" i="1" s="1"/>
  <c r="A174883" i="1" s="1"/>
  <c r="A174884" i="1" s="1"/>
  <c r="A174885" i="1" s="1"/>
  <c r="A174886" i="1" s="1"/>
  <c r="A174887" i="1" s="1"/>
  <c r="A174888" i="1" s="1"/>
  <c r="A174889" i="1" s="1"/>
  <c r="A174890" i="1" s="1"/>
  <c r="A174891" i="1" s="1"/>
  <c r="A174892" i="1" s="1"/>
  <c r="A174893" i="1" s="1"/>
  <c r="A174894" i="1" s="1"/>
  <c r="A174895" i="1" s="1"/>
  <c r="A174896" i="1" s="1"/>
  <c r="A174897" i="1" s="1"/>
  <c r="A174898" i="1" s="1"/>
  <c r="A174899" i="1" s="1"/>
  <c r="A174900" i="1" s="1"/>
  <c r="A174901" i="1" s="1"/>
  <c r="A174902" i="1" s="1"/>
  <c r="A174903" i="1" s="1"/>
  <c r="A174904" i="1" s="1"/>
  <c r="A174905" i="1" s="1"/>
  <c r="A174906" i="1" s="1"/>
  <c r="A174907" i="1" s="1"/>
  <c r="A174908" i="1" s="1"/>
  <c r="A174909" i="1" s="1"/>
  <c r="A174910" i="1" s="1"/>
  <c r="A174911" i="1" s="1"/>
  <c r="A174912" i="1" s="1"/>
  <c r="A174913" i="1" s="1"/>
  <c r="A174914" i="1" s="1"/>
  <c r="A174915" i="1" s="1"/>
  <c r="A174916" i="1" s="1"/>
  <c r="A174917" i="1" s="1"/>
  <c r="A174918" i="1" s="1"/>
  <c r="A174919" i="1" s="1"/>
  <c r="A174920" i="1" s="1"/>
  <c r="A174921" i="1" s="1"/>
  <c r="A174922" i="1" s="1"/>
  <c r="A174923" i="1" s="1"/>
  <c r="A174924" i="1" s="1"/>
  <c r="A174925" i="1" s="1"/>
  <c r="A174926" i="1" s="1"/>
  <c r="A174927" i="1" s="1"/>
  <c r="A174928" i="1" s="1"/>
  <c r="A174929" i="1" s="1"/>
  <c r="A174930" i="1" s="1"/>
  <c r="A174931" i="1" s="1"/>
  <c r="A174932" i="1" s="1"/>
  <c r="A174933" i="1" s="1"/>
  <c r="A174934" i="1" s="1"/>
  <c r="A174935" i="1" s="1"/>
  <c r="A174936" i="1" s="1"/>
  <c r="A174937" i="1" s="1"/>
  <c r="A174938" i="1" s="1"/>
  <c r="A174939" i="1" s="1"/>
  <c r="A174940" i="1" s="1"/>
  <c r="A174941" i="1" s="1"/>
  <c r="A174942" i="1" s="1"/>
  <c r="A174943" i="1" s="1"/>
  <c r="A174944" i="1" s="1"/>
  <c r="A174945" i="1" s="1"/>
  <c r="A174946" i="1" s="1"/>
  <c r="A174947" i="1" s="1"/>
  <c r="A174948" i="1" s="1"/>
  <c r="A174949" i="1" s="1"/>
  <c r="A174950" i="1" s="1"/>
  <c r="A174951" i="1" s="1"/>
  <c r="A174952" i="1" s="1"/>
  <c r="A174953" i="1" s="1"/>
  <c r="A174954" i="1" s="1"/>
  <c r="A174955" i="1" s="1"/>
  <c r="A174956" i="1" s="1"/>
  <c r="A174957" i="1" s="1"/>
  <c r="A174958" i="1" s="1"/>
  <c r="A174959" i="1" s="1"/>
  <c r="A174960" i="1" s="1"/>
  <c r="A174961" i="1" s="1"/>
  <c r="A174962" i="1" s="1"/>
  <c r="A174963" i="1" s="1"/>
  <c r="A174964" i="1" s="1"/>
  <c r="A174965" i="1" s="1"/>
  <c r="A174966" i="1" s="1"/>
  <c r="A174967" i="1" s="1"/>
  <c r="A174968" i="1" s="1"/>
  <c r="A174969" i="1" s="1"/>
  <c r="A174970" i="1" s="1"/>
  <c r="A174971" i="1" s="1"/>
  <c r="A174972" i="1" s="1"/>
  <c r="A174973" i="1" s="1"/>
  <c r="A174974" i="1" s="1"/>
  <c r="A174975" i="1" s="1"/>
  <c r="A174976" i="1" s="1"/>
  <c r="A174977" i="1" s="1"/>
  <c r="A174978" i="1" s="1"/>
  <c r="A174979" i="1" s="1"/>
  <c r="A174980" i="1" s="1"/>
  <c r="A174981" i="1" s="1"/>
  <c r="A174982" i="1" s="1"/>
  <c r="A174983" i="1" s="1"/>
  <c r="A174984" i="1" s="1"/>
  <c r="A174985" i="1" s="1"/>
  <c r="A174986" i="1" s="1"/>
  <c r="A174987" i="1" s="1"/>
  <c r="A174988" i="1" s="1"/>
  <c r="A174989" i="1" s="1"/>
  <c r="A174990" i="1" s="1"/>
  <c r="A174991" i="1" s="1"/>
  <c r="A174992" i="1" s="1"/>
  <c r="A174993" i="1" s="1"/>
  <c r="A174994" i="1" s="1"/>
  <c r="A174995" i="1" s="1"/>
  <c r="A174996" i="1" s="1"/>
  <c r="A174997" i="1" s="1"/>
  <c r="A174998" i="1" s="1"/>
  <c r="A174999" i="1" s="1"/>
  <c r="A175000" i="1" s="1"/>
  <c r="A175001" i="1" s="1"/>
  <c r="A175002" i="1" s="1"/>
  <c r="A175003" i="1" s="1"/>
  <c r="A175004" i="1" s="1"/>
  <c r="A175005" i="1" s="1"/>
  <c r="A175006" i="1" s="1"/>
  <c r="A175007" i="1" s="1"/>
  <c r="A175008" i="1" s="1"/>
  <c r="A175009" i="1" s="1"/>
  <c r="A175010" i="1" s="1"/>
  <c r="A175011" i="1" s="1"/>
  <c r="A175012" i="1" s="1"/>
  <c r="A175013" i="1" s="1"/>
  <c r="A175014" i="1" s="1"/>
  <c r="A175015" i="1" s="1"/>
  <c r="A175016" i="1" s="1"/>
  <c r="A175017" i="1" s="1"/>
  <c r="A175018" i="1" s="1"/>
  <c r="A175019" i="1" s="1"/>
  <c r="A175020" i="1" s="1"/>
  <c r="A175021" i="1" s="1"/>
  <c r="A175022" i="1" s="1"/>
  <c r="A175023" i="1" s="1"/>
  <c r="A175024" i="1" s="1"/>
  <c r="A175025" i="1" s="1"/>
  <c r="A175026" i="1" s="1"/>
  <c r="A175027" i="1" s="1"/>
  <c r="A175028" i="1" s="1"/>
  <c r="A175029" i="1" s="1"/>
  <c r="A175030" i="1" s="1"/>
  <c r="A175031" i="1" s="1"/>
  <c r="A175032" i="1" s="1"/>
  <c r="A175033" i="1" s="1"/>
  <c r="A175034" i="1" s="1"/>
  <c r="A175035" i="1" s="1"/>
  <c r="A175036" i="1" s="1"/>
  <c r="A175037" i="1" s="1"/>
  <c r="A175038" i="1" s="1"/>
  <c r="A175039" i="1" s="1"/>
  <c r="A175040" i="1" s="1"/>
  <c r="A175041" i="1" s="1"/>
  <c r="A175042" i="1" s="1"/>
  <c r="A175043" i="1" s="1"/>
  <c r="A175044" i="1" s="1"/>
  <c r="A175045" i="1" s="1"/>
  <c r="A175046" i="1" s="1"/>
  <c r="A175047" i="1" s="1"/>
  <c r="A175048" i="1" s="1"/>
  <c r="A175049" i="1" s="1"/>
  <c r="A175050" i="1" s="1"/>
  <c r="A175051" i="1" s="1"/>
  <c r="A175052" i="1" s="1"/>
  <c r="A175053" i="1" s="1"/>
  <c r="A175054" i="1" s="1"/>
  <c r="A175055" i="1" s="1"/>
  <c r="A175056" i="1" s="1"/>
  <c r="A175057" i="1" s="1"/>
  <c r="A175058" i="1" s="1"/>
  <c r="A175059" i="1" s="1"/>
  <c r="A175060" i="1" s="1"/>
  <c r="A175061" i="1" s="1"/>
  <c r="A175062" i="1" s="1"/>
  <c r="A175063" i="1" s="1"/>
  <c r="A175064" i="1" s="1"/>
  <c r="A175065" i="1" s="1"/>
  <c r="A175066" i="1" s="1"/>
  <c r="A175067" i="1" s="1"/>
  <c r="A175068" i="1" s="1"/>
  <c r="A175069" i="1" s="1"/>
  <c r="A175070" i="1" s="1"/>
  <c r="A175071" i="1" s="1"/>
  <c r="A175072" i="1" s="1"/>
  <c r="A175073" i="1" s="1"/>
  <c r="A175074" i="1" s="1"/>
  <c r="A175075" i="1" s="1"/>
  <c r="A175076" i="1" s="1"/>
  <c r="A175077" i="1" s="1"/>
  <c r="A175078" i="1" s="1"/>
  <c r="A175079" i="1" s="1"/>
  <c r="A175080" i="1" s="1"/>
  <c r="A175081" i="1" s="1"/>
  <c r="A175082" i="1" s="1"/>
  <c r="A175083" i="1" s="1"/>
  <c r="A175084" i="1" s="1"/>
  <c r="A175085" i="1" s="1"/>
  <c r="A175086" i="1" s="1"/>
  <c r="A175087" i="1" s="1"/>
  <c r="A175088" i="1" s="1"/>
  <c r="A175089" i="1" s="1"/>
  <c r="A175090" i="1" s="1"/>
  <c r="A175091" i="1" s="1"/>
  <c r="A175092" i="1" s="1"/>
  <c r="A175093" i="1" s="1"/>
  <c r="A175094" i="1" s="1"/>
  <c r="A175095" i="1" s="1"/>
  <c r="A175096" i="1" s="1"/>
  <c r="A175097" i="1" s="1"/>
  <c r="A175098" i="1" s="1"/>
  <c r="A175099" i="1" s="1"/>
  <c r="A175100" i="1" s="1"/>
  <c r="A175101" i="1" s="1"/>
  <c r="A175102" i="1" s="1"/>
  <c r="A175103" i="1" s="1"/>
  <c r="A175104" i="1" s="1"/>
  <c r="A175105" i="1" s="1"/>
  <c r="A175106" i="1" s="1"/>
  <c r="A175107" i="1" s="1"/>
  <c r="A175108" i="1" s="1"/>
  <c r="A175109" i="1" s="1"/>
  <c r="A175110" i="1" s="1"/>
  <c r="A175111" i="1" s="1"/>
  <c r="A175112" i="1" s="1"/>
  <c r="A175113" i="1" s="1"/>
  <c r="A175114" i="1" s="1"/>
  <c r="A175115" i="1" s="1"/>
  <c r="A175116" i="1" s="1"/>
  <c r="A175117" i="1" s="1"/>
  <c r="A175118" i="1" s="1"/>
  <c r="A175119" i="1" s="1"/>
  <c r="A175120" i="1" s="1"/>
  <c r="A175121" i="1" s="1"/>
  <c r="A175122" i="1" s="1"/>
  <c r="A175123" i="1" s="1"/>
  <c r="A175124" i="1" s="1"/>
  <c r="A175125" i="1" s="1"/>
  <c r="A175126" i="1" s="1"/>
  <c r="A175127" i="1" s="1"/>
  <c r="A175128" i="1" s="1"/>
  <c r="A175129" i="1" s="1"/>
  <c r="A175130" i="1" s="1"/>
  <c r="A175131" i="1" s="1"/>
  <c r="A175132" i="1" s="1"/>
  <c r="A175133" i="1" s="1"/>
  <c r="A175134" i="1" s="1"/>
  <c r="A175135" i="1" s="1"/>
  <c r="A175136" i="1" s="1"/>
  <c r="A175137" i="1" s="1"/>
  <c r="A175138" i="1" s="1"/>
  <c r="A175139" i="1" s="1"/>
  <c r="A175140" i="1" s="1"/>
  <c r="A175141" i="1" s="1"/>
  <c r="A175142" i="1" s="1"/>
  <c r="A175143" i="1" s="1"/>
  <c r="A175144" i="1" s="1"/>
  <c r="A175145" i="1" s="1"/>
  <c r="A175146" i="1" s="1"/>
  <c r="A175147" i="1" s="1"/>
  <c r="A175148" i="1" s="1"/>
  <c r="A175149" i="1" s="1"/>
  <c r="A175150" i="1" s="1"/>
  <c r="A175151" i="1" s="1"/>
  <c r="A175152" i="1" s="1"/>
  <c r="A175153" i="1" s="1"/>
  <c r="A175154" i="1" s="1"/>
  <c r="A175155" i="1" s="1"/>
  <c r="A175156" i="1" s="1"/>
  <c r="A175157" i="1" s="1"/>
  <c r="A175158" i="1" s="1"/>
  <c r="A175159" i="1" s="1"/>
  <c r="A175160" i="1" s="1"/>
  <c r="A175161" i="1" s="1"/>
  <c r="A175162" i="1" s="1"/>
  <c r="A175163" i="1" s="1"/>
  <c r="A175164" i="1" s="1"/>
  <c r="A175165" i="1" s="1"/>
  <c r="A175166" i="1" s="1"/>
  <c r="A175167" i="1" s="1"/>
  <c r="A175168" i="1" s="1"/>
  <c r="A175169" i="1" s="1"/>
  <c r="A175170" i="1" s="1"/>
  <c r="A175171" i="1" s="1"/>
  <c r="A175172" i="1" s="1"/>
  <c r="A175173" i="1" s="1"/>
  <c r="A175174" i="1" s="1"/>
  <c r="A175175" i="1" s="1"/>
  <c r="A175176" i="1" s="1"/>
  <c r="A175177" i="1" s="1"/>
  <c r="A175178" i="1" s="1"/>
  <c r="A175179" i="1" s="1"/>
  <c r="A175180" i="1" s="1"/>
  <c r="A175181" i="1" s="1"/>
  <c r="A175182" i="1" s="1"/>
  <c r="A175183" i="1" s="1"/>
  <c r="A175184" i="1" s="1"/>
  <c r="A175185" i="1" s="1"/>
  <c r="A175186" i="1" s="1"/>
  <c r="A175187" i="1" s="1"/>
  <c r="A175188" i="1" s="1"/>
  <c r="A175189" i="1" s="1"/>
  <c r="A175190" i="1" s="1"/>
  <c r="A175191" i="1" s="1"/>
  <c r="A175192" i="1" s="1"/>
  <c r="A175193" i="1" s="1"/>
  <c r="A175194" i="1" s="1"/>
  <c r="A175195" i="1" s="1"/>
  <c r="A175196" i="1" s="1"/>
  <c r="A175197" i="1" s="1"/>
  <c r="A175198" i="1" s="1"/>
  <c r="A175199" i="1" s="1"/>
  <c r="A175200" i="1" s="1"/>
  <c r="A175201" i="1" s="1"/>
  <c r="A175202" i="1" s="1"/>
  <c r="A175203" i="1" s="1"/>
  <c r="A175204" i="1" s="1"/>
  <c r="A175205" i="1" s="1"/>
  <c r="A175206" i="1" s="1"/>
  <c r="A175207" i="1" s="1"/>
  <c r="A175208" i="1" s="1"/>
  <c r="A175209" i="1" s="1"/>
  <c r="A175210" i="1" s="1"/>
  <c r="A175211" i="1" s="1"/>
  <c r="A175212" i="1" s="1"/>
  <c r="A175213" i="1" s="1"/>
  <c r="A175214" i="1" s="1"/>
  <c r="A175215" i="1" s="1"/>
  <c r="A175216" i="1" s="1"/>
  <c r="A175217" i="1" s="1"/>
  <c r="A175218" i="1" s="1"/>
  <c r="A175219" i="1" s="1"/>
  <c r="A175220" i="1" s="1"/>
  <c r="A175221" i="1" s="1"/>
  <c r="A175222" i="1" s="1"/>
  <c r="A175223" i="1" s="1"/>
  <c r="A175224" i="1" s="1"/>
  <c r="A175225" i="1" s="1"/>
  <c r="A175226" i="1" s="1"/>
  <c r="A175227" i="1" s="1"/>
  <c r="A175228" i="1" s="1"/>
  <c r="A175229" i="1" s="1"/>
  <c r="A175230" i="1" s="1"/>
  <c r="A175231" i="1" s="1"/>
  <c r="A175232" i="1" s="1"/>
  <c r="A175233" i="1" s="1"/>
  <c r="A175234" i="1" s="1"/>
  <c r="A175235" i="1" s="1"/>
  <c r="A175236" i="1" s="1"/>
  <c r="A175237" i="1" s="1"/>
  <c r="A175238" i="1" s="1"/>
  <c r="A175239" i="1" s="1"/>
  <c r="A175240" i="1" s="1"/>
  <c r="A175241" i="1" s="1"/>
  <c r="A175242" i="1" s="1"/>
  <c r="A175243" i="1" s="1"/>
  <c r="A175244" i="1" s="1"/>
  <c r="A175245" i="1" s="1"/>
  <c r="A175246" i="1" s="1"/>
  <c r="A175247" i="1" s="1"/>
  <c r="A175248" i="1" s="1"/>
  <c r="A175249" i="1" s="1"/>
  <c r="A175250" i="1" s="1"/>
  <c r="A175251" i="1" s="1"/>
  <c r="A175252" i="1" s="1"/>
  <c r="A175253" i="1" s="1"/>
  <c r="A175254" i="1" s="1"/>
  <c r="A175255" i="1" s="1"/>
  <c r="A175256" i="1" s="1"/>
  <c r="A175257" i="1" s="1"/>
  <c r="A175258" i="1" s="1"/>
  <c r="A175259" i="1" s="1"/>
  <c r="A175260" i="1" s="1"/>
  <c r="A175261" i="1" s="1"/>
  <c r="A175262" i="1" s="1"/>
  <c r="A175263" i="1" s="1"/>
  <c r="A175264" i="1" s="1"/>
  <c r="A175265" i="1" s="1"/>
  <c r="A175266" i="1" s="1"/>
  <c r="A175267" i="1" s="1"/>
  <c r="A175268" i="1" s="1"/>
  <c r="A175269" i="1" s="1"/>
  <c r="A175270" i="1" s="1"/>
  <c r="A175271" i="1" s="1"/>
  <c r="A175272" i="1" s="1"/>
  <c r="A175273" i="1" s="1"/>
  <c r="A175274" i="1" s="1"/>
  <c r="A175275" i="1" s="1"/>
  <c r="A175276" i="1" s="1"/>
  <c r="A175277" i="1" s="1"/>
  <c r="A175278" i="1" s="1"/>
  <c r="A175279" i="1" s="1"/>
  <c r="A175280" i="1" s="1"/>
  <c r="A175281" i="1" s="1"/>
  <c r="A175282" i="1" s="1"/>
  <c r="A175283" i="1" s="1"/>
  <c r="A175284" i="1" s="1"/>
  <c r="A175285" i="1" s="1"/>
  <c r="A175286" i="1" s="1"/>
  <c r="A175287" i="1" s="1"/>
  <c r="A175288" i="1" s="1"/>
  <c r="A175289" i="1" s="1"/>
  <c r="A175290" i="1" s="1"/>
  <c r="A175291" i="1" s="1"/>
  <c r="A175292" i="1" s="1"/>
  <c r="A175293" i="1" s="1"/>
  <c r="A175294" i="1" s="1"/>
  <c r="A175295" i="1" s="1"/>
  <c r="A175296" i="1" s="1"/>
  <c r="A175297" i="1" s="1"/>
  <c r="A175298" i="1" s="1"/>
  <c r="A175299" i="1" s="1"/>
  <c r="A175300" i="1" s="1"/>
  <c r="A175301" i="1" s="1"/>
  <c r="A175302" i="1" s="1"/>
  <c r="A175303" i="1" s="1"/>
  <c r="A175304" i="1" s="1"/>
  <c r="A175305" i="1" s="1"/>
  <c r="A175306" i="1" s="1"/>
  <c r="A175307" i="1" s="1"/>
  <c r="A175308" i="1" s="1"/>
  <c r="A175309" i="1" s="1"/>
  <c r="A175310" i="1" s="1"/>
  <c r="A175311" i="1" s="1"/>
  <c r="A175312" i="1" s="1"/>
  <c r="A175313" i="1" s="1"/>
  <c r="A175314" i="1" s="1"/>
  <c r="A175315" i="1" s="1"/>
  <c r="A175316" i="1" s="1"/>
  <c r="A175317" i="1" s="1"/>
  <c r="A175318" i="1" s="1"/>
  <c r="A175319" i="1" s="1"/>
  <c r="A175320" i="1" s="1"/>
  <c r="A175321" i="1" s="1"/>
  <c r="A175322" i="1" s="1"/>
  <c r="A175323" i="1" s="1"/>
  <c r="A175324" i="1" s="1"/>
  <c r="A175325" i="1" s="1"/>
  <c r="A175326" i="1" s="1"/>
  <c r="A175327" i="1" s="1"/>
  <c r="A175328" i="1" s="1"/>
  <c r="A175329" i="1" s="1"/>
  <c r="A175330" i="1" s="1"/>
  <c r="A175331" i="1" s="1"/>
  <c r="A175332" i="1" s="1"/>
  <c r="A175333" i="1" s="1"/>
  <c r="A175334" i="1" s="1"/>
  <c r="A175335" i="1" s="1"/>
  <c r="A175336" i="1" s="1"/>
  <c r="A175337" i="1" s="1"/>
  <c r="A175338" i="1" s="1"/>
  <c r="A175339" i="1" s="1"/>
  <c r="A175340" i="1" s="1"/>
  <c r="A175341" i="1" s="1"/>
  <c r="A175342" i="1" s="1"/>
  <c r="A175343" i="1" s="1"/>
  <c r="A175344" i="1" s="1"/>
  <c r="A175345" i="1" s="1"/>
  <c r="A175346" i="1" s="1"/>
  <c r="A175347" i="1" s="1"/>
  <c r="A175348" i="1" s="1"/>
  <c r="A175349" i="1" s="1"/>
  <c r="A175350" i="1" s="1"/>
  <c r="A175351" i="1" s="1"/>
  <c r="A175352" i="1" s="1"/>
  <c r="A175353" i="1" s="1"/>
  <c r="A175354" i="1" s="1"/>
  <c r="A175355" i="1" s="1"/>
  <c r="A175356" i="1" s="1"/>
  <c r="A175357" i="1" s="1"/>
  <c r="A175358" i="1" s="1"/>
  <c r="A175359" i="1" s="1"/>
  <c r="A175360" i="1" s="1"/>
  <c r="A175361" i="1" s="1"/>
  <c r="A175362" i="1" s="1"/>
  <c r="A175363" i="1" s="1"/>
  <c r="A175364" i="1" s="1"/>
  <c r="A175365" i="1" s="1"/>
  <c r="A175366" i="1" s="1"/>
  <c r="A175367" i="1" s="1"/>
  <c r="A175368" i="1" s="1"/>
  <c r="A175369" i="1" s="1"/>
  <c r="A175370" i="1" s="1"/>
  <c r="A175371" i="1" s="1"/>
  <c r="A175372" i="1" s="1"/>
  <c r="A175373" i="1" s="1"/>
  <c r="A175374" i="1" s="1"/>
  <c r="A175375" i="1" s="1"/>
  <c r="A175376" i="1" s="1"/>
  <c r="A175377" i="1" s="1"/>
  <c r="A175378" i="1" s="1"/>
  <c r="A175379" i="1" s="1"/>
  <c r="A175380" i="1" s="1"/>
  <c r="A175381" i="1" s="1"/>
  <c r="A175382" i="1" s="1"/>
  <c r="A175383" i="1" s="1"/>
  <c r="A175384" i="1" s="1"/>
  <c r="A175385" i="1" s="1"/>
  <c r="A175386" i="1" s="1"/>
  <c r="A175387" i="1" s="1"/>
  <c r="A175388" i="1" s="1"/>
  <c r="A175389" i="1" s="1"/>
  <c r="A175390" i="1" s="1"/>
  <c r="A175391" i="1" s="1"/>
  <c r="A175392" i="1" s="1"/>
  <c r="A175393" i="1" s="1"/>
  <c r="A175394" i="1" s="1"/>
  <c r="A175395" i="1" s="1"/>
  <c r="A175396" i="1" s="1"/>
  <c r="A175397" i="1" s="1"/>
  <c r="A175398" i="1" s="1"/>
  <c r="A175399" i="1" s="1"/>
  <c r="A175400" i="1" s="1"/>
  <c r="A175401" i="1" s="1"/>
  <c r="A175402" i="1" s="1"/>
  <c r="A175403" i="1" s="1"/>
  <c r="A175404" i="1" s="1"/>
  <c r="A175405" i="1" s="1"/>
  <c r="A175406" i="1" s="1"/>
  <c r="A175407" i="1" s="1"/>
  <c r="A175408" i="1" s="1"/>
  <c r="A175409" i="1" s="1"/>
  <c r="A175410" i="1" s="1"/>
  <c r="A175411" i="1" s="1"/>
  <c r="A175412" i="1" s="1"/>
  <c r="A175413" i="1" s="1"/>
  <c r="A175414" i="1" s="1"/>
  <c r="A175415" i="1" s="1"/>
  <c r="A175416" i="1" s="1"/>
  <c r="A175417" i="1" s="1"/>
  <c r="A175418" i="1" s="1"/>
  <c r="A175419" i="1" s="1"/>
  <c r="A175420" i="1" s="1"/>
  <c r="A175421" i="1" s="1"/>
  <c r="A175422" i="1" s="1"/>
  <c r="A175423" i="1" s="1"/>
  <c r="A175424" i="1" s="1"/>
  <c r="A175425" i="1" s="1"/>
  <c r="A175426" i="1" s="1"/>
  <c r="A175427" i="1" s="1"/>
  <c r="A175428" i="1" s="1"/>
  <c r="A175429" i="1" s="1"/>
  <c r="A175430" i="1" s="1"/>
  <c r="A175431" i="1" s="1"/>
  <c r="A175432" i="1" s="1"/>
  <c r="A175433" i="1" s="1"/>
  <c r="A175434" i="1" s="1"/>
  <c r="A175435" i="1" s="1"/>
  <c r="A175436" i="1" s="1"/>
  <c r="A175437" i="1" s="1"/>
  <c r="A175438" i="1" s="1"/>
  <c r="A175439" i="1" s="1"/>
  <c r="A175440" i="1" s="1"/>
  <c r="A175441" i="1" s="1"/>
  <c r="A175442" i="1" s="1"/>
  <c r="A175443" i="1" s="1"/>
  <c r="A175444" i="1" s="1"/>
  <c r="A175445" i="1" s="1"/>
  <c r="A175446" i="1" s="1"/>
  <c r="A175447" i="1" s="1"/>
  <c r="A175448" i="1" s="1"/>
  <c r="A175449" i="1" s="1"/>
  <c r="A175450" i="1" s="1"/>
  <c r="A175451" i="1" s="1"/>
  <c r="A175452" i="1" s="1"/>
  <c r="A175453" i="1" s="1"/>
  <c r="A175454" i="1" s="1"/>
  <c r="A175455" i="1" s="1"/>
  <c r="A175456" i="1" s="1"/>
  <c r="A175457" i="1" s="1"/>
  <c r="A175458" i="1" s="1"/>
  <c r="A175459" i="1" s="1"/>
  <c r="A175460" i="1" s="1"/>
  <c r="A175461" i="1" s="1"/>
  <c r="A175462" i="1" s="1"/>
  <c r="A175463" i="1" s="1"/>
  <c r="A175464" i="1" s="1"/>
  <c r="A175465" i="1" s="1"/>
  <c r="A175466" i="1" s="1"/>
  <c r="A175467" i="1" s="1"/>
  <c r="A175468" i="1" s="1"/>
  <c r="A175469" i="1" s="1"/>
  <c r="A175470" i="1" s="1"/>
  <c r="A175471" i="1" s="1"/>
  <c r="A175472" i="1" s="1"/>
  <c r="A175473" i="1" s="1"/>
  <c r="A175474" i="1" s="1"/>
  <c r="A175475" i="1" s="1"/>
  <c r="A175476" i="1" s="1"/>
  <c r="A175477" i="1" s="1"/>
  <c r="A175478" i="1" s="1"/>
  <c r="A175479" i="1" s="1"/>
  <c r="A175480" i="1" s="1"/>
  <c r="A175481" i="1" s="1"/>
  <c r="A175482" i="1" s="1"/>
  <c r="A175483" i="1" s="1"/>
  <c r="A175484" i="1" s="1"/>
  <c r="A175485" i="1" s="1"/>
  <c r="A175486" i="1" s="1"/>
  <c r="A175487" i="1" s="1"/>
  <c r="A175488" i="1" s="1"/>
  <c r="A175489" i="1" s="1"/>
  <c r="A175490" i="1" s="1"/>
  <c r="A175491" i="1" s="1"/>
  <c r="A175492" i="1" s="1"/>
  <c r="A175493" i="1" s="1"/>
  <c r="A175494" i="1" s="1"/>
  <c r="A175495" i="1" s="1"/>
  <c r="A175496" i="1" s="1"/>
  <c r="A175497" i="1" s="1"/>
  <c r="A175498" i="1" s="1"/>
  <c r="A175499" i="1" s="1"/>
  <c r="A175500" i="1" s="1"/>
  <c r="A175501" i="1" s="1"/>
  <c r="A175502" i="1" s="1"/>
  <c r="A175503" i="1" s="1"/>
  <c r="A175504" i="1" s="1"/>
  <c r="A175505" i="1" s="1"/>
  <c r="A175506" i="1" s="1"/>
  <c r="A175507" i="1" s="1"/>
  <c r="A175508" i="1" s="1"/>
  <c r="A175509" i="1" s="1"/>
  <c r="A175510" i="1" s="1"/>
  <c r="A175511" i="1" s="1"/>
  <c r="A175512" i="1" s="1"/>
  <c r="A175513" i="1" s="1"/>
  <c r="A175514" i="1" s="1"/>
  <c r="A175515" i="1" s="1"/>
  <c r="A175516" i="1" s="1"/>
  <c r="A175517" i="1" s="1"/>
  <c r="A175518" i="1" s="1"/>
  <c r="A175519" i="1" s="1"/>
  <c r="A175520" i="1" s="1"/>
  <c r="A175521" i="1" s="1"/>
  <c r="A175522" i="1" s="1"/>
  <c r="A175523" i="1" s="1"/>
  <c r="A175524" i="1" s="1"/>
  <c r="A175525" i="1" s="1"/>
  <c r="A175526" i="1" s="1"/>
  <c r="A175527" i="1" s="1"/>
  <c r="A175528" i="1" s="1"/>
  <c r="A175529" i="1" s="1"/>
  <c r="A175530" i="1" s="1"/>
  <c r="A175531" i="1" s="1"/>
  <c r="A175532" i="1" s="1"/>
  <c r="A175533" i="1" s="1"/>
  <c r="A175534" i="1" s="1"/>
  <c r="A175535" i="1" s="1"/>
  <c r="A175536" i="1" s="1"/>
  <c r="A175537" i="1" s="1"/>
  <c r="A175538" i="1" s="1"/>
  <c r="A175539" i="1" s="1"/>
  <c r="A175540" i="1" s="1"/>
  <c r="A175541" i="1" s="1"/>
  <c r="A175542" i="1" s="1"/>
  <c r="A175543" i="1" s="1"/>
  <c r="A175544" i="1" s="1"/>
  <c r="A175545" i="1" s="1"/>
  <c r="A175546" i="1" s="1"/>
  <c r="A175547" i="1" s="1"/>
  <c r="A175548" i="1" s="1"/>
  <c r="A175549" i="1" s="1"/>
  <c r="A175550" i="1" s="1"/>
  <c r="A175551" i="1" s="1"/>
  <c r="A175552" i="1" s="1"/>
  <c r="A175553" i="1" s="1"/>
  <c r="A175554" i="1" s="1"/>
  <c r="A175555" i="1" s="1"/>
  <c r="A175556" i="1" s="1"/>
  <c r="A175557" i="1" s="1"/>
  <c r="A175558" i="1" s="1"/>
  <c r="A175559" i="1" s="1"/>
  <c r="A175560" i="1" s="1"/>
  <c r="A175561" i="1" s="1"/>
  <c r="A175562" i="1" s="1"/>
  <c r="A175563" i="1" s="1"/>
  <c r="A175564" i="1" s="1"/>
  <c r="A175565" i="1" s="1"/>
  <c r="A175566" i="1" s="1"/>
  <c r="A175567" i="1" s="1"/>
  <c r="A175568" i="1" s="1"/>
  <c r="A175569" i="1" s="1"/>
  <c r="A175570" i="1" s="1"/>
  <c r="A175571" i="1" s="1"/>
  <c r="A175572" i="1" s="1"/>
  <c r="A175573" i="1" s="1"/>
  <c r="A175574" i="1" s="1"/>
  <c r="A175575" i="1" s="1"/>
  <c r="A175576" i="1" s="1"/>
  <c r="A175577" i="1" s="1"/>
  <c r="A175578" i="1" s="1"/>
  <c r="A175579" i="1" s="1"/>
  <c r="A175580" i="1" s="1"/>
  <c r="A175581" i="1" s="1"/>
  <c r="A175582" i="1" s="1"/>
  <c r="A175583" i="1" s="1"/>
  <c r="A175584" i="1" s="1"/>
  <c r="A175585" i="1" s="1"/>
  <c r="A175586" i="1" s="1"/>
  <c r="A175587" i="1" s="1"/>
  <c r="A175588" i="1" s="1"/>
  <c r="A175589" i="1" s="1"/>
  <c r="A175590" i="1" s="1"/>
  <c r="A175591" i="1" s="1"/>
  <c r="A175592" i="1" s="1"/>
  <c r="A175593" i="1" s="1"/>
  <c r="A175594" i="1" s="1"/>
  <c r="A175595" i="1" s="1"/>
  <c r="A175596" i="1" s="1"/>
  <c r="A175597" i="1" s="1"/>
  <c r="A175598" i="1" s="1"/>
  <c r="A175599" i="1" s="1"/>
  <c r="A175600" i="1" s="1"/>
  <c r="A175601" i="1" s="1"/>
  <c r="A175602" i="1" s="1"/>
  <c r="A175603" i="1" s="1"/>
  <c r="A175604" i="1" s="1"/>
  <c r="A175605" i="1" s="1"/>
  <c r="A175606" i="1" s="1"/>
  <c r="A175607" i="1" s="1"/>
  <c r="A175608" i="1" s="1"/>
  <c r="A175609" i="1" s="1"/>
  <c r="A175610" i="1" s="1"/>
  <c r="A175611" i="1" s="1"/>
  <c r="A175612" i="1" s="1"/>
  <c r="A175613" i="1" s="1"/>
  <c r="A175614" i="1" s="1"/>
  <c r="A175615" i="1" s="1"/>
  <c r="A175616" i="1" s="1"/>
  <c r="A175617" i="1" s="1"/>
  <c r="A175618" i="1" s="1"/>
  <c r="A175619" i="1" s="1"/>
  <c r="A175620" i="1" s="1"/>
  <c r="A175621" i="1" s="1"/>
  <c r="A175622" i="1" s="1"/>
  <c r="A175623" i="1" s="1"/>
  <c r="A175624" i="1" s="1"/>
  <c r="A175625" i="1" s="1"/>
  <c r="A175626" i="1" s="1"/>
  <c r="A175627" i="1" s="1"/>
  <c r="A175628" i="1" s="1"/>
  <c r="A175629" i="1" s="1"/>
  <c r="A175630" i="1" s="1"/>
  <c r="A175631" i="1" s="1"/>
  <c r="A175632" i="1" s="1"/>
  <c r="A175633" i="1" s="1"/>
  <c r="A175634" i="1" s="1"/>
  <c r="A175635" i="1" s="1"/>
  <c r="A175636" i="1" s="1"/>
  <c r="A175637" i="1" s="1"/>
  <c r="A175638" i="1" s="1"/>
  <c r="A175639" i="1" s="1"/>
  <c r="A175640" i="1" s="1"/>
  <c r="A175641" i="1" s="1"/>
  <c r="A175642" i="1" s="1"/>
  <c r="A175643" i="1" s="1"/>
  <c r="A175644" i="1" s="1"/>
  <c r="A175645" i="1" s="1"/>
  <c r="A175646" i="1" s="1"/>
  <c r="A175647" i="1" s="1"/>
  <c r="A175648" i="1" s="1"/>
  <c r="A175649" i="1" s="1"/>
  <c r="A175650" i="1" s="1"/>
  <c r="A175651" i="1" s="1"/>
  <c r="A175652" i="1" s="1"/>
  <c r="A175653" i="1" s="1"/>
  <c r="A175654" i="1" s="1"/>
  <c r="A175655" i="1" s="1"/>
  <c r="A175656" i="1" s="1"/>
  <c r="A175657" i="1" s="1"/>
  <c r="A175658" i="1" s="1"/>
  <c r="A175659" i="1" s="1"/>
  <c r="A175660" i="1" s="1"/>
  <c r="A175661" i="1" s="1"/>
  <c r="A175662" i="1" s="1"/>
  <c r="A175663" i="1" s="1"/>
  <c r="A175664" i="1" s="1"/>
  <c r="A175665" i="1" s="1"/>
  <c r="A175666" i="1" s="1"/>
  <c r="A175667" i="1" s="1"/>
  <c r="A175668" i="1" s="1"/>
  <c r="A175669" i="1" s="1"/>
  <c r="A175670" i="1" s="1"/>
  <c r="A175671" i="1" s="1"/>
  <c r="A175672" i="1" s="1"/>
  <c r="A175673" i="1" s="1"/>
  <c r="A175674" i="1" s="1"/>
  <c r="A175675" i="1" s="1"/>
  <c r="A175676" i="1" s="1"/>
  <c r="A175677" i="1" s="1"/>
  <c r="A175678" i="1" s="1"/>
  <c r="A175679" i="1" s="1"/>
  <c r="A175680" i="1" s="1"/>
  <c r="A175681" i="1" s="1"/>
  <c r="A175682" i="1" s="1"/>
  <c r="A175683" i="1" s="1"/>
  <c r="A175684" i="1" s="1"/>
  <c r="A175685" i="1" s="1"/>
  <c r="A175686" i="1" s="1"/>
  <c r="A175687" i="1" s="1"/>
  <c r="A175688" i="1" s="1"/>
  <c r="A175689" i="1" s="1"/>
  <c r="A175690" i="1" s="1"/>
  <c r="A175691" i="1" s="1"/>
  <c r="A175692" i="1" s="1"/>
  <c r="A175693" i="1" s="1"/>
  <c r="A175694" i="1" s="1"/>
  <c r="A175695" i="1" s="1"/>
  <c r="A175696" i="1" s="1"/>
  <c r="A175697" i="1" s="1"/>
  <c r="A175698" i="1" s="1"/>
  <c r="A175699" i="1" s="1"/>
  <c r="A175700" i="1" s="1"/>
  <c r="A175701" i="1" s="1"/>
  <c r="A175702" i="1" s="1"/>
  <c r="A175703" i="1" s="1"/>
  <c r="A175704" i="1" s="1"/>
  <c r="A175705" i="1" s="1"/>
  <c r="A175706" i="1" s="1"/>
  <c r="A175707" i="1" s="1"/>
  <c r="A175708" i="1" s="1"/>
  <c r="A175709" i="1" s="1"/>
  <c r="A175710" i="1" s="1"/>
  <c r="A175711" i="1" s="1"/>
  <c r="A175712" i="1" s="1"/>
  <c r="A175713" i="1" s="1"/>
  <c r="A175714" i="1" s="1"/>
  <c r="A175715" i="1" s="1"/>
  <c r="A175716" i="1" s="1"/>
  <c r="A175717" i="1" s="1"/>
  <c r="A175718" i="1" s="1"/>
  <c r="A175719" i="1" s="1"/>
  <c r="A175720" i="1" s="1"/>
  <c r="A175721" i="1" s="1"/>
  <c r="A175722" i="1" s="1"/>
  <c r="A175723" i="1" s="1"/>
  <c r="A175724" i="1" s="1"/>
  <c r="A175725" i="1" s="1"/>
  <c r="A175726" i="1" s="1"/>
  <c r="A175727" i="1" s="1"/>
  <c r="A175728" i="1" s="1"/>
  <c r="A175729" i="1" s="1"/>
  <c r="A175730" i="1" s="1"/>
  <c r="A175731" i="1" s="1"/>
  <c r="A175732" i="1" s="1"/>
  <c r="A175733" i="1" s="1"/>
  <c r="A175734" i="1" s="1"/>
  <c r="A175735" i="1" s="1"/>
  <c r="A175736" i="1" s="1"/>
  <c r="A175737" i="1" s="1"/>
  <c r="A175738" i="1" s="1"/>
  <c r="A175739" i="1" s="1"/>
  <c r="A175740" i="1" s="1"/>
  <c r="A175741" i="1" s="1"/>
  <c r="A175742" i="1" s="1"/>
  <c r="A175743" i="1" s="1"/>
  <c r="A175744" i="1" s="1"/>
  <c r="A175745" i="1" s="1"/>
  <c r="A175746" i="1" s="1"/>
  <c r="A175747" i="1" s="1"/>
  <c r="A175748" i="1" s="1"/>
  <c r="A175749" i="1" s="1"/>
  <c r="A175750" i="1" s="1"/>
  <c r="A175751" i="1" s="1"/>
  <c r="A175752" i="1" s="1"/>
  <c r="A175753" i="1" s="1"/>
  <c r="A175754" i="1" s="1"/>
  <c r="A175755" i="1" s="1"/>
  <c r="A175756" i="1" s="1"/>
  <c r="A175757" i="1" s="1"/>
  <c r="A175758" i="1" s="1"/>
  <c r="A175759" i="1" s="1"/>
  <c r="A175760" i="1" s="1"/>
  <c r="A175761" i="1" s="1"/>
  <c r="A175762" i="1" s="1"/>
  <c r="A175763" i="1" s="1"/>
  <c r="A175764" i="1" s="1"/>
  <c r="A175765" i="1" s="1"/>
  <c r="A175766" i="1" s="1"/>
  <c r="A175767" i="1" s="1"/>
  <c r="A175768" i="1" s="1"/>
  <c r="A175769" i="1" s="1"/>
  <c r="A175770" i="1" s="1"/>
  <c r="A175771" i="1" s="1"/>
  <c r="A175772" i="1" s="1"/>
  <c r="A175773" i="1" s="1"/>
  <c r="A175774" i="1" s="1"/>
  <c r="A175775" i="1" s="1"/>
  <c r="A175776" i="1" s="1"/>
  <c r="A175777" i="1" s="1"/>
  <c r="A175778" i="1" s="1"/>
  <c r="A175779" i="1" s="1"/>
  <c r="A175780" i="1" s="1"/>
  <c r="A175781" i="1" s="1"/>
  <c r="A175782" i="1" s="1"/>
  <c r="A175783" i="1" s="1"/>
  <c r="A175784" i="1" s="1"/>
  <c r="A175785" i="1" s="1"/>
  <c r="A175786" i="1" s="1"/>
  <c r="A175787" i="1" s="1"/>
  <c r="A175788" i="1" s="1"/>
  <c r="A175789" i="1" s="1"/>
  <c r="A175790" i="1" s="1"/>
  <c r="A175791" i="1" s="1"/>
  <c r="A175792" i="1" s="1"/>
  <c r="A175793" i="1" s="1"/>
  <c r="A175794" i="1" s="1"/>
  <c r="A175795" i="1" s="1"/>
  <c r="A175796" i="1" s="1"/>
  <c r="A175797" i="1" s="1"/>
  <c r="A175798" i="1" s="1"/>
  <c r="A175799" i="1" s="1"/>
  <c r="A175800" i="1" s="1"/>
  <c r="A175801" i="1" s="1"/>
  <c r="A175802" i="1" s="1"/>
  <c r="A175803" i="1" s="1"/>
  <c r="A175804" i="1" s="1"/>
  <c r="A175805" i="1" s="1"/>
  <c r="A175806" i="1" s="1"/>
  <c r="A175807" i="1" s="1"/>
  <c r="A175808" i="1" s="1"/>
  <c r="A175809" i="1" s="1"/>
  <c r="A175810" i="1" s="1"/>
  <c r="A175811" i="1" s="1"/>
  <c r="A175812" i="1" s="1"/>
  <c r="A175813" i="1" s="1"/>
  <c r="A175814" i="1" s="1"/>
  <c r="A175815" i="1" s="1"/>
  <c r="A175816" i="1" s="1"/>
  <c r="A175817" i="1" s="1"/>
  <c r="A175818" i="1" s="1"/>
  <c r="A175819" i="1" s="1"/>
  <c r="A175820" i="1" s="1"/>
  <c r="A175821" i="1" s="1"/>
  <c r="A175822" i="1" s="1"/>
  <c r="A175823" i="1" s="1"/>
  <c r="A175824" i="1" s="1"/>
  <c r="A175825" i="1" s="1"/>
  <c r="A175826" i="1" s="1"/>
  <c r="A175827" i="1" s="1"/>
  <c r="A175828" i="1" s="1"/>
  <c r="A175829" i="1" s="1"/>
  <c r="A175830" i="1" s="1"/>
  <c r="A175831" i="1" s="1"/>
  <c r="A175832" i="1" s="1"/>
  <c r="A175833" i="1" s="1"/>
  <c r="A175834" i="1" s="1"/>
  <c r="A175835" i="1" s="1"/>
  <c r="A175836" i="1" s="1"/>
  <c r="A175837" i="1" s="1"/>
  <c r="A175838" i="1" s="1"/>
  <c r="A175839" i="1" s="1"/>
  <c r="A175840" i="1" s="1"/>
  <c r="A175841" i="1" s="1"/>
  <c r="A175842" i="1" s="1"/>
  <c r="A175843" i="1" s="1"/>
  <c r="A175844" i="1" s="1"/>
  <c r="A175845" i="1" s="1"/>
  <c r="A175846" i="1" s="1"/>
  <c r="A175847" i="1" s="1"/>
  <c r="A175848" i="1" s="1"/>
  <c r="A175849" i="1" s="1"/>
  <c r="A175850" i="1" s="1"/>
  <c r="A175851" i="1" s="1"/>
  <c r="A175852" i="1" s="1"/>
  <c r="A175853" i="1" s="1"/>
  <c r="A175854" i="1" s="1"/>
  <c r="A175855" i="1" s="1"/>
  <c r="A175856" i="1" s="1"/>
  <c r="A175857" i="1" s="1"/>
  <c r="A175858" i="1" s="1"/>
  <c r="A175859" i="1" s="1"/>
  <c r="A175860" i="1" s="1"/>
  <c r="A175861" i="1" s="1"/>
  <c r="A175862" i="1" s="1"/>
  <c r="A175863" i="1" s="1"/>
  <c r="A175864" i="1" s="1"/>
  <c r="A175865" i="1" s="1"/>
  <c r="A175866" i="1" s="1"/>
  <c r="A175867" i="1" s="1"/>
  <c r="A175868" i="1" s="1"/>
  <c r="A175869" i="1" s="1"/>
  <c r="A175870" i="1" s="1"/>
  <c r="A175871" i="1" s="1"/>
  <c r="A175872" i="1" s="1"/>
  <c r="A175873" i="1" s="1"/>
  <c r="A175874" i="1" s="1"/>
  <c r="A175875" i="1" s="1"/>
  <c r="A175876" i="1" s="1"/>
  <c r="A175877" i="1" s="1"/>
  <c r="A175878" i="1" s="1"/>
  <c r="A175879" i="1" s="1"/>
  <c r="A175880" i="1" s="1"/>
  <c r="A175881" i="1" s="1"/>
  <c r="A175882" i="1" s="1"/>
  <c r="A175883" i="1" s="1"/>
  <c r="A175884" i="1" s="1"/>
  <c r="A175885" i="1" s="1"/>
  <c r="A175886" i="1" s="1"/>
  <c r="A175887" i="1" s="1"/>
  <c r="A175888" i="1" s="1"/>
  <c r="A175889" i="1" s="1"/>
  <c r="A175890" i="1" s="1"/>
  <c r="A175891" i="1" s="1"/>
  <c r="A175892" i="1" s="1"/>
  <c r="A175893" i="1" s="1"/>
  <c r="A175894" i="1" s="1"/>
  <c r="A175895" i="1" s="1"/>
  <c r="A175896" i="1" s="1"/>
  <c r="A175897" i="1" s="1"/>
  <c r="A175898" i="1" s="1"/>
  <c r="A175899" i="1" s="1"/>
  <c r="A175900" i="1" s="1"/>
  <c r="A175901" i="1" s="1"/>
  <c r="A175902" i="1" s="1"/>
  <c r="A175903" i="1" s="1"/>
  <c r="A175904" i="1" s="1"/>
  <c r="A175905" i="1" s="1"/>
  <c r="A175906" i="1" s="1"/>
  <c r="A175907" i="1" s="1"/>
  <c r="A175908" i="1" s="1"/>
  <c r="A175909" i="1" s="1"/>
  <c r="A175910" i="1" s="1"/>
  <c r="A175911" i="1" s="1"/>
  <c r="A175912" i="1" s="1"/>
  <c r="A175913" i="1" s="1"/>
  <c r="A175914" i="1" s="1"/>
  <c r="A175915" i="1" s="1"/>
  <c r="A175916" i="1" s="1"/>
  <c r="A175917" i="1" s="1"/>
  <c r="A175918" i="1" s="1"/>
  <c r="A175919" i="1" s="1"/>
  <c r="A175920" i="1" s="1"/>
  <c r="A175921" i="1" s="1"/>
  <c r="A175922" i="1" s="1"/>
  <c r="A175923" i="1" s="1"/>
  <c r="A175924" i="1" s="1"/>
  <c r="A175925" i="1" s="1"/>
  <c r="A175926" i="1" s="1"/>
  <c r="A175927" i="1" s="1"/>
  <c r="A175928" i="1" s="1"/>
  <c r="A175929" i="1" s="1"/>
  <c r="A175930" i="1" s="1"/>
  <c r="A175931" i="1" s="1"/>
  <c r="A175932" i="1" s="1"/>
  <c r="A175933" i="1" s="1"/>
  <c r="A175934" i="1" s="1"/>
  <c r="A175935" i="1" s="1"/>
  <c r="A175936" i="1" s="1"/>
  <c r="A175937" i="1" s="1"/>
  <c r="A175938" i="1" s="1"/>
  <c r="A175939" i="1" s="1"/>
  <c r="A175940" i="1" s="1"/>
  <c r="A175941" i="1" s="1"/>
  <c r="A175942" i="1" s="1"/>
  <c r="A175943" i="1" s="1"/>
  <c r="A175944" i="1" s="1"/>
  <c r="A175945" i="1" s="1"/>
  <c r="A175946" i="1" s="1"/>
  <c r="A175947" i="1" s="1"/>
  <c r="A175948" i="1" s="1"/>
  <c r="A175949" i="1" s="1"/>
  <c r="A175950" i="1" s="1"/>
  <c r="A175951" i="1" s="1"/>
  <c r="A175952" i="1" s="1"/>
  <c r="A175953" i="1" s="1"/>
  <c r="A175954" i="1" s="1"/>
  <c r="A175955" i="1" s="1"/>
  <c r="A175956" i="1" s="1"/>
  <c r="A175957" i="1" s="1"/>
  <c r="A175958" i="1" s="1"/>
  <c r="A175959" i="1" s="1"/>
  <c r="A175960" i="1" s="1"/>
  <c r="A175961" i="1" s="1"/>
  <c r="A175962" i="1" s="1"/>
  <c r="A175963" i="1" s="1"/>
  <c r="A175964" i="1" s="1"/>
  <c r="A175965" i="1" s="1"/>
  <c r="A175966" i="1" s="1"/>
  <c r="A175967" i="1" s="1"/>
  <c r="A175968" i="1" s="1"/>
  <c r="A175969" i="1" s="1"/>
  <c r="A175970" i="1" s="1"/>
  <c r="A175971" i="1" s="1"/>
  <c r="A175972" i="1" s="1"/>
  <c r="A175973" i="1" s="1"/>
  <c r="A175974" i="1" s="1"/>
  <c r="A175975" i="1" s="1"/>
  <c r="A175976" i="1" s="1"/>
  <c r="A175977" i="1" s="1"/>
  <c r="A175978" i="1" s="1"/>
  <c r="A175979" i="1" s="1"/>
  <c r="A175980" i="1" s="1"/>
  <c r="A175981" i="1" s="1"/>
  <c r="A175982" i="1" s="1"/>
  <c r="A175983" i="1" s="1"/>
  <c r="A175984" i="1" s="1"/>
  <c r="A175985" i="1" s="1"/>
  <c r="A175986" i="1" s="1"/>
  <c r="A175987" i="1" s="1"/>
  <c r="A175988" i="1" s="1"/>
  <c r="A175989" i="1" s="1"/>
  <c r="A175990" i="1" s="1"/>
  <c r="A175991" i="1" s="1"/>
  <c r="A175992" i="1" s="1"/>
  <c r="A175993" i="1" s="1"/>
  <c r="A175994" i="1" s="1"/>
  <c r="A175995" i="1" s="1"/>
  <c r="A175996" i="1" s="1"/>
  <c r="A175997" i="1" s="1"/>
  <c r="A175998" i="1" s="1"/>
  <c r="A175999" i="1" s="1"/>
  <c r="A176000" i="1" s="1"/>
  <c r="A176001" i="1" s="1"/>
  <c r="A176002" i="1" s="1"/>
  <c r="A176003" i="1" s="1"/>
  <c r="A176004" i="1" s="1"/>
  <c r="A176005" i="1" s="1"/>
  <c r="A176006" i="1" s="1"/>
  <c r="A176007" i="1" s="1"/>
  <c r="A176008" i="1" s="1"/>
  <c r="A176009" i="1" s="1"/>
  <c r="A176010" i="1" s="1"/>
  <c r="A176011" i="1" s="1"/>
  <c r="A176012" i="1" s="1"/>
  <c r="A176013" i="1" s="1"/>
  <c r="A176014" i="1" s="1"/>
  <c r="A176015" i="1" s="1"/>
  <c r="A176016" i="1" s="1"/>
  <c r="A176017" i="1" s="1"/>
  <c r="A176018" i="1" s="1"/>
  <c r="A176019" i="1" s="1"/>
  <c r="A176020" i="1" s="1"/>
  <c r="A176021" i="1" s="1"/>
  <c r="A176022" i="1" s="1"/>
  <c r="A176023" i="1" s="1"/>
  <c r="A176024" i="1" s="1"/>
  <c r="A176025" i="1" s="1"/>
  <c r="A176026" i="1" s="1"/>
  <c r="A176027" i="1" s="1"/>
  <c r="A176028" i="1" s="1"/>
  <c r="A176029" i="1" s="1"/>
  <c r="A176030" i="1" s="1"/>
  <c r="A176031" i="1" s="1"/>
  <c r="A176032" i="1" s="1"/>
  <c r="A176033" i="1" s="1"/>
  <c r="A176034" i="1" s="1"/>
  <c r="A176035" i="1" s="1"/>
  <c r="A176036" i="1" s="1"/>
  <c r="A176037" i="1" s="1"/>
  <c r="A176038" i="1" s="1"/>
  <c r="A176039" i="1" s="1"/>
  <c r="A176040" i="1" s="1"/>
  <c r="A176041" i="1" s="1"/>
  <c r="A176042" i="1" s="1"/>
  <c r="A176043" i="1" s="1"/>
  <c r="A176044" i="1" s="1"/>
  <c r="A176045" i="1" s="1"/>
  <c r="A176046" i="1" s="1"/>
  <c r="A176047" i="1" s="1"/>
  <c r="A176048" i="1" s="1"/>
  <c r="A176049" i="1" s="1"/>
  <c r="A176050" i="1" s="1"/>
  <c r="A176051" i="1" s="1"/>
  <c r="A176052" i="1" s="1"/>
  <c r="A176053" i="1" s="1"/>
  <c r="A176054" i="1" s="1"/>
  <c r="A176055" i="1" s="1"/>
  <c r="A176056" i="1" s="1"/>
  <c r="A176057" i="1" s="1"/>
  <c r="A176058" i="1" s="1"/>
  <c r="A176059" i="1" s="1"/>
  <c r="A176060" i="1" s="1"/>
  <c r="A176061" i="1" s="1"/>
  <c r="A176062" i="1" s="1"/>
  <c r="A176063" i="1" s="1"/>
  <c r="A176064" i="1" s="1"/>
  <c r="A176065" i="1" s="1"/>
  <c r="A176066" i="1" s="1"/>
  <c r="A176067" i="1" s="1"/>
  <c r="A176068" i="1" s="1"/>
  <c r="A176069" i="1" s="1"/>
  <c r="A176070" i="1" s="1"/>
  <c r="A176071" i="1" s="1"/>
  <c r="A176072" i="1" s="1"/>
  <c r="A176073" i="1" s="1"/>
  <c r="A176074" i="1" s="1"/>
  <c r="A176075" i="1" s="1"/>
  <c r="A176076" i="1" s="1"/>
  <c r="A176077" i="1" s="1"/>
  <c r="A176078" i="1" s="1"/>
  <c r="A176079" i="1" s="1"/>
  <c r="A176080" i="1" s="1"/>
  <c r="A176081" i="1" s="1"/>
  <c r="A176082" i="1" s="1"/>
  <c r="A176083" i="1" s="1"/>
  <c r="A176084" i="1" s="1"/>
  <c r="A176085" i="1" s="1"/>
  <c r="A176086" i="1" s="1"/>
  <c r="A176087" i="1" s="1"/>
  <c r="A176088" i="1" s="1"/>
  <c r="A176089" i="1" s="1"/>
  <c r="A176090" i="1" s="1"/>
  <c r="A176091" i="1" s="1"/>
  <c r="A176092" i="1" s="1"/>
  <c r="A176093" i="1" s="1"/>
  <c r="A176094" i="1" s="1"/>
  <c r="A176095" i="1" s="1"/>
  <c r="A176096" i="1" s="1"/>
  <c r="A176097" i="1" s="1"/>
  <c r="A176098" i="1" s="1"/>
  <c r="A176099" i="1" s="1"/>
  <c r="A176100" i="1" s="1"/>
  <c r="A176101" i="1" s="1"/>
  <c r="A176102" i="1" s="1"/>
  <c r="A176103" i="1" s="1"/>
  <c r="A176104" i="1" s="1"/>
  <c r="A176105" i="1" s="1"/>
  <c r="A176106" i="1" s="1"/>
  <c r="A176107" i="1" s="1"/>
  <c r="A176108" i="1" s="1"/>
  <c r="A176109" i="1" s="1"/>
  <c r="A176110" i="1" s="1"/>
  <c r="A176111" i="1" s="1"/>
  <c r="A176112" i="1" s="1"/>
  <c r="A176113" i="1" s="1"/>
  <c r="A176114" i="1" s="1"/>
  <c r="A176115" i="1" s="1"/>
  <c r="A176116" i="1" s="1"/>
  <c r="A176117" i="1" s="1"/>
  <c r="A176118" i="1" s="1"/>
  <c r="A176119" i="1" s="1"/>
  <c r="A176120" i="1" s="1"/>
  <c r="A176121" i="1" s="1"/>
  <c r="A176122" i="1" s="1"/>
  <c r="A176123" i="1" s="1"/>
  <c r="A176124" i="1" s="1"/>
  <c r="A176125" i="1" s="1"/>
  <c r="A176126" i="1" s="1"/>
  <c r="A176127" i="1" s="1"/>
  <c r="A176128" i="1" s="1"/>
  <c r="A176129" i="1" s="1"/>
  <c r="A176130" i="1" s="1"/>
  <c r="A176131" i="1" s="1"/>
  <c r="A176132" i="1" s="1"/>
  <c r="A176133" i="1" s="1"/>
  <c r="A176134" i="1" s="1"/>
  <c r="A176135" i="1" s="1"/>
  <c r="A176136" i="1" s="1"/>
  <c r="A176137" i="1" s="1"/>
  <c r="A176138" i="1" s="1"/>
  <c r="A176139" i="1" s="1"/>
  <c r="A176140" i="1" s="1"/>
  <c r="A176141" i="1" s="1"/>
  <c r="A176142" i="1" s="1"/>
  <c r="A176143" i="1" s="1"/>
  <c r="A176144" i="1" s="1"/>
  <c r="A176145" i="1" s="1"/>
  <c r="A176146" i="1" s="1"/>
  <c r="A176147" i="1" s="1"/>
  <c r="A176148" i="1" s="1"/>
  <c r="A176149" i="1" s="1"/>
  <c r="A176150" i="1" s="1"/>
  <c r="A176151" i="1" s="1"/>
  <c r="A176152" i="1" s="1"/>
  <c r="A176153" i="1" s="1"/>
  <c r="A176154" i="1" s="1"/>
  <c r="A176155" i="1" s="1"/>
  <c r="A176156" i="1" s="1"/>
  <c r="A176157" i="1" s="1"/>
  <c r="A176158" i="1" s="1"/>
  <c r="A176159" i="1" s="1"/>
  <c r="A176160" i="1" s="1"/>
  <c r="A176161" i="1" s="1"/>
  <c r="A176162" i="1" s="1"/>
  <c r="A176163" i="1" s="1"/>
  <c r="A176164" i="1" s="1"/>
  <c r="A176165" i="1" s="1"/>
  <c r="A176166" i="1" s="1"/>
  <c r="A176167" i="1" s="1"/>
  <c r="A176168" i="1" s="1"/>
  <c r="A176169" i="1" s="1"/>
  <c r="A176170" i="1" s="1"/>
  <c r="A176171" i="1" s="1"/>
  <c r="A176172" i="1" s="1"/>
  <c r="A176173" i="1" s="1"/>
  <c r="A176174" i="1" s="1"/>
  <c r="A176175" i="1" s="1"/>
  <c r="A176176" i="1" s="1"/>
  <c r="A176177" i="1" s="1"/>
  <c r="A176178" i="1" s="1"/>
  <c r="A176179" i="1" s="1"/>
  <c r="A176180" i="1" s="1"/>
  <c r="A176181" i="1" s="1"/>
  <c r="A176182" i="1" s="1"/>
  <c r="A176183" i="1" s="1"/>
  <c r="A176184" i="1" s="1"/>
  <c r="A176185" i="1" s="1"/>
  <c r="A176186" i="1" s="1"/>
  <c r="A176187" i="1" s="1"/>
  <c r="A176188" i="1" s="1"/>
  <c r="A176189" i="1" s="1"/>
  <c r="A176190" i="1" s="1"/>
  <c r="A176191" i="1" s="1"/>
  <c r="A176192" i="1" s="1"/>
  <c r="A176193" i="1" s="1"/>
  <c r="A176194" i="1" s="1"/>
  <c r="A176195" i="1" s="1"/>
  <c r="A176196" i="1" s="1"/>
  <c r="A176197" i="1" s="1"/>
  <c r="A176198" i="1" s="1"/>
  <c r="A176199" i="1" s="1"/>
  <c r="A176200" i="1" s="1"/>
  <c r="A176201" i="1" s="1"/>
  <c r="A176202" i="1" s="1"/>
  <c r="A176203" i="1" s="1"/>
  <c r="A176204" i="1" s="1"/>
  <c r="A176205" i="1" s="1"/>
  <c r="A176206" i="1" s="1"/>
  <c r="A176207" i="1" s="1"/>
  <c r="A176208" i="1" s="1"/>
  <c r="A176209" i="1" s="1"/>
  <c r="A176210" i="1" s="1"/>
  <c r="A176211" i="1" s="1"/>
  <c r="A176212" i="1" s="1"/>
  <c r="A176213" i="1" s="1"/>
  <c r="A176214" i="1" s="1"/>
  <c r="A176215" i="1" s="1"/>
  <c r="A176216" i="1" s="1"/>
  <c r="A176217" i="1" s="1"/>
  <c r="A176218" i="1" s="1"/>
  <c r="A176219" i="1" s="1"/>
  <c r="A176220" i="1" s="1"/>
  <c r="A176221" i="1" s="1"/>
  <c r="A176222" i="1" s="1"/>
  <c r="A176223" i="1" s="1"/>
  <c r="A176224" i="1" s="1"/>
  <c r="A176225" i="1" s="1"/>
  <c r="A176226" i="1" s="1"/>
  <c r="A176227" i="1" s="1"/>
  <c r="A176228" i="1" s="1"/>
  <c r="A176229" i="1" s="1"/>
  <c r="A176230" i="1" s="1"/>
  <c r="A176231" i="1" s="1"/>
  <c r="A176232" i="1" s="1"/>
  <c r="A176233" i="1" s="1"/>
  <c r="A176234" i="1" s="1"/>
  <c r="A176235" i="1" s="1"/>
  <c r="A176236" i="1" s="1"/>
  <c r="A176237" i="1" s="1"/>
  <c r="A176238" i="1" s="1"/>
  <c r="A176239" i="1" s="1"/>
  <c r="A176240" i="1" s="1"/>
  <c r="A176241" i="1" s="1"/>
  <c r="A176242" i="1" s="1"/>
  <c r="A176243" i="1" s="1"/>
  <c r="A176244" i="1" s="1"/>
  <c r="A176245" i="1" s="1"/>
  <c r="A176246" i="1" s="1"/>
  <c r="A176247" i="1" s="1"/>
  <c r="A176248" i="1" s="1"/>
  <c r="A176249" i="1" s="1"/>
  <c r="A176250" i="1" s="1"/>
  <c r="A176251" i="1" s="1"/>
  <c r="A176252" i="1" s="1"/>
  <c r="A176253" i="1" s="1"/>
  <c r="A176254" i="1" s="1"/>
  <c r="A176255" i="1" s="1"/>
  <c r="A176256" i="1" s="1"/>
  <c r="A176257" i="1" s="1"/>
  <c r="A176258" i="1" s="1"/>
  <c r="A176259" i="1" s="1"/>
  <c r="A176260" i="1" s="1"/>
  <c r="A176261" i="1" s="1"/>
  <c r="A176262" i="1" s="1"/>
  <c r="A176263" i="1" s="1"/>
  <c r="A176264" i="1" s="1"/>
  <c r="A176265" i="1" s="1"/>
  <c r="A176266" i="1" s="1"/>
  <c r="A176267" i="1" s="1"/>
  <c r="A176268" i="1" s="1"/>
  <c r="A176269" i="1" s="1"/>
  <c r="A176270" i="1" s="1"/>
  <c r="A176271" i="1" s="1"/>
  <c r="A176272" i="1" s="1"/>
  <c r="A176273" i="1" s="1"/>
  <c r="A176274" i="1" s="1"/>
  <c r="A176275" i="1" s="1"/>
  <c r="A176276" i="1" s="1"/>
  <c r="A176277" i="1" s="1"/>
  <c r="A176278" i="1" s="1"/>
  <c r="A176279" i="1" s="1"/>
  <c r="A176280" i="1" s="1"/>
  <c r="A176281" i="1" s="1"/>
  <c r="A176282" i="1" s="1"/>
  <c r="A176283" i="1" s="1"/>
  <c r="A176284" i="1" s="1"/>
  <c r="A176285" i="1" s="1"/>
  <c r="A176286" i="1" s="1"/>
  <c r="A176287" i="1" s="1"/>
  <c r="A176288" i="1" s="1"/>
  <c r="A176289" i="1" s="1"/>
  <c r="A176290" i="1" s="1"/>
  <c r="A176291" i="1" s="1"/>
  <c r="A176292" i="1" s="1"/>
  <c r="A176293" i="1" s="1"/>
  <c r="A176294" i="1" s="1"/>
  <c r="A176295" i="1" s="1"/>
  <c r="A176296" i="1" s="1"/>
  <c r="A176297" i="1" s="1"/>
  <c r="A176298" i="1" s="1"/>
  <c r="A176299" i="1" s="1"/>
  <c r="A176300" i="1" s="1"/>
  <c r="A176301" i="1" s="1"/>
  <c r="A176302" i="1" s="1"/>
  <c r="A176303" i="1" s="1"/>
  <c r="A176304" i="1" s="1"/>
  <c r="A176305" i="1" s="1"/>
  <c r="A176306" i="1" s="1"/>
  <c r="A176307" i="1" s="1"/>
  <c r="A176308" i="1" s="1"/>
  <c r="A176309" i="1" s="1"/>
  <c r="A176310" i="1" s="1"/>
  <c r="A176311" i="1" s="1"/>
  <c r="A176312" i="1" s="1"/>
  <c r="A176313" i="1" s="1"/>
  <c r="A176314" i="1" s="1"/>
  <c r="A176315" i="1" s="1"/>
  <c r="A176316" i="1" s="1"/>
  <c r="A176317" i="1" s="1"/>
  <c r="A176318" i="1" s="1"/>
  <c r="A176319" i="1" s="1"/>
  <c r="A176320" i="1" s="1"/>
  <c r="A176321" i="1" s="1"/>
  <c r="A176322" i="1" s="1"/>
  <c r="A176323" i="1" s="1"/>
  <c r="A176324" i="1" s="1"/>
  <c r="A176325" i="1" s="1"/>
  <c r="A176326" i="1" s="1"/>
  <c r="A176327" i="1" s="1"/>
  <c r="A176328" i="1" s="1"/>
  <c r="A176329" i="1" s="1"/>
  <c r="A176330" i="1" s="1"/>
  <c r="A176331" i="1" s="1"/>
  <c r="A176332" i="1" s="1"/>
  <c r="A176333" i="1" s="1"/>
  <c r="A176334" i="1" s="1"/>
  <c r="A176335" i="1" s="1"/>
  <c r="A176336" i="1" s="1"/>
  <c r="A176337" i="1" s="1"/>
  <c r="A176338" i="1" s="1"/>
  <c r="A176339" i="1" s="1"/>
  <c r="A176340" i="1" s="1"/>
  <c r="A176341" i="1" s="1"/>
  <c r="A176342" i="1" s="1"/>
  <c r="A176343" i="1" s="1"/>
  <c r="A176344" i="1" s="1"/>
  <c r="A176345" i="1" s="1"/>
  <c r="A176346" i="1" s="1"/>
  <c r="A176347" i="1" s="1"/>
  <c r="A176348" i="1" s="1"/>
  <c r="A176349" i="1" s="1"/>
  <c r="A176350" i="1" s="1"/>
  <c r="A176351" i="1" s="1"/>
  <c r="A176352" i="1" s="1"/>
  <c r="A176353" i="1" s="1"/>
  <c r="A176354" i="1" s="1"/>
  <c r="A176355" i="1" s="1"/>
  <c r="A176356" i="1" s="1"/>
  <c r="A176357" i="1" s="1"/>
  <c r="A176358" i="1" s="1"/>
  <c r="A176359" i="1" s="1"/>
  <c r="A176360" i="1" s="1"/>
  <c r="A176361" i="1" s="1"/>
  <c r="A176362" i="1" s="1"/>
  <c r="A176363" i="1" s="1"/>
  <c r="A176364" i="1" s="1"/>
  <c r="A176365" i="1" s="1"/>
  <c r="A176366" i="1" s="1"/>
  <c r="A176367" i="1" s="1"/>
  <c r="A176368" i="1" s="1"/>
  <c r="A176369" i="1" s="1"/>
  <c r="A176370" i="1" s="1"/>
  <c r="A176371" i="1" s="1"/>
  <c r="A176372" i="1" s="1"/>
  <c r="A176373" i="1" s="1"/>
  <c r="A176374" i="1" s="1"/>
  <c r="A176375" i="1" s="1"/>
  <c r="A176376" i="1" s="1"/>
  <c r="A176377" i="1" s="1"/>
  <c r="A176378" i="1" s="1"/>
  <c r="A176379" i="1" s="1"/>
  <c r="A176380" i="1" s="1"/>
  <c r="A176381" i="1" s="1"/>
  <c r="A176382" i="1" s="1"/>
  <c r="A176383" i="1" s="1"/>
  <c r="A176384" i="1" s="1"/>
  <c r="A176385" i="1" s="1"/>
  <c r="A176386" i="1" s="1"/>
  <c r="A176387" i="1" s="1"/>
  <c r="A176388" i="1" s="1"/>
  <c r="A176389" i="1" s="1"/>
  <c r="A176390" i="1" s="1"/>
  <c r="A176391" i="1" s="1"/>
  <c r="A176392" i="1" s="1"/>
  <c r="A176393" i="1" s="1"/>
  <c r="A176394" i="1" s="1"/>
  <c r="A176395" i="1" s="1"/>
  <c r="A176396" i="1" s="1"/>
  <c r="A176397" i="1" s="1"/>
  <c r="A176398" i="1" s="1"/>
  <c r="A176399" i="1" s="1"/>
  <c r="A176400" i="1" s="1"/>
  <c r="A176401" i="1" s="1"/>
  <c r="A176402" i="1" s="1"/>
  <c r="A176403" i="1" s="1"/>
  <c r="A176404" i="1" s="1"/>
  <c r="A176405" i="1" s="1"/>
  <c r="A176406" i="1" s="1"/>
  <c r="A176407" i="1" s="1"/>
  <c r="A176408" i="1" s="1"/>
  <c r="A176409" i="1" s="1"/>
  <c r="A176410" i="1" s="1"/>
  <c r="A176411" i="1" s="1"/>
  <c r="A176412" i="1" s="1"/>
  <c r="A176413" i="1" s="1"/>
  <c r="A176414" i="1" s="1"/>
  <c r="A176415" i="1" s="1"/>
  <c r="A176416" i="1" s="1"/>
  <c r="A176417" i="1" s="1"/>
  <c r="A176418" i="1" s="1"/>
  <c r="A176419" i="1" s="1"/>
  <c r="A176420" i="1" s="1"/>
  <c r="A176421" i="1" s="1"/>
  <c r="A176422" i="1" s="1"/>
  <c r="A176423" i="1" s="1"/>
  <c r="A176424" i="1" s="1"/>
  <c r="A176425" i="1" s="1"/>
  <c r="A176426" i="1" s="1"/>
  <c r="A176427" i="1" s="1"/>
  <c r="A176428" i="1" s="1"/>
  <c r="A176429" i="1" s="1"/>
  <c r="A176430" i="1" s="1"/>
  <c r="A176431" i="1" s="1"/>
  <c r="A176432" i="1" s="1"/>
  <c r="A176433" i="1" s="1"/>
  <c r="A176434" i="1" s="1"/>
  <c r="A176435" i="1" s="1"/>
  <c r="A176436" i="1" s="1"/>
  <c r="A176437" i="1" s="1"/>
  <c r="A176438" i="1" s="1"/>
  <c r="A176439" i="1" s="1"/>
  <c r="A176440" i="1" s="1"/>
  <c r="A176441" i="1" s="1"/>
  <c r="A176442" i="1" s="1"/>
  <c r="A176443" i="1" s="1"/>
  <c r="A176444" i="1" s="1"/>
  <c r="A176445" i="1" s="1"/>
  <c r="A176446" i="1" s="1"/>
  <c r="A176447" i="1" s="1"/>
  <c r="A176448" i="1" s="1"/>
  <c r="A176449" i="1" s="1"/>
  <c r="A176450" i="1" s="1"/>
  <c r="A176451" i="1" s="1"/>
  <c r="A176452" i="1" s="1"/>
  <c r="A176453" i="1" s="1"/>
  <c r="A176454" i="1" s="1"/>
  <c r="A176455" i="1" s="1"/>
  <c r="A176456" i="1" s="1"/>
  <c r="A176457" i="1" s="1"/>
  <c r="A176458" i="1" s="1"/>
  <c r="A176459" i="1" s="1"/>
  <c r="A176460" i="1" s="1"/>
  <c r="A176461" i="1" s="1"/>
  <c r="A176462" i="1" s="1"/>
  <c r="A176463" i="1" s="1"/>
  <c r="A176464" i="1" s="1"/>
  <c r="A176465" i="1" s="1"/>
  <c r="A176466" i="1" s="1"/>
  <c r="A176467" i="1" s="1"/>
  <c r="A176468" i="1" s="1"/>
  <c r="A176469" i="1" s="1"/>
  <c r="A176470" i="1" s="1"/>
  <c r="A176471" i="1" s="1"/>
  <c r="A176472" i="1" s="1"/>
  <c r="A176473" i="1" s="1"/>
  <c r="A176474" i="1" s="1"/>
  <c r="A176475" i="1" s="1"/>
  <c r="A176476" i="1" s="1"/>
  <c r="A176477" i="1" s="1"/>
  <c r="A176478" i="1" s="1"/>
  <c r="A176479" i="1" s="1"/>
  <c r="A176480" i="1" s="1"/>
  <c r="A176481" i="1" s="1"/>
  <c r="A176482" i="1" s="1"/>
  <c r="A176483" i="1" s="1"/>
  <c r="A176484" i="1" s="1"/>
  <c r="A176485" i="1" s="1"/>
  <c r="A176486" i="1" s="1"/>
  <c r="A176487" i="1" s="1"/>
  <c r="A176488" i="1" s="1"/>
  <c r="A176489" i="1" s="1"/>
  <c r="A176490" i="1" s="1"/>
  <c r="A176491" i="1" s="1"/>
  <c r="A176492" i="1" s="1"/>
  <c r="A176493" i="1" s="1"/>
  <c r="A176494" i="1" s="1"/>
  <c r="A176495" i="1" s="1"/>
  <c r="A176496" i="1" s="1"/>
  <c r="A176497" i="1" s="1"/>
  <c r="A176498" i="1" s="1"/>
  <c r="A176499" i="1" s="1"/>
  <c r="A176500" i="1" s="1"/>
  <c r="A176501" i="1" s="1"/>
  <c r="A176502" i="1" s="1"/>
  <c r="A176503" i="1" s="1"/>
  <c r="A176504" i="1" s="1"/>
  <c r="A176505" i="1" s="1"/>
  <c r="A176506" i="1" s="1"/>
  <c r="A176507" i="1" s="1"/>
  <c r="A176508" i="1" s="1"/>
  <c r="A176509" i="1" s="1"/>
  <c r="A176510" i="1" s="1"/>
  <c r="A176511" i="1" s="1"/>
  <c r="A176512" i="1" s="1"/>
  <c r="A176513" i="1" s="1"/>
  <c r="A176514" i="1" s="1"/>
  <c r="A176515" i="1" s="1"/>
  <c r="A176516" i="1" s="1"/>
  <c r="A176517" i="1" s="1"/>
  <c r="A176518" i="1" s="1"/>
  <c r="A176519" i="1" s="1"/>
  <c r="A176520" i="1" s="1"/>
  <c r="A176521" i="1" s="1"/>
  <c r="A176522" i="1" s="1"/>
  <c r="A176523" i="1" s="1"/>
  <c r="A176524" i="1" s="1"/>
  <c r="A176525" i="1" s="1"/>
  <c r="A176526" i="1" s="1"/>
  <c r="A176527" i="1" s="1"/>
  <c r="A176528" i="1" s="1"/>
  <c r="A176529" i="1" s="1"/>
  <c r="A176530" i="1" s="1"/>
  <c r="A176531" i="1" s="1"/>
  <c r="A176532" i="1" s="1"/>
  <c r="A176533" i="1" s="1"/>
  <c r="A176534" i="1" s="1"/>
  <c r="A176535" i="1" s="1"/>
  <c r="A176536" i="1" s="1"/>
  <c r="A176537" i="1" s="1"/>
  <c r="A176538" i="1" s="1"/>
  <c r="A176539" i="1" s="1"/>
  <c r="A176540" i="1" s="1"/>
  <c r="A176541" i="1" s="1"/>
  <c r="A176542" i="1" s="1"/>
  <c r="A176543" i="1" s="1"/>
  <c r="A176544" i="1" s="1"/>
  <c r="A176545" i="1" s="1"/>
  <c r="A176546" i="1" s="1"/>
  <c r="A176547" i="1" s="1"/>
  <c r="A176548" i="1" s="1"/>
  <c r="A176549" i="1" s="1"/>
  <c r="A176550" i="1" s="1"/>
  <c r="A176551" i="1" s="1"/>
  <c r="A176552" i="1" s="1"/>
  <c r="A176553" i="1" s="1"/>
  <c r="A176554" i="1" s="1"/>
  <c r="A176555" i="1" s="1"/>
  <c r="A176556" i="1" s="1"/>
  <c r="A176557" i="1" s="1"/>
  <c r="A176558" i="1" s="1"/>
  <c r="A176559" i="1" s="1"/>
  <c r="A176560" i="1" s="1"/>
  <c r="A176561" i="1" s="1"/>
  <c r="A176562" i="1" s="1"/>
  <c r="A176563" i="1" s="1"/>
  <c r="A176564" i="1" s="1"/>
  <c r="A176565" i="1" s="1"/>
  <c r="A176566" i="1" s="1"/>
  <c r="A176567" i="1" s="1"/>
  <c r="A176568" i="1" s="1"/>
  <c r="A176569" i="1" s="1"/>
  <c r="A176570" i="1" s="1"/>
  <c r="A176571" i="1" s="1"/>
  <c r="A176572" i="1" s="1"/>
  <c r="A176573" i="1" s="1"/>
  <c r="A176574" i="1" s="1"/>
  <c r="A176575" i="1" s="1"/>
  <c r="A176576" i="1" s="1"/>
  <c r="A176577" i="1" s="1"/>
  <c r="A176578" i="1" s="1"/>
  <c r="A176579" i="1" s="1"/>
  <c r="A176580" i="1" s="1"/>
  <c r="A176581" i="1" s="1"/>
  <c r="A176582" i="1" s="1"/>
  <c r="A176583" i="1" s="1"/>
  <c r="A176584" i="1" s="1"/>
  <c r="A176585" i="1" s="1"/>
  <c r="A176586" i="1" s="1"/>
  <c r="A176587" i="1" s="1"/>
  <c r="A176588" i="1" s="1"/>
  <c r="A176589" i="1" s="1"/>
  <c r="A176590" i="1" s="1"/>
  <c r="A176591" i="1" s="1"/>
  <c r="A176592" i="1" s="1"/>
  <c r="A176593" i="1" s="1"/>
  <c r="A176594" i="1" s="1"/>
  <c r="A176595" i="1" s="1"/>
  <c r="A176596" i="1" s="1"/>
  <c r="A176597" i="1" s="1"/>
  <c r="A176598" i="1" s="1"/>
  <c r="A176599" i="1" s="1"/>
  <c r="A176600" i="1" s="1"/>
  <c r="A176601" i="1" s="1"/>
  <c r="A176602" i="1" s="1"/>
  <c r="A176603" i="1" s="1"/>
  <c r="A176604" i="1" s="1"/>
  <c r="A176605" i="1" s="1"/>
  <c r="A176606" i="1" s="1"/>
  <c r="A176607" i="1" s="1"/>
  <c r="A176608" i="1" s="1"/>
  <c r="A176609" i="1" s="1"/>
  <c r="A176610" i="1" s="1"/>
  <c r="A176611" i="1" s="1"/>
  <c r="A176612" i="1" s="1"/>
  <c r="A176613" i="1" s="1"/>
  <c r="A176614" i="1" s="1"/>
  <c r="A176615" i="1" s="1"/>
  <c r="A176616" i="1" s="1"/>
  <c r="A176617" i="1" s="1"/>
  <c r="A176618" i="1" s="1"/>
  <c r="A176619" i="1" s="1"/>
  <c r="A176620" i="1" s="1"/>
  <c r="A176621" i="1" s="1"/>
  <c r="A176622" i="1" s="1"/>
  <c r="A176623" i="1" s="1"/>
  <c r="A176624" i="1" s="1"/>
  <c r="A176625" i="1" s="1"/>
  <c r="A176626" i="1" s="1"/>
  <c r="A176627" i="1" s="1"/>
  <c r="A176628" i="1" s="1"/>
  <c r="A176629" i="1" s="1"/>
  <c r="A176630" i="1" s="1"/>
  <c r="A176631" i="1" s="1"/>
  <c r="A176632" i="1" s="1"/>
  <c r="A176633" i="1" s="1"/>
  <c r="A176634" i="1" s="1"/>
  <c r="A176635" i="1" s="1"/>
  <c r="A176636" i="1" s="1"/>
  <c r="A176637" i="1" s="1"/>
  <c r="A176638" i="1" s="1"/>
  <c r="A176639" i="1" s="1"/>
  <c r="A176640" i="1" s="1"/>
  <c r="A176641" i="1" s="1"/>
  <c r="A176642" i="1" s="1"/>
  <c r="A176643" i="1" s="1"/>
  <c r="A176644" i="1" s="1"/>
  <c r="A176645" i="1" s="1"/>
  <c r="A176646" i="1" s="1"/>
  <c r="A176647" i="1" s="1"/>
  <c r="A176648" i="1" s="1"/>
  <c r="A176649" i="1" s="1"/>
  <c r="A176650" i="1" s="1"/>
  <c r="A176651" i="1" s="1"/>
  <c r="A176652" i="1" s="1"/>
  <c r="A176653" i="1" s="1"/>
  <c r="A176654" i="1" s="1"/>
  <c r="A176655" i="1" s="1"/>
  <c r="A176656" i="1" s="1"/>
  <c r="A176657" i="1" s="1"/>
  <c r="A176658" i="1" s="1"/>
  <c r="A176659" i="1" s="1"/>
  <c r="A176660" i="1" s="1"/>
  <c r="A176661" i="1" s="1"/>
  <c r="A176662" i="1" s="1"/>
  <c r="A176663" i="1" s="1"/>
  <c r="A176664" i="1" s="1"/>
  <c r="A176665" i="1" s="1"/>
  <c r="A176666" i="1" s="1"/>
  <c r="A176667" i="1" s="1"/>
  <c r="A176668" i="1" s="1"/>
  <c r="A176669" i="1" s="1"/>
  <c r="A176670" i="1" s="1"/>
  <c r="A176671" i="1" s="1"/>
  <c r="A176672" i="1" s="1"/>
  <c r="A176673" i="1" s="1"/>
  <c r="A176674" i="1" s="1"/>
  <c r="A176675" i="1" s="1"/>
  <c r="A176676" i="1" s="1"/>
  <c r="A176677" i="1" s="1"/>
  <c r="A176678" i="1" s="1"/>
  <c r="A176679" i="1" s="1"/>
  <c r="A176680" i="1" s="1"/>
  <c r="A176681" i="1" s="1"/>
  <c r="A176682" i="1" s="1"/>
  <c r="A176683" i="1" s="1"/>
  <c r="A176684" i="1" s="1"/>
  <c r="A176685" i="1" s="1"/>
  <c r="A176686" i="1" s="1"/>
  <c r="A176687" i="1" s="1"/>
  <c r="A176688" i="1" s="1"/>
  <c r="A176689" i="1" s="1"/>
  <c r="A176690" i="1" s="1"/>
  <c r="A176691" i="1" s="1"/>
  <c r="A176692" i="1" s="1"/>
  <c r="A176693" i="1" s="1"/>
  <c r="A176694" i="1" s="1"/>
  <c r="A176695" i="1" s="1"/>
  <c r="A176696" i="1" s="1"/>
  <c r="A176697" i="1" s="1"/>
  <c r="A176698" i="1" s="1"/>
  <c r="A176699" i="1" s="1"/>
  <c r="A176700" i="1" s="1"/>
  <c r="A176701" i="1" s="1"/>
  <c r="A176702" i="1" s="1"/>
  <c r="A176703" i="1" s="1"/>
  <c r="A176704" i="1" s="1"/>
  <c r="A176705" i="1" s="1"/>
  <c r="A176706" i="1" s="1"/>
  <c r="A176707" i="1" s="1"/>
  <c r="A176708" i="1" s="1"/>
  <c r="A176709" i="1" s="1"/>
  <c r="A176710" i="1" s="1"/>
  <c r="A176711" i="1" s="1"/>
  <c r="A176712" i="1" s="1"/>
  <c r="A176713" i="1" s="1"/>
  <c r="A176714" i="1" s="1"/>
  <c r="A176715" i="1" s="1"/>
  <c r="A176716" i="1" s="1"/>
  <c r="A176717" i="1" s="1"/>
  <c r="A176718" i="1" s="1"/>
  <c r="A176719" i="1" s="1"/>
  <c r="A176720" i="1" s="1"/>
  <c r="A176721" i="1" s="1"/>
  <c r="A176722" i="1" s="1"/>
  <c r="A176723" i="1" s="1"/>
  <c r="A176724" i="1" s="1"/>
  <c r="A176725" i="1" s="1"/>
  <c r="A176726" i="1" s="1"/>
  <c r="A176727" i="1" s="1"/>
  <c r="A176728" i="1" s="1"/>
  <c r="A176729" i="1" s="1"/>
  <c r="A176730" i="1" s="1"/>
  <c r="A176731" i="1" s="1"/>
  <c r="A176732" i="1" s="1"/>
  <c r="A176733" i="1" s="1"/>
  <c r="A176734" i="1" s="1"/>
  <c r="A176735" i="1" s="1"/>
  <c r="A176736" i="1" s="1"/>
  <c r="A176737" i="1" s="1"/>
  <c r="A176738" i="1" s="1"/>
  <c r="A176739" i="1" s="1"/>
  <c r="A176740" i="1" s="1"/>
  <c r="A176741" i="1" s="1"/>
  <c r="A176742" i="1" s="1"/>
  <c r="A176743" i="1" s="1"/>
  <c r="A176744" i="1" s="1"/>
  <c r="A176745" i="1" s="1"/>
  <c r="A176746" i="1" s="1"/>
  <c r="A176747" i="1" s="1"/>
  <c r="A176748" i="1" s="1"/>
  <c r="A176749" i="1" s="1"/>
  <c r="A176750" i="1" s="1"/>
  <c r="A176751" i="1" s="1"/>
  <c r="A176752" i="1" s="1"/>
  <c r="A176753" i="1" s="1"/>
  <c r="A176754" i="1" s="1"/>
  <c r="A176755" i="1" s="1"/>
  <c r="A176756" i="1" s="1"/>
  <c r="A176757" i="1" s="1"/>
  <c r="A176758" i="1" s="1"/>
  <c r="A176759" i="1" s="1"/>
  <c r="A176760" i="1" s="1"/>
  <c r="A176761" i="1" s="1"/>
  <c r="A176762" i="1" s="1"/>
  <c r="A176763" i="1" s="1"/>
  <c r="A176764" i="1" s="1"/>
  <c r="A176765" i="1" s="1"/>
  <c r="A176766" i="1" s="1"/>
  <c r="A176767" i="1" s="1"/>
  <c r="A176768" i="1" s="1"/>
  <c r="A176769" i="1" s="1"/>
  <c r="A176770" i="1" s="1"/>
  <c r="A176771" i="1" s="1"/>
  <c r="A176772" i="1" s="1"/>
  <c r="A176773" i="1" s="1"/>
  <c r="A176774" i="1" s="1"/>
  <c r="A176775" i="1" s="1"/>
  <c r="A176776" i="1" s="1"/>
  <c r="A176777" i="1" s="1"/>
  <c r="A176778" i="1" s="1"/>
  <c r="A176779" i="1" s="1"/>
  <c r="A176780" i="1" s="1"/>
  <c r="A176781" i="1" s="1"/>
  <c r="A176782" i="1" s="1"/>
  <c r="A176783" i="1" s="1"/>
  <c r="A176784" i="1" s="1"/>
  <c r="A176785" i="1" s="1"/>
  <c r="A176786" i="1" s="1"/>
  <c r="A176787" i="1" s="1"/>
  <c r="A176788" i="1" s="1"/>
  <c r="A176789" i="1" s="1"/>
  <c r="A176790" i="1" s="1"/>
  <c r="A176791" i="1" s="1"/>
  <c r="A176792" i="1" s="1"/>
  <c r="A176793" i="1" s="1"/>
  <c r="A176794" i="1" s="1"/>
  <c r="A176795" i="1" s="1"/>
  <c r="A176796" i="1" s="1"/>
  <c r="A176797" i="1" s="1"/>
  <c r="A176798" i="1" s="1"/>
  <c r="A176799" i="1" s="1"/>
  <c r="A176800" i="1" s="1"/>
  <c r="A176801" i="1" s="1"/>
  <c r="A176802" i="1" s="1"/>
  <c r="A176803" i="1" s="1"/>
  <c r="A176804" i="1" s="1"/>
  <c r="A176805" i="1" s="1"/>
  <c r="A176806" i="1" s="1"/>
  <c r="A176807" i="1" s="1"/>
  <c r="A176808" i="1" s="1"/>
  <c r="A176809" i="1" s="1"/>
  <c r="A176810" i="1" s="1"/>
  <c r="A176811" i="1" s="1"/>
  <c r="A176812" i="1" s="1"/>
  <c r="A176813" i="1" s="1"/>
  <c r="A176814" i="1" s="1"/>
  <c r="A176815" i="1" s="1"/>
  <c r="A176816" i="1" s="1"/>
  <c r="A176817" i="1" s="1"/>
  <c r="A176818" i="1" s="1"/>
  <c r="A176819" i="1" s="1"/>
  <c r="A176820" i="1" s="1"/>
  <c r="A176821" i="1" s="1"/>
  <c r="A176822" i="1" s="1"/>
  <c r="A176823" i="1" s="1"/>
  <c r="A176824" i="1" s="1"/>
  <c r="A176825" i="1" s="1"/>
  <c r="A176826" i="1" s="1"/>
  <c r="A176827" i="1" s="1"/>
  <c r="A176828" i="1" s="1"/>
  <c r="A176829" i="1" s="1"/>
  <c r="A176830" i="1" s="1"/>
  <c r="A176831" i="1" s="1"/>
  <c r="A176832" i="1" s="1"/>
  <c r="A176833" i="1" s="1"/>
  <c r="A176834" i="1" s="1"/>
  <c r="A176835" i="1" s="1"/>
  <c r="A176836" i="1" s="1"/>
  <c r="A176837" i="1" s="1"/>
  <c r="A176838" i="1" s="1"/>
  <c r="A176839" i="1" s="1"/>
  <c r="A176840" i="1" s="1"/>
  <c r="A176841" i="1" s="1"/>
  <c r="A176842" i="1" s="1"/>
  <c r="A176843" i="1" s="1"/>
  <c r="A176844" i="1" s="1"/>
  <c r="A176845" i="1" s="1"/>
  <c r="A176846" i="1" s="1"/>
  <c r="A176847" i="1" s="1"/>
  <c r="A176848" i="1" s="1"/>
  <c r="A176849" i="1" s="1"/>
  <c r="A176850" i="1" s="1"/>
  <c r="A176851" i="1" s="1"/>
  <c r="A176852" i="1" s="1"/>
  <c r="A176853" i="1" s="1"/>
  <c r="A176854" i="1" s="1"/>
  <c r="A176855" i="1" s="1"/>
  <c r="A176856" i="1" s="1"/>
  <c r="A176857" i="1" s="1"/>
  <c r="A176858" i="1" s="1"/>
  <c r="A176859" i="1" s="1"/>
  <c r="A176860" i="1" s="1"/>
  <c r="A176861" i="1" s="1"/>
  <c r="A176862" i="1" s="1"/>
  <c r="A176863" i="1" s="1"/>
  <c r="A176864" i="1" s="1"/>
  <c r="A176865" i="1" s="1"/>
  <c r="A176866" i="1" s="1"/>
  <c r="A176867" i="1" s="1"/>
  <c r="A176868" i="1" s="1"/>
  <c r="A176869" i="1" s="1"/>
  <c r="A176870" i="1" s="1"/>
  <c r="A176871" i="1" s="1"/>
  <c r="A176872" i="1" s="1"/>
  <c r="A176873" i="1" s="1"/>
  <c r="A176874" i="1" s="1"/>
  <c r="A176875" i="1" s="1"/>
  <c r="A176876" i="1" s="1"/>
  <c r="A176877" i="1" s="1"/>
  <c r="A176878" i="1" s="1"/>
  <c r="A176879" i="1" s="1"/>
  <c r="A176880" i="1" s="1"/>
  <c r="A176881" i="1" s="1"/>
  <c r="A176882" i="1" s="1"/>
  <c r="A176883" i="1" s="1"/>
  <c r="A176884" i="1" s="1"/>
  <c r="A176885" i="1" s="1"/>
  <c r="A176886" i="1" s="1"/>
  <c r="A176887" i="1" s="1"/>
  <c r="A176888" i="1" s="1"/>
  <c r="A176889" i="1" s="1"/>
  <c r="A176890" i="1" s="1"/>
  <c r="A176891" i="1" s="1"/>
  <c r="A176892" i="1" s="1"/>
  <c r="A176893" i="1" s="1"/>
  <c r="A176894" i="1" s="1"/>
  <c r="A176895" i="1" s="1"/>
  <c r="A176896" i="1" s="1"/>
  <c r="A176897" i="1" s="1"/>
  <c r="A176898" i="1" s="1"/>
  <c r="A176899" i="1" s="1"/>
  <c r="A176900" i="1" s="1"/>
  <c r="A176901" i="1" s="1"/>
  <c r="A176902" i="1" s="1"/>
  <c r="A176903" i="1" s="1"/>
  <c r="A176904" i="1" s="1"/>
  <c r="A176905" i="1" s="1"/>
  <c r="A176906" i="1" s="1"/>
  <c r="A176907" i="1" s="1"/>
  <c r="A176908" i="1" s="1"/>
  <c r="A176909" i="1" s="1"/>
  <c r="A176910" i="1" s="1"/>
  <c r="A176911" i="1" s="1"/>
  <c r="A176912" i="1" s="1"/>
  <c r="A176913" i="1" s="1"/>
  <c r="A176914" i="1" s="1"/>
  <c r="A176915" i="1" s="1"/>
  <c r="A176916" i="1" s="1"/>
  <c r="A176917" i="1" s="1"/>
  <c r="A176918" i="1" s="1"/>
  <c r="A176919" i="1" s="1"/>
  <c r="A176920" i="1" s="1"/>
  <c r="A176921" i="1" s="1"/>
  <c r="A176922" i="1" s="1"/>
  <c r="A176923" i="1" s="1"/>
  <c r="A176924" i="1" s="1"/>
  <c r="A176925" i="1" s="1"/>
  <c r="A176926" i="1" s="1"/>
  <c r="A176927" i="1" s="1"/>
  <c r="A176928" i="1" s="1"/>
  <c r="A176929" i="1" s="1"/>
  <c r="A176930" i="1" s="1"/>
  <c r="A176931" i="1" s="1"/>
  <c r="A176932" i="1" s="1"/>
  <c r="A176933" i="1" s="1"/>
  <c r="A176934" i="1" s="1"/>
  <c r="A176935" i="1" s="1"/>
  <c r="A176936" i="1" s="1"/>
  <c r="A176937" i="1" s="1"/>
  <c r="A176938" i="1" s="1"/>
  <c r="A176939" i="1" s="1"/>
  <c r="A176940" i="1" s="1"/>
  <c r="A176941" i="1" s="1"/>
  <c r="A176942" i="1" s="1"/>
  <c r="A176943" i="1" s="1"/>
  <c r="A176944" i="1" s="1"/>
  <c r="A176945" i="1" s="1"/>
  <c r="A176946" i="1" s="1"/>
  <c r="A176947" i="1" s="1"/>
  <c r="A176948" i="1" s="1"/>
  <c r="A176949" i="1" s="1"/>
  <c r="A176950" i="1" s="1"/>
  <c r="A176951" i="1" s="1"/>
  <c r="A176952" i="1" s="1"/>
  <c r="A176953" i="1" s="1"/>
  <c r="A176954" i="1" s="1"/>
  <c r="A176955" i="1" s="1"/>
  <c r="A176956" i="1" s="1"/>
  <c r="A176957" i="1" s="1"/>
  <c r="A176958" i="1" s="1"/>
  <c r="A176959" i="1" s="1"/>
  <c r="A176960" i="1" s="1"/>
  <c r="A176961" i="1" s="1"/>
  <c r="A176962" i="1" s="1"/>
  <c r="A176963" i="1" s="1"/>
  <c r="A176964" i="1" s="1"/>
  <c r="A176965" i="1" s="1"/>
  <c r="A176966" i="1" s="1"/>
  <c r="A176967" i="1" s="1"/>
  <c r="A176968" i="1" s="1"/>
  <c r="A176969" i="1" s="1"/>
  <c r="A176970" i="1" s="1"/>
  <c r="A176971" i="1" s="1"/>
  <c r="A176972" i="1" s="1"/>
  <c r="A176973" i="1" s="1"/>
  <c r="A176974" i="1" s="1"/>
  <c r="A176975" i="1" s="1"/>
  <c r="A176976" i="1" s="1"/>
  <c r="A176977" i="1" s="1"/>
  <c r="A176978" i="1" s="1"/>
  <c r="A176979" i="1" s="1"/>
  <c r="A176980" i="1" s="1"/>
  <c r="A176981" i="1" s="1"/>
  <c r="A176982" i="1" s="1"/>
  <c r="A176983" i="1" s="1"/>
  <c r="A176984" i="1" s="1"/>
  <c r="A176985" i="1" s="1"/>
  <c r="A176986" i="1" s="1"/>
  <c r="A176987" i="1" s="1"/>
  <c r="A176988" i="1" s="1"/>
  <c r="A176989" i="1" s="1"/>
  <c r="A176990" i="1" s="1"/>
  <c r="A176991" i="1" s="1"/>
  <c r="A176992" i="1" s="1"/>
  <c r="A176993" i="1" s="1"/>
  <c r="A176994" i="1" s="1"/>
  <c r="A176995" i="1" s="1"/>
  <c r="A176996" i="1" s="1"/>
  <c r="A176997" i="1" s="1"/>
  <c r="A176998" i="1" s="1"/>
  <c r="A176999" i="1" s="1"/>
  <c r="A177000" i="1" s="1"/>
  <c r="A177001" i="1" s="1"/>
  <c r="A177002" i="1" s="1"/>
  <c r="A177003" i="1" s="1"/>
  <c r="A177004" i="1" s="1"/>
  <c r="A177005" i="1" s="1"/>
  <c r="A177006" i="1" s="1"/>
  <c r="A177007" i="1" s="1"/>
  <c r="A177008" i="1" s="1"/>
  <c r="A177009" i="1" s="1"/>
  <c r="A177010" i="1" s="1"/>
  <c r="A177011" i="1" s="1"/>
  <c r="A177012" i="1" s="1"/>
  <c r="A177013" i="1" s="1"/>
  <c r="A177014" i="1" s="1"/>
  <c r="A177015" i="1" s="1"/>
  <c r="A177016" i="1" s="1"/>
  <c r="A177017" i="1" s="1"/>
  <c r="A177018" i="1" s="1"/>
  <c r="A177019" i="1" s="1"/>
  <c r="A177020" i="1" s="1"/>
  <c r="A177021" i="1" s="1"/>
  <c r="A177022" i="1" s="1"/>
  <c r="A177023" i="1" s="1"/>
  <c r="A177024" i="1" s="1"/>
  <c r="A177025" i="1" s="1"/>
  <c r="A177026" i="1" s="1"/>
  <c r="A177027" i="1" s="1"/>
  <c r="A177028" i="1" s="1"/>
  <c r="A177029" i="1" s="1"/>
  <c r="A177030" i="1" s="1"/>
  <c r="A177031" i="1" s="1"/>
  <c r="A177032" i="1" s="1"/>
  <c r="A177033" i="1" s="1"/>
  <c r="A177034" i="1" s="1"/>
  <c r="A177035" i="1" s="1"/>
  <c r="A177036" i="1" s="1"/>
  <c r="A177037" i="1" s="1"/>
  <c r="A177038" i="1" s="1"/>
  <c r="A177039" i="1" s="1"/>
  <c r="A177040" i="1" s="1"/>
  <c r="A177041" i="1" s="1"/>
  <c r="A177042" i="1" s="1"/>
  <c r="A177043" i="1" s="1"/>
  <c r="A177044" i="1" s="1"/>
  <c r="A177045" i="1" s="1"/>
  <c r="A177046" i="1" s="1"/>
  <c r="A177047" i="1" s="1"/>
  <c r="A177048" i="1" s="1"/>
  <c r="A177049" i="1" s="1"/>
  <c r="A177050" i="1" s="1"/>
  <c r="A177051" i="1" s="1"/>
  <c r="A177052" i="1" s="1"/>
  <c r="A177053" i="1" s="1"/>
  <c r="A177054" i="1" s="1"/>
  <c r="A177055" i="1" s="1"/>
  <c r="A177056" i="1" s="1"/>
  <c r="A177057" i="1" s="1"/>
  <c r="A177058" i="1" s="1"/>
  <c r="A177059" i="1" s="1"/>
  <c r="A177060" i="1" s="1"/>
  <c r="A177061" i="1" s="1"/>
  <c r="A177062" i="1" s="1"/>
  <c r="A177063" i="1" s="1"/>
  <c r="A177064" i="1" s="1"/>
  <c r="A177065" i="1" s="1"/>
  <c r="A177066" i="1" s="1"/>
  <c r="A177067" i="1" s="1"/>
  <c r="A177068" i="1" s="1"/>
  <c r="A177069" i="1" s="1"/>
  <c r="A177070" i="1" s="1"/>
  <c r="A177071" i="1" s="1"/>
  <c r="A177072" i="1" s="1"/>
  <c r="A177073" i="1" s="1"/>
  <c r="A177074" i="1" s="1"/>
  <c r="A177075" i="1" s="1"/>
  <c r="A177076" i="1" s="1"/>
  <c r="A177077" i="1" s="1"/>
  <c r="A177078" i="1" s="1"/>
  <c r="A177079" i="1" s="1"/>
  <c r="A177080" i="1" s="1"/>
  <c r="A177081" i="1" s="1"/>
  <c r="A177082" i="1" s="1"/>
  <c r="A177083" i="1" s="1"/>
  <c r="A177084" i="1" s="1"/>
  <c r="A177085" i="1" s="1"/>
  <c r="A177086" i="1" s="1"/>
  <c r="A177087" i="1" s="1"/>
  <c r="A177088" i="1" s="1"/>
  <c r="A177089" i="1" s="1"/>
  <c r="A177090" i="1" s="1"/>
  <c r="A177091" i="1" s="1"/>
  <c r="A177092" i="1" s="1"/>
  <c r="A177093" i="1" s="1"/>
  <c r="A177094" i="1" s="1"/>
  <c r="A177095" i="1" s="1"/>
  <c r="A177096" i="1" s="1"/>
  <c r="A177097" i="1" s="1"/>
  <c r="A177098" i="1" s="1"/>
  <c r="A177099" i="1" s="1"/>
  <c r="A177100" i="1" s="1"/>
  <c r="A177101" i="1" s="1"/>
  <c r="A177102" i="1" s="1"/>
  <c r="A177103" i="1" s="1"/>
  <c r="A177104" i="1" s="1"/>
  <c r="A177105" i="1" s="1"/>
  <c r="A177106" i="1" s="1"/>
  <c r="A177107" i="1" s="1"/>
  <c r="A177108" i="1" s="1"/>
  <c r="A177109" i="1" s="1"/>
  <c r="A177110" i="1" s="1"/>
  <c r="A177111" i="1" s="1"/>
  <c r="A177112" i="1" s="1"/>
  <c r="A177113" i="1" s="1"/>
  <c r="A177114" i="1" s="1"/>
  <c r="A177115" i="1" s="1"/>
  <c r="A177116" i="1" s="1"/>
  <c r="A177117" i="1" s="1"/>
  <c r="A177118" i="1" s="1"/>
  <c r="A177119" i="1" s="1"/>
  <c r="A177120" i="1" s="1"/>
  <c r="A177121" i="1" s="1"/>
  <c r="A177122" i="1" s="1"/>
  <c r="A177123" i="1" s="1"/>
  <c r="A177124" i="1" s="1"/>
  <c r="A177125" i="1" s="1"/>
  <c r="A177126" i="1" s="1"/>
  <c r="A177127" i="1" s="1"/>
  <c r="A177128" i="1" s="1"/>
  <c r="A177129" i="1" s="1"/>
  <c r="A177130" i="1" s="1"/>
  <c r="A177131" i="1" s="1"/>
  <c r="A177132" i="1" s="1"/>
  <c r="A177133" i="1" s="1"/>
  <c r="A177134" i="1" s="1"/>
  <c r="A177135" i="1" s="1"/>
  <c r="A177136" i="1" s="1"/>
  <c r="A177137" i="1" s="1"/>
  <c r="A177138" i="1" s="1"/>
  <c r="A177139" i="1" s="1"/>
  <c r="A177140" i="1" s="1"/>
  <c r="A177141" i="1" s="1"/>
  <c r="A177142" i="1" s="1"/>
  <c r="A177143" i="1" s="1"/>
  <c r="A177144" i="1" s="1"/>
  <c r="A177145" i="1" s="1"/>
  <c r="A177146" i="1" s="1"/>
  <c r="A177147" i="1" s="1"/>
  <c r="A177148" i="1" s="1"/>
  <c r="A177149" i="1" s="1"/>
  <c r="A177150" i="1" s="1"/>
  <c r="A177151" i="1" s="1"/>
  <c r="A177152" i="1" s="1"/>
  <c r="A177153" i="1" s="1"/>
  <c r="A177154" i="1" s="1"/>
  <c r="A177155" i="1" s="1"/>
  <c r="A177156" i="1" s="1"/>
  <c r="A177157" i="1" s="1"/>
  <c r="A177158" i="1" s="1"/>
  <c r="A177159" i="1" s="1"/>
  <c r="A177160" i="1" s="1"/>
  <c r="A177161" i="1" s="1"/>
  <c r="A177162" i="1" s="1"/>
  <c r="A177163" i="1" s="1"/>
  <c r="A177164" i="1" s="1"/>
  <c r="A177165" i="1" s="1"/>
  <c r="A177166" i="1" s="1"/>
  <c r="A177167" i="1" s="1"/>
  <c r="A177168" i="1" s="1"/>
  <c r="A177169" i="1" s="1"/>
  <c r="A177170" i="1" s="1"/>
  <c r="A177171" i="1" s="1"/>
  <c r="A177172" i="1" s="1"/>
  <c r="A177173" i="1" s="1"/>
  <c r="A177174" i="1" s="1"/>
  <c r="A177175" i="1" s="1"/>
  <c r="A177176" i="1" s="1"/>
  <c r="A177177" i="1" s="1"/>
  <c r="A177178" i="1" s="1"/>
  <c r="A177179" i="1" s="1"/>
  <c r="A177180" i="1" s="1"/>
  <c r="A177181" i="1" s="1"/>
  <c r="A177182" i="1" s="1"/>
  <c r="A177183" i="1" s="1"/>
  <c r="A177184" i="1" s="1"/>
  <c r="A177185" i="1" s="1"/>
  <c r="A177186" i="1" s="1"/>
  <c r="A177187" i="1" s="1"/>
  <c r="A177188" i="1" s="1"/>
  <c r="A177189" i="1" s="1"/>
  <c r="A177190" i="1" s="1"/>
  <c r="A177191" i="1" s="1"/>
  <c r="A177192" i="1" s="1"/>
  <c r="A177193" i="1" s="1"/>
  <c r="A177194" i="1" s="1"/>
  <c r="A177195" i="1" s="1"/>
  <c r="A177196" i="1" s="1"/>
  <c r="A177197" i="1" s="1"/>
  <c r="A177198" i="1" s="1"/>
  <c r="A177199" i="1" s="1"/>
  <c r="A177200" i="1" s="1"/>
  <c r="A177201" i="1" s="1"/>
  <c r="A177202" i="1" s="1"/>
  <c r="A177203" i="1" s="1"/>
  <c r="A177204" i="1" s="1"/>
  <c r="A177205" i="1" s="1"/>
  <c r="A177206" i="1" s="1"/>
  <c r="A177207" i="1" s="1"/>
  <c r="A177208" i="1" s="1"/>
  <c r="A177209" i="1" s="1"/>
  <c r="A177210" i="1" s="1"/>
  <c r="A177211" i="1" s="1"/>
  <c r="A177212" i="1" s="1"/>
  <c r="A177213" i="1" s="1"/>
  <c r="A177214" i="1" s="1"/>
  <c r="A177215" i="1" s="1"/>
  <c r="A177216" i="1" s="1"/>
  <c r="A177217" i="1" s="1"/>
  <c r="A177218" i="1" s="1"/>
  <c r="A177219" i="1" s="1"/>
  <c r="A177220" i="1" s="1"/>
  <c r="A177221" i="1" s="1"/>
  <c r="A177222" i="1" s="1"/>
  <c r="A177223" i="1" s="1"/>
  <c r="A177224" i="1" s="1"/>
  <c r="A177225" i="1" s="1"/>
  <c r="A177226" i="1" s="1"/>
  <c r="A177227" i="1" s="1"/>
  <c r="A177228" i="1" s="1"/>
  <c r="A177229" i="1" s="1"/>
  <c r="A177230" i="1" s="1"/>
  <c r="A177231" i="1" s="1"/>
  <c r="A177232" i="1" s="1"/>
  <c r="A177233" i="1" s="1"/>
  <c r="A177234" i="1" s="1"/>
  <c r="A177235" i="1" s="1"/>
  <c r="A177236" i="1" s="1"/>
  <c r="A177237" i="1" s="1"/>
  <c r="A177238" i="1" s="1"/>
  <c r="A177239" i="1" s="1"/>
  <c r="A177240" i="1" s="1"/>
  <c r="A177241" i="1" s="1"/>
  <c r="A177242" i="1" s="1"/>
  <c r="A177243" i="1" s="1"/>
  <c r="A177244" i="1" s="1"/>
  <c r="A177245" i="1" s="1"/>
  <c r="A177246" i="1" s="1"/>
  <c r="A177247" i="1" s="1"/>
  <c r="A177248" i="1" s="1"/>
  <c r="A177249" i="1" s="1"/>
  <c r="A177250" i="1" s="1"/>
  <c r="A177251" i="1" s="1"/>
  <c r="A177252" i="1" s="1"/>
  <c r="A177253" i="1" s="1"/>
  <c r="A177254" i="1" s="1"/>
  <c r="A177255" i="1" s="1"/>
  <c r="A177256" i="1" s="1"/>
  <c r="A177257" i="1" s="1"/>
  <c r="A177258" i="1" s="1"/>
  <c r="A177259" i="1" s="1"/>
  <c r="A177260" i="1" s="1"/>
  <c r="A177261" i="1" s="1"/>
  <c r="A177262" i="1" s="1"/>
  <c r="A177263" i="1" s="1"/>
  <c r="A177264" i="1" s="1"/>
  <c r="A177265" i="1" s="1"/>
  <c r="A177266" i="1" s="1"/>
  <c r="A177267" i="1" s="1"/>
  <c r="A177268" i="1" s="1"/>
  <c r="A177269" i="1" s="1"/>
  <c r="A177270" i="1" s="1"/>
  <c r="A177271" i="1" s="1"/>
  <c r="A177272" i="1" s="1"/>
  <c r="A177273" i="1" s="1"/>
  <c r="A177274" i="1" s="1"/>
  <c r="A177275" i="1" s="1"/>
  <c r="A177276" i="1" s="1"/>
  <c r="A177277" i="1" s="1"/>
  <c r="A177278" i="1" s="1"/>
  <c r="A177279" i="1" s="1"/>
  <c r="A177280" i="1" s="1"/>
  <c r="A177281" i="1" s="1"/>
  <c r="A177282" i="1" s="1"/>
  <c r="A177283" i="1" s="1"/>
  <c r="A177284" i="1" s="1"/>
  <c r="A177285" i="1" s="1"/>
  <c r="A177286" i="1" s="1"/>
  <c r="A177287" i="1" s="1"/>
  <c r="A177288" i="1" s="1"/>
  <c r="A177289" i="1" s="1"/>
  <c r="A177290" i="1" s="1"/>
  <c r="A177291" i="1" s="1"/>
  <c r="A177292" i="1" s="1"/>
  <c r="A177293" i="1" s="1"/>
  <c r="A177294" i="1" s="1"/>
  <c r="A177295" i="1" s="1"/>
  <c r="A177296" i="1" s="1"/>
  <c r="A177297" i="1" s="1"/>
  <c r="A177298" i="1" s="1"/>
  <c r="A177299" i="1" s="1"/>
  <c r="A177300" i="1" s="1"/>
  <c r="A177301" i="1" s="1"/>
  <c r="A177302" i="1" s="1"/>
  <c r="A177303" i="1" s="1"/>
  <c r="A177304" i="1" s="1"/>
  <c r="A177305" i="1" s="1"/>
  <c r="A177306" i="1" s="1"/>
  <c r="A177307" i="1" s="1"/>
  <c r="A177308" i="1" s="1"/>
  <c r="A177309" i="1" s="1"/>
  <c r="A177310" i="1" s="1"/>
  <c r="A177311" i="1" s="1"/>
  <c r="A177312" i="1" s="1"/>
  <c r="A177313" i="1" s="1"/>
  <c r="A177314" i="1" s="1"/>
  <c r="A177315" i="1" s="1"/>
  <c r="A177316" i="1" s="1"/>
  <c r="A177317" i="1" s="1"/>
  <c r="A177318" i="1" s="1"/>
  <c r="A177319" i="1" s="1"/>
  <c r="A177320" i="1" s="1"/>
  <c r="A177321" i="1" s="1"/>
  <c r="A177322" i="1" s="1"/>
  <c r="A177323" i="1" s="1"/>
  <c r="A177324" i="1" s="1"/>
  <c r="A177325" i="1" s="1"/>
  <c r="A177326" i="1" s="1"/>
  <c r="A177327" i="1" s="1"/>
  <c r="A177328" i="1" s="1"/>
  <c r="A177329" i="1" s="1"/>
  <c r="A177330" i="1" s="1"/>
  <c r="A177331" i="1" s="1"/>
  <c r="A177332" i="1" s="1"/>
  <c r="A177333" i="1" s="1"/>
  <c r="A177334" i="1" s="1"/>
  <c r="A177335" i="1" s="1"/>
  <c r="A177336" i="1" s="1"/>
  <c r="A177337" i="1" s="1"/>
  <c r="A177338" i="1" s="1"/>
  <c r="A177339" i="1" s="1"/>
  <c r="A177340" i="1" s="1"/>
  <c r="A177341" i="1" s="1"/>
  <c r="A177342" i="1" s="1"/>
  <c r="A177343" i="1" s="1"/>
  <c r="A177344" i="1" s="1"/>
  <c r="A177345" i="1" s="1"/>
  <c r="A177346" i="1" s="1"/>
  <c r="A177347" i="1" s="1"/>
  <c r="A177348" i="1" s="1"/>
  <c r="A177349" i="1" s="1"/>
  <c r="A177350" i="1" s="1"/>
  <c r="A177351" i="1" s="1"/>
  <c r="A177352" i="1" s="1"/>
  <c r="A177353" i="1" s="1"/>
  <c r="A177354" i="1" s="1"/>
  <c r="A177355" i="1" s="1"/>
  <c r="A177356" i="1" s="1"/>
  <c r="A177357" i="1" s="1"/>
  <c r="A177358" i="1" s="1"/>
  <c r="A177359" i="1" s="1"/>
  <c r="A177360" i="1" s="1"/>
  <c r="A177361" i="1" s="1"/>
  <c r="A177362" i="1" s="1"/>
  <c r="A177363" i="1" s="1"/>
  <c r="A177364" i="1" s="1"/>
  <c r="A177365" i="1" s="1"/>
  <c r="A177366" i="1" s="1"/>
  <c r="A177367" i="1" s="1"/>
  <c r="A177368" i="1" s="1"/>
  <c r="A177369" i="1" s="1"/>
  <c r="A177370" i="1" s="1"/>
  <c r="A177371" i="1" s="1"/>
  <c r="A177372" i="1" s="1"/>
  <c r="A177373" i="1" s="1"/>
  <c r="A177374" i="1" s="1"/>
  <c r="A177375" i="1" s="1"/>
  <c r="A177376" i="1" s="1"/>
  <c r="A177377" i="1" s="1"/>
  <c r="A177378" i="1" s="1"/>
  <c r="A177379" i="1" s="1"/>
  <c r="A177380" i="1" s="1"/>
  <c r="A177381" i="1" s="1"/>
  <c r="A177382" i="1" s="1"/>
  <c r="A177383" i="1" s="1"/>
  <c r="A177384" i="1" s="1"/>
  <c r="A177385" i="1" s="1"/>
  <c r="A177386" i="1" s="1"/>
  <c r="A177387" i="1" s="1"/>
  <c r="A177388" i="1" s="1"/>
  <c r="A177389" i="1" s="1"/>
  <c r="A177390" i="1" s="1"/>
  <c r="A177391" i="1" s="1"/>
  <c r="A177392" i="1" s="1"/>
  <c r="A177393" i="1" s="1"/>
  <c r="A177394" i="1" s="1"/>
  <c r="A177395" i="1" s="1"/>
  <c r="A177396" i="1" s="1"/>
  <c r="A177397" i="1" s="1"/>
  <c r="A177398" i="1" s="1"/>
  <c r="A177399" i="1" s="1"/>
  <c r="A177400" i="1" s="1"/>
  <c r="A177401" i="1" s="1"/>
  <c r="A177402" i="1" s="1"/>
  <c r="A177403" i="1" s="1"/>
  <c r="A177404" i="1" s="1"/>
  <c r="A177405" i="1" s="1"/>
  <c r="A177406" i="1" s="1"/>
  <c r="A177407" i="1" s="1"/>
  <c r="A177408" i="1" s="1"/>
  <c r="A177409" i="1" s="1"/>
  <c r="A177410" i="1" s="1"/>
  <c r="A177411" i="1" s="1"/>
  <c r="A177412" i="1" s="1"/>
  <c r="A177413" i="1" s="1"/>
  <c r="A177414" i="1" s="1"/>
  <c r="A177415" i="1" s="1"/>
  <c r="A177416" i="1" s="1"/>
  <c r="A177417" i="1" s="1"/>
  <c r="A177418" i="1" s="1"/>
  <c r="A177419" i="1" s="1"/>
  <c r="A177420" i="1" s="1"/>
  <c r="A177421" i="1" s="1"/>
  <c r="A177422" i="1" s="1"/>
  <c r="A177423" i="1" s="1"/>
  <c r="A177424" i="1" s="1"/>
  <c r="A177425" i="1" s="1"/>
  <c r="A177426" i="1" s="1"/>
  <c r="A177427" i="1" s="1"/>
  <c r="A177428" i="1" s="1"/>
  <c r="A177429" i="1" s="1"/>
  <c r="A177430" i="1" s="1"/>
  <c r="A177431" i="1" s="1"/>
  <c r="A177432" i="1" s="1"/>
  <c r="A177433" i="1" s="1"/>
  <c r="A177434" i="1" s="1"/>
  <c r="A177435" i="1" s="1"/>
  <c r="A177436" i="1" s="1"/>
  <c r="A177437" i="1" s="1"/>
  <c r="A177438" i="1" s="1"/>
  <c r="A177439" i="1" s="1"/>
  <c r="A177440" i="1" s="1"/>
  <c r="A177441" i="1" s="1"/>
  <c r="A177442" i="1" s="1"/>
  <c r="A177443" i="1" s="1"/>
  <c r="A177444" i="1" s="1"/>
  <c r="A177445" i="1" s="1"/>
  <c r="A177446" i="1" s="1"/>
  <c r="A177447" i="1" s="1"/>
  <c r="A177448" i="1" s="1"/>
  <c r="A177449" i="1" s="1"/>
  <c r="A177450" i="1" s="1"/>
  <c r="A177451" i="1" s="1"/>
  <c r="A177452" i="1" s="1"/>
  <c r="A177453" i="1" s="1"/>
  <c r="A177454" i="1" s="1"/>
  <c r="A177455" i="1" s="1"/>
  <c r="A177456" i="1" s="1"/>
  <c r="A177457" i="1" s="1"/>
  <c r="A177458" i="1" s="1"/>
  <c r="A177459" i="1" s="1"/>
  <c r="A177460" i="1" s="1"/>
  <c r="A177461" i="1" s="1"/>
  <c r="A177462" i="1" s="1"/>
  <c r="A177463" i="1" s="1"/>
  <c r="A177464" i="1" s="1"/>
  <c r="A177465" i="1" s="1"/>
  <c r="A177466" i="1" s="1"/>
  <c r="A177467" i="1" s="1"/>
  <c r="A177468" i="1" s="1"/>
  <c r="A177469" i="1" s="1"/>
  <c r="A177470" i="1" s="1"/>
  <c r="A177471" i="1" s="1"/>
  <c r="A177472" i="1" s="1"/>
  <c r="A177473" i="1" s="1"/>
  <c r="A177474" i="1" s="1"/>
  <c r="A177475" i="1" s="1"/>
  <c r="A177476" i="1" s="1"/>
  <c r="A177477" i="1" s="1"/>
  <c r="A177478" i="1" s="1"/>
  <c r="A177479" i="1" s="1"/>
  <c r="A177480" i="1" s="1"/>
  <c r="A177481" i="1" s="1"/>
  <c r="A177482" i="1" s="1"/>
  <c r="A177483" i="1" s="1"/>
  <c r="A177484" i="1" s="1"/>
  <c r="A177485" i="1" s="1"/>
  <c r="A177486" i="1" s="1"/>
  <c r="A177487" i="1" s="1"/>
  <c r="A177488" i="1" s="1"/>
  <c r="A177489" i="1" s="1"/>
  <c r="A177490" i="1" s="1"/>
  <c r="A177491" i="1" s="1"/>
  <c r="A177492" i="1" s="1"/>
  <c r="A177493" i="1" s="1"/>
  <c r="A177494" i="1" s="1"/>
  <c r="A177495" i="1" s="1"/>
  <c r="A177496" i="1" s="1"/>
  <c r="A177497" i="1" s="1"/>
  <c r="A177498" i="1" s="1"/>
  <c r="A177499" i="1" s="1"/>
  <c r="A177500" i="1" s="1"/>
  <c r="A177501" i="1" s="1"/>
  <c r="A177502" i="1" s="1"/>
  <c r="A177503" i="1" s="1"/>
  <c r="A177504" i="1" s="1"/>
  <c r="A177505" i="1" s="1"/>
  <c r="A177506" i="1" s="1"/>
  <c r="A177507" i="1" s="1"/>
  <c r="A177508" i="1" s="1"/>
  <c r="A177509" i="1" s="1"/>
  <c r="A177510" i="1" s="1"/>
  <c r="A177511" i="1" s="1"/>
  <c r="A177512" i="1" s="1"/>
  <c r="A177513" i="1" s="1"/>
  <c r="A177514" i="1" s="1"/>
  <c r="A177515" i="1" s="1"/>
  <c r="A177516" i="1" s="1"/>
  <c r="A177517" i="1" s="1"/>
  <c r="A177518" i="1" s="1"/>
  <c r="A177519" i="1" s="1"/>
  <c r="A177520" i="1" s="1"/>
  <c r="A177521" i="1" s="1"/>
  <c r="A177522" i="1" s="1"/>
  <c r="A177523" i="1" s="1"/>
  <c r="A177524" i="1" s="1"/>
  <c r="A177525" i="1" s="1"/>
  <c r="A177526" i="1" s="1"/>
  <c r="A177527" i="1" s="1"/>
  <c r="A177528" i="1" s="1"/>
  <c r="A177529" i="1" s="1"/>
  <c r="A177530" i="1" s="1"/>
  <c r="A177531" i="1" s="1"/>
  <c r="A177532" i="1" s="1"/>
  <c r="A177533" i="1" s="1"/>
  <c r="A177534" i="1" s="1"/>
  <c r="A177535" i="1" s="1"/>
  <c r="A177536" i="1" s="1"/>
  <c r="A177537" i="1" s="1"/>
  <c r="A177538" i="1" s="1"/>
  <c r="A177539" i="1" s="1"/>
  <c r="A177540" i="1" s="1"/>
  <c r="A177541" i="1" s="1"/>
  <c r="A177542" i="1" s="1"/>
  <c r="A177543" i="1" s="1"/>
  <c r="A177544" i="1" s="1"/>
  <c r="A177545" i="1" s="1"/>
  <c r="A177546" i="1" s="1"/>
  <c r="A177547" i="1" s="1"/>
  <c r="A177548" i="1" s="1"/>
  <c r="A177549" i="1" s="1"/>
  <c r="A177550" i="1" s="1"/>
  <c r="A177551" i="1" s="1"/>
  <c r="A177552" i="1" s="1"/>
  <c r="A177553" i="1" s="1"/>
  <c r="A177554" i="1" s="1"/>
  <c r="A177555" i="1" s="1"/>
  <c r="A177556" i="1" s="1"/>
  <c r="A177557" i="1" s="1"/>
  <c r="A177558" i="1" s="1"/>
  <c r="A177559" i="1" s="1"/>
  <c r="A177560" i="1" s="1"/>
  <c r="A177561" i="1" s="1"/>
  <c r="A177562" i="1" s="1"/>
  <c r="A177563" i="1" s="1"/>
  <c r="A177564" i="1" s="1"/>
  <c r="A177565" i="1" s="1"/>
  <c r="A177566" i="1" s="1"/>
  <c r="A177567" i="1" s="1"/>
  <c r="A177568" i="1" s="1"/>
  <c r="A177569" i="1" s="1"/>
  <c r="A177570" i="1" s="1"/>
  <c r="A177571" i="1" s="1"/>
  <c r="A177572" i="1" s="1"/>
  <c r="A177573" i="1" s="1"/>
  <c r="A177574" i="1" s="1"/>
  <c r="A177575" i="1" s="1"/>
  <c r="A177576" i="1" s="1"/>
  <c r="A177577" i="1" s="1"/>
  <c r="A177578" i="1" s="1"/>
  <c r="A177579" i="1" s="1"/>
  <c r="A177580" i="1" s="1"/>
  <c r="A177581" i="1" s="1"/>
  <c r="A177582" i="1" s="1"/>
  <c r="A177583" i="1" s="1"/>
  <c r="A177584" i="1" s="1"/>
  <c r="A177585" i="1" s="1"/>
  <c r="A177586" i="1" s="1"/>
  <c r="A177587" i="1" s="1"/>
  <c r="A177588" i="1" s="1"/>
  <c r="A177589" i="1" s="1"/>
  <c r="A177590" i="1" s="1"/>
  <c r="A177591" i="1" s="1"/>
  <c r="A177592" i="1" s="1"/>
  <c r="A177593" i="1" s="1"/>
  <c r="A177594" i="1" s="1"/>
  <c r="A177595" i="1" s="1"/>
  <c r="A177596" i="1" s="1"/>
  <c r="A177597" i="1" s="1"/>
  <c r="A177598" i="1" s="1"/>
  <c r="A177599" i="1" s="1"/>
  <c r="A177600" i="1" s="1"/>
  <c r="A177601" i="1" s="1"/>
  <c r="A177602" i="1" s="1"/>
  <c r="A177603" i="1" s="1"/>
  <c r="A177604" i="1" s="1"/>
  <c r="A177605" i="1" s="1"/>
  <c r="A177606" i="1" s="1"/>
  <c r="A177607" i="1" s="1"/>
  <c r="A177608" i="1" s="1"/>
  <c r="A177609" i="1" s="1"/>
  <c r="A177610" i="1" s="1"/>
  <c r="A177611" i="1" s="1"/>
  <c r="A177612" i="1" s="1"/>
  <c r="A177613" i="1" s="1"/>
  <c r="A177614" i="1" s="1"/>
  <c r="A177615" i="1" s="1"/>
  <c r="A177616" i="1" s="1"/>
  <c r="A177617" i="1" s="1"/>
  <c r="A177618" i="1" s="1"/>
  <c r="A177619" i="1" s="1"/>
  <c r="A177620" i="1" s="1"/>
  <c r="A177621" i="1" s="1"/>
  <c r="A177622" i="1" s="1"/>
  <c r="A177623" i="1" s="1"/>
  <c r="A177624" i="1" s="1"/>
  <c r="A177625" i="1" s="1"/>
  <c r="A177626" i="1" s="1"/>
  <c r="A177627" i="1" s="1"/>
  <c r="A177628" i="1" s="1"/>
  <c r="A177629" i="1" s="1"/>
  <c r="A177630" i="1" s="1"/>
  <c r="A177631" i="1" s="1"/>
  <c r="A177632" i="1" s="1"/>
  <c r="A177633" i="1" s="1"/>
  <c r="A177634" i="1" s="1"/>
  <c r="A177635" i="1" s="1"/>
  <c r="A177636" i="1" s="1"/>
  <c r="A177637" i="1" s="1"/>
  <c r="A177638" i="1" s="1"/>
  <c r="A177639" i="1" s="1"/>
  <c r="A177640" i="1" s="1"/>
  <c r="A177641" i="1" s="1"/>
  <c r="A177642" i="1" s="1"/>
  <c r="A177643" i="1" s="1"/>
  <c r="A177644" i="1" s="1"/>
  <c r="A177645" i="1" s="1"/>
  <c r="A177646" i="1" s="1"/>
  <c r="A177647" i="1" s="1"/>
  <c r="A177648" i="1" s="1"/>
  <c r="A177649" i="1" s="1"/>
  <c r="A177650" i="1" s="1"/>
  <c r="A177651" i="1" s="1"/>
  <c r="A177652" i="1" s="1"/>
  <c r="A177653" i="1" s="1"/>
  <c r="A177654" i="1" s="1"/>
  <c r="A177655" i="1" s="1"/>
  <c r="A177656" i="1" s="1"/>
  <c r="A177657" i="1" s="1"/>
  <c r="A177658" i="1" s="1"/>
  <c r="A177659" i="1" s="1"/>
  <c r="A177660" i="1" s="1"/>
  <c r="A177661" i="1" s="1"/>
  <c r="A177662" i="1" s="1"/>
  <c r="A177663" i="1" s="1"/>
  <c r="A177664" i="1" s="1"/>
  <c r="A177665" i="1" s="1"/>
  <c r="A177666" i="1" s="1"/>
  <c r="A177667" i="1" s="1"/>
  <c r="A177668" i="1" s="1"/>
  <c r="A177669" i="1" s="1"/>
  <c r="A177670" i="1" s="1"/>
  <c r="A177671" i="1" s="1"/>
  <c r="A177672" i="1" s="1"/>
  <c r="A177673" i="1" s="1"/>
  <c r="A177674" i="1" s="1"/>
  <c r="A177675" i="1" s="1"/>
  <c r="A177676" i="1" s="1"/>
  <c r="A177677" i="1" s="1"/>
  <c r="A177678" i="1" s="1"/>
  <c r="A177679" i="1" s="1"/>
  <c r="A177680" i="1" s="1"/>
  <c r="A177681" i="1" s="1"/>
  <c r="A177682" i="1" s="1"/>
  <c r="A177683" i="1" s="1"/>
  <c r="A177684" i="1" s="1"/>
  <c r="A177685" i="1" s="1"/>
  <c r="A177686" i="1" s="1"/>
  <c r="A177687" i="1" s="1"/>
  <c r="A177688" i="1" s="1"/>
  <c r="A177689" i="1" s="1"/>
  <c r="A177690" i="1" s="1"/>
  <c r="A177691" i="1" s="1"/>
  <c r="A177692" i="1" s="1"/>
  <c r="A177693" i="1" s="1"/>
  <c r="A177694" i="1" s="1"/>
  <c r="A177695" i="1" s="1"/>
  <c r="A177696" i="1" s="1"/>
  <c r="A177697" i="1" s="1"/>
  <c r="A177698" i="1" s="1"/>
  <c r="A177699" i="1" s="1"/>
  <c r="A177700" i="1" s="1"/>
  <c r="A177701" i="1" s="1"/>
  <c r="A177702" i="1" s="1"/>
  <c r="A177703" i="1" s="1"/>
  <c r="A177704" i="1" s="1"/>
  <c r="A177705" i="1" s="1"/>
  <c r="A177706" i="1" s="1"/>
  <c r="A177707" i="1" s="1"/>
  <c r="A177708" i="1" s="1"/>
  <c r="A177709" i="1" s="1"/>
  <c r="A177710" i="1" s="1"/>
  <c r="A177711" i="1" s="1"/>
  <c r="A177712" i="1" s="1"/>
  <c r="A177713" i="1" s="1"/>
  <c r="A177714" i="1" s="1"/>
  <c r="A177715" i="1" s="1"/>
  <c r="A177716" i="1" s="1"/>
  <c r="A177717" i="1" s="1"/>
  <c r="A177718" i="1" s="1"/>
  <c r="A177719" i="1" s="1"/>
  <c r="A177720" i="1" s="1"/>
  <c r="A177721" i="1" s="1"/>
  <c r="A177722" i="1" s="1"/>
  <c r="A177723" i="1" s="1"/>
  <c r="A177724" i="1" s="1"/>
  <c r="A177725" i="1" s="1"/>
  <c r="A177726" i="1" s="1"/>
  <c r="A177727" i="1" s="1"/>
  <c r="A177728" i="1" s="1"/>
  <c r="A177729" i="1" s="1"/>
  <c r="A177730" i="1" s="1"/>
  <c r="A177731" i="1" s="1"/>
  <c r="A177732" i="1" s="1"/>
  <c r="A177733" i="1" s="1"/>
  <c r="A177734" i="1" s="1"/>
  <c r="A177735" i="1" s="1"/>
  <c r="A177736" i="1" s="1"/>
  <c r="A177737" i="1" s="1"/>
  <c r="A177738" i="1" s="1"/>
  <c r="A177739" i="1" s="1"/>
  <c r="A177740" i="1" s="1"/>
  <c r="A177741" i="1" s="1"/>
  <c r="A177742" i="1" s="1"/>
  <c r="A177743" i="1" s="1"/>
  <c r="A177744" i="1" s="1"/>
  <c r="A177745" i="1" s="1"/>
  <c r="A177746" i="1" s="1"/>
  <c r="A177747" i="1" s="1"/>
  <c r="A177748" i="1" s="1"/>
  <c r="A177749" i="1" s="1"/>
  <c r="A177750" i="1" s="1"/>
  <c r="A177751" i="1" s="1"/>
  <c r="A177752" i="1" s="1"/>
  <c r="A177753" i="1" s="1"/>
  <c r="A177754" i="1" s="1"/>
  <c r="A177755" i="1" s="1"/>
  <c r="A177756" i="1" s="1"/>
  <c r="A177757" i="1" s="1"/>
  <c r="A177758" i="1" s="1"/>
  <c r="A177759" i="1" s="1"/>
  <c r="A177760" i="1" s="1"/>
  <c r="A177761" i="1" s="1"/>
  <c r="A177762" i="1" s="1"/>
  <c r="A177763" i="1" s="1"/>
  <c r="A177764" i="1" s="1"/>
  <c r="A177765" i="1" s="1"/>
  <c r="A177766" i="1" s="1"/>
  <c r="A177767" i="1" s="1"/>
  <c r="A177768" i="1" s="1"/>
  <c r="A177769" i="1" s="1"/>
  <c r="A177770" i="1" s="1"/>
  <c r="A177771" i="1" s="1"/>
  <c r="A177772" i="1" s="1"/>
  <c r="A177773" i="1" s="1"/>
  <c r="A177774" i="1" s="1"/>
  <c r="A177775" i="1" s="1"/>
  <c r="A177776" i="1" s="1"/>
  <c r="A177777" i="1" s="1"/>
  <c r="A177778" i="1" s="1"/>
  <c r="A177779" i="1" s="1"/>
  <c r="A177780" i="1" s="1"/>
  <c r="A177781" i="1" s="1"/>
  <c r="A177782" i="1" s="1"/>
  <c r="A177783" i="1" s="1"/>
  <c r="A177784" i="1" s="1"/>
  <c r="A177785" i="1" s="1"/>
  <c r="A177786" i="1" s="1"/>
  <c r="A177787" i="1" s="1"/>
  <c r="A177788" i="1" s="1"/>
  <c r="A177789" i="1" s="1"/>
  <c r="A177790" i="1" s="1"/>
  <c r="A177791" i="1" s="1"/>
  <c r="A177792" i="1" s="1"/>
  <c r="A177793" i="1" s="1"/>
  <c r="A177794" i="1" s="1"/>
  <c r="A177795" i="1" s="1"/>
  <c r="A177796" i="1" s="1"/>
  <c r="A177797" i="1" s="1"/>
  <c r="A177798" i="1" s="1"/>
  <c r="A177799" i="1" s="1"/>
  <c r="A177800" i="1" s="1"/>
  <c r="A177801" i="1" s="1"/>
  <c r="A177802" i="1" s="1"/>
  <c r="A177803" i="1" s="1"/>
  <c r="A177804" i="1" s="1"/>
  <c r="A177805" i="1" s="1"/>
  <c r="A177806" i="1" s="1"/>
  <c r="A177807" i="1" s="1"/>
  <c r="A177808" i="1" s="1"/>
  <c r="A177809" i="1" s="1"/>
  <c r="A177810" i="1" s="1"/>
  <c r="A177811" i="1" s="1"/>
  <c r="A177812" i="1" s="1"/>
  <c r="A177813" i="1" s="1"/>
  <c r="A177814" i="1" s="1"/>
  <c r="A177815" i="1" s="1"/>
  <c r="A177816" i="1" s="1"/>
  <c r="A177817" i="1" s="1"/>
  <c r="A177818" i="1" s="1"/>
  <c r="A177819" i="1" s="1"/>
  <c r="A177820" i="1" s="1"/>
  <c r="A177821" i="1" s="1"/>
  <c r="A177822" i="1" s="1"/>
  <c r="A177823" i="1" s="1"/>
  <c r="A177824" i="1" s="1"/>
  <c r="A177825" i="1" s="1"/>
  <c r="A177826" i="1" s="1"/>
  <c r="A177827" i="1" s="1"/>
  <c r="A177828" i="1" s="1"/>
  <c r="A177829" i="1" s="1"/>
  <c r="A177830" i="1" s="1"/>
  <c r="A177831" i="1" s="1"/>
  <c r="A177832" i="1" s="1"/>
  <c r="A177833" i="1" s="1"/>
  <c r="A177834" i="1" s="1"/>
  <c r="A177835" i="1" s="1"/>
  <c r="A177836" i="1" s="1"/>
  <c r="A177837" i="1" s="1"/>
  <c r="A177838" i="1" s="1"/>
  <c r="A177839" i="1" s="1"/>
  <c r="A177840" i="1" s="1"/>
  <c r="A177841" i="1" s="1"/>
  <c r="A177842" i="1" s="1"/>
  <c r="A177843" i="1" s="1"/>
  <c r="A177844" i="1" s="1"/>
  <c r="A177845" i="1" s="1"/>
  <c r="A177846" i="1" s="1"/>
  <c r="A177847" i="1" s="1"/>
  <c r="A177848" i="1" s="1"/>
  <c r="A177849" i="1" s="1"/>
  <c r="A177850" i="1" s="1"/>
  <c r="A177851" i="1" s="1"/>
  <c r="A177852" i="1" s="1"/>
  <c r="A177853" i="1" s="1"/>
  <c r="A177854" i="1" s="1"/>
  <c r="A177855" i="1" s="1"/>
  <c r="A177856" i="1" s="1"/>
  <c r="A177857" i="1" s="1"/>
  <c r="A177858" i="1" s="1"/>
  <c r="A177859" i="1" s="1"/>
  <c r="A177860" i="1" s="1"/>
  <c r="A177861" i="1" s="1"/>
  <c r="A177862" i="1" s="1"/>
  <c r="A177863" i="1" s="1"/>
  <c r="A177864" i="1" s="1"/>
  <c r="A177865" i="1" s="1"/>
  <c r="A177866" i="1" s="1"/>
  <c r="A177867" i="1" s="1"/>
  <c r="A177868" i="1" s="1"/>
  <c r="A177869" i="1" s="1"/>
  <c r="A177870" i="1" s="1"/>
  <c r="A177871" i="1" s="1"/>
  <c r="A177872" i="1" s="1"/>
  <c r="A177873" i="1" s="1"/>
  <c r="A177874" i="1" s="1"/>
  <c r="A177875" i="1" s="1"/>
  <c r="A177876" i="1" s="1"/>
  <c r="A177877" i="1" s="1"/>
  <c r="A177878" i="1" s="1"/>
  <c r="A177879" i="1" s="1"/>
  <c r="A177880" i="1" s="1"/>
  <c r="A177881" i="1" s="1"/>
  <c r="A177882" i="1" s="1"/>
  <c r="A177883" i="1" s="1"/>
  <c r="A177884" i="1" s="1"/>
  <c r="A177885" i="1" s="1"/>
  <c r="A177886" i="1" s="1"/>
  <c r="A177887" i="1" s="1"/>
  <c r="A177888" i="1" s="1"/>
  <c r="A177889" i="1" s="1"/>
  <c r="A177890" i="1" s="1"/>
  <c r="A177891" i="1" s="1"/>
  <c r="A177892" i="1" s="1"/>
  <c r="A177893" i="1" s="1"/>
  <c r="A177894" i="1" s="1"/>
  <c r="A177895" i="1" s="1"/>
  <c r="A177896" i="1" s="1"/>
  <c r="A177897" i="1" s="1"/>
  <c r="A177898" i="1" s="1"/>
  <c r="A177899" i="1" s="1"/>
  <c r="A177900" i="1" s="1"/>
  <c r="A177901" i="1" s="1"/>
  <c r="A177902" i="1" s="1"/>
  <c r="A177903" i="1" s="1"/>
  <c r="A177904" i="1" s="1"/>
  <c r="A177905" i="1" s="1"/>
  <c r="A177906" i="1" s="1"/>
  <c r="A177907" i="1" s="1"/>
  <c r="A177908" i="1" s="1"/>
  <c r="A177909" i="1" s="1"/>
  <c r="A177910" i="1" s="1"/>
  <c r="A177911" i="1" s="1"/>
  <c r="A177912" i="1" s="1"/>
  <c r="A177913" i="1" s="1"/>
  <c r="A177914" i="1" s="1"/>
  <c r="A177915" i="1" s="1"/>
  <c r="A177916" i="1" s="1"/>
  <c r="A177917" i="1" s="1"/>
  <c r="A177918" i="1" s="1"/>
  <c r="A177919" i="1" s="1"/>
  <c r="A177920" i="1" s="1"/>
  <c r="A177921" i="1" s="1"/>
  <c r="A177922" i="1" s="1"/>
  <c r="A177923" i="1" s="1"/>
  <c r="A177924" i="1" s="1"/>
  <c r="A177925" i="1" s="1"/>
  <c r="A177926" i="1" s="1"/>
  <c r="A177927" i="1" s="1"/>
  <c r="A177928" i="1" s="1"/>
  <c r="A177929" i="1" s="1"/>
  <c r="A177930" i="1" s="1"/>
  <c r="A177931" i="1" s="1"/>
  <c r="A177932" i="1" s="1"/>
  <c r="A177933" i="1" s="1"/>
  <c r="A177934" i="1" s="1"/>
  <c r="A177935" i="1" s="1"/>
  <c r="A177936" i="1" s="1"/>
  <c r="A177937" i="1" s="1"/>
  <c r="A177938" i="1" s="1"/>
  <c r="A177939" i="1" s="1"/>
  <c r="A177940" i="1" s="1"/>
  <c r="A177941" i="1" s="1"/>
  <c r="A177942" i="1" s="1"/>
  <c r="A177943" i="1" s="1"/>
  <c r="A177944" i="1" s="1"/>
  <c r="A177945" i="1" s="1"/>
  <c r="A177946" i="1" s="1"/>
  <c r="A177947" i="1" s="1"/>
  <c r="A177948" i="1" s="1"/>
  <c r="A177949" i="1" s="1"/>
  <c r="A177950" i="1" s="1"/>
  <c r="A177951" i="1" s="1"/>
  <c r="A177952" i="1" s="1"/>
  <c r="A177953" i="1" s="1"/>
  <c r="A177954" i="1" s="1"/>
  <c r="A177955" i="1" s="1"/>
  <c r="A177956" i="1" s="1"/>
  <c r="A177957" i="1" s="1"/>
  <c r="A177958" i="1" s="1"/>
  <c r="A177959" i="1" s="1"/>
  <c r="A177960" i="1" s="1"/>
  <c r="A177961" i="1" s="1"/>
  <c r="A177962" i="1" s="1"/>
  <c r="A177963" i="1" s="1"/>
  <c r="A177964" i="1" s="1"/>
  <c r="A177965" i="1" s="1"/>
  <c r="A177966" i="1" s="1"/>
  <c r="A177967" i="1" s="1"/>
  <c r="A177968" i="1" s="1"/>
  <c r="A177969" i="1" s="1"/>
  <c r="A177970" i="1" s="1"/>
  <c r="A177971" i="1" s="1"/>
  <c r="A177972" i="1" s="1"/>
  <c r="A177973" i="1" s="1"/>
  <c r="A177974" i="1" s="1"/>
  <c r="A177975" i="1" s="1"/>
  <c r="A177976" i="1" s="1"/>
  <c r="A177977" i="1" s="1"/>
  <c r="A177978" i="1" s="1"/>
  <c r="A177979" i="1" s="1"/>
  <c r="A177980" i="1" s="1"/>
  <c r="A177981" i="1" s="1"/>
  <c r="A177982" i="1" s="1"/>
  <c r="A177983" i="1" s="1"/>
  <c r="A177984" i="1" s="1"/>
  <c r="A177985" i="1" s="1"/>
  <c r="A177986" i="1" s="1"/>
  <c r="A177987" i="1" s="1"/>
  <c r="A177988" i="1" s="1"/>
  <c r="A177989" i="1" s="1"/>
  <c r="A177990" i="1" s="1"/>
  <c r="A177991" i="1" s="1"/>
  <c r="A177992" i="1" s="1"/>
  <c r="A177993" i="1" s="1"/>
  <c r="A177994" i="1" s="1"/>
  <c r="A177995" i="1" s="1"/>
  <c r="A177996" i="1" s="1"/>
  <c r="A177997" i="1" s="1"/>
  <c r="A177998" i="1" s="1"/>
  <c r="A177999" i="1" s="1"/>
  <c r="A178000" i="1" s="1"/>
  <c r="A178001" i="1" s="1"/>
  <c r="A178002" i="1" s="1"/>
  <c r="A178003" i="1" s="1"/>
  <c r="A178004" i="1" s="1"/>
  <c r="A178005" i="1" s="1"/>
  <c r="A178006" i="1" s="1"/>
  <c r="A178007" i="1" s="1"/>
  <c r="A178008" i="1" s="1"/>
  <c r="A178009" i="1" s="1"/>
  <c r="A178010" i="1" s="1"/>
  <c r="A178011" i="1" s="1"/>
  <c r="A178012" i="1" s="1"/>
  <c r="A178013" i="1" s="1"/>
  <c r="A178014" i="1" s="1"/>
  <c r="A178015" i="1" s="1"/>
  <c r="A178016" i="1" s="1"/>
  <c r="A178017" i="1" s="1"/>
  <c r="A178018" i="1" s="1"/>
  <c r="A178019" i="1" s="1"/>
  <c r="A178020" i="1" s="1"/>
  <c r="A178021" i="1" s="1"/>
  <c r="A178022" i="1" s="1"/>
  <c r="A178023" i="1" s="1"/>
  <c r="A178024" i="1" s="1"/>
  <c r="A178025" i="1" s="1"/>
  <c r="A178026" i="1" s="1"/>
  <c r="A178027" i="1" s="1"/>
  <c r="A178028" i="1" s="1"/>
  <c r="A178029" i="1" s="1"/>
  <c r="A178030" i="1" s="1"/>
  <c r="A178031" i="1" s="1"/>
  <c r="A178032" i="1" s="1"/>
  <c r="A178033" i="1" s="1"/>
  <c r="A178034" i="1" s="1"/>
  <c r="A178035" i="1" s="1"/>
  <c r="A178036" i="1" s="1"/>
  <c r="A178037" i="1" s="1"/>
  <c r="A178038" i="1" s="1"/>
  <c r="A178039" i="1" s="1"/>
  <c r="A178040" i="1" s="1"/>
  <c r="A178041" i="1" s="1"/>
  <c r="A178042" i="1" s="1"/>
  <c r="A178043" i="1" s="1"/>
  <c r="A178044" i="1" s="1"/>
  <c r="A178045" i="1" s="1"/>
  <c r="A178046" i="1" s="1"/>
  <c r="A178047" i="1" s="1"/>
  <c r="A178048" i="1" s="1"/>
  <c r="A178049" i="1" s="1"/>
  <c r="A178050" i="1" s="1"/>
  <c r="A178051" i="1" s="1"/>
  <c r="A178052" i="1" s="1"/>
  <c r="A178053" i="1" s="1"/>
  <c r="A178054" i="1" s="1"/>
  <c r="A178055" i="1" s="1"/>
  <c r="A178056" i="1" s="1"/>
  <c r="A178057" i="1" s="1"/>
  <c r="A178058" i="1" s="1"/>
  <c r="A178059" i="1" s="1"/>
  <c r="A178060" i="1" s="1"/>
  <c r="A178061" i="1" s="1"/>
  <c r="A178062" i="1" s="1"/>
  <c r="A178063" i="1" s="1"/>
  <c r="A178064" i="1" s="1"/>
  <c r="A178065" i="1" s="1"/>
  <c r="A178066" i="1" s="1"/>
  <c r="A178067" i="1" s="1"/>
  <c r="A178068" i="1" s="1"/>
  <c r="A178069" i="1" s="1"/>
  <c r="A178070" i="1" s="1"/>
  <c r="A178071" i="1" s="1"/>
  <c r="A178072" i="1" s="1"/>
  <c r="A178073" i="1" s="1"/>
  <c r="A178074" i="1" s="1"/>
  <c r="A178075" i="1" s="1"/>
  <c r="A178076" i="1" s="1"/>
  <c r="A178077" i="1" s="1"/>
  <c r="A178078" i="1" s="1"/>
  <c r="A178079" i="1" s="1"/>
  <c r="A178080" i="1" s="1"/>
  <c r="A178081" i="1" s="1"/>
  <c r="A178082" i="1" s="1"/>
  <c r="A178083" i="1" s="1"/>
  <c r="A178084" i="1" s="1"/>
  <c r="A178085" i="1" s="1"/>
  <c r="A178086" i="1" s="1"/>
  <c r="A178087" i="1" s="1"/>
  <c r="A178088" i="1" s="1"/>
  <c r="A178089" i="1" s="1"/>
  <c r="A178090" i="1" s="1"/>
  <c r="A178091" i="1" s="1"/>
  <c r="A178092" i="1" s="1"/>
  <c r="A178093" i="1" s="1"/>
  <c r="A178094" i="1" s="1"/>
  <c r="A178095" i="1" s="1"/>
  <c r="A178096" i="1" s="1"/>
  <c r="A178097" i="1" s="1"/>
  <c r="A178098" i="1" s="1"/>
  <c r="A178099" i="1" s="1"/>
  <c r="A178100" i="1" s="1"/>
  <c r="A178101" i="1" s="1"/>
  <c r="A178102" i="1" s="1"/>
  <c r="A178103" i="1" s="1"/>
  <c r="A178104" i="1" s="1"/>
  <c r="A178105" i="1" s="1"/>
  <c r="A178106" i="1" s="1"/>
  <c r="A178107" i="1" s="1"/>
  <c r="A178108" i="1" s="1"/>
  <c r="A178109" i="1" s="1"/>
  <c r="A178110" i="1" s="1"/>
  <c r="A178111" i="1" s="1"/>
  <c r="A178112" i="1" s="1"/>
  <c r="A178113" i="1" s="1"/>
  <c r="A178114" i="1" s="1"/>
  <c r="A178115" i="1" s="1"/>
  <c r="A178116" i="1" s="1"/>
  <c r="A178117" i="1" s="1"/>
  <c r="A178118" i="1" s="1"/>
  <c r="A178119" i="1" s="1"/>
  <c r="A178120" i="1" s="1"/>
  <c r="A178121" i="1" s="1"/>
  <c r="A178122" i="1" s="1"/>
  <c r="A178123" i="1" s="1"/>
  <c r="A178124" i="1" s="1"/>
  <c r="A178125" i="1" s="1"/>
  <c r="A178126" i="1" s="1"/>
  <c r="A178127" i="1" s="1"/>
  <c r="A178128" i="1" s="1"/>
  <c r="A178129" i="1" s="1"/>
  <c r="A178130" i="1" s="1"/>
  <c r="A178131" i="1" s="1"/>
  <c r="A178132" i="1" s="1"/>
  <c r="A178133" i="1" s="1"/>
  <c r="A178134" i="1" s="1"/>
  <c r="A178135" i="1" s="1"/>
  <c r="A178136" i="1" s="1"/>
  <c r="A178137" i="1" s="1"/>
  <c r="A178138" i="1" s="1"/>
  <c r="A178139" i="1" s="1"/>
  <c r="A178140" i="1" s="1"/>
  <c r="A178141" i="1" s="1"/>
  <c r="A178142" i="1" s="1"/>
  <c r="A178143" i="1" s="1"/>
  <c r="A178144" i="1" s="1"/>
  <c r="A178145" i="1" s="1"/>
  <c r="A178146" i="1" s="1"/>
  <c r="A178147" i="1" s="1"/>
  <c r="A178148" i="1" s="1"/>
  <c r="A178149" i="1" s="1"/>
  <c r="A178150" i="1" s="1"/>
  <c r="A178151" i="1" s="1"/>
  <c r="A178152" i="1" s="1"/>
  <c r="A178153" i="1" s="1"/>
  <c r="A178154" i="1" s="1"/>
  <c r="A178155" i="1" s="1"/>
  <c r="A178156" i="1" s="1"/>
  <c r="A178157" i="1" s="1"/>
  <c r="A178158" i="1" s="1"/>
  <c r="A178159" i="1" s="1"/>
  <c r="A178160" i="1" s="1"/>
  <c r="A178161" i="1" s="1"/>
  <c r="A178162" i="1" s="1"/>
  <c r="A178163" i="1" s="1"/>
  <c r="A178164" i="1" s="1"/>
  <c r="A178165" i="1" s="1"/>
  <c r="A178166" i="1" s="1"/>
  <c r="A178167" i="1" s="1"/>
  <c r="A178168" i="1" s="1"/>
  <c r="A178169" i="1" s="1"/>
  <c r="A178170" i="1" s="1"/>
  <c r="A178171" i="1" s="1"/>
  <c r="A178172" i="1" s="1"/>
  <c r="A178173" i="1" s="1"/>
  <c r="A178174" i="1" s="1"/>
  <c r="A178175" i="1" s="1"/>
  <c r="A178176" i="1" s="1"/>
  <c r="A178177" i="1" s="1"/>
  <c r="A178178" i="1" s="1"/>
  <c r="A178179" i="1" s="1"/>
  <c r="A178180" i="1" s="1"/>
  <c r="A178181" i="1" s="1"/>
  <c r="A178182" i="1" s="1"/>
  <c r="A178183" i="1" s="1"/>
  <c r="A178184" i="1" s="1"/>
  <c r="A178185" i="1" s="1"/>
  <c r="A178186" i="1" s="1"/>
  <c r="A178187" i="1" s="1"/>
  <c r="A178188" i="1" s="1"/>
  <c r="A178189" i="1" s="1"/>
  <c r="A178190" i="1" s="1"/>
  <c r="A178191" i="1" s="1"/>
  <c r="A178192" i="1" s="1"/>
  <c r="A178193" i="1" s="1"/>
  <c r="A178194" i="1" s="1"/>
  <c r="A178195" i="1" s="1"/>
  <c r="A178196" i="1" s="1"/>
  <c r="A178197" i="1" s="1"/>
  <c r="A178198" i="1" s="1"/>
  <c r="A178199" i="1" s="1"/>
  <c r="A178200" i="1" s="1"/>
  <c r="A178201" i="1" s="1"/>
  <c r="A178202" i="1" s="1"/>
  <c r="A178203" i="1" s="1"/>
  <c r="A178204" i="1" s="1"/>
  <c r="A178205" i="1" s="1"/>
  <c r="A178206" i="1" s="1"/>
  <c r="A178207" i="1" s="1"/>
  <c r="A178208" i="1" s="1"/>
  <c r="A178209" i="1" s="1"/>
  <c r="A178210" i="1" s="1"/>
  <c r="A178211" i="1" s="1"/>
  <c r="A178212" i="1" s="1"/>
  <c r="A178213" i="1" s="1"/>
  <c r="A178214" i="1" s="1"/>
  <c r="A178215" i="1" s="1"/>
  <c r="A178216" i="1" s="1"/>
  <c r="A178217" i="1" s="1"/>
  <c r="A178218" i="1" s="1"/>
  <c r="A178219" i="1" s="1"/>
  <c r="A178220" i="1" s="1"/>
  <c r="A178221" i="1" s="1"/>
  <c r="A178222" i="1" s="1"/>
  <c r="A178223" i="1" s="1"/>
  <c r="A178224" i="1" s="1"/>
  <c r="A178225" i="1" s="1"/>
  <c r="A178226" i="1" s="1"/>
  <c r="A178227" i="1" s="1"/>
  <c r="A178228" i="1" s="1"/>
  <c r="A178229" i="1" s="1"/>
  <c r="A178230" i="1" s="1"/>
  <c r="A178231" i="1" s="1"/>
  <c r="A178232" i="1" s="1"/>
  <c r="A178233" i="1" s="1"/>
  <c r="A178234" i="1" s="1"/>
  <c r="A178235" i="1" s="1"/>
  <c r="A178236" i="1" s="1"/>
  <c r="A178237" i="1" s="1"/>
  <c r="A178238" i="1" s="1"/>
  <c r="A178239" i="1" s="1"/>
  <c r="A178240" i="1" s="1"/>
  <c r="A178241" i="1" s="1"/>
  <c r="A178242" i="1" s="1"/>
  <c r="A178243" i="1" s="1"/>
  <c r="A178244" i="1" s="1"/>
  <c r="A178245" i="1" s="1"/>
  <c r="A178246" i="1" s="1"/>
  <c r="A178247" i="1" s="1"/>
  <c r="A178248" i="1" s="1"/>
  <c r="A178249" i="1" s="1"/>
  <c r="A178250" i="1" s="1"/>
  <c r="A178251" i="1" s="1"/>
  <c r="A178252" i="1" s="1"/>
  <c r="A178253" i="1" s="1"/>
  <c r="A178254" i="1" s="1"/>
  <c r="A178255" i="1" s="1"/>
  <c r="A178256" i="1" s="1"/>
  <c r="A178257" i="1" s="1"/>
  <c r="A178258" i="1" s="1"/>
  <c r="A178259" i="1" s="1"/>
  <c r="A178260" i="1" s="1"/>
  <c r="A178261" i="1" s="1"/>
  <c r="A178262" i="1" s="1"/>
  <c r="A178263" i="1" s="1"/>
  <c r="A178264" i="1" s="1"/>
  <c r="A178265" i="1" s="1"/>
  <c r="A178266" i="1" s="1"/>
  <c r="A178267" i="1" s="1"/>
  <c r="A178268" i="1" s="1"/>
  <c r="A178269" i="1" s="1"/>
  <c r="A178270" i="1" s="1"/>
  <c r="A178271" i="1" s="1"/>
  <c r="A178272" i="1" s="1"/>
  <c r="A178273" i="1" s="1"/>
  <c r="A178274" i="1" s="1"/>
  <c r="A178275" i="1" s="1"/>
  <c r="A178276" i="1" s="1"/>
  <c r="A178277" i="1" s="1"/>
  <c r="A178278" i="1" s="1"/>
  <c r="A178279" i="1" s="1"/>
  <c r="A178280" i="1" s="1"/>
  <c r="A178281" i="1" s="1"/>
  <c r="A178282" i="1" s="1"/>
  <c r="A178283" i="1" s="1"/>
  <c r="A178284" i="1" s="1"/>
  <c r="A178285" i="1" s="1"/>
  <c r="A178286" i="1" s="1"/>
  <c r="A178287" i="1" s="1"/>
  <c r="A178288" i="1" s="1"/>
  <c r="A178289" i="1" s="1"/>
  <c r="A178290" i="1" s="1"/>
  <c r="A178291" i="1" s="1"/>
  <c r="A178292" i="1" s="1"/>
  <c r="A178293" i="1" s="1"/>
  <c r="A178294" i="1" s="1"/>
  <c r="A178295" i="1" s="1"/>
  <c r="A178296" i="1" s="1"/>
  <c r="A178297" i="1" s="1"/>
  <c r="A178298" i="1" s="1"/>
  <c r="A178299" i="1" s="1"/>
  <c r="A178300" i="1" s="1"/>
  <c r="A178301" i="1" s="1"/>
  <c r="A178302" i="1" s="1"/>
  <c r="A178303" i="1" s="1"/>
  <c r="A178304" i="1" s="1"/>
  <c r="A178305" i="1" s="1"/>
  <c r="A178306" i="1" s="1"/>
  <c r="A178307" i="1" s="1"/>
  <c r="A178308" i="1" s="1"/>
  <c r="A178309" i="1" s="1"/>
  <c r="A178310" i="1" s="1"/>
  <c r="A178311" i="1" s="1"/>
  <c r="A178312" i="1" s="1"/>
  <c r="A178313" i="1" s="1"/>
  <c r="A178314" i="1" s="1"/>
  <c r="A178315" i="1" s="1"/>
  <c r="A178316" i="1" s="1"/>
  <c r="A178317" i="1" s="1"/>
  <c r="A178318" i="1" s="1"/>
  <c r="A178319" i="1" s="1"/>
  <c r="A178320" i="1" s="1"/>
  <c r="A178321" i="1" s="1"/>
  <c r="A178322" i="1" s="1"/>
  <c r="A178323" i="1" s="1"/>
  <c r="A178324" i="1" s="1"/>
  <c r="A178325" i="1" s="1"/>
  <c r="A178326" i="1" s="1"/>
  <c r="A178327" i="1" s="1"/>
  <c r="A178328" i="1" s="1"/>
  <c r="A178329" i="1" s="1"/>
  <c r="A178330" i="1" s="1"/>
  <c r="A178331" i="1" s="1"/>
  <c r="A178332" i="1" s="1"/>
  <c r="A178333" i="1" s="1"/>
  <c r="A178334" i="1" s="1"/>
  <c r="A178335" i="1" s="1"/>
  <c r="A178336" i="1" s="1"/>
  <c r="A178337" i="1" s="1"/>
  <c r="A178338" i="1" s="1"/>
  <c r="A178339" i="1" s="1"/>
  <c r="A178340" i="1" s="1"/>
  <c r="A178341" i="1" s="1"/>
  <c r="A178342" i="1" s="1"/>
  <c r="A178343" i="1" s="1"/>
  <c r="A178344" i="1" s="1"/>
  <c r="A178345" i="1" s="1"/>
  <c r="A178346" i="1" s="1"/>
  <c r="A178347" i="1" s="1"/>
  <c r="A178348" i="1" s="1"/>
  <c r="A178349" i="1" s="1"/>
  <c r="A178350" i="1" s="1"/>
  <c r="A178351" i="1" s="1"/>
  <c r="A178352" i="1" s="1"/>
  <c r="A178353" i="1" s="1"/>
  <c r="A178354" i="1" s="1"/>
  <c r="A178355" i="1" s="1"/>
  <c r="A178356" i="1" s="1"/>
  <c r="A178357" i="1" s="1"/>
  <c r="A178358" i="1" s="1"/>
  <c r="A178359" i="1" s="1"/>
  <c r="A178360" i="1" s="1"/>
  <c r="A178361" i="1" s="1"/>
  <c r="A178362" i="1" s="1"/>
  <c r="A178363" i="1" s="1"/>
  <c r="A178364" i="1" s="1"/>
  <c r="A178365" i="1" s="1"/>
  <c r="A178366" i="1" s="1"/>
  <c r="A178367" i="1" s="1"/>
  <c r="A178368" i="1" s="1"/>
  <c r="A178369" i="1" s="1"/>
  <c r="A178370" i="1" s="1"/>
  <c r="A178371" i="1" s="1"/>
  <c r="A178372" i="1" s="1"/>
  <c r="A178373" i="1" s="1"/>
  <c r="A178374" i="1" s="1"/>
  <c r="A178375" i="1" s="1"/>
  <c r="A178376" i="1" s="1"/>
  <c r="A178377" i="1" s="1"/>
  <c r="A178378" i="1" s="1"/>
  <c r="A178379" i="1" s="1"/>
  <c r="A178380" i="1" s="1"/>
  <c r="A178381" i="1" s="1"/>
  <c r="A178382" i="1" s="1"/>
  <c r="A178383" i="1" s="1"/>
  <c r="A178384" i="1" s="1"/>
  <c r="A178385" i="1" s="1"/>
  <c r="A178386" i="1" s="1"/>
  <c r="A178387" i="1" s="1"/>
  <c r="A178388" i="1" s="1"/>
  <c r="A178389" i="1" s="1"/>
  <c r="A178390" i="1" s="1"/>
  <c r="A178391" i="1" s="1"/>
  <c r="A178392" i="1" s="1"/>
  <c r="A178393" i="1" s="1"/>
  <c r="A178394" i="1" s="1"/>
  <c r="A178395" i="1" s="1"/>
  <c r="A178396" i="1" s="1"/>
  <c r="A178397" i="1" s="1"/>
  <c r="A178398" i="1" s="1"/>
  <c r="A178399" i="1" s="1"/>
  <c r="A178400" i="1" s="1"/>
  <c r="A178401" i="1" s="1"/>
  <c r="A178402" i="1" s="1"/>
  <c r="A178403" i="1" s="1"/>
  <c r="A178404" i="1" s="1"/>
  <c r="A178405" i="1" s="1"/>
  <c r="A178406" i="1" s="1"/>
  <c r="A178407" i="1" s="1"/>
  <c r="A178408" i="1" s="1"/>
  <c r="A178409" i="1" s="1"/>
  <c r="A178410" i="1" s="1"/>
  <c r="A178411" i="1" s="1"/>
  <c r="A178412" i="1" s="1"/>
  <c r="A178413" i="1" s="1"/>
  <c r="A178414" i="1" s="1"/>
  <c r="A178415" i="1" s="1"/>
  <c r="A178416" i="1" s="1"/>
  <c r="A178417" i="1" s="1"/>
  <c r="A178418" i="1" s="1"/>
  <c r="A178419" i="1" s="1"/>
  <c r="A178420" i="1" s="1"/>
  <c r="A178421" i="1" s="1"/>
  <c r="A178422" i="1" s="1"/>
  <c r="A178423" i="1" s="1"/>
  <c r="A178424" i="1" s="1"/>
  <c r="A178425" i="1" s="1"/>
  <c r="A178426" i="1" s="1"/>
  <c r="A178427" i="1" s="1"/>
  <c r="A178428" i="1" s="1"/>
  <c r="A178429" i="1" s="1"/>
  <c r="A178430" i="1" s="1"/>
  <c r="A178431" i="1" s="1"/>
  <c r="A178432" i="1" s="1"/>
  <c r="A178433" i="1" s="1"/>
  <c r="A178434" i="1" s="1"/>
  <c r="A178435" i="1" s="1"/>
  <c r="A178436" i="1" s="1"/>
  <c r="A178437" i="1" s="1"/>
  <c r="A178438" i="1" s="1"/>
  <c r="A178439" i="1" s="1"/>
  <c r="A178440" i="1" s="1"/>
  <c r="A178441" i="1" s="1"/>
  <c r="A178442" i="1" s="1"/>
  <c r="A178443" i="1" s="1"/>
  <c r="A178444" i="1" s="1"/>
  <c r="A178445" i="1" s="1"/>
  <c r="A178446" i="1" s="1"/>
  <c r="A178447" i="1" s="1"/>
  <c r="A178448" i="1" s="1"/>
  <c r="A178449" i="1" s="1"/>
  <c r="A178450" i="1" s="1"/>
  <c r="A178451" i="1" s="1"/>
  <c r="A178452" i="1" s="1"/>
  <c r="A178453" i="1" s="1"/>
  <c r="A178454" i="1" s="1"/>
  <c r="A178455" i="1" s="1"/>
  <c r="A178456" i="1" s="1"/>
  <c r="A178457" i="1" s="1"/>
  <c r="A178458" i="1" s="1"/>
  <c r="A178459" i="1" s="1"/>
  <c r="A178460" i="1" s="1"/>
  <c r="A178461" i="1" s="1"/>
  <c r="A178462" i="1" s="1"/>
  <c r="A178463" i="1" s="1"/>
  <c r="A178464" i="1" s="1"/>
  <c r="A178465" i="1" s="1"/>
  <c r="A178466" i="1" s="1"/>
  <c r="A178467" i="1" s="1"/>
  <c r="A178468" i="1" s="1"/>
  <c r="A178469" i="1" s="1"/>
  <c r="A178470" i="1" s="1"/>
  <c r="A178471" i="1" s="1"/>
  <c r="A178472" i="1" s="1"/>
  <c r="A178473" i="1" s="1"/>
  <c r="A178474" i="1" s="1"/>
  <c r="A178475" i="1" s="1"/>
  <c r="A178476" i="1" s="1"/>
  <c r="A178477" i="1" s="1"/>
  <c r="A178478" i="1" s="1"/>
  <c r="A178479" i="1" s="1"/>
  <c r="A178480" i="1" s="1"/>
  <c r="A178481" i="1" s="1"/>
  <c r="A178482" i="1" s="1"/>
  <c r="A178483" i="1" s="1"/>
  <c r="A178484" i="1" s="1"/>
  <c r="A178485" i="1" s="1"/>
  <c r="A178486" i="1" s="1"/>
  <c r="A178487" i="1" s="1"/>
  <c r="A178488" i="1" s="1"/>
  <c r="A178489" i="1" s="1"/>
  <c r="A178490" i="1" s="1"/>
  <c r="A178491" i="1" s="1"/>
  <c r="A178492" i="1" s="1"/>
  <c r="A178493" i="1" s="1"/>
  <c r="A178494" i="1" s="1"/>
  <c r="A178495" i="1" s="1"/>
  <c r="A178496" i="1" s="1"/>
  <c r="A178497" i="1" s="1"/>
  <c r="A178498" i="1" s="1"/>
  <c r="A178499" i="1" s="1"/>
  <c r="A178500" i="1" s="1"/>
  <c r="A178501" i="1" s="1"/>
  <c r="A178502" i="1" s="1"/>
  <c r="A178503" i="1" s="1"/>
  <c r="A178504" i="1" s="1"/>
  <c r="A178505" i="1" s="1"/>
  <c r="A178506" i="1" s="1"/>
  <c r="A178507" i="1" s="1"/>
  <c r="A178508" i="1" s="1"/>
  <c r="A178509" i="1" s="1"/>
  <c r="A178510" i="1" s="1"/>
  <c r="A178511" i="1" s="1"/>
  <c r="A178512" i="1" s="1"/>
  <c r="A178513" i="1" s="1"/>
  <c r="A178514" i="1" s="1"/>
  <c r="A178515" i="1" s="1"/>
  <c r="A178516" i="1" s="1"/>
  <c r="A178517" i="1" s="1"/>
  <c r="A178518" i="1" s="1"/>
  <c r="A178519" i="1" s="1"/>
  <c r="A178520" i="1" s="1"/>
  <c r="A178521" i="1" s="1"/>
  <c r="A178522" i="1" s="1"/>
  <c r="A178523" i="1" s="1"/>
  <c r="A178524" i="1" s="1"/>
  <c r="A178525" i="1" s="1"/>
  <c r="A178526" i="1" s="1"/>
  <c r="A178527" i="1" s="1"/>
  <c r="A178528" i="1" s="1"/>
  <c r="A178529" i="1" s="1"/>
  <c r="A178530" i="1" s="1"/>
  <c r="A178531" i="1" s="1"/>
  <c r="A178532" i="1" s="1"/>
  <c r="A178533" i="1" s="1"/>
  <c r="A178534" i="1" s="1"/>
  <c r="A178535" i="1" s="1"/>
  <c r="A178536" i="1" s="1"/>
  <c r="A178537" i="1" s="1"/>
  <c r="A178538" i="1" s="1"/>
  <c r="A178539" i="1" s="1"/>
  <c r="A178540" i="1" s="1"/>
  <c r="A178541" i="1" s="1"/>
  <c r="A178542" i="1" s="1"/>
  <c r="A178543" i="1" s="1"/>
  <c r="A178544" i="1" s="1"/>
  <c r="A178545" i="1" s="1"/>
  <c r="A178546" i="1" s="1"/>
  <c r="A178547" i="1" s="1"/>
  <c r="A178548" i="1" s="1"/>
  <c r="A178549" i="1" s="1"/>
  <c r="A178550" i="1" s="1"/>
  <c r="A178551" i="1" s="1"/>
  <c r="A178552" i="1" s="1"/>
  <c r="A178553" i="1" s="1"/>
  <c r="A178554" i="1" s="1"/>
  <c r="A178555" i="1" s="1"/>
  <c r="A178556" i="1" s="1"/>
  <c r="A178557" i="1" s="1"/>
  <c r="A178558" i="1" s="1"/>
  <c r="A178559" i="1" s="1"/>
  <c r="A178560" i="1" s="1"/>
  <c r="A178561" i="1" s="1"/>
  <c r="A178562" i="1" s="1"/>
  <c r="A178563" i="1" s="1"/>
  <c r="A178564" i="1" s="1"/>
  <c r="A178565" i="1" s="1"/>
  <c r="A178566" i="1" s="1"/>
  <c r="A178567" i="1" s="1"/>
  <c r="A178568" i="1" s="1"/>
  <c r="A178569" i="1" s="1"/>
  <c r="A178570" i="1" s="1"/>
  <c r="A178571" i="1" s="1"/>
  <c r="A178572" i="1" s="1"/>
  <c r="A178573" i="1" s="1"/>
  <c r="A178574" i="1" s="1"/>
  <c r="A178575" i="1" s="1"/>
  <c r="A178576" i="1" s="1"/>
  <c r="A178577" i="1" s="1"/>
  <c r="A178578" i="1" s="1"/>
  <c r="A178579" i="1" s="1"/>
  <c r="A178580" i="1" s="1"/>
  <c r="A178581" i="1" s="1"/>
  <c r="A178582" i="1" s="1"/>
  <c r="A178583" i="1" s="1"/>
  <c r="A178584" i="1" s="1"/>
  <c r="A178585" i="1" s="1"/>
  <c r="A178586" i="1" s="1"/>
  <c r="A178587" i="1" s="1"/>
  <c r="A178588" i="1" s="1"/>
  <c r="A178589" i="1" s="1"/>
  <c r="A178590" i="1" s="1"/>
  <c r="A178591" i="1" s="1"/>
  <c r="A178592" i="1" s="1"/>
  <c r="A178593" i="1" s="1"/>
  <c r="A178594" i="1" s="1"/>
  <c r="A178595" i="1" s="1"/>
  <c r="A178596" i="1" s="1"/>
  <c r="A178597" i="1" s="1"/>
  <c r="A178598" i="1" s="1"/>
  <c r="A178599" i="1" s="1"/>
  <c r="A178600" i="1" s="1"/>
  <c r="A178601" i="1" s="1"/>
  <c r="A178602" i="1" s="1"/>
  <c r="A178603" i="1" s="1"/>
  <c r="A178604" i="1" s="1"/>
  <c r="A178605" i="1" s="1"/>
  <c r="A178606" i="1" s="1"/>
  <c r="A178607" i="1" s="1"/>
  <c r="A178608" i="1" s="1"/>
  <c r="A178609" i="1" s="1"/>
  <c r="A178610" i="1" s="1"/>
  <c r="A178611" i="1" s="1"/>
  <c r="A178612" i="1" s="1"/>
  <c r="A178613" i="1" s="1"/>
  <c r="A178614" i="1" s="1"/>
  <c r="A178615" i="1" s="1"/>
  <c r="A178616" i="1" s="1"/>
  <c r="A178617" i="1" s="1"/>
  <c r="A178618" i="1" s="1"/>
  <c r="A178619" i="1" s="1"/>
  <c r="A178620" i="1" s="1"/>
  <c r="A178621" i="1" s="1"/>
  <c r="A178622" i="1" s="1"/>
  <c r="A178623" i="1" s="1"/>
  <c r="A178624" i="1" s="1"/>
  <c r="A178625" i="1" s="1"/>
  <c r="A178626" i="1" s="1"/>
  <c r="A178627" i="1" s="1"/>
  <c r="A178628" i="1" s="1"/>
  <c r="A178629" i="1" s="1"/>
  <c r="A178630" i="1" s="1"/>
  <c r="A178631" i="1" s="1"/>
  <c r="A178632" i="1" s="1"/>
  <c r="A178633" i="1" s="1"/>
  <c r="A178634" i="1" s="1"/>
  <c r="A178635" i="1" s="1"/>
  <c r="A178636" i="1" s="1"/>
  <c r="A178637" i="1" s="1"/>
  <c r="A178638" i="1" s="1"/>
  <c r="A178639" i="1" s="1"/>
  <c r="A178640" i="1" s="1"/>
  <c r="A178641" i="1" s="1"/>
  <c r="A178642" i="1" s="1"/>
  <c r="A178643" i="1" s="1"/>
  <c r="A178644" i="1" s="1"/>
  <c r="A178645" i="1" s="1"/>
  <c r="A178646" i="1" s="1"/>
  <c r="A178647" i="1" s="1"/>
  <c r="A178648" i="1" s="1"/>
  <c r="A178649" i="1" s="1"/>
  <c r="A178650" i="1" s="1"/>
  <c r="A178651" i="1" s="1"/>
  <c r="A178652" i="1" s="1"/>
  <c r="A178653" i="1" s="1"/>
  <c r="A178654" i="1" s="1"/>
  <c r="A178655" i="1" s="1"/>
  <c r="A178656" i="1" s="1"/>
  <c r="A178657" i="1" s="1"/>
  <c r="A178658" i="1" s="1"/>
  <c r="A178659" i="1" s="1"/>
  <c r="A178660" i="1" s="1"/>
  <c r="A178661" i="1" s="1"/>
  <c r="A178662" i="1" s="1"/>
  <c r="A178663" i="1" s="1"/>
  <c r="A178664" i="1" s="1"/>
  <c r="A178665" i="1" s="1"/>
  <c r="A178666" i="1" s="1"/>
  <c r="A178667" i="1" s="1"/>
  <c r="A178668" i="1" s="1"/>
  <c r="A178669" i="1" s="1"/>
  <c r="A178670" i="1" s="1"/>
  <c r="A178671" i="1" s="1"/>
  <c r="A178672" i="1" s="1"/>
  <c r="A178673" i="1" s="1"/>
  <c r="A178674" i="1" s="1"/>
  <c r="A178675" i="1" s="1"/>
  <c r="A178676" i="1" s="1"/>
  <c r="A178677" i="1" s="1"/>
  <c r="A178678" i="1" s="1"/>
  <c r="A178679" i="1" s="1"/>
  <c r="A178680" i="1" s="1"/>
  <c r="A178681" i="1" s="1"/>
  <c r="A178682" i="1" s="1"/>
  <c r="A178683" i="1" s="1"/>
  <c r="A178684" i="1" s="1"/>
  <c r="A178685" i="1" s="1"/>
  <c r="A178686" i="1" s="1"/>
  <c r="A178687" i="1" s="1"/>
  <c r="A178688" i="1" s="1"/>
  <c r="A178689" i="1" s="1"/>
  <c r="A178690" i="1" s="1"/>
  <c r="A178691" i="1" s="1"/>
  <c r="A178692" i="1" s="1"/>
  <c r="A178693" i="1" s="1"/>
  <c r="A178694" i="1" s="1"/>
  <c r="A178695" i="1" s="1"/>
  <c r="A178696" i="1" s="1"/>
  <c r="A178697" i="1" s="1"/>
  <c r="A178698" i="1" s="1"/>
  <c r="A178699" i="1" s="1"/>
  <c r="A178700" i="1" s="1"/>
  <c r="A178701" i="1" s="1"/>
  <c r="A178702" i="1" s="1"/>
  <c r="A178703" i="1" s="1"/>
  <c r="A178704" i="1" s="1"/>
  <c r="A178705" i="1" s="1"/>
  <c r="A178706" i="1" s="1"/>
  <c r="A178707" i="1" s="1"/>
  <c r="A178708" i="1" s="1"/>
  <c r="A178709" i="1" s="1"/>
  <c r="A178710" i="1" s="1"/>
  <c r="A178711" i="1" s="1"/>
  <c r="A178712" i="1" s="1"/>
  <c r="A178713" i="1" s="1"/>
  <c r="A178714" i="1" s="1"/>
  <c r="A178715" i="1" s="1"/>
  <c r="A178716" i="1" s="1"/>
  <c r="A178717" i="1" s="1"/>
  <c r="A178718" i="1" s="1"/>
  <c r="A178719" i="1" s="1"/>
  <c r="A178720" i="1" s="1"/>
  <c r="A178721" i="1" s="1"/>
  <c r="A178722" i="1" s="1"/>
  <c r="A178723" i="1" s="1"/>
  <c r="A178724" i="1" s="1"/>
  <c r="A178725" i="1" s="1"/>
  <c r="A178726" i="1" s="1"/>
  <c r="A178727" i="1" s="1"/>
  <c r="A178728" i="1" s="1"/>
  <c r="A178729" i="1" s="1"/>
  <c r="A178730" i="1" s="1"/>
  <c r="A178731" i="1" s="1"/>
  <c r="A178732" i="1" s="1"/>
  <c r="A178733" i="1" s="1"/>
  <c r="A178734" i="1" s="1"/>
  <c r="A178735" i="1" s="1"/>
  <c r="A178736" i="1" s="1"/>
  <c r="A178737" i="1" s="1"/>
  <c r="A178738" i="1" s="1"/>
  <c r="A178739" i="1" s="1"/>
  <c r="A178740" i="1" s="1"/>
  <c r="A178741" i="1" s="1"/>
  <c r="A178742" i="1" s="1"/>
  <c r="A178743" i="1" s="1"/>
  <c r="A178744" i="1" s="1"/>
  <c r="A178745" i="1" s="1"/>
  <c r="A178746" i="1" s="1"/>
  <c r="A178747" i="1" s="1"/>
  <c r="A178748" i="1" s="1"/>
  <c r="A178749" i="1" s="1"/>
  <c r="A178750" i="1" s="1"/>
  <c r="A178751" i="1" s="1"/>
  <c r="A178752" i="1" s="1"/>
  <c r="A178753" i="1" s="1"/>
  <c r="A178754" i="1" s="1"/>
  <c r="A178755" i="1" s="1"/>
  <c r="A178756" i="1" s="1"/>
  <c r="A178757" i="1" s="1"/>
  <c r="A178758" i="1" s="1"/>
  <c r="A178759" i="1" s="1"/>
  <c r="A178760" i="1" s="1"/>
  <c r="A178761" i="1" s="1"/>
  <c r="A178762" i="1" s="1"/>
  <c r="A178763" i="1" s="1"/>
  <c r="A178764" i="1" s="1"/>
  <c r="A178765" i="1" s="1"/>
  <c r="A178766" i="1" s="1"/>
  <c r="A178767" i="1" s="1"/>
  <c r="A178768" i="1" s="1"/>
  <c r="A178769" i="1" s="1"/>
  <c r="A178770" i="1" s="1"/>
  <c r="A178771" i="1" s="1"/>
  <c r="A178772" i="1" s="1"/>
  <c r="A178773" i="1" s="1"/>
  <c r="A178774" i="1" s="1"/>
  <c r="A178775" i="1" s="1"/>
  <c r="A178776" i="1" s="1"/>
  <c r="A178777" i="1" s="1"/>
  <c r="A178778" i="1" s="1"/>
  <c r="A178779" i="1" s="1"/>
  <c r="A178780" i="1" s="1"/>
  <c r="A178781" i="1" s="1"/>
  <c r="A178782" i="1" s="1"/>
  <c r="A178783" i="1" s="1"/>
  <c r="A178784" i="1" s="1"/>
  <c r="A178785" i="1" s="1"/>
  <c r="A178786" i="1" s="1"/>
  <c r="A178787" i="1" s="1"/>
  <c r="A178788" i="1" s="1"/>
  <c r="A178789" i="1" s="1"/>
  <c r="A178790" i="1" s="1"/>
  <c r="A178791" i="1" s="1"/>
  <c r="A178792" i="1" s="1"/>
  <c r="A178793" i="1" s="1"/>
  <c r="A178794" i="1" s="1"/>
  <c r="A178795" i="1" s="1"/>
  <c r="A178796" i="1" s="1"/>
  <c r="A178797" i="1" s="1"/>
  <c r="A178798" i="1" s="1"/>
  <c r="A178799" i="1" s="1"/>
  <c r="A178800" i="1" s="1"/>
  <c r="A178801" i="1" s="1"/>
  <c r="A178802" i="1" s="1"/>
  <c r="A178803" i="1" s="1"/>
  <c r="A178804" i="1" s="1"/>
  <c r="A178805" i="1" s="1"/>
  <c r="A178806" i="1" s="1"/>
  <c r="A178807" i="1" s="1"/>
  <c r="A178808" i="1" s="1"/>
  <c r="A178809" i="1" s="1"/>
  <c r="A178810" i="1" s="1"/>
  <c r="A178811" i="1" s="1"/>
  <c r="A178812" i="1" s="1"/>
  <c r="A178813" i="1" s="1"/>
  <c r="A178814" i="1" s="1"/>
  <c r="A178815" i="1" s="1"/>
  <c r="A178816" i="1" s="1"/>
  <c r="A178817" i="1" s="1"/>
  <c r="A178818" i="1" s="1"/>
  <c r="A178819" i="1" s="1"/>
  <c r="A178820" i="1" s="1"/>
  <c r="A178821" i="1" s="1"/>
  <c r="A178822" i="1" s="1"/>
  <c r="A178823" i="1" s="1"/>
  <c r="A178824" i="1" s="1"/>
  <c r="A178825" i="1" s="1"/>
  <c r="A178826" i="1" s="1"/>
  <c r="A178827" i="1" s="1"/>
  <c r="A178828" i="1" s="1"/>
  <c r="A178829" i="1" s="1"/>
  <c r="A178830" i="1" s="1"/>
  <c r="A178831" i="1" s="1"/>
  <c r="A178832" i="1" s="1"/>
  <c r="A178833" i="1" s="1"/>
  <c r="A178834" i="1" s="1"/>
  <c r="A178835" i="1" s="1"/>
  <c r="A178836" i="1" s="1"/>
  <c r="A178837" i="1" s="1"/>
  <c r="A178838" i="1" s="1"/>
  <c r="A178839" i="1" s="1"/>
  <c r="A178840" i="1" s="1"/>
  <c r="A178841" i="1" s="1"/>
  <c r="A178842" i="1" s="1"/>
  <c r="A178843" i="1" s="1"/>
  <c r="A178844" i="1" s="1"/>
  <c r="A178845" i="1" s="1"/>
  <c r="A178846" i="1" s="1"/>
  <c r="A178847" i="1" s="1"/>
  <c r="A178848" i="1" s="1"/>
  <c r="A178849" i="1" s="1"/>
  <c r="A178850" i="1" s="1"/>
  <c r="A178851" i="1" s="1"/>
  <c r="A178852" i="1" s="1"/>
  <c r="A178853" i="1" s="1"/>
  <c r="A178854" i="1" s="1"/>
  <c r="A178855" i="1" s="1"/>
  <c r="A178856" i="1" s="1"/>
  <c r="A178857" i="1" s="1"/>
  <c r="A178858" i="1" s="1"/>
  <c r="A178859" i="1" s="1"/>
  <c r="A178860" i="1" s="1"/>
  <c r="A178861" i="1" s="1"/>
  <c r="A178862" i="1" s="1"/>
  <c r="A178863" i="1" s="1"/>
  <c r="A178864" i="1" s="1"/>
  <c r="A178865" i="1" s="1"/>
  <c r="A178866" i="1" s="1"/>
  <c r="A178867" i="1" s="1"/>
  <c r="A178868" i="1" s="1"/>
  <c r="A178869" i="1" s="1"/>
  <c r="A178870" i="1" s="1"/>
  <c r="A178871" i="1" s="1"/>
  <c r="A178872" i="1" s="1"/>
  <c r="A178873" i="1" s="1"/>
  <c r="A178874" i="1" s="1"/>
  <c r="A178875" i="1" s="1"/>
  <c r="A178876" i="1" s="1"/>
  <c r="A178877" i="1" s="1"/>
  <c r="A178878" i="1" s="1"/>
  <c r="A178879" i="1" s="1"/>
  <c r="A178880" i="1" s="1"/>
  <c r="A178881" i="1" s="1"/>
  <c r="A178882" i="1" s="1"/>
  <c r="A178883" i="1" s="1"/>
  <c r="A178884" i="1" s="1"/>
  <c r="A178885" i="1" s="1"/>
  <c r="A178886" i="1" s="1"/>
  <c r="A178887" i="1" s="1"/>
  <c r="A178888" i="1" s="1"/>
  <c r="A178889" i="1" s="1"/>
  <c r="A178890" i="1" s="1"/>
  <c r="A178891" i="1" s="1"/>
  <c r="A178892" i="1" s="1"/>
  <c r="A178893" i="1" s="1"/>
  <c r="A178894" i="1" s="1"/>
  <c r="A178895" i="1" s="1"/>
  <c r="A178896" i="1" s="1"/>
  <c r="A178897" i="1" s="1"/>
  <c r="A178898" i="1" s="1"/>
  <c r="A178899" i="1" s="1"/>
  <c r="A178900" i="1" s="1"/>
  <c r="A178901" i="1" s="1"/>
  <c r="A178902" i="1" s="1"/>
  <c r="A178903" i="1" s="1"/>
  <c r="A178904" i="1" s="1"/>
  <c r="A178905" i="1" s="1"/>
  <c r="A178906" i="1" s="1"/>
  <c r="A178907" i="1" s="1"/>
  <c r="A178908" i="1" s="1"/>
  <c r="A178909" i="1" s="1"/>
  <c r="A178910" i="1" s="1"/>
  <c r="A178911" i="1" s="1"/>
  <c r="A178912" i="1" s="1"/>
  <c r="A178913" i="1" s="1"/>
  <c r="A178914" i="1" s="1"/>
  <c r="A178915" i="1" s="1"/>
  <c r="A178916" i="1" s="1"/>
  <c r="A178917" i="1" s="1"/>
  <c r="A178918" i="1" s="1"/>
  <c r="A178919" i="1" s="1"/>
  <c r="A178920" i="1" s="1"/>
  <c r="A178921" i="1" s="1"/>
  <c r="A178922" i="1" s="1"/>
  <c r="A178923" i="1" s="1"/>
  <c r="A178924" i="1" s="1"/>
  <c r="A178925" i="1" s="1"/>
  <c r="A178926" i="1" s="1"/>
  <c r="A178927" i="1" s="1"/>
  <c r="A178928" i="1" s="1"/>
  <c r="A178929" i="1" s="1"/>
  <c r="A178930" i="1" s="1"/>
  <c r="A178931" i="1" s="1"/>
  <c r="A178932" i="1" s="1"/>
  <c r="A178933" i="1" s="1"/>
  <c r="A178934" i="1" s="1"/>
  <c r="A178935" i="1" s="1"/>
  <c r="A178936" i="1" s="1"/>
  <c r="A178937" i="1" s="1"/>
  <c r="A178938" i="1" s="1"/>
  <c r="A178939" i="1" s="1"/>
  <c r="A178940" i="1" s="1"/>
  <c r="A178941" i="1" s="1"/>
  <c r="A178942" i="1" s="1"/>
  <c r="A178943" i="1" s="1"/>
  <c r="A178944" i="1" s="1"/>
  <c r="A178945" i="1" s="1"/>
  <c r="A178946" i="1" s="1"/>
  <c r="A178947" i="1" s="1"/>
  <c r="A178948" i="1" s="1"/>
  <c r="A178949" i="1" s="1"/>
  <c r="A178950" i="1" s="1"/>
  <c r="A178951" i="1" s="1"/>
  <c r="A178952" i="1" s="1"/>
  <c r="A178953" i="1" s="1"/>
  <c r="A178954" i="1" s="1"/>
  <c r="A178955" i="1" s="1"/>
  <c r="A178956" i="1" s="1"/>
  <c r="A178957" i="1" s="1"/>
  <c r="A178958" i="1" s="1"/>
  <c r="A178959" i="1" s="1"/>
  <c r="A178960" i="1" s="1"/>
  <c r="A178961" i="1" s="1"/>
  <c r="A178962" i="1" s="1"/>
  <c r="A178963" i="1" s="1"/>
  <c r="A178964" i="1" s="1"/>
  <c r="A178965" i="1" s="1"/>
  <c r="A178966" i="1" s="1"/>
  <c r="A178967" i="1" s="1"/>
  <c r="A178968" i="1" s="1"/>
  <c r="A178969" i="1" s="1"/>
  <c r="A178970" i="1" s="1"/>
  <c r="A178971" i="1" s="1"/>
  <c r="A178972" i="1" s="1"/>
  <c r="A178973" i="1" s="1"/>
  <c r="A178974" i="1" s="1"/>
  <c r="A178975" i="1" s="1"/>
  <c r="A178976" i="1" s="1"/>
  <c r="A178977" i="1" s="1"/>
  <c r="A178978" i="1" s="1"/>
  <c r="A178979" i="1" s="1"/>
  <c r="A178980" i="1" s="1"/>
  <c r="A178981" i="1" s="1"/>
  <c r="A178982" i="1" s="1"/>
  <c r="A178983" i="1" s="1"/>
  <c r="A178984" i="1" s="1"/>
  <c r="A178985" i="1" s="1"/>
  <c r="A178986" i="1" s="1"/>
  <c r="A178987" i="1" s="1"/>
  <c r="A178988" i="1" s="1"/>
  <c r="A178989" i="1" s="1"/>
  <c r="A178990" i="1" s="1"/>
  <c r="A178991" i="1" s="1"/>
  <c r="A178992" i="1" s="1"/>
  <c r="A178993" i="1" s="1"/>
  <c r="A178994" i="1" s="1"/>
  <c r="A178995" i="1" s="1"/>
  <c r="A178996" i="1" s="1"/>
  <c r="A178997" i="1" s="1"/>
  <c r="A178998" i="1" s="1"/>
  <c r="A178999" i="1" s="1"/>
  <c r="A179000" i="1" s="1"/>
  <c r="A179001" i="1" s="1"/>
  <c r="A179002" i="1" s="1"/>
  <c r="A179003" i="1" s="1"/>
  <c r="A179004" i="1" s="1"/>
  <c r="A179005" i="1" s="1"/>
  <c r="A179006" i="1" s="1"/>
  <c r="A179007" i="1" s="1"/>
  <c r="A179008" i="1" s="1"/>
  <c r="A179009" i="1" s="1"/>
  <c r="A179010" i="1" s="1"/>
  <c r="A179011" i="1" s="1"/>
  <c r="A179012" i="1" s="1"/>
  <c r="A179013" i="1" s="1"/>
  <c r="A179014" i="1" s="1"/>
  <c r="A179015" i="1" s="1"/>
  <c r="A179016" i="1" s="1"/>
  <c r="A179017" i="1" s="1"/>
  <c r="A179018" i="1" s="1"/>
  <c r="A179019" i="1" s="1"/>
  <c r="A179020" i="1" s="1"/>
  <c r="A179021" i="1" s="1"/>
  <c r="A179022" i="1" s="1"/>
  <c r="A179023" i="1" s="1"/>
  <c r="A179024" i="1" s="1"/>
  <c r="A179025" i="1" s="1"/>
  <c r="A179026" i="1" s="1"/>
  <c r="A179027" i="1" s="1"/>
  <c r="A179028" i="1" s="1"/>
  <c r="A179029" i="1" s="1"/>
  <c r="A179030" i="1" s="1"/>
  <c r="A179031" i="1" s="1"/>
  <c r="A179032" i="1" s="1"/>
  <c r="A179033" i="1" s="1"/>
  <c r="A179034" i="1" s="1"/>
  <c r="A179035" i="1" s="1"/>
  <c r="A179036" i="1" s="1"/>
  <c r="A179037" i="1" s="1"/>
  <c r="A179038" i="1" s="1"/>
  <c r="A179039" i="1" s="1"/>
  <c r="A179040" i="1" s="1"/>
  <c r="A179041" i="1" s="1"/>
  <c r="A179042" i="1" s="1"/>
  <c r="A179043" i="1" s="1"/>
  <c r="A179044" i="1" s="1"/>
  <c r="A179045" i="1" s="1"/>
  <c r="A179046" i="1" s="1"/>
  <c r="A179047" i="1" s="1"/>
  <c r="A179048" i="1" s="1"/>
  <c r="A179049" i="1" s="1"/>
  <c r="A179050" i="1" s="1"/>
  <c r="A179051" i="1" s="1"/>
  <c r="A179052" i="1" s="1"/>
  <c r="A179053" i="1" s="1"/>
  <c r="A179054" i="1" s="1"/>
  <c r="A179055" i="1" s="1"/>
  <c r="A179056" i="1" s="1"/>
  <c r="A179057" i="1" s="1"/>
  <c r="A179058" i="1" s="1"/>
  <c r="A179059" i="1" s="1"/>
  <c r="A179060" i="1" s="1"/>
  <c r="A179061" i="1" s="1"/>
  <c r="A179062" i="1" s="1"/>
  <c r="A179063" i="1" s="1"/>
  <c r="A179064" i="1" s="1"/>
  <c r="A179065" i="1" s="1"/>
  <c r="A179066" i="1" s="1"/>
  <c r="A179067" i="1" s="1"/>
  <c r="A179068" i="1" s="1"/>
  <c r="A179069" i="1" s="1"/>
  <c r="A179070" i="1" s="1"/>
  <c r="A179071" i="1" s="1"/>
  <c r="A179072" i="1" s="1"/>
  <c r="A179073" i="1" s="1"/>
  <c r="A179074" i="1" s="1"/>
  <c r="A179075" i="1" s="1"/>
  <c r="A179076" i="1" s="1"/>
  <c r="A179077" i="1" s="1"/>
  <c r="A179078" i="1" s="1"/>
  <c r="A179079" i="1" s="1"/>
  <c r="A179080" i="1" s="1"/>
  <c r="A179081" i="1" s="1"/>
  <c r="A179082" i="1" s="1"/>
  <c r="A179083" i="1" s="1"/>
  <c r="A179084" i="1" s="1"/>
  <c r="A179085" i="1" s="1"/>
  <c r="A179086" i="1" s="1"/>
  <c r="A179087" i="1" s="1"/>
  <c r="A179088" i="1" s="1"/>
  <c r="A179089" i="1" s="1"/>
  <c r="A179090" i="1" s="1"/>
  <c r="A179091" i="1" s="1"/>
  <c r="A179092" i="1" s="1"/>
  <c r="A179093" i="1" s="1"/>
  <c r="A179094" i="1" s="1"/>
  <c r="A179095" i="1" s="1"/>
  <c r="A179096" i="1" s="1"/>
  <c r="A179097" i="1" s="1"/>
  <c r="A179098" i="1" s="1"/>
  <c r="A179099" i="1" s="1"/>
  <c r="A179100" i="1" s="1"/>
  <c r="A179101" i="1" s="1"/>
  <c r="A179102" i="1" s="1"/>
  <c r="A179103" i="1" s="1"/>
  <c r="A179104" i="1" s="1"/>
  <c r="A179105" i="1" s="1"/>
  <c r="A179106" i="1" s="1"/>
  <c r="A179107" i="1" s="1"/>
  <c r="A179108" i="1" s="1"/>
  <c r="A179109" i="1" s="1"/>
  <c r="A179110" i="1" s="1"/>
  <c r="A179111" i="1" s="1"/>
  <c r="A179112" i="1" s="1"/>
  <c r="A179113" i="1" s="1"/>
  <c r="A179114" i="1" s="1"/>
  <c r="A179115" i="1" s="1"/>
  <c r="A179116" i="1" s="1"/>
  <c r="A179117" i="1" s="1"/>
  <c r="A179118" i="1" s="1"/>
  <c r="A179119" i="1" s="1"/>
  <c r="A179120" i="1" s="1"/>
  <c r="A179121" i="1" s="1"/>
  <c r="A179122" i="1" s="1"/>
  <c r="A179123" i="1" s="1"/>
  <c r="A179124" i="1" s="1"/>
  <c r="A179125" i="1" s="1"/>
  <c r="A179126" i="1" s="1"/>
  <c r="A179127" i="1" s="1"/>
  <c r="A179128" i="1" s="1"/>
  <c r="A179129" i="1" s="1"/>
  <c r="A179130" i="1" s="1"/>
  <c r="A179131" i="1" s="1"/>
  <c r="A179132" i="1" s="1"/>
  <c r="A179133" i="1" s="1"/>
  <c r="A179134" i="1" s="1"/>
  <c r="A179135" i="1" s="1"/>
  <c r="A179136" i="1" s="1"/>
  <c r="A179137" i="1" s="1"/>
  <c r="A179138" i="1" s="1"/>
  <c r="A179139" i="1" s="1"/>
  <c r="A179140" i="1" s="1"/>
  <c r="A179141" i="1" s="1"/>
  <c r="A179142" i="1" s="1"/>
  <c r="A179143" i="1" s="1"/>
  <c r="A179144" i="1" s="1"/>
  <c r="A179145" i="1" s="1"/>
  <c r="A179146" i="1" s="1"/>
  <c r="A179147" i="1" s="1"/>
  <c r="A179148" i="1" s="1"/>
  <c r="A179149" i="1" s="1"/>
  <c r="A179150" i="1" s="1"/>
  <c r="A179151" i="1" s="1"/>
  <c r="A179152" i="1" s="1"/>
  <c r="A179153" i="1" s="1"/>
  <c r="A179154" i="1" s="1"/>
  <c r="A179155" i="1" s="1"/>
  <c r="A179156" i="1" s="1"/>
  <c r="A179157" i="1" s="1"/>
  <c r="A179158" i="1" s="1"/>
  <c r="A179159" i="1" s="1"/>
  <c r="A179160" i="1" s="1"/>
  <c r="A179161" i="1" s="1"/>
  <c r="A179162" i="1" s="1"/>
  <c r="A179163" i="1" s="1"/>
  <c r="A179164" i="1" s="1"/>
  <c r="A179165" i="1" s="1"/>
  <c r="A179166" i="1" s="1"/>
  <c r="A179167" i="1" s="1"/>
  <c r="A179168" i="1" s="1"/>
  <c r="A179169" i="1" s="1"/>
  <c r="A179170" i="1" s="1"/>
  <c r="A179171" i="1" s="1"/>
  <c r="A179172" i="1" s="1"/>
  <c r="A179173" i="1" s="1"/>
  <c r="A179174" i="1" s="1"/>
  <c r="A179175" i="1" s="1"/>
  <c r="A179176" i="1" s="1"/>
  <c r="A179177" i="1" s="1"/>
  <c r="A179178" i="1" s="1"/>
  <c r="A179179" i="1" s="1"/>
  <c r="A179180" i="1" s="1"/>
  <c r="A179181" i="1" s="1"/>
  <c r="A179182" i="1" s="1"/>
  <c r="A179183" i="1" s="1"/>
  <c r="A179184" i="1" s="1"/>
  <c r="A179185" i="1" s="1"/>
  <c r="A179186" i="1" s="1"/>
  <c r="A179187" i="1" s="1"/>
  <c r="A179188" i="1" s="1"/>
  <c r="A179189" i="1" s="1"/>
  <c r="A179190" i="1" s="1"/>
  <c r="A179191" i="1" s="1"/>
  <c r="A179192" i="1" s="1"/>
  <c r="A179193" i="1" s="1"/>
  <c r="A179194" i="1" s="1"/>
  <c r="A179195" i="1" s="1"/>
  <c r="A179196" i="1" s="1"/>
  <c r="A179197" i="1" s="1"/>
  <c r="A179198" i="1" s="1"/>
  <c r="A179199" i="1" s="1"/>
  <c r="A179200" i="1" s="1"/>
  <c r="A179201" i="1" s="1"/>
  <c r="A179202" i="1" s="1"/>
  <c r="A179203" i="1" s="1"/>
  <c r="A179204" i="1" s="1"/>
  <c r="A179205" i="1" s="1"/>
  <c r="A179206" i="1" s="1"/>
  <c r="A179207" i="1" s="1"/>
  <c r="A179208" i="1" s="1"/>
  <c r="A179209" i="1" s="1"/>
  <c r="A179210" i="1" s="1"/>
  <c r="A179211" i="1" s="1"/>
  <c r="A179212" i="1" s="1"/>
  <c r="A179213" i="1" s="1"/>
  <c r="A179214" i="1" s="1"/>
  <c r="A179215" i="1" s="1"/>
  <c r="A179216" i="1" s="1"/>
  <c r="A179217" i="1" s="1"/>
  <c r="A179218" i="1" s="1"/>
  <c r="A179219" i="1" s="1"/>
  <c r="A179220" i="1" s="1"/>
  <c r="A179221" i="1" s="1"/>
  <c r="A179222" i="1" s="1"/>
  <c r="A179223" i="1" s="1"/>
  <c r="A179224" i="1" s="1"/>
  <c r="A179225" i="1" s="1"/>
  <c r="A179226" i="1" s="1"/>
  <c r="A179227" i="1" s="1"/>
  <c r="A179228" i="1" s="1"/>
  <c r="A179229" i="1" s="1"/>
  <c r="A179230" i="1" s="1"/>
  <c r="A179231" i="1" s="1"/>
  <c r="A179232" i="1" s="1"/>
  <c r="A179233" i="1" s="1"/>
  <c r="A179234" i="1" s="1"/>
  <c r="A179235" i="1" s="1"/>
  <c r="A179236" i="1" s="1"/>
  <c r="A179237" i="1" s="1"/>
  <c r="A179238" i="1" s="1"/>
  <c r="A179239" i="1" s="1"/>
  <c r="A179240" i="1" s="1"/>
  <c r="A179241" i="1" s="1"/>
  <c r="A179242" i="1" s="1"/>
  <c r="A179243" i="1" s="1"/>
  <c r="A179244" i="1" s="1"/>
  <c r="A179245" i="1" s="1"/>
  <c r="A179246" i="1" s="1"/>
  <c r="A179247" i="1" s="1"/>
  <c r="A179248" i="1" s="1"/>
  <c r="A179249" i="1" s="1"/>
  <c r="A179250" i="1" s="1"/>
  <c r="A179251" i="1" s="1"/>
  <c r="A179252" i="1" s="1"/>
  <c r="A179253" i="1" s="1"/>
  <c r="A179254" i="1" s="1"/>
  <c r="A179255" i="1" s="1"/>
  <c r="A179256" i="1" s="1"/>
  <c r="A179257" i="1" s="1"/>
  <c r="A179258" i="1" s="1"/>
  <c r="A179259" i="1" s="1"/>
  <c r="A179260" i="1" s="1"/>
  <c r="A179261" i="1" s="1"/>
  <c r="A179262" i="1" s="1"/>
  <c r="A179263" i="1" s="1"/>
  <c r="A179264" i="1" s="1"/>
  <c r="A179265" i="1" s="1"/>
  <c r="A179266" i="1" s="1"/>
  <c r="A179267" i="1" s="1"/>
  <c r="A179268" i="1" s="1"/>
  <c r="A179269" i="1" s="1"/>
  <c r="A179270" i="1" s="1"/>
  <c r="A179271" i="1" s="1"/>
  <c r="A179272" i="1" s="1"/>
  <c r="A179273" i="1" s="1"/>
  <c r="A179274" i="1" s="1"/>
  <c r="A179275" i="1" s="1"/>
  <c r="A179276" i="1" s="1"/>
  <c r="A179277" i="1" s="1"/>
  <c r="A179278" i="1" s="1"/>
  <c r="A179279" i="1" s="1"/>
  <c r="A179280" i="1" s="1"/>
  <c r="A179281" i="1" s="1"/>
  <c r="A179282" i="1" s="1"/>
  <c r="A179283" i="1" s="1"/>
  <c r="A179284" i="1" s="1"/>
  <c r="A179285" i="1" s="1"/>
  <c r="A179286" i="1" s="1"/>
  <c r="A179287" i="1" s="1"/>
  <c r="A179288" i="1" s="1"/>
  <c r="A179289" i="1" s="1"/>
  <c r="A179290" i="1" s="1"/>
  <c r="A179291" i="1" s="1"/>
  <c r="A179292" i="1" s="1"/>
  <c r="A179293" i="1" s="1"/>
  <c r="A179294" i="1" s="1"/>
  <c r="A179295" i="1" s="1"/>
  <c r="A179296" i="1" s="1"/>
  <c r="A179297" i="1" s="1"/>
  <c r="A179298" i="1" s="1"/>
  <c r="A179299" i="1" s="1"/>
  <c r="A179300" i="1" s="1"/>
  <c r="A179301" i="1" s="1"/>
  <c r="A179302" i="1" s="1"/>
  <c r="A179303" i="1" s="1"/>
  <c r="A179304" i="1" s="1"/>
  <c r="A179305" i="1" s="1"/>
  <c r="A179306" i="1" s="1"/>
  <c r="A179307" i="1" s="1"/>
  <c r="A179308" i="1" s="1"/>
  <c r="A179309" i="1" s="1"/>
  <c r="A179310" i="1" s="1"/>
  <c r="A179311" i="1" s="1"/>
  <c r="A179312" i="1" s="1"/>
  <c r="A179313" i="1" s="1"/>
  <c r="A179314" i="1" s="1"/>
  <c r="A179315" i="1" s="1"/>
  <c r="A179316" i="1" s="1"/>
  <c r="A179317" i="1" s="1"/>
  <c r="A179318" i="1" s="1"/>
  <c r="A179319" i="1" s="1"/>
  <c r="A179320" i="1" s="1"/>
  <c r="A179321" i="1" s="1"/>
  <c r="A179322" i="1" s="1"/>
  <c r="A179323" i="1" s="1"/>
  <c r="A179324" i="1" s="1"/>
  <c r="A179325" i="1" s="1"/>
  <c r="A179326" i="1" s="1"/>
  <c r="A179327" i="1" s="1"/>
  <c r="A179328" i="1" s="1"/>
  <c r="A179329" i="1" s="1"/>
  <c r="A179330" i="1" s="1"/>
  <c r="A179331" i="1" s="1"/>
  <c r="A179332" i="1" s="1"/>
  <c r="A179333" i="1" s="1"/>
  <c r="A179334" i="1" s="1"/>
  <c r="A179335" i="1" s="1"/>
  <c r="A179336" i="1" s="1"/>
  <c r="A179337" i="1" s="1"/>
  <c r="A179338" i="1" s="1"/>
  <c r="A179339" i="1" s="1"/>
  <c r="A179340" i="1" s="1"/>
  <c r="A179341" i="1" s="1"/>
  <c r="A179342" i="1" s="1"/>
  <c r="A179343" i="1" s="1"/>
  <c r="A179344" i="1" s="1"/>
  <c r="A179345" i="1" s="1"/>
  <c r="A179346" i="1" s="1"/>
  <c r="A179347" i="1" s="1"/>
  <c r="A179348" i="1" s="1"/>
  <c r="A179349" i="1" s="1"/>
  <c r="A179350" i="1" s="1"/>
  <c r="A179351" i="1" s="1"/>
  <c r="A179352" i="1" s="1"/>
  <c r="A179353" i="1" s="1"/>
  <c r="A179354" i="1" s="1"/>
  <c r="A179355" i="1" s="1"/>
  <c r="A179356" i="1" s="1"/>
  <c r="A179357" i="1" s="1"/>
  <c r="A179358" i="1" s="1"/>
  <c r="A179359" i="1" s="1"/>
  <c r="A179360" i="1" s="1"/>
  <c r="A179361" i="1" s="1"/>
  <c r="A179362" i="1" s="1"/>
  <c r="A179363" i="1" s="1"/>
  <c r="A179364" i="1" s="1"/>
  <c r="A179365" i="1" s="1"/>
  <c r="A179366" i="1" s="1"/>
  <c r="A179367" i="1" s="1"/>
  <c r="A179368" i="1" s="1"/>
  <c r="A179369" i="1" s="1"/>
  <c r="A179370" i="1" s="1"/>
  <c r="A179371" i="1" s="1"/>
  <c r="A179372" i="1" s="1"/>
  <c r="A179373" i="1" s="1"/>
  <c r="A179374" i="1" s="1"/>
  <c r="A179375" i="1" s="1"/>
  <c r="A179376" i="1" s="1"/>
  <c r="A179377" i="1" s="1"/>
  <c r="A179378" i="1" s="1"/>
  <c r="A179379" i="1" s="1"/>
  <c r="A179380" i="1" s="1"/>
  <c r="A179381" i="1" s="1"/>
  <c r="A179382" i="1" s="1"/>
  <c r="A179383" i="1" s="1"/>
  <c r="A179384" i="1" s="1"/>
  <c r="A179385" i="1" s="1"/>
  <c r="A179386" i="1" s="1"/>
  <c r="A179387" i="1" s="1"/>
  <c r="A179388" i="1" s="1"/>
  <c r="A179389" i="1" s="1"/>
  <c r="A179390" i="1" s="1"/>
  <c r="A179391" i="1" s="1"/>
  <c r="A179392" i="1" s="1"/>
  <c r="A179393" i="1" s="1"/>
  <c r="A179394" i="1" s="1"/>
  <c r="A179395" i="1" s="1"/>
  <c r="A179396" i="1" s="1"/>
  <c r="A179397" i="1" s="1"/>
  <c r="A179398" i="1" s="1"/>
  <c r="A179399" i="1" s="1"/>
  <c r="A179400" i="1" s="1"/>
  <c r="A179401" i="1" s="1"/>
  <c r="A179402" i="1" s="1"/>
  <c r="A179403" i="1" s="1"/>
  <c r="A179404" i="1" s="1"/>
  <c r="A179405" i="1" s="1"/>
  <c r="A179406" i="1" s="1"/>
  <c r="A179407" i="1" s="1"/>
  <c r="A179408" i="1" s="1"/>
  <c r="A179409" i="1" s="1"/>
  <c r="A179410" i="1" s="1"/>
  <c r="A179411" i="1" s="1"/>
  <c r="A179412" i="1" s="1"/>
  <c r="A179413" i="1" s="1"/>
  <c r="A179414" i="1" s="1"/>
  <c r="A179415" i="1" s="1"/>
  <c r="A179416" i="1" s="1"/>
  <c r="A179417" i="1" s="1"/>
  <c r="A179418" i="1" s="1"/>
  <c r="A179419" i="1" s="1"/>
  <c r="A179420" i="1" s="1"/>
  <c r="A179421" i="1" s="1"/>
  <c r="A179422" i="1" s="1"/>
  <c r="A179423" i="1" s="1"/>
  <c r="A179424" i="1" s="1"/>
  <c r="A179425" i="1" s="1"/>
  <c r="A179426" i="1" s="1"/>
  <c r="A179427" i="1" s="1"/>
  <c r="A179428" i="1" s="1"/>
  <c r="A179429" i="1" s="1"/>
  <c r="A179430" i="1" s="1"/>
  <c r="A179431" i="1" s="1"/>
  <c r="A179432" i="1" s="1"/>
  <c r="A179433" i="1" s="1"/>
  <c r="A179434" i="1" s="1"/>
  <c r="A179435" i="1" s="1"/>
  <c r="A179436" i="1" s="1"/>
  <c r="A179437" i="1" s="1"/>
  <c r="A179438" i="1" s="1"/>
  <c r="A179439" i="1" s="1"/>
  <c r="A179440" i="1" s="1"/>
  <c r="A179441" i="1" s="1"/>
  <c r="A179442" i="1" s="1"/>
  <c r="A179443" i="1" s="1"/>
  <c r="A179444" i="1" s="1"/>
  <c r="A179445" i="1" s="1"/>
  <c r="A179446" i="1" s="1"/>
  <c r="A179447" i="1" s="1"/>
  <c r="A179448" i="1" s="1"/>
  <c r="A179449" i="1" s="1"/>
  <c r="A179450" i="1" s="1"/>
  <c r="A179451" i="1" s="1"/>
  <c r="A179452" i="1" s="1"/>
  <c r="A179453" i="1" s="1"/>
  <c r="A179454" i="1" s="1"/>
  <c r="A179455" i="1" s="1"/>
  <c r="A179456" i="1" s="1"/>
  <c r="A179457" i="1" s="1"/>
  <c r="A179458" i="1" s="1"/>
  <c r="A179459" i="1" s="1"/>
  <c r="A179460" i="1" s="1"/>
  <c r="A179461" i="1" s="1"/>
  <c r="A179462" i="1" s="1"/>
  <c r="A179463" i="1" s="1"/>
  <c r="A179464" i="1" s="1"/>
  <c r="A179465" i="1" s="1"/>
  <c r="A179466" i="1" s="1"/>
  <c r="A179467" i="1" s="1"/>
  <c r="A179468" i="1" s="1"/>
  <c r="A179469" i="1" s="1"/>
  <c r="A179470" i="1" s="1"/>
  <c r="A179471" i="1" s="1"/>
  <c r="A179472" i="1" s="1"/>
  <c r="A179473" i="1" s="1"/>
  <c r="A179474" i="1" s="1"/>
  <c r="A179475" i="1" s="1"/>
  <c r="A179476" i="1" s="1"/>
  <c r="A179477" i="1" s="1"/>
  <c r="A179478" i="1" s="1"/>
  <c r="A179479" i="1" s="1"/>
  <c r="A179480" i="1" s="1"/>
  <c r="A179481" i="1" s="1"/>
  <c r="A179482" i="1" s="1"/>
  <c r="A179483" i="1" s="1"/>
  <c r="A179484" i="1" s="1"/>
  <c r="A179485" i="1" s="1"/>
  <c r="A179486" i="1" s="1"/>
  <c r="A179487" i="1" s="1"/>
  <c r="A179488" i="1" s="1"/>
  <c r="A179489" i="1" s="1"/>
  <c r="A179490" i="1" s="1"/>
  <c r="A179491" i="1" s="1"/>
  <c r="A179492" i="1" s="1"/>
  <c r="A179493" i="1" s="1"/>
  <c r="A179494" i="1" s="1"/>
  <c r="A179495" i="1" s="1"/>
  <c r="A179496" i="1" s="1"/>
  <c r="A179497" i="1" s="1"/>
  <c r="A179498" i="1" s="1"/>
  <c r="A179499" i="1" s="1"/>
  <c r="A179500" i="1" s="1"/>
  <c r="A179501" i="1" s="1"/>
  <c r="A179502" i="1" s="1"/>
  <c r="A179503" i="1" s="1"/>
  <c r="A179504" i="1" s="1"/>
  <c r="A179505" i="1" s="1"/>
  <c r="A179506" i="1" s="1"/>
  <c r="A179507" i="1" s="1"/>
  <c r="A179508" i="1" s="1"/>
  <c r="A179509" i="1" s="1"/>
  <c r="A179510" i="1" s="1"/>
  <c r="A179511" i="1" s="1"/>
  <c r="A179512" i="1" s="1"/>
  <c r="A179513" i="1" s="1"/>
  <c r="A179514" i="1" s="1"/>
  <c r="A179515" i="1" s="1"/>
  <c r="A179516" i="1" s="1"/>
  <c r="A179517" i="1" s="1"/>
  <c r="A179518" i="1" s="1"/>
  <c r="A179519" i="1" s="1"/>
  <c r="A179520" i="1" s="1"/>
  <c r="A179521" i="1" s="1"/>
  <c r="A179522" i="1" s="1"/>
  <c r="A179523" i="1" s="1"/>
  <c r="A179524" i="1" s="1"/>
  <c r="A179525" i="1" s="1"/>
  <c r="A179526" i="1" s="1"/>
  <c r="A179527" i="1" s="1"/>
  <c r="A179528" i="1" s="1"/>
  <c r="A179529" i="1" s="1"/>
  <c r="A179530" i="1" s="1"/>
  <c r="A179531" i="1" s="1"/>
  <c r="A179532" i="1" s="1"/>
  <c r="A179533" i="1" s="1"/>
  <c r="A179534" i="1" s="1"/>
  <c r="A179535" i="1" s="1"/>
  <c r="A179536" i="1" s="1"/>
  <c r="A179537" i="1" s="1"/>
  <c r="A179538" i="1" s="1"/>
  <c r="A179539" i="1" s="1"/>
  <c r="A179540" i="1" s="1"/>
  <c r="A179541" i="1" s="1"/>
  <c r="A179542" i="1" s="1"/>
  <c r="A179543" i="1" s="1"/>
  <c r="A179544" i="1" s="1"/>
  <c r="A179545" i="1" s="1"/>
  <c r="A179546" i="1" s="1"/>
  <c r="A179547" i="1" s="1"/>
  <c r="A179548" i="1" s="1"/>
  <c r="A179549" i="1" s="1"/>
  <c r="A179550" i="1" s="1"/>
  <c r="A179551" i="1" s="1"/>
  <c r="A179552" i="1" s="1"/>
  <c r="A179553" i="1" s="1"/>
  <c r="A179554" i="1" s="1"/>
  <c r="A179555" i="1" s="1"/>
  <c r="A179556" i="1" s="1"/>
  <c r="A179557" i="1" s="1"/>
  <c r="A179558" i="1" s="1"/>
  <c r="A179559" i="1" s="1"/>
  <c r="A179560" i="1" s="1"/>
  <c r="A179561" i="1" s="1"/>
  <c r="A179562" i="1" s="1"/>
  <c r="A179563" i="1" s="1"/>
  <c r="A179564" i="1" s="1"/>
  <c r="A179565" i="1" s="1"/>
  <c r="A179566" i="1" s="1"/>
  <c r="A179567" i="1" s="1"/>
  <c r="A179568" i="1" s="1"/>
  <c r="A179569" i="1" s="1"/>
  <c r="A179570" i="1" s="1"/>
  <c r="A179571" i="1" s="1"/>
  <c r="A179572" i="1" s="1"/>
  <c r="A179573" i="1" s="1"/>
  <c r="A179574" i="1" s="1"/>
  <c r="A179575" i="1" s="1"/>
  <c r="A179576" i="1" s="1"/>
  <c r="A179577" i="1" s="1"/>
  <c r="A179578" i="1" s="1"/>
  <c r="A179579" i="1" s="1"/>
  <c r="A179580" i="1" s="1"/>
  <c r="A179581" i="1" s="1"/>
  <c r="A179582" i="1" s="1"/>
  <c r="A179583" i="1" s="1"/>
  <c r="A179584" i="1" s="1"/>
  <c r="A179585" i="1" s="1"/>
  <c r="A179586" i="1" s="1"/>
  <c r="A179587" i="1" s="1"/>
  <c r="A179588" i="1" s="1"/>
  <c r="A179589" i="1" s="1"/>
  <c r="A179590" i="1" s="1"/>
  <c r="A179591" i="1" s="1"/>
  <c r="A179592" i="1" s="1"/>
  <c r="A179593" i="1" s="1"/>
  <c r="A179594" i="1" s="1"/>
  <c r="A179595" i="1" s="1"/>
  <c r="A179596" i="1" s="1"/>
  <c r="A179597" i="1" s="1"/>
  <c r="A179598" i="1" s="1"/>
  <c r="A179599" i="1" s="1"/>
  <c r="A179600" i="1" s="1"/>
  <c r="A179601" i="1" s="1"/>
  <c r="A179602" i="1" s="1"/>
  <c r="A179603" i="1" s="1"/>
  <c r="A179604" i="1" s="1"/>
  <c r="A179605" i="1" s="1"/>
  <c r="A179606" i="1" s="1"/>
  <c r="A179607" i="1" s="1"/>
  <c r="A179608" i="1" s="1"/>
  <c r="A179609" i="1" s="1"/>
  <c r="A179610" i="1" s="1"/>
  <c r="A179611" i="1" s="1"/>
  <c r="A179612" i="1" s="1"/>
  <c r="A179613" i="1" s="1"/>
  <c r="A179614" i="1" s="1"/>
  <c r="A179615" i="1" s="1"/>
  <c r="A179616" i="1" s="1"/>
  <c r="A179617" i="1" s="1"/>
  <c r="A179618" i="1" s="1"/>
  <c r="A179619" i="1" s="1"/>
  <c r="A179620" i="1" s="1"/>
  <c r="A179621" i="1" s="1"/>
  <c r="A179622" i="1" s="1"/>
  <c r="A179623" i="1" s="1"/>
  <c r="A179624" i="1" s="1"/>
  <c r="A179625" i="1" s="1"/>
  <c r="A179626" i="1" s="1"/>
  <c r="A179627" i="1" s="1"/>
  <c r="A179628" i="1" s="1"/>
  <c r="A179629" i="1" s="1"/>
  <c r="A179630" i="1" s="1"/>
  <c r="A179631" i="1" s="1"/>
  <c r="A179632" i="1" s="1"/>
  <c r="A179633" i="1" s="1"/>
  <c r="A179634" i="1" s="1"/>
  <c r="A179635" i="1" s="1"/>
  <c r="A179636" i="1" s="1"/>
  <c r="A179637" i="1" s="1"/>
  <c r="A179638" i="1" s="1"/>
  <c r="A179639" i="1" s="1"/>
  <c r="A179640" i="1" s="1"/>
  <c r="A179641" i="1" s="1"/>
  <c r="A179642" i="1" s="1"/>
  <c r="A179643" i="1" s="1"/>
  <c r="A179644" i="1" s="1"/>
  <c r="A179645" i="1" s="1"/>
  <c r="A179646" i="1" s="1"/>
  <c r="A179647" i="1" s="1"/>
  <c r="A179648" i="1" s="1"/>
  <c r="A179649" i="1" s="1"/>
  <c r="A179650" i="1" s="1"/>
  <c r="A179651" i="1" s="1"/>
  <c r="A179652" i="1" s="1"/>
  <c r="A179653" i="1" s="1"/>
  <c r="A179654" i="1" s="1"/>
  <c r="A179655" i="1" s="1"/>
  <c r="A179656" i="1" s="1"/>
  <c r="A179657" i="1" s="1"/>
  <c r="A179658" i="1" s="1"/>
  <c r="A179659" i="1" s="1"/>
  <c r="A179660" i="1" s="1"/>
  <c r="A179661" i="1" s="1"/>
  <c r="A179662" i="1" s="1"/>
  <c r="A179663" i="1" s="1"/>
  <c r="A179664" i="1" s="1"/>
  <c r="A179665" i="1" s="1"/>
  <c r="A179666" i="1" s="1"/>
  <c r="A179667" i="1" s="1"/>
  <c r="A179668" i="1" s="1"/>
  <c r="A179669" i="1" s="1"/>
  <c r="A179670" i="1" s="1"/>
  <c r="A179671" i="1" s="1"/>
  <c r="A179672" i="1" s="1"/>
  <c r="A179673" i="1" s="1"/>
  <c r="A179674" i="1" s="1"/>
  <c r="A179675" i="1" s="1"/>
  <c r="A179676" i="1" s="1"/>
  <c r="A179677" i="1" s="1"/>
  <c r="A179678" i="1" s="1"/>
  <c r="A179679" i="1" s="1"/>
  <c r="A179680" i="1" s="1"/>
  <c r="A179681" i="1" s="1"/>
  <c r="A179682" i="1" s="1"/>
  <c r="A179683" i="1" s="1"/>
  <c r="A179684" i="1" s="1"/>
  <c r="A179685" i="1" s="1"/>
  <c r="A179686" i="1" s="1"/>
  <c r="A179687" i="1" s="1"/>
  <c r="A179688" i="1" s="1"/>
  <c r="A179689" i="1" s="1"/>
  <c r="A179690" i="1" s="1"/>
  <c r="A179691" i="1" s="1"/>
  <c r="A179692" i="1" s="1"/>
  <c r="A179693" i="1" s="1"/>
  <c r="A179694" i="1" s="1"/>
  <c r="A179695" i="1" s="1"/>
  <c r="A179696" i="1" s="1"/>
  <c r="A179697" i="1" s="1"/>
  <c r="A179698" i="1" s="1"/>
  <c r="A179699" i="1" s="1"/>
  <c r="A179700" i="1" s="1"/>
  <c r="A179701" i="1" s="1"/>
  <c r="A179702" i="1" s="1"/>
  <c r="A179703" i="1" s="1"/>
  <c r="A179704" i="1" s="1"/>
  <c r="A179705" i="1" s="1"/>
  <c r="A179706" i="1" s="1"/>
  <c r="A179707" i="1" s="1"/>
  <c r="A179708" i="1" s="1"/>
  <c r="A179709" i="1" s="1"/>
  <c r="A179710" i="1" s="1"/>
  <c r="A179711" i="1" s="1"/>
  <c r="A179712" i="1" s="1"/>
  <c r="A179713" i="1" s="1"/>
  <c r="A179714" i="1" s="1"/>
  <c r="A179715" i="1" s="1"/>
  <c r="A179716" i="1" s="1"/>
  <c r="A179717" i="1" s="1"/>
  <c r="A179718" i="1" s="1"/>
  <c r="A179719" i="1" s="1"/>
  <c r="A179720" i="1" s="1"/>
  <c r="A179721" i="1" s="1"/>
  <c r="A179722" i="1" s="1"/>
  <c r="A179723" i="1" s="1"/>
  <c r="A179724" i="1" s="1"/>
  <c r="A179725" i="1" s="1"/>
  <c r="A179726" i="1" s="1"/>
  <c r="A179727" i="1" s="1"/>
  <c r="A179728" i="1" s="1"/>
  <c r="A179729" i="1" s="1"/>
  <c r="A179730" i="1" s="1"/>
  <c r="A179731" i="1" s="1"/>
  <c r="A179732" i="1" s="1"/>
  <c r="A179733" i="1" s="1"/>
  <c r="A179734" i="1" s="1"/>
  <c r="A179735" i="1" s="1"/>
  <c r="A179736" i="1" s="1"/>
  <c r="A179737" i="1" s="1"/>
  <c r="A179738" i="1" s="1"/>
  <c r="A179739" i="1" s="1"/>
  <c r="A179740" i="1" s="1"/>
  <c r="A179741" i="1" s="1"/>
  <c r="A179742" i="1" s="1"/>
  <c r="A179743" i="1" s="1"/>
  <c r="A179744" i="1" s="1"/>
  <c r="A179745" i="1" s="1"/>
  <c r="A179746" i="1" s="1"/>
  <c r="A179747" i="1" s="1"/>
  <c r="A179748" i="1" s="1"/>
  <c r="A179749" i="1" s="1"/>
  <c r="A179750" i="1" s="1"/>
  <c r="A179751" i="1" s="1"/>
  <c r="A179752" i="1" s="1"/>
  <c r="A179753" i="1" s="1"/>
  <c r="A179754" i="1" s="1"/>
  <c r="A179755" i="1" s="1"/>
  <c r="A179756" i="1" s="1"/>
  <c r="A179757" i="1" s="1"/>
  <c r="A179758" i="1" s="1"/>
  <c r="A179759" i="1" s="1"/>
  <c r="A179760" i="1" s="1"/>
  <c r="A179761" i="1" s="1"/>
  <c r="A179762" i="1" s="1"/>
  <c r="A179763" i="1" s="1"/>
  <c r="A179764" i="1" s="1"/>
  <c r="A179765" i="1" s="1"/>
  <c r="A179766" i="1" s="1"/>
  <c r="A179767" i="1" s="1"/>
  <c r="A179768" i="1" s="1"/>
  <c r="A179769" i="1" s="1"/>
  <c r="A179770" i="1" s="1"/>
  <c r="A179771" i="1" s="1"/>
  <c r="A179772" i="1" s="1"/>
  <c r="A179773" i="1" s="1"/>
  <c r="A179774" i="1" s="1"/>
  <c r="A179775" i="1" s="1"/>
  <c r="A179776" i="1" s="1"/>
  <c r="A179777" i="1" s="1"/>
  <c r="A179778" i="1" s="1"/>
  <c r="A179779" i="1" s="1"/>
  <c r="A179780" i="1" s="1"/>
  <c r="A179781" i="1" s="1"/>
  <c r="A179782" i="1" s="1"/>
  <c r="A179783" i="1" s="1"/>
  <c r="A179784" i="1" s="1"/>
  <c r="A179785" i="1" s="1"/>
  <c r="A179786" i="1" s="1"/>
  <c r="A179787" i="1" s="1"/>
  <c r="A179788" i="1" s="1"/>
  <c r="A179789" i="1" s="1"/>
  <c r="A179790" i="1" s="1"/>
  <c r="A179791" i="1" s="1"/>
  <c r="A179792" i="1" s="1"/>
  <c r="A179793" i="1" s="1"/>
  <c r="A179794" i="1" s="1"/>
  <c r="A179795" i="1" s="1"/>
  <c r="A179796" i="1" s="1"/>
  <c r="A179797" i="1" s="1"/>
  <c r="A179798" i="1" s="1"/>
  <c r="A179799" i="1" s="1"/>
  <c r="A179800" i="1" s="1"/>
  <c r="A179801" i="1" s="1"/>
  <c r="A179802" i="1" s="1"/>
  <c r="A179803" i="1" s="1"/>
  <c r="A179804" i="1" s="1"/>
  <c r="A179805" i="1" s="1"/>
  <c r="A179806" i="1" s="1"/>
  <c r="A179807" i="1" s="1"/>
  <c r="A179808" i="1" s="1"/>
  <c r="A179809" i="1" s="1"/>
  <c r="A179810" i="1" s="1"/>
  <c r="A179811" i="1" s="1"/>
  <c r="A179812" i="1" s="1"/>
  <c r="A179813" i="1" s="1"/>
  <c r="A179814" i="1" s="1"/>
  <c r="A179815" i="1" s="1"/>
  <c r="A179816" i="1" s="1"/>
  <c r="A179817" i="1" s="1"/>
  <c r="A179818" i="1" s="1"/>
  <c r="A179819" i="1" s="1"/>
  <c r="A179820" i="1" s="1"/>
  <c r="A179821" i="1" s="1"/>
  <c r="A179822" i="1" s="1"/>
  <c r="A179823" i="1" s="1"/>
  <c r="A179824" i="1" s="1"/>
  <c r="A179825" i="1" s="1"/>
  <c r="A179826" i="1" s="1"/>
  <c r="A179827" i="1" s="1"/>
  <c r="A179828" i="1" s="1"/>
  <c r="A179829" i="1" s="1"/>
  <c r="A179830" i="1" s="1"/>
  <c r="A179831" i="1" s="1"/>
  <c r="A179832" i="1" s="1"/>
  <c r="A179833" i="1" s="1"/>
  <c r="A179834" i="1" s="1"/>
  <c r="A179835" i="1" s="1"/>
  <c r="A179836" i="1" s="1"/>
  <c r="A179837" i="1" s="1"/>
  <c r="A179838" i="1" s="1"/>
  <c r="A179839" i="1" s="1"/>
  <c r="A179840" i="1" s="1"/>
  <c r="A179841" i="1" s="1"/>
  <c r="A179842" i="1" s="1"/>
  <c r="A179843" i="1" s="1"/>
  <c r="A179844" i="1" s="1"/>
  <c r="A179845" i="1" s="1"/>
  <c r="A179846" i="1" s="1"/>
  <c r="A179847" i="1" s="1"/>
  <c r="A179848" i="1" s="1"/>
  <c r="A179849" i="1" s="1"/>
  <c r="A179850" i="1" s="1"/>
  <c r="A179851" i="1" s="1"/>
  <c r="A179852" i="1" s="1"/>
  <c r="A179853" i="1" s="1"/>
  <c r="A179854" i="1" s="1"/>
  <c r="A179855" i="1" s="1"/>
  <c r="A179856" i="1" s="1"/>
  <c r="A179857" i="1" s="1"/>
  <c r="A179858" i="1" s="1"/>
  <c r="A179859" i="1" s="1"/>
  <c r="A179860" i="1" s="1"/>
  <c r="A179861" i="1" s="1"/>
  <c r="A179862" i="1" s="1"/>
  <c r="A179863" i="1" s="1"/>
  <c r="A179864" i="1" s="1"/>
  <c r="A179865" i="1" s="1"/>
  <c r="A179866" i="1" s="1"/>
  <c r="A179867" i="1" s="1"/>
  <c r="A179868" i="1" s="1"/>
  <c r="A179869" i="1" s="1"/>
  <c r="A179870" i="1" s="1"/>
  <c r="A179871" i="1" s="1"/>
  <c r="A179872" i="1" s="1"/>
  <c r="A179873" i="1" s="1"/>
  <c r="A179874" i="1" s="1"/>
  <c r="A179875" i="1" s="1"/>
  <c r="A179876" i="1" s="1"/>
  <c r="A179877" i="1" s="1"/>
  <c r="A179878" i="1" s="1"/>
  <c r="A179879" i="1" s="1"/>
  <c r="A179880" i="1" s="1"/>
  <c r="A179881" i="1" s="1"/>
  <c r="A179882" i="1" s="1"/>
  <c r="A179883" i="1" s="1"/>
  <c r="A179884" i="1" s="1"/>
  <c r="A179885" i="1" s="1"/>
  <c r="A179886" i="1" s="1"/>
  <c r="A179887" i="1" s="1"/>
  <c r="A179888" i="1" s="1"/>
  <c r="A179889" i="1" s="1"/>
  <c r="A179890" i="1" s="1"/>
  <c r="A179891" i="1" s="1"/>
  <c r="A179892" i="1" s="1"/>
  <c r="A179893" i="1" s="1"/>
  <c r="A179894" i="1" s="1"/>
  <c r="A179895" i="1" s="1"/>
  <c r="A179896" i="1" s="1"/>
  <c r="A179897" i="1" s="1"/>
  <c r="A179898" i="1" s="1"/>
  <c r="A179899" i="1" s="1"/>
  <c r="A179900" i="1" s="1"/>
  <c r="A179901" i="1" s="1"/>
  <c r="A179902" i="1" s="1"/>
  <c r="A179903" i="1" s="1"/>
  <c r="A179904" i="1" s="1"/>
  <c r="A179905" i="1" s="1"/>
  <c r="A179906" i="1" s="1"/>
  <c r="A179907" i="1" s="1"/>
  <c r="A179908" i="1" s="1"/>
  <c r="A179909" i="1" s="1"/>
  <c r="A179910" i="1" s="1"/>
  <c r="A179911" i="1" s="1"/>
  <c r="A179912" i="1" s="1"/>
  <c r="A179913" i="1" s="1"/>
  <c r="A179914" i="1" s="1"/>
  <c r="A179915" i="1" s="1"/>
  <c r="A179916" i="1" s="1"/>
  <c r="A179917" i="1" s="1"/>
  <c r="A179918" i="1" s="1"/>
  <c r="A179919" i="1" s="1"/>
  <c r="A179920" i="1" s="1"/>
  <c r="A179921" i="1" s="1"/>
  <c r="A179922" i="1" s="1"/>
  <c r="A179923" i="1" s="1"/>
  <c r="A179924" i="1" s="1"/>
  <c r="A179925" i="1" s="1"/>
  <c r="A179926" i="1" s="1"/>
  <c r="A179927" i="1" s="1"/>
  <c r="A179928" i="1" s="1"/>
  <c r="A179929" i="1" s="1"/>
  <c r="A179930" i="1" s="1"/>
  <c r="A179931" i="1" s="1"/>
  <c r="A179932" i="1" s="1"/>
  <c r="A179933" i="1" s="1"/>
  <c r="A179934" i="1" s="1"/>
  <c r="A179935" i="1" s="1"/>
  <c r="A179936" i="1" s="1"/>
  <c r="A179937" i="1" s="1"/>
  <c r="A179938" i="1" s="1"/>
  <c r="A179939" i="1" s="1"/>
  <c r="A179940" i="1" s="1"/>
  <c r="A179941" i="1" s="1"/>
  <c r="A179942" i="1" s="1"/>
  <c r="A179943" i="1" s="1"/>
  <c r="A179944" i="1" s="1"/>
  <c r="A179945" i="1" s="1"/>
  <c r="A179946" i="1" s="1"/>
  <c r="A179947" i="1" s="1"/>
  <c r="A179948" i="1" s="1"/>
  <c r="A179949" i="1" s="1"/>
  <c r="A179950" i="1" s="1"/>
  <c r="A179951" i="1" s="1"/>
  <c r="A179952" i="1" s="1"/>
  <c r="A179953" i="1" s="1"/>
  <c r="A179954" i="1" s="1"/>
  <c r="A179955" i="1" s="1"/>
  <c r="A179956" i="1" s="1"/>
  <c r="A179957" i="1" s="1"/>
  <c r="A179958" i="1" s="1"/>
  <c r="A179959" i="1" s="1"/>
  <c r="A179960" i="1" s="1"/>
  <c r="A179961" i="1" s="1"/>
  <c r="A179962" i="1" s="1"/>
  <c r="A179963" i="1" s="1"/>
  <c r="A179964" i="1" s="1"/>
  <c r="A179965" i="1" s="1"/>
  <c r="A179966" i="1" s="1"/>
  <c r="A179967" i="1" s="1"/>
  <c r="A179968" i="1" s="1"/>
  <c r="A179969" i="1" s="1"/>
  <c r="A179970" i="1" s="1"/>
  <c r="A179971" i="1" s="1"/>
  <c r="A179972" i="1" s="1"/>
  <c r="A179973" i="1" s="1"/>
  <c r="A179974" i="1" s="1"/>
  <c r="A179975" i="1" s="1"/>
  <c r="A179976" i="1" s="1"/>
  <c r="A179977" i="1" s="1"/>
  <c r="A179978" i="1" s="1"/>
  <c r="A179979" i="1" s="1"/>
  <c r="A179980" i="1" s="1"/>
  <c r="A179981" i="1" s="1"/>
  <c r="A179982" i="1" s="1"/>
  <c r="A179983" i="1" s="1"/>
  <c r="A179984" i="1" s="1"/>
  <c r="A179985" i="1" s="1"/>
  <c r="A179986" i="1" s="1"/>
  <c r="A179987" i="1" s="1"/>
  <c r="A179988" i="1" s="1"/>
  <c r="A179989" i="1" s="1"/>
  <c r="A179990" i="1" s="1"/>
  <c r="A179991" i="1" s="1"/>
  <c r="A179992" i="1" s="1"/>
  <c r="A179993" i="1" s="1"/>
  <c r="A179994" i="1" s="1"/>
  <c r="A179995" i="1" s="1"/>
  <c r="A179996" i="1" s="1"/>
  <c r="A179997" i="1" s="1"/>
  <c r="A179998" i="1" s="1"/>
  <c r="A179999" i="1" s="1"/>
  <c r="A180000" i="1" s="1"/>
  <c r="A180001" i="1" s="1"/>
  <c r="A180002" i="1" s="1"/>
  <c r="A180003" i="1" s="1"/>
  <c r="A180004" i="1" s="1"/>
  <c r="A180005" i="1" s="1"/>
  <c r="A180006" i="1" s="1"/>
  <c r="A180007" i="1" s="1"/>
  <c r="A180008" i="1" s="1"/>
  <c r="A180009" i="1" s="1"/>
  <c r="A180010" i="1" s="1"/>
  <c r="A180011" i="1" s="1"/>
  <c r="A180012" i="1" s="1"/>
  <c r="A180013" i="1" s="1"/>
  <c r="A180014" i="1" s="1"/>
  <c r="A180015" i="1" s="1"/>
  <c r="A180016" i="1" s="1"/>
  <c r="A180017" i="1" s="1"/>
  <c r="A180018" i="1" s="1"/>
  <c r="A180019" i="1" s="1"/>
  <c r="A180020" i="1" s="1"/>
  <c r="A180021" i="1" s="1"/>
  <c r="A180022" i="1" s="1"/>
  <c r="A180023" i="1" s="1"/>
  <c r="A180024" i="1" s="1"/>
  <c r="A180025" i="1" s="1"/>
  <c r="A180026" i="1" s="1"/>
  <c r="A180027" i="1" s="1"/>
  <c r="A180028" i="1" s="1"/>
  <c r="A180029" i="1" s="1"/>
  <c r="A180030" i="1" s="1"/>
  <c r="A180031" i="1" s="1"/>
  <c r="A180032" i="1" s="1"/>
  <c r="A180033" i="1" s="1"/>
  <c r="A180034" i="1" s="1"/>
  <c r="A180035" i="1" s="1"/>
  <c r="A180036" i="1" s="1"/>
  <c r="A180037" i="1" s="1"/>
  <c r="A180038" i="1" s="1"/>
  <c r="A180039" i="1" s="1"/>
  <c r="A180040" i="1" s="1"/>
  <c r="A180041" i="1" s="1"/>
  <c r="A180042" i="1" s="1"/>
  <c r="A180043" i="1" s="1"/>
  <c r="A180044" i="1" s="1"/>
  <c r="A180045" i="1" s="1"/>
  <c r="A180046" i="1" s="1"/>
  <c r="A180047" i="1" s="1"/>
  <c r="A180048" i="1" s="1"/>
  <c r="A180049" i="1" s="1"/>
  <c r="A180050" i="1" s="1"/>
  <c r="A180051" i="1" s="1"/>
  <c r="A180052" i="1" s="1"/>
  <c r="A180053" i="1" s="1"/>
  <c r="A180054" i="1" s="1"/>
  <c r="A180055" i="1" s="1"/>
  <c r="A180056" i="1" s="1"/>
  <c r="A180057" i="1" s="1"/>
  <c r="A180058" i="1" s="1"/>
  <c r="A180059" i="1" s="1"/>
  <c r="A180060" i="1" s="1"/>
  <c r="A180061" i="1" s="1"/>
  <c r="A180062" i="1" s="1"/>
  <c r="A180063" i="1" s="1"/>
  <c r="A180064" i="1" s="1"/>
  <c r="A180065" i="1" s="1"/>
  <c r="A180066" i="1" s="1"/>
  <c r="A180067" i="1" s="1"/>
  <c r="A180068" i="1" s="1"/>
  <c r="A180069" i="1" s="1"/>
  <c r="A180070" i="1" s="1"/>
  <c r="A180071" i="1" s="1"/>
  <c r="A180072" i="1" s="1"/>
  <c r="A180073" i="1" s="1"/>
  <c r="A180074" i="1" s="1"/>
  <c r="A180075" i="1" s="1"/>
  <c r="A180076" i="1" s="1"/>
  <c r="A180077" i="1" s="1"/>
  <c r="A180078" i="1" s="1"/>
  <c r="A180079" i="1" s="1"/>
  <c r="A180080" i="1" s="1"/>
  <c r="A180081" i="1" s="1"/>
  <c r="A180082" i="1" s="1"/>
  <c r="A180083" i="1" s="1"/>
  <c r="A180084" i="1" s="1"/>
  <c r="A180085" i="1" s="1"/>
  <c r="A180086" i="1" s="1"/>
  <c r="A180087" i="1" s="1"/>
  <c r="A180088" i="1" s="1"/>
  <c r="A180089" i="1" s="1"/>
  <c r="A180090" i="1" s="1"/>
  <c r="A180091" i="1" s="1"/>
  <c r="A180092" i="1" s="1"/>
  <c r="A180093" i="1" s="1"/>
  <c r="A180094" i="1" s="1"/>
  <c r="A180095" i="1" s="1"/>
  <c r="A180096" i="1" s="1"/>
  <c r="A180097" i="1" s="1"/>
  <c r="A180098" i="1" s="1"/>
  <c r="A180099" i="1" s="1"/>
  <c r="A180100" i="1" s="1"/>
  <c r="A180101" i="1" s="1"/>
  <c r="A180102" i="1" s="1"/>
  <c r="A180103" i="1" s="1"/>
  <c r="A180104" i="1" s="1"/>
  <c r="A180105" i="1" s="1"/>
  <c r="A180106" i="1" s="1"/>
  <c r="A180107" i="1" s="1"/>
  <c r="A180108" i="1" s="1"/>
  <c r="A180109" i="1" s="1"/>
  <c r="A180110" i="1" s="1"/>
  <c r="A180111" i="1" s="1"/>
  <c r="A180112" i="1" s="1"/>
  <c r="A180113" i="1" s="1"/>
  <c r="A180114" i="1" s="1"/>
  <c r="A180115" i="1" s="1"/>
  <c r="A180116" i="1" s="1"/>
  <c r="A180117" i="1" s="1"/>
  <c r="A180118" i="1" s="1"/>
  <c r="A180119" i="1" s="1"/>
  <c r="A180120" i="1" s="1"/>
  <c r="A180121" i="1" s="1"/>
  <c r="A180122" i="1" s="1"/>
  <c r="A180123" i="1" s="1"/>
  <c r="A180124" i="1" s="1"/>
  <c r="A180125" i="1" s="1"/>
  <c r="A180126" i="1" s="1"/>
  <c r="A180127" i="1" s="1"/>
  <c r="A180128" i="1" s="1"/>
  <c r="A180129" i="1" s="1"/>
  <c r="A180130" i="1" s="1"/>
  <c r="A180131" i="1" s="1"/>
  <c r="A180132" i="1" s="1"/>
  <c r="A180133" i="1" s="1"/>
  <c r="A180134" i="1" s="1"/>
  <c r="A180135" i="1" s="1"/>
  <c r="A180136" i="1" s="1"/>
  <c r="A180137" i="1" s="1"/>
  <c r="A180138" i="1" s="1"/>
  <c r="A180139" i="1" s="1"/>
  <c r="A180140" i="1" s="1"/>
  <c r="A180141" i="1" s="1"/>
  <c r="A180142" i="1" s="1"/>
  <c r="A180143" i="1" s="1"/>
  <c r="A180144" i="1" s="1"/>
  <c r="A180145" i="1" s="1"/>
  <c r="A180146" i="1" s="1"/>
  <c r="A180147" i="1" s="1"/>
  <c r="A180148" i="1" s="1"/>
  <c r="A180149" i="1" s="1"/>
  <c r="A180150" i="1" s="1"/>
  <c r="A180151" i="1" s="1"/>
  <c r="A180152" i="1" s="1"/>
  <c r="A180153" i="1" s="1"/>
  <c r="A180154" i="1" s="1"/>
  <c r="A180155" i="1" s="1"/>
  <c r="A180156" i="1" s="1"/>
  <c r="A180157" i="1" s="1"/>
  <c r="A180158" i="1" s="1"/>
  <c r="A180159" i="1" s="1"/>
  <c r="A180160" i="1" s="1"/>
  <c r="A180161" i="1" s="1"/>
  <c r="A180162" i="1" s="1"/>
  <c r="A180163" i="1" s="1"/>
  <c r="A180164" i="1" s="1"/>
  <c r="A180165" i="1" s="1"/>
  <c r="A180166" i="1" s="1"/>
  <c r="A180167" i="1" s="1"/>
  <c r="A180168" i="1" s="1"/>
  <c r="A180169" i="1" s="1"/>
  <c r="A180170" i="1" s="1"/>
  <c r="A180171" i="1" s="1"/>
  <c r="A180172" i="1" s="1"/>
  <c r="A180173" i="1" s="1"/>
  <c r="A180174" i="1" s="1"/>
  <c r="A180175" i="1" s="1"/>
  <c r="A180176" i="1" s="1"/>
  <c r="A180177" i="1" s="1"/>
  <c r="A180178" i="1" s="1"/>
  <c r="A180179" i="1" s="1"/>
  <c r="A180180" i="1" s="1"/>
  <c r="A180181" i="1" s="1"/>
  <c r="A180182" i="1" s="1"/>
  <c r="A180183" i="1" s="1"/>
  <c r="A180184" i="1" s="1"/>
  <c r="A180185" i="1" s="1"/>
  <c r="A180186" i="1" s="1"/>
  <c r="A180187" i="1" s="1"/>
  <c r="A180188" i="1" s="1"/>
  <c r="A180189" i="1" s="1"/>
  <c r="A180190" i="1" s="1"/>
  <c r="A180191" i="1" s="1"/>
  <c r="A180192" i="1" s="1"/>
  <c r="A180193" i="1" s="1"/>
  <c r="A180194" i="1" s="1"/>
  <c r="A180195" i="1" s="1"/>
  <c r="A180196" i="1" s="1"/>
  <c r="A180197" i="1" s="1"/>
  <c r="A180198" i="1" s="1"/>
  <c r="A180199" i="1" s="1"/>
  <c r="A180200" i="1" s="1"/>
  <c r="A180201" i="1" s="1"/>
  <c r="A180202" i="1" s="1"/>
  <c r="A180203" i="1" s="1"/>
  <c r="A180204" i="1" s="1"/>
  <c r="A180205" i="1" s="1"/>
  <c r="A180206" i="1" s="1"/>
  <c r="A180207" i="1" s="1"/>
  <c r="A180208" i="1" s="1"/>
  <c r="A180209" i="1" s="1"/>
  <c r="A180210" i="1" s="1"/>
  <c r="A180211" i="1" s="1"/>
  <c r="A180212" i="1" s="1"/>
  <c r="A180213" i="1" s="1"/>
  <c r="A180214" i="1" s="1"/>
  <c r="A180215" i="1" s="1"/>
  <c r="A180216" i="1" s="1"/>
  <c r="A180217" i="1" s="1"/>
  <c r="A180218" i="1" s="1"/>
  <c r="A180219" i="1" s="1"/>
  <c r="A180220" i="1" s="1"/>
  <c r="A180221" i="1" s="1"/>
  <c r="A180222" i="1" s="1"/>
  <c r="A180223" i="1" s="1"/>
  <c r="A180224" i="1" s="1"/>
  <c r="A180225" i="1" s="1"/>
  <c r="A180226" i="1" s="1"/>
  <c r="A180227" i="1" s="1"/>
  <c r="A180228" i="1" s="1"/>
  <c r="A180229" i="1" s="1"/>
  <c r="A180230" i="1" s="1"/>
  <c r="A180231" i="1" s="1"/>
  <c r="A180232" i="1" s="1"/>
  <c r="A180233" i="1" s="1"/>
  <c r="A180234" i="1" s="1"/>
  <c r="A180235" i="1" s="1"/>
  <c r="A180236" i="1" s="1"/>
  <c r="A180237" i="1" s="1"/>
  <c r="A180238" i="1" s="1"/>
  <c r="A180239" i="1" s="1"/>
  <c r="A180240" i="1" s="1"/>
  <c r="A180241" i="1" s="1"/>
  <c r="A180242" i="1" s="1"/>
  <c r="A180243" i="1" s="1"/>
  <c r="A180244" i="1" s="1"/>
  <c r="A180245" i="1" s="1"/>
  <c r="A180246" i="1" s="1"/>
  <c r="A180247" i="1" s="1"/>
  <c r="A180248" i="1" s="1"/>
  <c r="A180249" i="1" s="1"/>
  <c r="A180250" i="1" s="1"/>
  <c r="A180251" i="1" s="1"/>
  <c r="A180252" i="1" s="1"/>
  <c r="A180253" i="1" s="1"/>
  <c r="A180254" i="1" s="1"/>
  <c r="A180255" i="1" s="1"/>
  <c r="A180256" i="1" s="1"/>
  <c r="A180257" i="1" s="1"/>
  <c r="A180258" i="1" s="1"/>
  <c r="A180259" i="1" s="1"/>
  <c r="A180260" i="1" s="1"/>
  <c r="A180261" i="1" s="1"/>
  <c r="A180262" i="1" s="1"/>
  <c r="A180263" i="1" s="1"/>
  <c r="A180264" i="1" s="1"/>
  <c r="A180265" i="1" s="1"/>
  <c r="A180266" i="1" s="1"/>
  <c r="A180267" i="1" s="1"/>
  <c r="A180268" i="1" s="1"/>
  <c r="A180269" i="1" s="1"/>
  <c r="A180270" i="1" s="1"/>
  <c r="A180271" i="1" s="1"/>
  <c r="A180272" i="1" s="1"/>
  <c r="A180273" i="1" s="1"/>
  <c r="A180274" i="1" s="1"/>
  <c r="A180275" i="1" s="1"/>
  <c r="A180276" i="1" s="1"/>
  <c r="A180277" i="1" s="1"/>
  <c r="A180278" i="1" s="1"/>
  <c r="A180279" i="1" s="1"/>
  <c r="A180280" i="1" s="1"/>
  <c r="A180281" i="1" s="1"/>
  <c r="A180282" i="1" s="1"/>
  <c r="A180283" i="1" s="1"/>
  <c r="A180284" i="1" s="1"/>
  <c r="A180285" i="1" s="1"/>
  <c r="A180286" i="1" s="1"/>
  <c r="A180287" i="1" s="1"/>
  <c r="A180288" i="1" s="1"/>
  <c r="A180289" i="1" s="1"/>
  <c r="A180290" i="1" s="1"/>
  <c r="A180291" i="1" s="1"/>
  <c r="A180292" i="1" s="1"/>
  <c r="A180293" i="1" s="1"/>
  <c r="A180294" i="1" s="1"/>
  <c r="A180295" i="1" s="1"/>
  <c r="A180296" i="1" s="1"/>
  <c r="A180297" i="1" s="1"/>
  <c r="A180298" i="1" s="1"/>
  <c r="A180299" i="1" s="1"/>
  <c r="A180300" i="1" s="1"/>
  <c r="A180301" i="1" s="1"/>
  <c r="A180302" i="1" s="1"/>
  <c r="A180303" i="1" s="1"/>
  <c r="A180304" i="1" s="1"/>
  <c r="A180305" i="1" s="1"/>
  <c r="A180306" i="1" s="1"/>
  <c r="A180307" i="1" s="1"/>
  <c r="A180308" i="1" s="1"/>
  <c r="A180309" i="1" s="1"/>
  <c r="A180310" i="1" s="1"/>
  <c r="A180311" i="1" s="1"/>
  <c r="A180312" i="1" s="1"/>
  <c r="A180313" i="1" s="1"/>
  <c r="A180314" i="1" s="1"/>
  <c r="A180315" i="1" s="1"/>
  <c r="A180316" i="1" s="1"/>
  <c r="A180317" i="1" s="1"/>
  <c r="A180318" i="1" s="1"/>
  <c r="A180319" i="1" s="1"/>
  <c r="A180320" i="1" s="1"/>
  <c r="A180321" i="1" s="1"/>
  <c r="A180322" i="1" s="1"/>
  <c r="A180323" i="1" s="1"/>
  <c r="A180324" i="1" s="1"/>
  <c r="A180325" i="1" s="1"/>
  <c r="A180326" i="1" s="1"/>
  <c r="A180327" i="1" s="1"/>
  <c r="A180328" i="1" s="1"/>
  <c r="A180329" i="1" s="1"/>
  <c r="A180330" i="1" s="1"/>
  <c r="A180331" i="1" s="1"/>
  <c r="A180332" i="1" s="1"/>
  <c r="A180333" i="1" s="1"/>
  <c r="A180334" i="1" s="1"/>
  <c r="A180335" i="1" s="1"/>
  <c r="A180336" i="1" s="1"/>
  <c r="A180337" i="1" s="1"/>
  <c r="A180338" i="1" s="1"/>
  <c r="A180339" i="1" s="1"/>
  <c r="A180340" i="1" s="1"/>
  <c r="A180341" i="1" s="1"/>
  <c r="A180342" i="1" s="1"/>
  <c r="A180343" i="1" s="1"/>
  <c r="A180344" i="1" s="1"/>
  <c r="A180345" i="1" s="1"/>
  <c r="A180346" i="1" s="1"/>
  <c r="A180347" i="1" s="1"/>
  <c r="A180348" i="1" s="1"/>
  <c r="A180349" i="1" s="1"/>
  <c r="A180350" i="1" s="1"/>
  <c r="A180351" i="1" s="1"/>
  <c r="A180352" i="1" s="1"/>
  <c r="A180353" i="1" s="1"/>
  <c r="A180354" i="1" s="1"/>
  <c r="A180355" i="1" s="1"/>
  <c r="A180356" i="1" s="1"/>
  <c r="A180357" i="1" s="1"/>
  <c r="A180358" i="1" s="1"/>
  <c r="A180359" i="1" s="1"/>
  <c r="A180360" i="1" s="1"/>
  <c r="A180361" i="1" s="1"/>
  <c r="A180362" i="1" s="1"/>
  <c r="A180363" i="1" s="1"/>
  <c r="A180364" i="1" s="1"/>
  <c r="A180365" i="1" s="1"/>
  <c r="A180366" i="1" s="1"/>
  <c r="A180367" i="1" s="1"/>
  <c r="A180368" i="1" s="1"/>
  <c r="A180369" i="1" s="1"/>
  <c r="A180370" i="1" s="1"/>
  <c r="A180371" i="1" s="1"/>
  <c r="A180372" i="1" s="1"/>
  <c r="A180373" i="1" s="1"/>
  <c r="A180374" i="1" s="1"/>
  <c r="A180375" i="1" s="1"/>
  <c r="A180376" i="1" s="1"/>
  <c r="A180377" i="1" s="1"/>
  <c r="A180378" i="1" s="1"/>
  <c r="A180379" i="1" s="1"/>
  <c r="A180380" i="1" s="1"/>
  <c r="A180381" i="1" s="1"/>
  <c r="A180382" i="1" s="1"/>
  <c r="A180383" i="1" s="1"/>
  <c r="A180384" i="1" s="1"/>
  <c r="A180385" i="1" s="1"/>
  <c r="A180386" i="1" s="1"/>
  <c r="A180387" i="1" s="1"/>
  <c r="A180388" i="1" s="1"/>
  <c r="A180389" i="1" s="1"/>
  <c r="A180390" i="1" s="1"/>
  <c r="A180391" i="1" s="1"/>
  <c r="A180392" i="1" s="1"/>
  <c r="A180393" i="1" s="1"/>
  <c r="A180394" i="1" s="1"/>
  <c r="A180395" i="1" s="1"/>
  <c r="A180396" i="1" s="1"/>
  <c r="A180397" i="1" s="1"/>
  <c r="A180398" i="1" s="1"/>
  <c r="A180399" i="1" s="1"/>
  <c r="A180400" i="1" s="1"/>
  <c r="A180401" i="1" s="1"/>
  <c r="A180402" i="1" s="1"/>
  <c r="A180403" i="1" s="1"/>
  <c r="A180404" i="1" s="1"/>
  <c r="A180405" i="1" s="1"/>
  <c r="A180406" i="1" s="1"/>
  <c r="A180407" i="1" s="1"/>
  <c r="A180408" i="1" s="1"/>
  <c r="A180409" i="1" s="1"/>
  <c r="A180410" i="1" s="1"/>
  <c r="A180411" i="1" s="1"/>
  <c r="A180412" i="1" s="1"/>
  <c r="A180413" i="1" s="1"/>
  <c r="A180414" i="1" s="1"/>
  <c r="A180415" i="1" s="1"/>
  <c r="A180416" i="1" s="1"/>
  <c r="A180417" i="1" s="1"/>
  <c r="A180418" i="1" s="1"/>
  <c r="A180419" i="1" s="1"/>
  <c r="A180420" i="1" s="1"/>
  <c r="A180421" i="1" s="1"/>
  <c r="A180422" i="1" s="1"/>
  <c r="A180423" i="1" s="1"/>
  <c r="A180424" i="1" s="1"/>
  <c r="A180425" i="1" s="1"/>
  <c r="A180426" i="1" s="1"/>
  <c r="A180427" i="1" s="1"/>
  <c r="A180428" i="1" s="1"/>
  <c r="A180429" i="1" s="1"/>
  <c r="A180430" i="1" s="1"/>
  <c r="A180431" i="1" s="1"/>
  <c r="A180432" i="1" s="1"/>
  <c r="A180433" i="1" s="1"/>
  <c r="A180434" i="1" s="1"/>
  <c r="A180435" i="1" s="1"/>
  <c r="A180436" i="1" s="1"/>
  <c r="A180437" i="1" s="1"/>
  <c r="A180438" i="1" s="1"/>
  <c r="A180439" i="1" s="1"/>
  <c r="A180440" i="1" s="1"/>
  <c r="A180441" i="1" s="1"/>
  <c r="A180442" i="1" s="1"/>
  <c r="A180443" i="1" s="1"/>
  <c r="A180444" i="1" s="1"/>
  <c r="A180445" i="1" s="1"/>
  <c r="A180446" i="1" s="1"/>
  <c r="A180447" i="1" s="1"/>
  <c r="A180448" i="1" s="1"/>
  <c r="A180449" i="1" s="1"/>
  <c r="A180450" i="1" s="1"/>
  <c r="A180451" i="1" s="1"/>
  <c r="A180452" i="1" s="1"/>
  <c r="A180453" i="1" s="1"/>
  <c r="A180454" i="1" s="1"/>
  <c r="A180455" i="1" s="1"/>
  <c r="A180456" i="1" s="1"/>
  <c r="A180457" i="1" s="1"/>
  <c r="A180458" i="1" s="1"/>
  <c r="A180459" i="1" s="1"/>
  <c r="A180460" i="1" s="1"/>
  <c r="A180461" i="1" s="1"/>
  <c r="A180462" i="1" s="1"/>
  <c r="A180463" i="1" s="1"/>
  <c r="A180464" i="1" s="1"/>
  <c r="A180465" i="1" s="1"/>
  <c r="A180466" i="1" s="1"/>
  <c r="A180467" i="1" s="1"/>
  <c r="A180468" i="1" s="1"/>
  <c r="A180469" i="1" s="1"/>
  <c r="A180470" i="1" s="1"/>
  <c r="A180471" i="1" s="1"/>
  <c r="A180472" i="1" s="1"/>
  <c r="A180473" i="1" s="1"/>
  <c r="A180474" i="1" s="1"/>
  <c r="A180475" i="1" s="1"/>
  <c r="A180476" i="1" s="1"/>
  <c r="A180477" i="1" s="1"/>
  <c r="A180478" i="1" s="1"/>
  <c r="A180479" i="1" s="1"/>
  <c r="A180480" i="1" s="1"/>
  <c r="A180481" i="1" s="1"/>
  <c r="A180482" i="1" s="1"/>
  <c r="A180483" i="1" s="1"/>
  <c r="A180484" i="1" s="1"/>
  <c r="A180485" i="1" s="1"/>
  <c r="A180486" i="1" s="1"/>
  <c r="A180487" i="1" s="1"/>
  <c r="A180488" i="1" s="1"/>
  <c r="A180489" i="1" s="1"/>
  <c r="A180490" i="1" s="1"/>
  <c r="A180491" i="1" s="1"/>
  <c r="A180492" i="1" s="1"/>
  <c r="A180493" i="1" s="1"/>
  <c r="A180494" i="1" s="1"/>
  <c r="A180495" i="1" s="1"/>
  <c r="A180496" i="1" s="1"/>
  <c r="A180497" i="1" s="1"/>
  <c r="A180498" i="1" s="1"/>
  <c r="A180499" i="1" s="1"/>
  <c r="A180500" i="1" s="1"/>
  <c r="A180501" i="1" s="1"/>
  <c r="A180502" i="1" s="1"/>
  <c r="A180503" i="1" s="1"/>
  <c r="A180504" i="1" s="1"/>
  <c r="A180505" i="1" s="1"/>
  <c r="A180506" i="1" s="1"/>
  <c r="A180507" i="1" s="1"/>
  <c r="A180508" i="1" s="1"/>
  <c r="A180509" i="1" s="1"/>
  <c r="A180510" i="1" s="1"/>
  <c r="A180511" i="1" s="1"/>
  <c r="A180512" i="1" s="1"/>
  <c r="A180513" i="1" s="1"/>
  <c r="A180514" i="1" s="1"/>
  <c r="A180515" i="1" s="1"/>
  <c r="A180516" i="1" s="1"/>
  <c r="A180517" i="1" s="1"/>
  <c r="A180518" i="1" s="1"/>
  <c r="A180519" i="1" s="1"/>
  <c r="A180520" i="1" s="1"/>
  <c r="A180521" i="1" s="1"/>
  <c r="A180522" i="1" s="1"/>
  <c r="A180523" i="1" s="1"/>
  <c r="A180524" i="1" s="1"/>
  <c r="A180525" i="1" s="1"/>
  <c r="A180526" i="1" s="1"/>
  <c r="A180527" i="1" s="1"/>
  <c r="A180528" i="1" s="1"/>
  <c r="A180529" i="1" s="1"/>
  <c r="A180530" i="1" s="1"/>
  <c r="A180531" i="1" s="1"/>
  <c r="A180532" i="1" s="1"/>
  <c r="A180533" i="1" s="1"/>
  <c r="A180534" i="1" s="1"/>
  <c r="A180535" i="1" s="1"/>
  <c r="A180536" i="1" s="1"/>
  <c r="A180537" i="1" s="1"/>
  <c r="A180538" i="1" s="1"/>
  <c r="A180539" i="1" s="1"/>
  <c r="A180540" i="1" s="1"/>
  <c r="A180541" i="1" s="1"/>
  <c r="A180542" i="1" s="1"/>
  <c r="A180543" i="1" s="1"/>
  <c r="A180544" i="1" s="1"/>
  <c r="A180545" i="1" s="1"/>
  <c r="A180546" i="1" s="1"/>
  <c r="A180547" i="1" s="1"/>
  <c r="A180548" i="1" s="1"/>
  <c r="A180549" i="1" s="1"/>
  <c r="A180550" i="1" s="1"/>
  <c r="A180551" i="1" s="1"/>
  <c r="A180552" i="1" s="1"/>
  <c r="A180553" i="1" s="1"/>
  <c r="A180554" i="1" s="1"/>
  <c r="A180555" i="1" s="1"/>
  <c r="A180556" i="1" s="1"/>
  <c r="A180557" i="1" s="1"/>
  <c r="A180558" i="1" s="1"/>
  <c r="A180559" i="1" s="1"/>
  <c r="A180560" i="1" s="1"/>
  <c r="A180561" i="1" s="1"/>
  <c r="A180562" i="1" s="1"/>
  <c r="A180563" i="1" s="1"/>
  <c r="A180564" i="1" s="1"/>
  <c r="A180565" i="1" s="1"/>
  <c r="A180566" i="1" s="1"/>
  <c r="A180567" i="1" s="1"/>
  <c r="A180568" i="1" s="1"/>
  <c r="A180569" i="1" s="1"/>
  <c r="A180570" i="1" s="1"/>
  <c r="A180571" i="1" s="1"/>
  <c r="A180572" i="1" s="1"/>
  <c r="A180573" i="1" s="1"/>
  <c r="A180574" i="1" s="1"/>
  <c r="A180575" i="1" s="1"/>
  <c r="A180576" i="1" s="1"/>
  <c r="A180577" i="1" s="1"/>
  <c r="A180578" i="1" s="1"/>
  <c r="A180579" i="1" s="1"/>
  <c r="A180580" i="1" s="1"/>
  <c r="A180581" i="1" s="1"/>
  <c r="A180582" i="1" s="1"/>
  <c r="A180583" i="1" s="1"/>
  <c r="A180584" i="1" s="1"/>
  <c r="A180585" i="1" s="1"/>
  <c r="A180586" i="1" s="1"/>
  <c r="A180587" i="1" s="1"/>
  <c r="A180588" i="1" s="1"/>
  <c r="A180589" i="1" s="1"/>
  <c r="A180590" i="1" s="1"/>
  <c r="A180591" i="1" s="1"/>
  <c r="A180592" i="1" s="1"/>
  <c r="A180593" i="1" s="1"/>
  <c r="A180594" i="1" s="1"/>
  <c r="A180595" i="1" s="1"/>
  <c r="A180596" i="1" s="1"/>
  <c r="A180597" i="1" s="1"/>
  <c r="A180598" i="1" s="1"/>
  <c r="A180599" i="1" s="1"/>
  <c r="A180600" i="1" s="1"/>
  <c r="A180601" i="1" s="1"/>
  <c r="A180602" i="1" s="1"/>
  <c r="A180603" i="1" s="1"/>
  <c r="A180604" i="1" s="1"/>
  <c r="A180605" i="1" s="1"/>
  <c r="A180606" i="1" s="1"/>
  <c r="A180607" i="1" s="1"/>
  <c r="A180608" i="1" s="1"/>
  <c r="A180609" i="1" s="1"/>
  <c r="A180610" i="1" s="1"/>
  <c r="A180611" i="1" s="1"/>
  <c r="A180612" i="1" s="1"/>
  <c r="A180613" i="1" s="1"/>
  <c r="A180614" i="1" s="1"/>
  <c r="A180615" i="1" s="1"/>
  <c r="A180616" i="1" s="1"/>
  <c r="A180617" i="1" s="1"/>
  <c r="A180618" i="1" s="1"/>
  <c r="A180619" i="1" s="1"/>
  <c r="A180620" i="1" s="1"/>
  <c r="A180621" i="1" s="1"/>
  <c r="A180622" i="1" s="1"/>
  <c r="A180623" i="1" s="1"/>
  <c r="A180624" i="1" s="1"/>
  <c r="A180625" i="1" s="1"/>
  <c r="A180626" i="1" s="1"/>
  <c r="A180627" i="1" s="1"/>
  <c r="A180628" i="1" s="1"/>
  <c r="A180629" i="1" s="1"/>
  <c r="A180630" i="1" s="1"/>
  <c r="A180631" i="1" s="1"/>
  <c r="A180632" i="1" s="1"/>
  <c r="A180633" i="1" s="1"/>
  <c r="A180634" i="1" s="1"/>
  <c r="A180635" i="1" s="1"/>
  <c r="A180636" i="1" s="1"/>
  <c r="A180637" i="1" s="1"/>
  <c r="A180638" i="1" s="1"/>
  <c r="A180639" i="1" s="1"/>
  <c r="A180640" i="1" s="1"/>
  <c r="A180641" i="1" s="1"/>
  <c r="A180642" i="1" s="1"/>
  <c r="A180643" i="1" s="1"/>
  <c r="A180644" i="1" s="1"/>
  <c r="A180645" i="1" s="1"/>
  <c r="A180646" i="1" s="1"/>
  <c r="A180647" i="1" s="1"/>
  <c r="A180648" i="1" s="1"/>
  <c r="A180649" i="1" s="1"/>
  <c r="A180650" i="1" s="1"/>
  <c r="A180651" i="1" s="1"/>
  <c r="A180652" i="1" s="1"/>
  <c r="A180653" i="1" s="1"/>
  <c r="A180654" i="1" s="1"/>
  <c r="A180655" i="1" s="1"/>
  <c r="A180656" i="1" s="1"/>
  <c r="A180657" i="1" s="1"/>
  <c r="A180658" i="1" s="1"/>
  <c r="A180659" i="1" s="1"/>
  <c r="A180660" i="1" s="1"/>
  <c r="A180661" i="1" s="1"/>
  <c r="A180662" i="1" s="1"/>
  <c r="A180663" i="1" s="1"/>
  <c r="A180664" i="1" s="1"/>
  <c r="A180665" i="1" s="1"/>
  <c r="A180666" i="1" s="1"/>
  <c r="A180667" i="1" s="1"/>
  <c r="A180668" i="1" s="1"/>
  <c r="A180669" i="1" s="1"/>
  <c r="A180670" i="1" s="1"/>
  <c r="A180671" i="1" s="1"/>
  <c r="A180672" i="1" s="1"/>
  <c r="A180673" i="1" s="1"/>
  <c r="A180674" i="1" s="1"/>
  <c r="A180675" i="1" s="1"/>
  <c r="A180676" i="1" s="1"/>
  <c r="A180677" i="1" s="1"/>
  <c r="A180678" i="1" s="1"/>
  <c r="A180679" i="1" s="1"/>
  <c r="A180680" i="1" s="1"/>
  <c r="A180681" i="1" s="1"/>
  <c r="A180682" i="1" s="1"/>
  <c r="A180683" i="1" s="1"/>
  <c r="A180684" i="1" s="1"/>
  <c r="A180685" i="1" s="1"/>
  <c r="A180686" i="1" s="1"/>
  <c r="A180687" i="1" s="1"/>
  <c r="A180688" i="1" s="1"/>
  <c r="A180689" i="1" s="1"/>
  <c r="A180690" i="1" s="1"/>
  <c r="A180691" i="1" s="1"/>
  <c r="A180692" i="1" s="1"/>
  <c r="A180693" i="1" s="1"/>
  <c r="A180694" i="1" s="1"/>
  <c r="A180695" i="1" s="1"/>
  <c r="A180696" i="1" s="1"/>
  <c r="A180697" i="1" s="1"/>
  <c r="A180698" i="1" s="1"/>
  <c r="A180699" i="1" s="1"/>
  <c r="A180700" i="1" s="1"/>
  <c r="A180701" i="1" s="1"/>
  <c r="A180702" i="1" s="1"/>
  <c r="A180703" i="1" s="1"/>
  <c r="A180704" i="1" s="1"/>
  <c r="A180705" i="1" s="1"/>
  <c r="A180706" i="1" s="1"/>
  <c r="A180707" i="1" s="1"/>
  <c r="A180708" i="1" s="1"/>
  <c r="A180709" i="1" s="1"/>
  <c r="A180710" i="1" s="1"/>
  <c r="A180711" i="1" s="1"/>
  <c r="A180712" i="1" s="1"/>
  <c r="A180713" i="1" s="1"/>
  <c r="A180714" i="1" s="1"/>
  <c r="A180715" i="1" s="1"/>
  <c r="A180716" i="1" s="1"/>
  <c r="A180717" i="1" s="1"/>
  <c r="A180718" i="1" s="1"/>
  <c r="A180719" i="1" s="1"/>
  <c r="A180720" i="1" s="1"/>
  <c r="A180721" i="1" s="1"/>
  <c r="A180722" i="1" s="1"/>
  <c r="A180723" i="1" s="1"/>
  <c r="A180724" i="1" s="1"/>
  <c r="A180725" i="1" s="1"/>
  <c r="A180726" i="1" s="1"/>
  <c r="A180727" i="1" s="1"/>
  <c r="A180728" i="1" s="1"/>
  <c r="A180729" i="1" s="1"/>
  <c r="A180730" i="1" s="1"/>
  <c r="A180731" i="1" s="1"/>
  <c r="A180732" i="1" s="1"/>
  <c r="A180733" i="1" s="1"/>
  <c r="A180734" i="1" s="1"/>
  <c r="A180735" i="1" s="1"/>
  <c r="A180736" i="1" s="1"/>
  <c r="A180737" i="1" s="1"/>
  <c r="A180738" i="1" s="1"/>
  <c r="A180739" i="1" s="1"/>
  <c r="A180740" i="1" s="1"/>
  <c r="A180741" i="1" s="1"/>
  <c r="A180742" i="1" s="1"/>
  <c r="A180743" i="1" s="1"/>
  <c r="A180744" i="1" s="1"/>
  <c r="A180745" i="1" s="1"/>
  <c r="A180746" i="1" s="1"/>
  <c r="A180747" i="1" s="1"/>
  <c r="A180748" i="1" s="1"/>
  <c r="A180749" i="1" s="1"/>
  <c r="A180750" i="1" s="1"/>
  <c r="A180751" i="1" s="1"/>
  <c r="A180752" i="1" s="1"/>
  <c r="A180753" i="1" s="1"/>
  <c r="A180754" i="1" s="1"/>
  <c r="A180755" i="1" s="1"/>
  <c r="A180756" i="1" s="1"/>
  <c r="A180757" i="1" s="1"/>
  <c r="A180758" i="1" s="1"/>
  <c r="A180759" i="1" s="1"/>
  <c r="A180760" i="1" s="1"/>
  <c r="A180761" i="1" s="1"/>
  <c r="A180762" i="1" s="1"/>
  <c r="A180763" i="1" s="1"/>
  <c r="A180764" i="1" s="1"/>
  <c r="A180765" i="1" s="1"/>
  <c r="A180766" i="1" s="1"/>
  <c r="A180767" i="1" s="1"/>
  <c r="A180768" i="1" s="1"/>
  <c r="A180769" i="1" s="1"/>
  <c r="A180770" i="1" s="1"/>
  <c r="A180771" i="1" s="1"/>
  <c r="A180772" i="1" s="1"/>
  <c r="A180773" i="1" s="1"/>
  <c r="A180774" i="1" s="1"/>
  <c r="A180775" i="1" s="1"/>
  <c r="A180776" i="1" s="1"/>
  <c r="A180777" i="1" s="1"/>
  <c r="A180778" i="1" s="1"/>
  <c r="A180779" i="1" s="1"/>
  <c r="A180780" i="1" s="1"/>
  <c r="A180781" i="1" s="1"/>
  <c r="A180782" i="1" s="1"/>
  <c r="A180783" i="1" s="1"/>
  <c r="A180784" i="1" s="1"/>
  <c r="A180785" i="1" s="1"/>
  <c r="A180786" i="1" s="1"/>
  <c r="A180787" i="1" s="1"/>
  <c r="A180788" i="1" s="1"/>
  <c r="A180789" i="1" s="1"/>
  <c r="A180790" i="1" s="1"/>
  <c r="A180791" i="1" s="1"/>
  <c r="A180792" i="1" s="1"/>
  <c r="A180793" i="1" s="1"/>
  <c r="A180794" i="1" s="1"/>
  <c r="A180795" i="1" s="1"/>
  <c r="A180796" i="1" s="1"/>
  <c r="A180797" i="1" s="1"/>
  <c r="A180798" i="1" s="1"/>
  <c r="A180799" i="1" s="1"/>
  <c r="A180800" i="1" s="1"/>
  <c r="A180801" i="1" s="1"/>
  <c r="A180802" i="1" s="1"/>
  <c r="A180803" i="1" s="1"/>
  <c r="A180804" i="1" s="1"/>
  <c r="A180805" i="1" s="1"/>
  <c r="A180806" i="1" s="1"/>
  <c r="A180807" i="1" s="1"/>
  <c r="A180808" i="1" s="1"/>
  <c r="A180809" i="1" s="1"/>
  <c r="A180810" i="1" s="1"/>
  <c r="A180811" i="1" s="1"/>
  <c r="A180812" i="1" s="1"/>
  <c r="A180813" i="1" s="1"/>
  <c r="A180814" i="1" s="1"/>
  <c r="A180815" i="1" s="1"/>
  <c r="A180816" i="1" s="1"/>
  <c r="A180817" i="1" s="1"/>
  <c r="A180818" i="1" s="1"/>
  <c r="A180819" i="1" s="1"/>
  <c r="A180820" i="1" s="1"/>
  <c r="A180821" i="1" s="1"/>
  <c r="A180822" i="1" s="1"/>
  <c r="A180823" i="1" s="1"/>
  <c r="A180824" i="1" s="1"/>
  <c r="A180825" i="1" s="1"/>
  <c r="A180826" i="1" s="1"/>
  <c r="A180827" i="1" s="1"/>
  <c r="A180828" i="1" s="1"/>
  <c r="A180829" i="1" s="1"/>
  <c r="A180830" i="1" s="1"/>
  <c r="A180831" i="1" s="1"/>
  <c r="A180832" i="1" s="1"/>
  <c r="A180833" i="1" s="1"/>
  <c r="A180834" i="1" s="1"/>
  <c r="A180835" i="1" s="1"/>
  <c r="A180836" i="1" s="1"/>
  <c r="A180837" i="1" s="1"/>
  <c r="A180838" i="1" s="1"/>
  <c r="A180839" i="1" s="1"/>
  <c r="A180840" i="1" s="1"/>
  <c r="A180841" i="1" s="1"/>
  <c r="A180842" i="1" s="1"/>
  <c r="A180843" i="1" s="1"/>
  <c r="A180844" i="1" s="1"/>
  <c r="A180845" i="1" s="1"/>
  <c r="A180846" i="1" s="1"/>
  <c r="A180847" i="1" s="1"/>
  <c r="A180848" i="1" s="1"/>
  <c r="A180849" i="1" s="1"/>
  <c r="A180850" i="1" s="1"/>
  <c r="A180851" i="1" s="1"/>
  <c r="A180852" i="1" s="1"/>
  <c r="A180853" i="1" s="1"/>
  <c r="A180854" i="1" s="1"/>
  <c r="A180855" i="1" s="1"/>
  <c r="A180856" i="1" s="1"/>
  <c r="A180857" i="1" s="1"/>
  <c r="A180858" i="1" s="1"/>
  <c r="A180859" i="1" s="1"/>
  <c r="A180860" i="1" s="1"/>
  <c r="A180861" i="1" s="1"/>
  <c r="A180862" i="1" s="1"/>
  <c r="A180863" i="1" s="1"/>
  <c r="A180864" i="1" s="1"/>
  <c r="A180865" i="1" s="1"/>
  <c r="A180866" i="1" s="1"/>
  <c r="A180867" i="1" s="1"/>
  <c r="A180868" i="1" s="1"/>
  <c r="A180869" i="1" s="1"/>
  <c r="A180870" i="1" s="1"/>
  <c r="A180871" i="1" s="1"/>
  <c r="A180872" i="1" s="1"/>
  <c r="A180873" i="1" s="1"/>
  <c r="A180874" i="1" s="1"/>
  <c r="A180875" i="1" s="1"/>
  <c r="A180876" i="1" s="1"/>
  <c r="A180877" i="1" s="1"/>
  <c r="A180878" i="1" s="1"/>
  <c r="A180879" i="1" s="1"/>
  <c r="A180880" i="1" s="1"/>
  <c r="A180881" i="1" s="1"/>
  <c r="A180882" i="1" s="1"/>
  <c r="A180883" i="1" s="1"/>
  <c r="A180884" i="1" s="1"/>
  <c r="A180885" i="1" s="1"/>
  <c r="A180886" i="1" s="1"/>
  <c r="A180887" i="1" s="1"/>
  <c r="A180888" i="1" s="1"/>
  <c r="A180889" i="1" s="1"/>
  <c r="A180890" i="1" s="1"/>
  <c r="A180891" i="1" s="1"/>
  <c r="A180892" i="1" s="1"/>
  <c r="A180893" i="1" s="1"/>
  <c r="A180894" i="1" s="1"/>
  <c r="A180895" i="1" s="1"/>
  <c r="A180896" i="1" s="1"/>
  <c r="A180897" i="1" s="1"/>
  <c r="A180898" i="1" s="1"/>
  <c r="A180899" i="1" s="1"/>
  <c r="A180900" i="1" s="1"/>
  <c r="A180901" i="1" s="1"/>
  <c r="A180902" i="1" s="1"/>
  <c r="A180903" i="1" s="1"/>
  <c r="A180904" i="1" s="1"/>
  <c r="A180905" i="1" s="1"/>
  <c r="A180906" i="1" s="1"/>
  <c r="A180907" i="1" s="1"/>
  <c r="A180908" i="1" s="1"/>
  <c r="A180909" i="1" s="1"/>
  <c r="A180910" i="1" s="1"/>
  <c r="A180911" i="1" s="1"/>
  <c r="A180912" i="1" s="1"/>
  <c r="A180913" i="1" s="1"/>
  <c r="A180914" i="1" s="1"/>
  <c r="A180915" i="1" s="1"/>
  <c r="A180916" i="1" s="1"/>
  <c r="A180917" i="1" s="1"/>
  <c r="A180918" i="1" s="1"/>
  <c r="A180919" i="1" s="1"/>
  <c r="A180920" i="1" s="1"/>
  <c r="A180921" i="1" s="1"/>
  <c r="A180922" i="1" s="1"/>
  <c r="A180923" i="1" s="1"/>
  <c r="A180924" i="1" s="1"/>
  <c r="A180925" i="1" s="1"/>
  <c r="A180926" i="1" s="1"/>
  <c r="A180927" i="1" s="1"/>
  <c r="A180928" i="1" s="1"/>
  <c r="A180929" i="1" s="1"/>
  <c r="A180930" i="1" s="1"/>
  <c r="A180931" i="1" s="1"/>
  <c r="A180932" i="1" s="1"/>
  <c r="A180933" i="1" s="1"/>
  <c r="A180934" i="1" s="1"/>
  <c r="A180935" i="1" s="1"/>
  <c r="A180936" i="1" s="1"/>
  <c r="A180937" i="1" s="1"/>
  <c r="A180938" i="1" s="1"/>
  <c r="A180939" i="1" s="1"/>
  <c r="A180940" i="1" s="1"/>
  <c r="A180941" i="1" s="1"/>
  <c r="A180942" i="1" s="1"/>
  <c r="A180943" i="1" s="1"/>
  <c r="A180944" i="1" s="1"/>
  <c r="A180945" i="1" s="1"/>
  <c r="A180946" i="1" s="1"/>
  <c r="A180947" i="1" s="1"/>
  <c r="A180948" i="1" s="1"/>
  <c r="A180949" i="1" s="1"/>
  <c r="A180950" i="1" s="1"/>
  <c r="A180951" i="1" s="1"/>
  <c r="A180952" i="1" s="1"/>
  <c r="A180953" i="1" s="1"/>
  <c r="A180954" i="1" s="1"/>
  <c r="A180955" i="1" s="1"/>
  <c r="A180956" i="1" s="1"/>
  <c r="A180957" i="1" s="1"/>
  <c r="A180958" i="1" s="1"/>
  <c r="A180959" i="1" s="1"/>
  <c r="A180960" i="1" s="1"/>
  <c r="A180961" i="1" s="1"/>
  <c r="A180962" i="1" s="1"/>
  <c r="A180963" i="1" s="1"/>
  <c r="A180964" i="1" s="1"/>
  <c r="A180965" i="1" s="1"/>
  <c r="A180966" i="1" s="1"/>
  <c r="A180967" i="1" s="1"/>
  <c r="A180968" i="1" s="1"/>
  <c r="A180969" i="1" s="1"/>
  <c r="A180970" i="1" s="1"/>
  <c r="A180971" i="1" s="1"/>
  <c r="A180972" i="1" s="1"/>
  <c r="A180973" i="1" s="1"/>
  <c r="A180974" i="1" s="1"/>
  <c r="A180975" i="1" s="1"/>
  <c r="A180976" i="1" s="1"/>
  <c r="A180977" i="1" s="1"/>
  <c r="A180978" i="1" s="1"/>
  <c r="A180979" i="1" s="1"/>
  <c r="A180980" i="1" s="1"/>
  <c r="A180981" i="1" s="1"/>
  <c r="A180982" i="1" s="1"/>
  <c r="A180983" i="1" s="1"/>
  <c r="A180984" i="1" s="1"/>
  <c r="A180985" i="1" s="1"/>
  <c r="A180986" i="1" s="1"/>
  <c r="A180987" i="1" s="1"/>
  <c r="A180988" i="1" s="1"/>
  <c r="A180989" i="1" s="1"/>
  <c r="A180990" i="1" s="1"/>
  <c r="A180991" i="1" s="1"/>
  <c r="A180992" i="1" s="1"/>
  <c r="A180993" i="1" s="1"/>
  <c r="A180994" i="1" s="1"/>
  <c r="A180995" i="1" s="1"/>
  <c r="A180996" i="1" s="1"/>
  <c r="A180997" i="1" s="1"/>
  <c r="A180998" i="1" s="1"/>
  <c r="A180999" i="1" s="1"/>
  <c r="A181000" i="1" s="1"/>
  <c r="A181001" i="1" s="1"/>
  <c r="A181002" i="1" s="1"/>
  <c r="A181003" i="1" s="1"/>
  <c r="A181004" i="1" s="1"/>
  <c r="A181005" i="1" s="1"/>
  <c r="A181006" i="1" s="1"/>
  <c r="A181007" i="1" s="1"/>
  <c r="A181008" i="1" s="1"/>
  <c r="A181009" i="1" s="1"/>
  <c r="A181010" i="1" s="1"/>
  <c r="A181011" i="1" s="1"/>
  <c r="A181012" i="1" s="1"/>
  <c r="A181013" i="1" s="1"/>
  <c r="A181014" i="1" s="1"/>
  <c r="A181015" i="1" s="1"/>
  <c r="A181016" i="1" s="1"/>
  <c r="A181017" i="1" s="1"/>
  <c r="A181018" i="1" s="1"/>
  <c r="A181019" i="1" s="1"/>
  <c r="A181020" i="1" s="1"/>
  <c r="A181021" i="1" s="1"/>
  <c r="A181022" i="1" s="1"/>
  <c r="A181023" i="1" s="1"/>
  <c r="A181024" i="1" s="1"/>
  <c r="A181025" i="1" s="1"/>
  <c r="A181026" i="1" s="1"/>
  <c r="A181027" i="1" s="1"/>
  <c r="A181028" i="1" s="1"/>
  <c r="A181029" i="1" s="1"/>
  <c r="A181030" i="1" s="1"/>
  <c r="A181031" i="1" s="1"/>
  <c r="A181032" i="1" s="1"/>
  <c r="A181033" i="1" s="1"/>
  <c r="A181034" i="1" s="1"/>
  <c r="A181035" i="1" s="1"/>
  <c r="A181036" i="1" s="1"/>
  <c r="A181037" i="1" s="1"/>
  <c r="A181038" i="1" s="1"/>
  <c r="A181039" i="1" s="1"/>
  <c r="A181040" i="1" s="1"/>
  <c r="A181041" i="1" s="1"/>
  <c r="A181042" i="1" s="1"/>
  <c r="A181043" i="1" s="1"/>
  <c r="A181044" i="1" s="1"/>
  <c r="A181045" i="1" s="1"/>
  <c r="A181046" i="1" s="1"/>
  <c r="A181047" i="1" s="1"/>
  <c r="A181048" i="1" s="1"/>
  <c r="A181049" i="1" s="1"/>
  <c r="A181050" i="1" s="1"/>
  <c r="A181051" i="1" s="1"/>
  <c r="A181052" i="1" s="1"/>
  <c r="A181053" i="1" s="1"/>
  <c r="A181054" i="1" s="1"/>
  <c r="A181055" i="1" s="1"/>
  <c r="A181056" i="1" s="1"/>
  <c r="A181057" i="1" s="1"/>
  <c r="A181058" i="1" s="1"/>
  <c r="A181059" i="1" s="1"/>
  <c r="A181060" i="1" s="1"/>
  <c r="A181061" i="1" s="1"/>
  <c r="A181062" i="1" s="1"/>
  <c r="A181063" i="1" s="1"/>
  <c r="A181064" i="1" s="1"/>
  <c r="A181065" i="1" s="1"/>
  <c r="A181066" i="1" s="1"/>
  <c r="A181067" i="1" s="1"/>
  <c r="A181068" i="1" s="1"/>
  <c r="A181069" i="1" s="1"/>
  <c r="A181070" i="1" s="1"/>
  <c r="A181071" i="1" s="1"/>
  <c r="A181072" i="1" s="1"/>
  <c r="A181073" i="1" s="1"/>
  <c r="A181074" i="1" s="1"/>
  <c r="A181075" i="1" s="1"/>
  <c r="A181076" i="1" s="1"/>
  <c r="A181077" i="1" s="1"/>
  <c r="A181078" i="1" s="1"/>
  <c r="A181079" i="1" s="1"/>
  <c r="A181080" i="1" s="1"/>
  <c r="A181081" i="1" s="1"/>
  <c r="A181082" i="1" s="1"/>
  <c r="A181083" i="1" s="1"/>
  <c r="A181084" i="1" s="1"/>
  <c r="A181085" i="1" s="1"/>
  <c r="A181086" i="1" s="1"/>
  <c r="A181087" i="1" s="1"/>
  <c r="A181088" i="1" s="1"/>
  <c r="A181089" i="1" s="1"/>
  <c r="A181090" i="1" s="1"/>
  <c r="A181091" i="1" s="1"/>
  <c r="A181092" i="1" s="1"/>
  <c r="A181093" i="1" s="1"/>
  <c r="A181094" i="1" s="1"/>
  <c r="A181095" i="1" s="1"/>
  <c r="A181096" i="1" s="1"/>
  <c r="A181097" i="1" s="1"/>
  <c r="A181098" i="1" s="1"/>
  <c r="A181099" i="1" s="1"/>
  <c r="A181100" i="1" s="1"/>
  <c r="A181101" i="1" s="1"/>
  <c r="A181102" i="1" s="1"/>
  <c r="A181103" i="1" s="1"/>
  <c r="A181104" i="1" s="1"/>
  <c r="A181105" i="1" s="1"/>
  <c r="A181106" i="1" s="1"/>
  <c r="A181107" i="1" s="1"/>
  <c r="A181108" i="1" s="1"/>
  <c r="A181109" i="1" s="1"/>
  <c r="A181110" i="1" s="1"/>
  <c r="A181111" i="1" s="1"/>
  <c r="A181112" i="1" s="1"/>
  <c r="A181113" i="1" s="1"/>
  <c r="A181114" i="1" s="1"/>
  <c r="A181115" i="1" s="1"/>
  <c r="A181116" i="1" s="1"/>
  <c r="A181117" i="1" s="1"/>
  <c r="A181118" i="1" s="1"/>
  <c r="A181119" i="1" s="1"/>
  <c r="A181120" i="1" s="1"/>
  <c r="A181121" i="1" s="1"/>
  <c r="A181122" i="1" s="1"/>
  <c r="A181123" i="1" s="1"/>
  <c r="A181124" i="1" s="1"/>
  <c r="A181125" i="1" s="1"/>
  <c r="A181126" i="1" s="1"/>
  <c r="A181127" i="1" s="1"/>
  <c r="A181128" i="1" s="1"/>
  <c r="A181129" i="1" s="1"/>
  <c r="A181130" i="1" s="1"/>
  <c r="A181131" i="1" s="1"/>
  <c r="A181132" i="1" s="1"/>
  <c r="A181133" i="1" s="1"/>
  <c r="A181134" i="1" s="1"/>
  <c r="A181135" i="1" s="1"/>
  <c r="A181136" i="1" s="1"/>
  <c r="A181137" i="1" s="1"/>
  <c r="A181138" i="1" s="1"/>
  <c r="A181139" i="1" s="1"/>
  <c r="A181140" i="1" s="1"/>
  <c r="A181141" i="1" s="1"/>
  <c r="A181142" i="1" s="1"/>
  <c r="A181143" i="1" s="1"/>
  <c r="A181144" i="1" s="1"/>
  <c r="A181145" i="1" s="1"/>
  <c r="A181146" i="1" s="1"/>
  <c r="A181147" i="1" s="1"/>
  <c r="A181148" i="1" s="1"/>
  <c r="A181149" i="1" s="1"/>
  <c r="A181150" i="1" s="1"/>
  <c r="A181151" i="1" s="1"/>
  <c r="A181152" i="1" s="1"/>
  <c r="A181153" i="1" s="1"/>
  <c r="A181154" i="1" s="1"/>
  <c r="A181155" i="1" s="1"/>
  <c r="A181156" i="1" s="1"/>
  <c r="A181157" i="1" s="1"/>
  <c r="A181158" i="1" s="1"/>
  <c r="A181159" i="1" s="1"/>
  <c r="A181160" i="1" s="1"/>
  <c r="A181161" i="1" s="1"/>
  <c r="A181162" i="1" s="1"/>
  <c r="A181163" i="1" s="1"/>
  <c r="A181164" i="1" s="1"/>
  <c r="A181165" i="1" s="1"/>
  <c r="A181166" i="1" s="1"/>
  <c r="A181167" i="1" s="1"/>
  <c r="A181168" i="1" s="1"/>
  <c r="A181169" i="1" s="1"/>
  <c r="A181170" i="1" s="1"/>
  <c r="A181171" i="1" s="1"/>
  <c r="A181172" i="1" s="1"/>
  <c r="A181173" i="1" s="1"/>
  <c r="A181174" i="1" s="1"/>
  <c r="A181175" i="1" s="1"/>
  <c r="A181176" i="1" s="1"/>
  <c r="A181177" i="1" s="1"/>
  <c r="A181178" i="1" s="1"/>
  <c r="A181179" i="1" s="1"/>
  <c r="A181180" i="1" s="1"/>
  <c r="A181181" i="1" s="1"/>
  <c r="A181182" i="1" s="1"/>
  <c r="A181183" i="1" s="1"/>
  <c r="A181184" i="1" s="1"/>
  <c r="A181185" i="1" s="1"/>
  <c r="A181186" i="1" s="1"/>
  <c r="A181187" i="1" s="1"/>
  <c r="A181188" i="1" s="1"/>
  <c r="A181189" i="1" s="1"/>
  <c r="A181190" i="1" s="1"/>
  <c r="A181191" i="1" s="1"/>
  <c r="A181192" i="1" s="1"/>
  <c r="A181193" i="1" s="1"/>
  <c r="A181194" i="1" s="1"/>
  <c r="A181195" i="1" s="1"/>
  <c r="A181196" i="1" s="1"/>
  <c r="A181197" i="1" s="1"/>
  <c r="A181198" i="1" s="1"/>
  <c r="A181199" i="1" s="1"/>
  <c r="A181200" i="1" s="1"/>
  <c r="A181201" i="1" s="1"/>
  <c r="A181202" i="1" s="1"/>
  <c r="A181203" i="1" s="1"/>
  <c r="A181204" i="1" s="1"/>
  <c r="A181205" i="1" s="1"/>
  <c r="A181206" i="1" s="1"/>
  <c r="A181207" i="1" s="1"/>
  <c r="A181208" i="1" s="1"/>
  <c r="A181209" i="1" s="1"/>
  <c r="A181210" i="1" s="1"/>
  <c r="A181211" i="1" s="1"/>
  <c r="A181212" i="1" s="1"/>
  <c r="A181213" i="1" s="1"/>
  <c r="A181214" i="1" s="1"/>
  <c r="A181215" i="1" s="1"/>
  <c r="A181216" i="1" s="1"/>
  <c r="A181217" i="1" s="1"/>
  <c r="A181218" i="1" s="1"/>
  <c r="A181219" i="1" s="1"/>
  <c r="A181220" i="1" s="1"/>
  <c r="A181221" i="1" s="1"/>
  <c r="A181222" i="1" s="1"/>
  <c r="A181223" i="1" s="1"/>
  <c r="A181224" i="1" s="1"/>
  <c r="A181225" i="1" s="1"/>
  <c r="A181226" i="1" s="1"/>
  <c r="A181227" i="1" s="1"/>
  <c r="A181228" i="1" s="1"/>
  <c r="A181229" i="1" s="1"/>
  <c r="A181230" i="1" s="1"/>
  <c r="A181231" i="1" s="1"/>
  <c r="A181232" i="1" s="1"/>
  <c r="A181233" i="1" s="1"/>
  <c r="A181234" i="1" s="1"/>
  <c r="A181235" i="1" s="1"/>
  <c r="A181236" i="1" s="1"/>
  <c r="A181237" i="1" s="1"/>
  <c r="A181238" i="1" s="1"/>
  <c r="A181239" i="1" s="1"/>
  <c r="A181240" i="1" s="1"/>
  <c r="A181241" i="1" s="1"/>
  <c r="A181242" i="1" s="1"/>
  <c r="A181243" i="1" s="1"/>
  <c r="A181244" i="1" s="1"/>
  <c r="A181245" i="1" s="1"/>
  <c r="A181246" i="1" s="1"/>
  <c r="A181247" i="1" s="1"/>
  <c r="A181248" i="1" s="1"/>
  <c r="A181249" i="1" s="1"/>
  <c r="A181250" i="1" s="1"/>
  <c r="A181251" i="1" s="1"/>
  <c r="A181252" i="1" s="1"/>
  <c r="A181253" i="1" s="1"/>
  <c r="A181254" i="1" s="1"/>
  <c r="A181255" i="1" s="1"/>
  <c r="A181256" i="1" s="1"/>
  <c r="A181257" i="1" s="1"/>
  <c r="A181258" i="1" s="1"/>
  <c r="A181259" i="1" s="1"/>
  <c r="A181260" i="1" s="1"/>
  <c r="A181261" i="1" s="1"/>
  <c r="A181262" i="1" s="1"/>
  <c r="A181263" i="1" s="1"/>
  <c r="A181264" i="1" s="1"/>
  <c r="A181265" i="1" s="1"/>
  <c r="A181266" i="1" s="1"/>
  <c r="A181267" i="1" s="1"/>
  <c r="A181268" i="1" s="1"/>
  <c r="A181269" i="1" s="1"/>
  <c r="A181270" i="1" s="1"/>
  <c r="A181271" i="1" s="1"/>
  <c r="A181272" i="1" s="1"/>
  <c r="A181273" i="1" s="1"/>
  <c r="A181274" i="1" s="1"/>
  <c r="A181275" i="1" s="1"/>
  <c r="A181276" i="1" s="1"/>
  <c r="A181277" i="1" s="1"/>
  <c r="A181278" i="1" s="1"/>
  <c r="A181279" i="1" s="1"/>
  <c r="A181280" i="1" s="1"/>
  <c r="A181281" i="1" s="1"/>
  <c r="A181282" i="1" s="1"/>
  <c r="A181283" i="1" s="1"/>
  <c r="A181284" i="1" s="1"/>
  <c r="A181285" i="1" s="1"/>
  <c r="A181286" i="1" s="1"/>
  <c r="A181287" i="1" s="1"/>
  <c r="A181288" i="1" s="1"/>
  <c r="A181289" i="1" s="1"/>
  <c r="A181290" i="1" s="1"/>
  <c r="A181291" i="1" s="1"/>
  <c r="A181292" i="1" s="1"/>
  <c r="A181293" i="1" s="1"/>
  <c r="A181294" i="1" s="1"/>
  <c r="A181295" i="1" s="1"/>
  <c r="A181296" i="1" s="1"/>
  <c r="A181297" i="1" s="1"/>
  <c r="A181298" i="1" s="1"/>
  <c r="A181299" i="1" s="1"/>
  <c r="A181300" i="1" s="1"/>
  <c r="A181301" i="1" s="1"/>
  <c r="A181302" i="1" s="1"/>
  <c r="A181303" i="1" s="1"/>
  <c r="A181304" i="1" s="1"/>
  <c r="A181305" i="1" s="1"/>
  <c r="A181306" i="1" s="1"/>
  <c r="A181307" i="1" s="1"/>
  <c r="A181308" i="1" s="1"/>
  <c r="A181309" i="1" s="1"/>
  <c r="A181310" i="1" s="1"/>
  <c r="A181311" i="1" s="1"/>
  <c r="A181312" i="1" s="1"/>
  <c r="A181313" i="1" s="1"/>
  <c r="A181314" i="1" s="1"/>
  <c r="A181315" i="1" s="1"/>
  <c r="A181316" i="1" s="1"/>
  <c r="A181317" i="1" s="1"/>
  <c r="A181318" i="1" s="1"/>
  <c r="A181319" i="1" s="1"/>
  <c r="A181320" i="1" s="1"/>
  <c r="A181321" i="1" s="1"/>
  <c r="A181322" i="1" s="1"/>
  <c r="A181323" i="1" s="1"/>
  <c r="A181324" i="1" s="1"/>
  <c r="A181325" i="1" s="1"/>
  <c r="A181326" i="1" s="1"/>
  <c r="A181327" i="1" s="1"/>
  <c r="A181328" i="1" s="1"/>
  <c r="A181329" i="1" s="1"/>
  <c r="A181330" i="1" s="1"/>
  <c r="A181331" i="1" s="1"/>
  <c r="A181332" i="1" s="1"/>
  <c r="A181333" i="1" s="1"/>
  <c r="A181334" i="1" s="1"/>
  <c r="A181335" i="1" s="1"/>
  <c r="A181336" i="1" s="1"/>
  <c r="A181337" i="1" s="1"/>
  <c r="A181338" i="1" s="1"/>
  <c r="A181339" i="1" s="1"/>
  <c r="A181340" i="1" s="1"/>
  <c r="A181341" i="1" s="1"/>
  <c r="A181342" i="1" s="1"/>
  <c r="A181343" i="1" s="1"/>
  <c r="A181344" i="1" s="1"/>
  <c r="A181345" i="1" s="1"/>
  <c r="A181346" i="1" s="1"/>
  <c r="A181347" i="1" s="1"/>
  <c r="A181348" i="1" s="1"/>
  <c r="A181349" i="1" s="1"/>
  <c r="A181350" i="1" s="1"/>
  <c r="A181351" i="1" s="1"/>
  <c r="A181352" i="1" s="1"/>
  <c r="A181353" i="1" s="1"/>
  <c r="A181354" i="1" s="1"/>
  <c r="A181355" i="1" s="1"/>
  <c r="A181356" i="1" s="1"/>
  <c r="A181357" i="1" s="1"/>
  <c r="A181358" i="1" s="1"/>
  <c r="A181359" i="1" s="1"/>
  <c r="A181360" i="1" s="1"/>
  <c r="A181361" i="1" s="1"/>
  <c r="A181362" i="1" s="1"/>
  <c r="A181363" i="1" s="1"/>
  <c r="A181364" i="1" s="1"/>
  <c r="A181365" i="1" s="1"/>
  <c r="A181366" i="1" s="1"/>
  <c r="A181367" i="1" s="1"/>
  <c r="A181368" i="1" s="1"/>
  <c r="A181369" i="1" s="1"/>
  <c r="A181370" i="1" s="1"/>
  <c r="A181371" i="1" s="1"/>
  <c r="A181372" i="1" s="1"/>
  <c r="A181373" i="1" s="1"/>
  <c r="A181374" i="1" s="1"/>
  <c r="A181375" i="1" s="1"/>
  <c r="A181376" i="1" s="1"/>
  <c r="A181377" i="1" s="1"/>
  <c r="A181378" i="1" s="1"/>
  <c r="A181379" i="1" s="1"/>
  <c r="A181380" i="1" s="1"/>
  <c r="A181381" i="1" s="1"/>
  <c r="A181382" i="1" s="1"/>
  <c r="A181383" i="1" s="1"/>
  <c r="A181384" i="1" s="1"/>
  <c r="A181385" i="1" s="1"/>
  <c r="A181386" i="1" s="1"/>
  <c r="A181387" i="1" s="1"/>
  <c r="A181388" i="1" s="1"/>
  <c r="A181389" i="1" s="1"/>
  <c r="A181390" i="1" s="1"/>
  <c r="A181391" i="1" s="1"/>
  <c r="A181392" i="1" s="1"/>
  <c r="A181393" i="1" s="1"/>
  <c r="A181394" i="1" s="1"/>
  <c r="A181395" i="1" s="1"/>
  <c r="A181396" i="1" s="1"/>
  <c r="A181397" i="1" s="1"/>
  <c r="A181398" i="1" s="1"/>
  <c r="A181399" i="1" s="1"/>
  <c r="A181400" i="1" s="1"/>
  <c r="A181401" i="1" s="1"/>
  <c r="A181402" i="1" s="1"/>
  <c r="A181403" i="1" s="1"/>
  <c r="A181404" i="1" s="1"/>
  <c r="A181405" i="1" s="1"/>
  <c r="A181406" i="1" s="1"/>
  <c r="A181407" i="1" s="1"/>
  <c r="A181408" i="1" s="1"/>
  <c r="A181409" i="1" s="1"/>
  <c r="A181410" i="1" s="1"/>
  <c r="A181411" i="1" s="1"/>
  <c r="A181412" i="1" s="1"/>
  <c r="A181413" i="1" s="1"/>
  <c r="A181414" i="1" s="1"/>
  <c r="A181415" i="1" s="1"/>
  <c r="A181416" i="1" s="1"/>
  <c r="A181417" i="1" s="1"/>
  <c r="A181418" i="1" s="1"/>
  <c r="A181419" i="1" s="1"/>
  <c r="A181420" i="1" s="1"/>
  <c r="A181421" i="1" s="1"/>
  <c r="A181422" i="1" s="1"/>
  <c r="A181423" i="1" s="1"/>
  <c r="A181424" i="1" s="1"/>
  <c r="A181425" i="1" s="1"/>
  <c r="A181426" i="1" s="1"/>
  <c r="A181427" i="1" s="1"/>
  <c r="A181428" i="1" s="1"/>
  <c r="A181429" i="1" s="1"/>
  <c r="A181430" i="1" s="1"/>
  <c r="A181431" i="1" s="1"/>
  <c r="A181432" i="1" s="1"/>
  <c r="A181433" i="1" s="1"/>
  <c r="A181434" i="1" s="1"/>
  <c r="A181435" i="1" s="1"/>
  <c r="A181436" i="1" s="1"/>
  <c r="A181437" i="1" s="1"/>
  <c r="A181438" i="1" s="1"/>
  <c r="A181439" i="1" s="1"/>
  <c r="A181440" i="1" s="1"/>
  <c r="A181441" i="1" s="1"/>
  <c r="A181442" i="1" s="1"/>
  <c r="A181443" i="1" s="1"/>
  <c r="A181444" i="1" s="1"/>
  <c r="A181445" i="1" s="1"/>
  <c r="A181446" i="1" s="1"/>
  <c r="A181447" i="1" s="1"/>
  <c r="A181448" i="1" s="1"/>
  <c r="A181449" i="1" s="1"/>
  <c r="A181450" i="1" s="1"/>
  <c r="A181451" i="1" s="1"/>
  <c r="A181452" i="1" s="1"/>
  <c r="A181453" i="1" s="1"/>
  <c r="A181454" i="1" s="1"/>
  <c r="A181455" i="1" s="1"/>
  <c r="A181456" i="1" s="1"/>
  <c r="A181457" i="1" s="1"/>
  <c r="A181458" i="1" s="1"/>
  <c r="A181459" i="1" s="1"/>
  <c r="A181460" i="1" s="1"/>
  <c r="A181461" i="1" s="1"/>
  <c r="A181462" i="1" s="1"/>
  <c r="A181463" i="1" s="1"/>
  <c r="A181464" i="1" s="1"/>
  <c r="A181465" i="1" s="1"/>
  <c r="A181466" i="1" s="1"/>
  <c r="A181467" i="1" s="1"/>
  <c r="A181468" i="1" s="1"/>
  <c r="A181469" i="1" s="1"/>
  <c r="A181470" i="1" s="1"/>
  <c r="A181471" i="1" s="1"/>
  <c r="A181472" i="1" s="1"/>
  <c r="A181473" i="1" s="1"/>
  <c r="A181474" i="1" s="1"/>
  <c r="A181475" i="1" s="1"/>
  <c r="A181476" i="1" s="1"/>
  <c r="A181477" i="1" s="1"/>
  <c r="A181478" i="1" s="1"/>
  <c r="A181479" i="1" s="1"/>
  <c r="A181480" i="1" s="1"/>
  <c r="A181481" i="1" s="1"/>
  <c r="A181482" i="1" s="1"/>
  <c r="A181483" i="1" s="1"/>
  <c r="A181484" i="1" s="1"/>
  <c r="A181485" i="1" s="1"/>
  <c r="A181486" i="1" s="1"/>
  <c r="A181487" i="1" s="1"/>
  <c r="A181488" i="1" s="1"/>
  <c r="A181489" i="1" s="1"/>
  <c r="A181490" i="1" s="1"/>
  <c r="A181491" i="1" s="1"/>
  <c r="A181492" i="1" s="1"/>
  <c r="A181493" i="1" s="1"/>
  <c r="A181494" i="1" s="1"/>
  <c r="A181495" i="1" s="1"/>
  <c r="A181496" i="1" s="1"/>
  <c r="A181497" i="1" s="1"/>
  <c r="A181498" i="1" s="1"/>
  <c r="A181499" i="1" s="1"/>
  <c r="A181500" i="1" s="1"/>
  <c r="A181501" i="1" s="1"/>
  <c r="A181502" i="1" s="1"/>
  <c r="A181503" i="1" s="1"/>
  <c r="A181504" i="1" s="1"/>
  <c r="A181505" i="1" s="1"/>
  <c r="A181506" i="1" s="1"/>
  <c r="A181507" i="1" s="1"/>
  <c r="A181508" i="1" s="1"/>
  <c r="A181509" i="1" s="1"/>
  <c r="A181510" i="1" s="1"/>
  <c r="A181511" i="1" s="1"/>
  <c r="A181512" i="1" s="1"/>
  <c r="A181513" i="1" s="1"/>
  <c r="A181514" i="1" s="1"/>
  <c r="A181515" i="1" s="1"/>
  <c r="A181516" i="1" s="1"/>
  <c r="A181517" i="1" s="1"/>
  <c r="A181518" i="1" s="1"/>
  <c r="A181519" i="1" s="1"/>
  <c r="A181520" i="1" s="1"/>
  <c r="A181521" i="1" s="1"/>
  <c r="A181522" i="1" s="1"/>
  <c r="A181523" i="1" s="1"/>
  <c r="A181524" i="1" s="1"/>
  <c r="A181525" i="1" s="1"/>
  <c r="A181526" i="1" s="1"/>
  <c r="A181527" i="1" s="1"/>
  <c r="A181528" i="1" s="1"/>
  <c r="A181529" i="1" s="1"/>
  <c r="A181530" i="1" s="1"/>
  <c r="A181531" i="1" s="1"/>
  <c r="A181532" i="1" s="1"/>
  <c r="A181533" i="1" s="1"/>
  <c r="A181534" i="1" s="1"/>
  <c r="A181535" i="1" s="1"/>
  <c r="A181536" i="1" s="1"/>
  <c r="A181537" i="1" s="1"/>
  <c r="A181538" i="1" s="1"/>
  <c r="A181539" i="1" s="1"/>
  <c r="A181540" i="1" s="1"/>
  <c r="A181541" i="1" s="1"/>
  <c r="A181542" i="1" s="1"/>
  <c r="A181543" i="1" s="1"/>
  <c r="A181544" i="1" s="1"/>
  <c r="A181545" i="1" s="1"/>
  <c r="A181546" i="1" s="1"/>
  <c r="A181547" i="1" s="1"/>
  <c r="A181548" i="1" s="1"/>
  <c r="A181549" i="1" s="1"/>
  <c r="A181550" i="1" s="1"/>
  <c r="A181551" i="1" s="1"/>
  <c r="A181552" i="1" s="1"/>
  <c r="A181553" i="1" s="1"/>
  <c r="A181554" i="1" s="1"/>
  <c r="A181555" i="1" s="1"/>
  <c r="A181556" i="1" s="1"/>
  <c r="A181557" i="1" s="1"/>
  <c r="A181558" i="1" s="1"/>
  <c r="A181559" i="1" s="1"/>
  <c r="A181560" i="1" s="1"/>
  <c r="A181561" i="1" s="1"/>
  <c r="A181562" i="1" s="1"/>
  <c r="A181563" i="1" s="1"/>
  <c r="A181564" i="1" s="1"/>
  <c r="A181565" i="1" s="1"/>
  <c r="A181566" i="1" s="1"/>
  <c r="A181567" i="1" s="1"/>
  <c r="A181568" i="1" s="1"/>
  <c r="A181569" i="1" s="1"/>
  <c r="A181570" i="1" s="1"/>
  <c r="A181571" i="1" s="1"/>
  <c r="A181572" i="1" s="1"/>
  <c r="A181573" i="1" s="1"/>
  <c r="A181574" i="1" s="1"/>
  <c r="A181575" i="1" s="1"/>
  <c r="A181576" i="1" s="1"/>
  <c r="A181577" i="1" s="1"/>
  <c r="A181578" i="1" s="1"/>
  <c r="A181579" i="1" s="1"/>
  <c r="A181580" i="1" s="1"/>
  <c r="A181581" i="1" s="1"/>
  <c r="A181582" i="1" s="1"/>
  <c r="A181583" i="1" s="1"/>
  <c r="A181584" i="1" s="1"/>
  <c r="A181585" i="1" s="1"/>
  <c r="A181586" i="1" s="1"/>
  <c r="A181587" i="1" s="1"/>
  <c r="A181588" i="1" s="1"/>
  <c r="A181589" i="1" s="1"/>
  <c r="A181590" i="1" s="1"/>
  <c r="A181591" i="1" s="1"/>
  <c r="A181592" i="1" s="1"/>
  <c r="A181593" i="1" s="1"/>
  <c r="A181594" i="1" s="1"/>
  <c r="A181595" i="1" s="1"/>
  <c r="A181596" i="1" s="1"/>
  <c r="A181597" i="1" s="1"/>
  <c r="A181598" i="1" s="1"/>
  <c r="A181599" i="1" s="1"/>
  <c r="A181600" i="1" s="1"/>
  <c r="A181601" i="1" s="1"/>
  <c r="A181602" i="1" s="1"/>
  <c r="A181603" i="1" s="1"/>
  <c r="A181604" i="1" s="1"/>
  <c r="A181605" i="1" s="1"/>
  <c r="A181606" i="1" s="1"/>
  <c r="A181607" i="1" s="1"/>
  <c r="A181608" i="1" s="1"/>
  <c r="A181609" i="1" s="1"/>
  <c r="A181610" i="1" s="1"/>
  <c r="A181611" i="1" s="1"/>
  <c r="A181612" i="1" s="1"/>
  <c r="A181613" i="1" s="1"/>
  <c r="A181614" i="1" s="1"/>
  <c r="A181615" i="1" s="1"/>
  <c r="A181616" i="1" s="1"/>
  <c r="A181617" i="1" s="1"/>
  <c r="A181618" i="1" s="1"/>
  <c r="A181619" i="1" s="1"/>
  <c r="A181620" i="1" s="1"/>
  <c r="A181621" i="1" s="1"/>
  <c r="A181622" i="1" s="1"/>
  <c r="A181623" i="1" s="1"/>
  <c r="A181624" i="1" s="1"/>
  <c r="A181625" i="1" s="1"/>
  <c r="A181626" i="1" s="1"/>
  <c r="A181627" i="1" s="1"/>
  <c r="A181628" i="1" s="1"/>
  <c r="A181629" i="1" s="1"/>
  <c r="A181630" i="1" s="1"/>
  <c r="A181631" i="1" s="1"/>
  <c r="A181632" i="1" s="1"/>
  <c r="A181633" i="1" s="1"/>
  <c r="A181634" i="1" s="1"/>
  <c r="A181635" i="1" s="1"/>
  <c r="A181636" i="1" s="1"/>
  <c r="A181637" i="1" s="1"/>
  <c r="A181638" i="1" s="1"/>
  <c r="A181639" i="1" s="1"/>
  <c r="A181640" i="1" s="1"/>
  <c r="A181641" i="1" s="1"/>
  <c r="A181642" i="1" s="1"/>
  <c r="A181643" i="1" s="1"/>
  <c r="A181644" i="1" s="1"/>
  <c r="A181645" i="1" s="1"/>
  <c r="A181646" i="1" s="1"/>
  <c r="A181647" i="1" s="1"/>
  <c r="A181648" i="1" s="1"/>
  <c r="A181649" i="1" s="1"/>
  <c r="A181650" i="1" s="1"/>
  <c r="A181651" i="1" s="1"/>
  <c r="A181652" i="1" s="1"/>
  <c r="A181653" i="1" s="1"/>
  <c r="A181654" i="1" s="1"/>
  <c r="A181655" i="1" s="1"/>
  <c r="A181656" i="1" s="1"/>
  <c r="A181657" i="1" s="1"/>
  <c r="A181658" i="1" s="1"/>
  <c r="A181659" i="1" s="1"/>
  <c r="A181660" i="1" s="1"/>
  <c r="A181661" i="1" s="1"/>
  <c r="A181662" i="1" s="1"/>
  <c r="A181663" i="1" s="1"/>
  <c r="A181664" i="1" s="1"/>
  <c r="A181665" i="1" s="1"/>
  <c r="A181666" i="1" s="1"/>
  <c r="A181667" i="1" s="1"/>
  <c r="A181668" i="1" s="1"/>
  <c r="A181669" i="1" s="1"/>
  <c r="A181670" i="1" s="1"/>
  <c r="A181671" i="1" s="1"/>
  <c r="A181672" i="1" s="1"/>
  <c r="A181673" i="1" s="1"/>
  <c r="A181674" i="1" s="1"/>
  <c r="A181675" i="1" s="1"/>
  <c r="A181676" i="1" s="1"/>
  <c r="A181677" i="1" s="1"/>
  <c r="A181678" i="1" s="1"/>
  <c r="A181679" i="1" s="1"/>
  <c r="A181680" i="1" s="1"/>
  <c r="A181681" i="1" s="1"/>
  <c r="A181682" i="1" s="1"/>
  <c r="A181683" i="1" s="1"/>
  <c r="A181684" i="1" s="1"/>
  <c r="A181685" i="1" s="1"/>
  <c r="A181686" i="1" s="1"/>
  <c r="A181687" i="1" s="1"/>
  <c r="A181688" i="1" s="1"/>
  <c r="A181689" i="1" s="1"/>
  <c r="A181690" i="1" s="1"/>
  <c r="A181691" i="1" s="1"/>
  <c r="A181692" i="1" s="1"/>
  <c r="A181693" i="1" s="1"/>
  <c r="A181694" i="1" s="1"/>
  <c r="A181695" i="1" s="1"/>
  <c r="A181696" i="1" s="1"/>
  <c r="A181697" i="1" s="1"/>
  <c r="A181698" i="1" s="1"/>
  <c r="A181699" i="1" s="1"/>
  <c r="A181700" i="1" s="1"/>
  <c r="A181701" i="1" s="1"/>
  <c r="A181702" i="1" s="1"/>
  <c r="A181703" i="1" s="1"/>
  <c r="A181704" i="1" s="1"/>
  <c r="A181705" i="1" s="1"/>
  <c r="A181706" i="1" s="1"/>
  <c r="A181707" i="1" s="1"/>
  <c r="A181708" i="1" s="1"/>
  <c r="A181709" i="1" s="1"/>
  <c r="A181710" i="1" s="1"/>
  <c r="A181711" i="1" s="1"/>
  <c r="A181712" i="1" s="1"/>
  <c r="A181713" i="1" s="1"/>
  <c r="A181714" i="1" s="1"/>
  <c r="A181715" i="1" s="1"/>
  <c r="A181716" i="1" s="1"/>
  <c r="A181717" i="1" s="1"/>
  <c r="A181718" i="1" s="1"/>
  <c r="A181719" i="1" s="1"/>
  <c r="A181720" i="1" s="1"/>
  <c r="A181721" i="1" s="1"/>
  <c r="A181722" i="1" s="1"/>
  <c r="A181723" i="1" s="1"/>
  <c r="A181724" i="1" s="1"/>
  <c r="A181725" i="1" s="1"/>
  <c r="A181726" i="1" s="1"/>
  <c r="A181727" i="1" s="1"/>
  <c r="A181728" i="1" s="1"/>
  <c r="A181729" i="1" s="1"/>
  <c r="A181730" i="1" s="1"/>
  <c r="A181731" i="1" s="1"/>
  <c r="A181732" i="1" s="1"/>
  <c r="A181733" i="1" s="1"/>
  <c r="A181734" i="1" s="1"/>
  <c r="A181735" i="1" s="1"/>
  <c r="A181736" i="1" s="1"/>
  <c r="A181737" i="1" s="1"/>
  <c r="A181738" i="1" s="1"/>
  <c r="A181739" i="1" s="1"/>
  <c r="A181740" i="1" s="1"/>
  <c r="A181741" i="1" s="1"/>
  <c r="A181742" i="1" s="1"/>
  <c r="A181743" i="1" s="1"/>
  <c r="A181744" i="1" s="1"/>
  <c r="A181745" i="1" s="1"/>
  <c r="A181746" i="1" s="1"/>
  <c r="A181747" i="1" s="1"/>
  <c r="A181748" i="1" s="1"/>
  <c r="A181749" i="1" s="1"/>
  <c r="A181750" i="1" s="1"/>
  <c r="A181751" i="1" s="1"/>
  <c r="A181752" i="1" s="1"/>
  <c r="A181753" i="1" s="1"/>
  <c r="A181754" i="1" s="1"/>
  <c r="A181755" i="1" s="1"/>
  <c r="A181756" i="1" s="1"/>
  <c r="A181757" i="1" s="1"/>
  <c r="A181758" i="1" s="1"/>
  <c r="A181759" i="1" s="1"/>
  <c r="A181760" i="1" s="1"/>
  <c r="A181761" i="1" s="1"/>
  <c r="A181762" i="1" s="1"/>
  <c r="A181763" i="1" s="1"/>
  <c r="A181764" i="1" s="1"/>
  <c r="A181765" i="1" s="1"/>
  <c r="A181766" i="1" s="1"/>
  <c r="A181767" i="1" s="1"/>
  <c r="A181768" i="1" s="1"/>
  <c r="A181769" i="1" s="1"/>
  <c r="A181770" i="1" s="1"/>
  <c r="A181771" i="1" s="1"/>
  <c r="A181772" i="1" s="1"/>
  <c r="A181773" i="1" s="1"/>
  <c r="A181774" i="1" s="1"/>
  <c r="A181775" i="1" s="1"/>
  <c r="A181776" i="1" s="1"/>
  <c r="A181777" i="1" s="1"/>
  <c r="A181778" i="1" s="1"/>
  <c r="A181779" i="1" s="1"/>
  <c r="A181780" i="1" s="1"/>
  <c r="A181781" i="1" s="1"/>
  <c r="A181782" i="1" s="1"/>
  <c r="A181783" i="1" s="1"/>
  <c r="A181784" i="1" s="1"/>
  <c r="A181785" i="1" s="1"/>
  <c r="A181786" i="1" s="1"/>
  <c r="A181787" i="1" s="1"/>
  <c r="A181788" i="1" s="1"/>
  <c r="A181789" i="1" s="1"/>
  <c r="A181790" i="1" s="1"/>
  <c r="A181791" i="1" s="1"/>
  <c r="A181792" i="1" s="1"/>
  <c r="A181793" i="1" s="1"/>
  <c r="A181794" i="1" s="1"/>
  <c r="A181795" i="1" s="1"/>
  <c r="A181796" i="1" s="1"/>
  <c r="A181797" i="1" s="1"/>
  <c r="A181798" i="1" s="1"/>
  <c r="A181799" i="1" s="1"/>
  <c r="A181800" i="1" s="1"/>
  <c r="A181801" i="1" s="1"/>
  <c r="A181802" i="1" s="1"/>
  <c r="A181803" i="1" s="1"/>
  <c r="A181804" i="1" s="1"/>
  <c r="A181805" i="1" s="1"/>
  <c r="A181806" i="1" s="1"/>
  <c r="A181807" i="1" s="1"/>
  <c r="A181808" i="1" s="1"/>
  <c r="A181809" i="1" s="1"/>
  <c r="A181810" i="1" s="1"/>
  <c r="A181811" i="1" s="1"/>
  <c r="A181812" i="1" s="1"/>
  <c r="A181813" i="1" s="1"/>
  <c r="A181814" i="1" s="1"/>
  <c r="A181815" i="1" s="1"/>
  <c r="A181816" i="1" s="1"/>
  <c r="A181817" i="1" s="1"/>
  <c r="A181818" i="1" s="1"/>
  <c r="A181819" i="1" s="1"/>
  <c r="A181820" i="1" s="1"/>
  <c r="A181821" i="1" s="1"/>
  <c r="A181822" i="1" s="1"/>
  <c r="A181823" i="1" s="1"/>
  <c r="A181824" i="1" s="1"/>
  <c r="A181825" i="1" s="1"/>
  <c r="A181826" i="1" s="1"/>
  <c r="A181827" i="1" s="1"/>
  <c r="A181828" i="1" s="1"/>
  <c r="A181829" i="1" s="1"/>
  <c r="A181830" i="1" s="1"/>
  <c r="A181831" i="1" s="1"/>
  <c r="A181832" i="1" s="1"/>
  <c r="A181833" i="1" s="1"/>
  <c r="A181834" i="1" s="1"/>
  <c r="A181835" i="1" s="1"/>
  <c r="A181836" i="1" s="1"/>
  <c r="A181837" i="1" s="1"/>
  <c r="A181838" i="1" s="1"/>
  <c r="A181839" i="1" s="1"/>
  <c r="A181840" i="1" s="1"/>
  <c r="A181841" i="1" s="1"/>
  <c r="A181842" i="1" s="1"/>
  <c r="A181843" i="1" s="1"/>
  <c r="A181844" i="1" s="1"/>
  <c r="A181845" i="1" s="1"/>
  <c r="A181846" i="1" s="1"/>
  <c r="A181847" i="1" s="1"/>
  <c r="A181848" i="1" s="1"/>
  <c r="A181849" i="1" s="1"/>
  <c r="A181850" i="1" s="1"/>
  <c r="A181851" i="1" s="1"/>
  <c r="A181852" i="1" s="1"/>
  <c r="A181853" i="1" s="1"/>
  <c r="A181854" i="1" s="1"/>
  <c r="A181855" i="1" s="1"/>
  <c r="A181856" i="1" s="1"/>
  <c r="A181857" i="1" s="1"/>
  <c r="A181858" i="1" s="1"/>
  <c r="A181859" i="1" s="1"/>
  <c r="A181860" i="1" s="1"/>
  <c r="A181861" i="1" s="1"/>
  <c r="A181862" i="1" s="1"/>
  <c r="A181863" i="1" s="1"/>
  <c r="A181864" i="1" s="1"/>
  <c r="A181865" i="1" s="1"/>
  <c r="A181866" i="1" s="1"/>
  <c r="A181867" i="1" s="1"/>
  <c r="A181868" i="1" s="1"/>
  <c r="A181869" i="1" s="1"/>
  <c r="A181870" i="1" s="1"/>
  <c r="A181871" i="1" s="1"/>
  <c r="A181872" i="1" s="1"/>
  <c r="A181873" i="1" s="1"/>
  <c r="A181874" i="1" s="1"/>
  <c r="A181875" i="1" s="1"/>
  <c r="A181876" i="1" s="1"/>
  <c r="A181877" i="1" s="1"/>
  <c r="A181878" i="1" s="1"/>
  <c r="A181879" i="1" s="1"/>
  <c r="A181880" i="1" s="1"/>
  <c r="A181881" i="1" s="1"/>
  <c r="A181882" i="1" s="1"/>
  <c r="A181883" i="1" s="1"/>
  <c r="A181884" i="1" s="1"/>
  <c r="A181885" i="1" s="1"/>
  <c r="A181886" i="1" s="1"/>
  <c r="A181887" i="1" s="1"/>
  <c r="A181888" i="1" s="1"/>
  <c r="A181889" i="1" s="1"/>
  <c r="A181890" i="1" s="1"/>
  <c r="A181891" i="1" s="1"/>
  <c r="A181892" i="1" s="1"/>
  <c r="A181893" i="1" s="1"/>
  <c r="A181894" i="1" s="1"/>
  <c r="A181895" i="1" s="1"/>
  <c r="A181896" i="1" s="1"/>
  <c r="A181897" i="1" s="1"/>
  <c r="A181898" i="1" s="1"/>
  <c r="A181899" i="1" s="1"/>
  <c r="A181900" i="1" s="1"/>
  <c r="A181901" i="1" s="1"/>
  <c r="A181902" i="1" s="1"/>
  <c r="A181903" i="1" s="1"/>
  <c r="A181904" i="1" s="1"/>
  <c r="A181905" i="1" s="1"/>
  <c r="A181906" i="1" s="1"/>
  <c r="A181907" i="1" s="1"/>
  <c r="A181908" i="1" s="1"/>
  <c r="A181909" i="1" s="1"/>
  <c r="A181910" i="1" s="1"/>
  <c r="A181911" i="1" s="1"/>
  <c r="A181912" i="1" s="1"/>
  <c r="A181913" i="1" s="1"/>
  <c r="A181914" i="1" s="1"/>
  <c r="A181915" i="1" s="1"/>
  <c r="A181916" i="1" s="1"/>
  <c r="A181917" i="1" s="1"/>
  <c r="A181918" i="1" s="1"/>
  <c r="A181919" i="1" s="1"/>
  <c r="A181920" i="1" s="1"/>
  <c r="A181921" i="1" s="1"/>
  <c r="A181922" i="1" s="1"/>
  <c r="A181923" i="1" s="1"/>
  <c r="A181924" i="1" s="1"/>
  <c r="A181925" i="1" s="1"/>
  <c r="A181926" i="1" s="1"/>
  <c r="A181927" i="1" s="1"/>
  <c r="A181928" i="1" s="1"/>
  <c r="A181929" i="1" s="1"/>
  <c r="A181930" i="1" s="1"/>
  <c r="A181931" i="1" s="1"/>
  <c r="A181932" i="1" s="1"/>
  <c r="A181933" i="1" s="1"/>
  <c r="A181934" i="1" s="1"/>
  <c r="A181935" i="1" s="1"/>
  <c r="A181936" i="1" s="1"/>
  <c r="A181937" i="1" s="1"/>
  <c r="A181938" i="1" s="1"/>
  <c r="A181939" i="1" s="1"/>
  <c r="A181940" i="1" s="1"/>
  <c r="A181941" i="1" s="1"/>
  <c r="A181942" i="1" s="1"/>
  <c r="A181943" i="1" s="1"/>
  <c r="A181944" i="1" s="1"/>
  <c r="A181945" i="1" s="1"/>
  <c r="A181946" i="1" s="1"/>
  <c r="A181947" i="1" s="1"/>
  <c r="A181948" i="1" s="1"/>
  <c r="A181949" i="1" s="1"/>
  <c r="A181950" i="1" s="1"/>
  <c r="A181951" i="1" s="1"/>
  <c r="A181952" i="1" s="1"/>
  <c r="A181953" i="1" s="1"/>
  <c r="A181954" i="1" s="1"/>
  <c r="A181955" i="1" s="1"/>
  <c r="A181956" i="1" s="1"/>
  <c r="A181957" i="1" s="1"/>
  <c r="A181958" i="1" s="1"/>
  <c r="A181959" i="1" s="1"/>
  <c r="A181960" i="1" s="1"/>
  <c r="A181961" i="1" s="1"/>
  <c r="A181962" i="1" s="1"/>
  <c r="A181963" i="1" s="1"/>
  <c r="A181964" i="1" s="1"/>
  <c r="A181965" i="1" s="1"/>
  <c r="A181966" i="1" s="1"/>
  <c r="A181967" i="1" s="1"/>
  <c r="A181968" i="1" s="1"/>
  <c r="A181969" i="1" s="1"/>
  <c r="A181970" i="1" s="1"/>
  <c r="A181971" i="1" s="1"/>
  <c r="A181972" i="1" s="1"/>
  <c r="A181973" i="1" s="1"/>
  <c r="A181974" i="1" s="1"/>
  <c r="A181975" i="1" s="1"/>
  <c r="A181976" i="1" s="1"/>
  <c r="A181977" i="1" s="1"/>
  <c r="A181978" i="1" s="1"/>
  <c r="A181979" i="1" s="1"/>
  <c r="A181980" i="1" s="1"/>
  <c r="A181981" i="1" s="1"/>
  <c r="A181982" i="1" s="1"/>
  <c r="A181983" i="1" s="1"/>
  <c r="A181984" i="1" s="1"/>
  <c r="A181985" i="1" s="1"/>
  <c r="A181986" i="1" s="1"/>
  <c r="A181987" i="1" s="1"/>
  <c r="A181988" i="1" s="1"/>
  <c r="A181989" i="1" s="1"/>
  <c r="A181990" i="1" s="1"/>
  <c r="A181991" i="1" s="1"/>
  <c r="A181992" i="1" s="1"/>
  <c r="A181993" i="1" s="1"/>
  <c r="A181994" i="1" s="1"/>
  <c r="A181995" i="1" s="1"/>
  <c r="A181996" i="1" s="1"/>
  <c r="A181997" i="1" s="1"/>
  <c r="A181998" i="1" s="1"/>
  <c r="A181999" i="1" s="1"/>
  <c r="A182000" i="1" s="1"/>
  <c r="A182001" i="1" s="1"/>
  <c r="A182002" i="1" s="1"/>
  <c r="A182003" i="1" s="1"/>
  <c r="A182004" i="1" s="1"/>
  <c r="A182005" i="1" s="1"/>
  <c r="A182006" i="1" s="1"/>
  <c r="A182007" i="1" s="1"/>
  <c r="A182008" i="1" s="1"/>
  <c r="A182009" i="1" s="1"/>
  <c r="A182010" i="1" s="1"/>
  <c r="A182011" i="1" s="1"/>
  <c r="A182012" i="1" s="1"/>
  <c r="A182013" i="1" s="1"/>
  <c r="A182014" i="1" s="1"/>
  <c r="A182015" i="1" s="1"/>
  <c r="A182016" i="1" s="1"/>
  <c r="A182017" i="1" s="1"/>
  <c r="A182018" i="1" s="1"/>
  <c r="A182019" i="1" s="1"/>
  <c r="A182020" i="1" s="1"/>
  <c r="A182021" i="1" s="1"/>
  <c r="A182022" i="1" s="1"/>
  <c r="A182023" i="1" s="1"/>
  <c r="A182024" i="1" s="1"/>
  <c r="A182025" i="1" s="1"/>
  <c r="A182026" i="1" s="1"/>
  <c r="A182027" i="1" s="1"/>
  <c r="A182028" i="1" s="1"/>
  <c r="A182029" i="1" s="1"/>
  <c r="A182030" i="1" s="1"/>
  <c r="A182031" i="1" s="1"/>
  <c r="A182032" i="1" s="1"/>
  <c r="A182033" i="1" s="1"/>
  <c r="A182034" i="1" s="1"/>
  <c r="A182035" i="1" s="1"/>
  <c r="A182036" i="1" s="1"/>
  <c r="A182037" i="1" s="1"/>
  <c r="A182038" i="1" s="1"/>
  <c r="A182039" i="1" s="1"/>
  <c r="A182040" i="1" s="1"/>
  <c r="A182041" i="1" s="1"/>
  <c r="A182042" i="1" s="1"/>
  <c r="A182043" i="1" s="1"/>
  <c r="A182044" i="1" s="1"/>
  <c r="A182045" i="1" s="1"/>
  <c r="A182046" i="1" s="1"/>
  <c r="A182047" i="1" s="1"/>
  <c r="A182048" i="1" s="1"/>
  <c r="A182049" i="1" s="1"/>
  <c r="A182050" i="1" s="1"/>
  <c r="A182051" i="1" s="1"/>
  <c r="A182052" i="1" s="1"/>
  <c r="A182053" i="1" s="1"/>
  <c r="A182054" i="1" s="1"/>
  <c r="A182055" i="1" s="1"/>
  <c r="A182056" i="1" s="1"/>
  <c r="A182057" i="1" s="1"/>
  <c r="A182058" i="1" s="1"/>
  <c r="A182059" i="1" s="1"/>
  <c r="A182060" i="1" s="1"/>
  <c r="A182061" i="1" s="1"/>
  <c r="A182062" i="1" s="1"/>
  <c r="A182063" i="1" s="1"/>
  <c r="A182064" i="1" s="1"/>
  <c r="A182065" i="1" s="1"/>
  <c r="A182066" i="1" s="1"/>
  <c r="A182067" i="1" s="1"/>
  <c r="A182068" i="1" s="1"/>
  <c r="A182069" i="1" s="1"/>
  <c r="A182070" i="1" s="1"/>
  <c r="A182071" i="1" s="1"/>
  <c r="A182072" i="1" s="1"/>
  <c r="A182073" i="1" s="1"/>
  <c r="A182074" i="1" s="1"/>
  <c r="A182075" i="1" s="1"/>
  <c r="A182076" i="1" s="1"/>
  <c r="A182077" i="1" s="1"/>
  <c r="A182078" i="1" s="1"/>
  <c r="A182079" i="1" s="1"/>
  <c r="A182080" i="1" s="1"/>
  <c r="A182081" i="1" s="1"/>
  <c r="A182082" i="1" s="1"/>
  <c r="A182083" i="1" s="1"/>
  <c r="A182084" i="1" s="1"/>
  <c r="A182085" i="1" s="1"/>
  <c r="A182086" i="1" s="1"/>
  <c r="A182087" i="1" s="1"/>
  <c r="A182088" i="1" s="1"/>
  <c r="A182089" i="1" s="1"/>
  <c r="A182090" i="1" s="1"/>
  <c r="A182091" i="1" s="1"/>
  <c r="A182092" i="1" s="1"/>
  <c r="A182093" i="1" s="1"/>
  <c r="A182094" i="1" s="1"/>
  <c r="A182095" i="1" s="1"/>
  <c r="A182096" i="1" s="1"/>
  <c r="A182097" i="1" s="1"/>
  <c r="A182098" i="1" s="1"/>
  <c r="A182099" i="1" s="1"/>
  <c r="A182100" i="1" s="1"/>
  <c r="A182101" i="1" s="1"/>
  <c r="A182102" i="1" s="1"/>
  <c r="A182103" i="1" s="1"/>
  <c r="A182104" i="1" s="1"/>
  <c r="A182105" i="1" s="1"/>
  <c r="A182106" i="1" s="1"/>
  <c r="A182107" i="1" s="1"/>
  <c r="A182108" i="1" s="1"/>
  <c r="A182109" i="1" s="1"/>
  <c r="A182110" i="1" s="1"/>
  <c r="A182111" i="1" s="1"/>
  <c r="A182112" i="1" s="1"/>
  <c r="A182113" i="1" s="1"/>
  <c r="A182114" i="1" s="1"/>
  <c r="A182115" i="1" s="1"/>
  <c r="A182116" i="1" s="1"/>
  <c r="A182117" i="1" s="1"/>
  <c r="A182118" i="1" s="1"/>
  <c r="A182119" i="1" s="1"/>
  <c r="A182120" i="1" s="1"/>
  <c r="A182121" i="1" s="1"/>
  <c r="A182122" i="1" s="1"/>
  <c r="A182123" i="1" s="1"/>
  <c r="A182124" i="1" s="1"/>
  <c r="A182125" i="1" s="1"/>
  <c r="A182126" i="1" s="1"/>
  <c r="A182127" i="1" s="1"/>
  <c r="A182128" i="1" s="1"/>
  <c r="A182129" i="1" s="1"/>
  <c r="A182130" i="1" s="1"/>
  <c r="A182131" i="1" s="1"/>
  <c r="A182132" i="1" s="1"/>
  <c r="A182133" i="1" s="1"/>
  <c r="A182134" i="1" s="1"/>
  <c r="A182135" i="1" s="1"/>
  <c r="A182136" i="1" s="1"/>
  <c r="A182137" i="1" s="1"/>
  <c r="A182138" i="1" s="1"/>
  <c r="A182139" i="1" s="1"/>
  <c r="A182140" i="1" s="1"/>
  <c r="A182141" i="1" s="1"/>
  <c r="A182142" i="1" s="1"/>
  <c r="A182143" i="1" s="1"/>
  <c r="A182144" i="1" s="1"/>
  <c r="A182145" i="1" s="1"/>
  <c r="A182146" i="1" s="1"/>
  <c r="A182147" i="1" s="1"/>
  <c r="A182148" i="1" s="1"/>
  <c r="A182149" i="1" s="1"/>
  <c r="A182150" i="1" s="1"/>
  <c r="A182151" i="1" s="1"/>
  <c r="A182152" i="1" s="1"/>
  <c r="A182153" i="1" s="1"/>
  <c r="A182154" i="1" s="1"/>
  <c r="A182155" i="1" s="1"/>
  <c r="A182156" i="1" s="1"/>
  <c r="A182157" i="1" s="1"/>
  <c r="A182158" i="1" s="1"/>
  <c r="A182159" i="1" s="1"/>
  <c r="A182160" i="1" s="1"/>
  <c r="A182161" i="1" s="1"/>
  <c r="A182162" i="1" s="1"/>
  <c r="A182163" i="1" s="1"/>
  <c r="A182164" i="1" s="1"/>
  <c r="A182165" i="1" s="1"/>
  <c r="A182166" i="1" s="1"/>
  <c r="A182167" i="1" s="1"/>
  <c r="A182168" i="1" s="1"/>
  <c r="A182169" i="1" s="1"/>
  <c r="A182170" i="1" s="1"/>
  <c r="A182171" i="1" s="1"/>
  <c r="A182172" i="1" s="1"/>
  <c r="A182173" i="1" s="1"/>
  <c r="A182174" i="1" s="1"/>
  <c r="A182175" i="1" s="1"/>
  <c r="A182176" i="1" s="1"/>
  <c r="A182177" i="1" s="1"/>
  <c r="A182178" i="1" s="1"/>
  <c r="A182179" i="1" s="1"/>
  <c r="A182180" i="1" s="1"/>
  <c r="A182181" i="1" s="1"/>
  <c r="A182182" i="1" s="1"/>
  <c r="A182183" i="1" s="1"/>
  <c r="A182184" i="1" s="1"/>
  <c r="A182185" i="1" s="1"/>
  <c r="A182186" i="1" s="1"/>
  <c r="A182187" i="1" s="1"/>
  <c r="A182188" i="1" s="1"/>
  <c r="A182189" i="1" s="1"/>
  <c r="A182190" i="1" s="1"/>
  <c r="A182191" i="1" s="1"/>
  <c r="A182192" i="1" s="1"/>
  <c r="A182193" i="1" s="1"/>
  <c r="A182194" i="1" s="1"/>
  <c r="A182195" i="1" s="1"/>
  <c r="A182196" i="1" s="1"/>
  <c r="A182197" i="1" s="1"/>
  <c r="A182198" i="1" s="1"/>
  <c r="A182199" i="1" s="1"/>
  <c r="A182200" i="1" s="1"/>
  <c r="A182201" i="1" s="1"/>
  <c r="A182202" i="1" s="1"/>
  <c r="A182203" i="1" s="1"/>
  <c r="A182204" i="1" s="1"/>
  <c r="A182205" i="1" s="1"/>
  <c r="A182206" i="1" s="1"/>
  <c r="A182207" i="1" s="1"/>
  <c r="A182208" i="1" s="1"/>
  <c r="A182209" i="1" s="1"/>
  <c r="A182210" i="1" s="1"/>
  <c r="A182211" i="1" s="1"/>
  <c r="A182212" i="1" s="1"/>
  <c r="A182213" i="1" s="1"/>
  <c r="A182214" i="1" s="1"/>
  <c r="A182215" i="1" s="1"/>
  <c r="A182216" i="1" s="1"/>
  <c r="A182217" i="1" s="1"/>
  <c r="A182218" i="1" s="1"/>
  <c r="A182219" i="1" s="1"/>
  <c r="A182220" i="1" s="1"/>
  <c r="A182221" i="1" s="1"/>
  <c r="A182222" i="1" s="1"/>
  <c r="A182223" i="1" s="1"/>
  <c r="A182224" i="1" s="1"/>
  <c r="A182225" i="1" s="1"/>
  <c r="A182226" i="1" s="1"/>
  <c r="A182227" i="1" s="1"/>
  <c r="A182228" i="1" s="1"/>
  <c r="A182229" i="1" s="1"/>
  <c r="A182230" i="1" s="1"/>
  <c r="A182231" i="1" s="1"/>
  <c r="A182232" i="1" s="1"/>
  <c r="A182233" i="1" s="1"/>
  <c r="A182234" i="1" s="1"/>
  <c r="A182235" i="1" s="1"/>
  <c r="A182236" i="1" s="1"/>
  <c r="A182237" i="1" s="1"/>
  <c r="A182238" i="1" s="1"/>
  <c r="A182239" i="1" s="1"/>
  <c r="A182240" i="1" s="1"/>
  <c r="A182241" i="1" s="1"/>
  <c r="A182242" i="1" s="1"/>
  <c r="A182243" i="1" s="1"/>
  <c r="A182244" i="1" s="1"/>
  <c r="A182245" i="1" s="1"/>
  <c r="A182246" i="1" s="1"/>
  <c r="A182247" i="1" s="1"/>
  <c r="A182248" i="1" s="1"/>
  <c r="A182249" i="1" s="1"/>
  <c r="A182250" i="1" s="1"/>
  <c r="A182251" i="1" s="1"/>
  <c r="A182252" i="1" s="1"/>
  <c r="A182253" i="1" s="1"/>
  <c r="A182254" i="1" s="1"/>
  <c r="A182255" i="1" s="1"/>
  <c r="A182256" i="1" s="1"/>
  <c r="A182257" i="1" s="1"/>
  <c r="A182258" i="1" s="1"/>
  <c r="A182259" i="1" s="1"/>
  <c r="A182260" i="1" s="1"/>
  <c r="A182261" i="1" s="1"/>
  <c r="A182262" i="1" s="1"/>
  <c r="A182263" i="1" s="1"/>
  <c r="A182264" i="1" s="1"/>
  <c r="A182265" i="1" s="1"/>
  <c r="A182266" i="1" s="1"/>
  <c r="A182267" i="1" s="1"/>
  <c r="A182268" i="1" s="1"/>
  <c r="A182269" i="1" s="1"/>
  <c r="A182270" i="1" s="1"/>
  <c r="A182271" i="1" s="1"/>
  <c r="A182272" i="1" s="1"/>
  <c r="A182273" i="1" s="1"/>
  <c r="A182274" i="1" s="1"/>
  <c r="A182275" i="1" s="1"/>
  <c r="A182276" i="1" s="1"/>
  <c r="A182277" i="1" s="1"/>
  <c r="A182278" i="1" s="1"/>
  <c r="A182279" i="1" s="1"/>
  <c r="A182280" i="1" s="1"/>
  <c r="A182281" i="1" s="1"/>
  <c r="A182282" i="1" s="1"/>
  <c r="A182283" i="1" s="1"/>
  <c r="A182284" i="1" s="1"/>
  <c r="A182285" i="1" s="1"/>
  <c r="A182286" i="1" s="1"/>
  <c r="A182287" i="1" s="1"/>
  <c r="A182288" i="1" s="1"/>
  <c r="A182289" i="1" s="1"/>
  <c r="A182290" i="1" s="1"/>
  <c r="A182291" i="1" s="1"/>
  <c r="A182292" i="1" s="1"/>
  <c r="A182293" i="1" s="1"/>
  <c r="A182294" i="1" s="1"/>
  <c r="A182295" i="1" s="1"/>
  <c r="A182296" i="1" s="1"/>
  <c r="A182297" i="1" s="1"/>
  <c r="A182298" i="1" s="1"/>
  <c r="A182299" i="1" s="1"/>
  <c r="A182300" i="1" s="1"/>
  <c r="A182301" i="1" s="1"/>
  <c r="A182302" i="1" s="1"/>
  <c r="A182303" i="1" s="1"/>
  <c r="A182304" i="1" s="1"/>
  <c r="A182305" i="1" s="1"/>
  <c r="A182306" i="1" s="1"/>
  <c r="A182307" i="1" s="1"/>
  <c r="A182308" i="1" s="1"/>
  <c r="A182309" i="1" s="1"/>
  <c r="A182310" i="1" s="1"/>
  <c r="A182311" i="1" s="1"/>
  <c r="A182312" i="1" s="1"/>
  <c r="A182313" i="1" s="1"/>
  <c r="A182314" i="1" s="1"/>
  <c r="A182315" i="1" s="1"/>
  <c r="A182316" i="1" s="1"/>
  <c r="A182317" i="1" s="1"/>
  <c r="A182318" i="1" s="1"/>
  <c r="A182319" i="1" s="1"/>
  <c r="A182320" i="1" s="1"/>
  <c r="A182321" i="1" s="1"/>
  <c r="A182322" i="1" s="1"/>
  <c r="A182323" i="1" s="1"/>
  <c r="A182324" i="1" s="1"/>
  <c r="A182325" i="1" s="1"/>
  <c r="A182326" i="1" s="1"/>
  <c r="A182327" i="1" s="1"/>
  <c r="A182328" i="1" s="1"/>
  <c r="A182329" i="1" s="1"/>
  <c r="A182330" i="1" s="1"/>
  <c r="A182331" i="1" s="1"/>
  <c r="A182332" i="1" s="1"/>
  <c r="A182333" i="1" s="1"/>
  <c r="A182334" i="1" s="1"/>
  <c r="A182335" i="1" s="1"/>
  <c r="A182336" i="1" s="1"/>
  <c r="A182337" i="1" s="1"/>
  <c r="A182338" i="1" s="1"/>
  <c r="A182339" i="1" s="1"/>
  <c r="A182340" i="1" s="1"/>
  <c r="A182341" i="1" s="1"/>
  <c r="A182342" i="1" s="1"/>
  <c r="A182343" i="1" s="1"/>
  <c r="A182344" i="1" s="1"/>
  <c r="A182345" i="1" s="1"/>
  <c r="A182346" i="1" s="1"/>
  <c r="A182347" i="1" s="1"/>
  <c r="A182348" i="1" s="1"/>
  <c r="A182349" i="1" s="1"/>
  <c r="A182350" i="1" s="1"/>
  <c r="A182351" i="1" s="1"/>
  <c r="A182352" i="1" s="1"/>
  <c r="A182353" i="1" s="1"/>
  <c r="A182354" i="1" s="1"/>
  <c r="A182355" i="1" s="1"/>
  <c r="A182356" i="1" s="1"/>
  <c r="A182357" i="1" s="1"/>
  <c r="A182358" i="1" s="1"/>
  <c r="A182359" i="1" s="1"/>
  <c r="A182360" i="1" s="1"/>
  <c r="A182361" i="1" s="1"/>
  <c r="A182362" i="1" s="1"/>
  <c r="A182363" i="1" s="1"/>
  <c r="A182364" i="1" s="1"/>
  <c r="A182365" i="1" s="1"/>
  <c r="A182366" i="1" s="1"/>
  <c r="A182367" i="1" s="1"/>
  <c r="A182368" i="1" s="1"/>
  <c r="A182369" i="1" s="1"/>
  <c r="A182370" i="1" s="1"/>
  <c r="A182371" i="1" s="1"/>
  <c r="A182372" i="1" s="1"/>
  <c r="A182373" i="1" s="1"/>
  <c r="A182374" i="1" s="1"/>
  <c r="A182375" i="1" s="1"/>
  <c r="A182376" i="1" s="1"/>
  <c r="A182377" i="1" s="1"/>
  <c r="A182378" i="1" s="1"/>
  <c r="A182379" i="1" s="1"/>
  <c r="A182380" i="1" s="1"/>
  <c r="A182381" i="1" s="1"/>
  <c r="A182382" i="1" s="1"/>
  <c r="A182383" i="1" s="1"/>
  <c r="A182384" i="1" s="1"/>
  <c r="A182385" i="1" s="1"/>
  <c r="A182386" i="1" s="1"/>
  <c r="A182387" i="1" s="1"/>
  <c r="A182388" i="1" s="1"/>
  <c r="A182389" i="1" s="1"/>
  <c r="A182390" i="1" s="1"/>
  <c r="A182391" i="1" s="1"/>
  <c r="A182392" i="1" s="1"/>
  <c r="A182393" i="1" s="1"/>
  <c r="A182394" i="1" s="1"/>
  <c r="A182395" i="1" s="1"/>
  <c r="A182396" i="1" s="1"/>
  <c r="A182397" i="1" s="1"/>
  <c r="A182398" i="1" s="1"/>
  <c r="A182399" i="1" s="1"/>
  <c r="A182400" i="1" s="1"/>
  <c r="A182401" i="1" s="1"/>
  <c r="A182402" i="1" s="1"/>
  <c r="A182403" i="1" s="1"/>
  <c r="A182404" i="1" s="1"/>
  <c r="A182405" i="1" s="1"/>
  <c r="A182406" i="1" s="1"/>
  <c r="A182407" i="1" s="1"/>
  <c r="A182408" i="1" s="1"/>
  <c r="A182409" i="1" s="1"/>
  <c r="A182410" i="1" s="1"/>
  <c r="A182411" i="1" s="1"/>
  <c r="A182412" i="1" s="1"/>
  <c r="A182413" i="1" s="1"/>
  <c r="A182414" i="1" s="1"/>
  <c r="A182415" i="1" s="1"/>
  <c r="A182416" i="1" s="1"/>
  <c r="A182417" i="1" s="1"/>
  <c r="A182418" i="1" s="1"/>
  <c r="A182419" i="1" s="1"/>
  <c r="A182420" i="1" s="1"/>
  <c r="A182421" i="1" s="1"/>
  <c r="A182422" i="1" s="1"/>
  <c r="A182423" i="1" s="1"/>
  <c r="A182424" i="1" s="1"/>
  <c r="A182425" i="1" s="1"/>
  <c r="A182426" i="1" s="1"/>
  <c r="A182427" i="1" s="1"/>
  <c r="A182428" i="1" s="1"/>
  <c r="A182429" i="1" s="1"/>
  <c r="A182430" i="1" s="1"/>
  <c r="A182431" i="1" s="1"/>
  <c r="A182432" i="1" s="1"/>
  <c r="A182433" i="1" s="1"/>
  <c r="A182434" i="1" s="1"/>
  <c r="A182435" i="1" s="1"/>
  <c r="A182436" i="1" s="1"/>
  <c r="A182437" i="1" s="1"/>
  <c r="A182438" i="1" s="1"/>
  <c r="A182439" i="1" s="1"/>
  <c r="A182440" i="1" s="1"/>
  <c r="A182441" i="1" s="1"/>
  <c r="A182442" i="1" s="1"/>
  <c r="A182443" i="1" s="1"/>
  <c r="A182444" i="1" s="1"/>
  <c r="A182445" i="1" s="1"/>
  <c r="A182446" i="1" s="1"/>
  <c r="A182447" i="1" s="1"/>
  <c r="A182448" i="1" s="1"/>
  <c r="A182449" i="1" s="1"/>
  <c r="A182450" i="1" s="1"/>
  <c r="A182451" i="1" s="1"/>
  <c r="A182452" i="1" s="1"/>
  <c r="A182453" i="1" s="1"/>
  <c r="A182454" i="1" s="1"/>
  <c r="A182455" i="1" s="1"/>
  <c r="A182456" i="1" s="1"/>
  <c r="A182457" i="1" s="1"/>
  <c r="A182458" i="1" s="1"/>
  <c r="A182459" i="1" s="1"/>
  <c r="A182460" i="1" s="1"/>
  <c r="A182461" i="1" s="1"/>
  <c r="A182462" i="1" s="1"/>
  <c r="A182463" i="1" s="1"/>
  <c r="A182464" i="1" s="1"/>
  <c r="A182465" i="1" s="1"/>
  <c r="A182466" i="1" s="1"/>
  <c r="A182467" i="1" s="1"/>
  <c r="A182468" i="1" s="1"/>
  <c r="A182469" i="1" s="1"/>
  <c r="A182470" i="1" s="1"/>
  <c r="A182471" i="1" s="1"/>
  <c r="A182472" i="1" s="1"/>
  <c r="A182473" i="1" s="1"/>
  <c r="A182474" i="1" s="1"/>
  <c r="A182475" i="1" s="1"/>
  <c r="A182476" i="1" s="1"/>
  <c r="A182477" i="1" s="1"/>
  <c r="A182478" i="1" s="1"/>
  <c r="A182479" i="1" s="1"/>
  <c r="A182480" i="1" s="1"/>
  <c r="A182481" i="1" s="1"/>
  <c r="A182482" i="1" s="1"/>
  <c r="A182483" i="1" s="1"/>
  <c r="A182484" i="1" s="1"/>
  <c r="A182485" i="1" s="1"/>
  <c r="A182486" i="1" s="1"/>
  <c r="A182487" i="1" s="1"/>
  <c r="A182488" i="1" s="1"/>
  <c r="A182489" i="1" s="1"/>
  <c r="A182490" i="1" s="1"/>
  <c r="A182491" i="1" s="1"/>
  <c r="A182492" i="1" s="1"/>
  <c r="A182493" i="1" s="1"/>
  <c r="A182494" i="1" s="1"/>
  <c r="A182495" i="1" s="1"/>
  <c r="A182496" i="1" s="1"/>
  <c r="A182497" i="1" s="1"/>
  <c r="A182498" i="1" s="1"/>
  <c r="A182499" i="1" s="1"/>
  <c r="A182500" i="1" s="1"/>
  <c r="A182501" i="1" s="1"/>
  <c r="A182502" i="1" s="1"/>
  <c r="A182503" i="1" s="1"/>
  <c r="A182504" i="1" s="1"/>
  <c r="A182505" i="1" s="1"/>
  <c r="A182506" i="1" s="1"/>
  <c r="A182507" i="1" s="1"/>
  <c r="A182508" i="1" s="1"/>
  <c r="A182509" i="1" s="1"/>
  <c r="A182510" i="1" s="1"/>
  <c r="A182511" i="1" s="1"/>
  <c r="A182512" i="1" s="1"/>
  <c r="A182513" i="1" s="1"/>
  <c r="A182514" i="1" s="1"/>
  <c r="A182515" i="1" s="1"/>
  <c r="A182516" i="1" s="1"/>
  <c r="A182517" i="1" s="1"/>
  <c r="A182518" i="1" s="1"/>
  <c r="A182519" i="1" s="1"/>
  <c r="A182520" i="1" s="1"/>
  <c r="A182521" i="1" s="1"/>
  <c r="A182522" i="1" s="1"/>
  <c r="A182523" i="1" s="1"/>
  <c r="A182524" i="1" s="1"/>
  <c r="A182525" i="1" s="1"/>
  <c r="A182526" i="1" s="1"/>
  <c r="A182527" i="1" s="1"/>
  <c r="A182528" i="1" s="1"/>
  <c r="A182529" i="1" s="1"/>
  <c r="A182530" i="1" s="1"/>
  <c r="A182531" i="1" s="1"/>
  <c r="A182532" i="1" s="1"/>
  <c r="A182533" i="1" s="1"/>
  <c r="A182534" i="1" s="1"/>
  <c r="A182535" i="1" s="1"/>
  <c r="A182536" i="1" s="1"/>
  <c r="A182537" i="1" s="1"/>
  <c r="A182538" i="1" s="1"/>
  <c r="A182539" i="1" s="1"/>
  <c r="A182540" i="1" s="1"/>
  <c r="A182541" i="1" s="1"/>
  <c r="A182542" i="1" s="1"/>
  <c r="A182543" i="1" s="1"/>
  <c r="A182544" i="1" s="1"/>
  <c r="A182545" i="1" s="1"/>
  <c r="A182546" i="1" s="1"/>
  <c r="A182547" i="1" s="1"/>
  <c r="A182548" i="1" s="1"/>
  <c r="A182549" i="1" s="1"/>
  <c r="A182550" i="1" s="1"/>
  <c r="A182551" i="1" s="1"/>
  <c r="A182552" i="1" s="1"/>
  <c r="A182553" i="1" s="1"/>
  <c r="A182554" i="1" s="1"/>
  <c r="A182555" i="1" s="1"/>
  <c r="A182556" i="1" s="1"/>
  <c r="A182557" i="1" s="1"/>
  <c r="A182558" i="1" s="1"/>
  <c r="A182559" i="1" s="1"/>
  <c r="A182560" i="1" s="1"/>
  <c r="A182561" i="1" s="1"/>
  <c r="A182562" i="1" s="1"/>
  <c r="A182563" i="1" s="1"/>
  <c r="A182564" i="1" s="1"/>
  <c r="A182565" i="1" s="1"/>
  <c r="A182566" i="1" s="1"/>
  <c r="A182567" i="1" s="1"/>
  <c r="A182568" i="1" s="1"/>
  <c r="A182569" i="1" s="1"/>
  <c r="A182570" i="1" s="1"/>
  <c r="A182571" i="1" s="1"/>
  <c r="A182572" i="1" s="1"/>
  <c r="A182573" i="1" s="1"/>
  <c r="A182574" i="1" s="1"/>
  <c r="A182575" i="1" s="1"/>
  <c r="A182576" i="1" s="1"/>
  <c r="A182577" i="1" s="1"/>
  <c r="A182578" i="1" s="1"/>
  <c r="A182579" i="1" s="1"/>
  <c r="A182580" i="1" s="1"/>
  <c r="A182581" i="1" s="1"/>
  <c r="A182582" i="1" s="1"/>
  <c r="A182583" i="1" s="1"/>
  <c r="A182584" i="1" s="1"/>
  <c r="A182585" i="1" s="1"/>
  <c r="A182586" i="1" s="1"/>
  <c r="A182587" i="1" s="1"/>
  <c r="A182588" i="1" s="1"/>
  <c r="A182589" i="1" s="1"/>
  <c r="A182590" i="1" s="1"/>
  <c r="A182591" i="1" s="1"/>
  <c r="A182592" i="1" s="1"/>
  <c r="A182593" i="1" s="1"/>
  <c r="A182594" i="1" s="1"/>
  <c r="A182595" i="1" s="1"/>
  <c r="A182596" i="1" s="1"/>
  <c r="A182597" i="1" s="1"/>
  <c r="A182598" i="1" s="1"/>
  <c r="A182599" i="1" s="1"/>
  <c r="A182600" i="1" s="1"/>
  <c r="A182601" i="1" s="1"/>
  <c r="A182602" i="1" s="1"/>
  <c r="A182603" i="1" s="1"/>
  <c r="A182604" i="1" s="1"/>
  <c r="A182605" i="1" s="1"/>
  <c r="A182606" i="1" s="1"/>
  <c r="A182607" i="1" s="1"/>
  <c r="A182608" i="1" s="1"/>
  <c r="A182609" i="1" s="1"/>
  <c r="A182610" i="1" s="1"/>
  <c r="A182611" i="1" s="1"/>
  <c r="A182612" i="1" s="1"/>
  <c r="A182613" i="1" s="1"/>
  <c r="A182614" i="1" s="1"/>
  <c r="A182615" i="1" s="1"/>
  <c r="A182616" i="1" s="1"/>
  <c r="A182617" i="1" s="1"/>
  <c r="A182618" i="1" s="1"/>
  <c r="A182619" i="1" s="1"/>
  <c r="A182620" i="1" s="1"/>
  <c r="A182621" i="1" s="1"/>
  <c r="A182622" i="1" s="1"/>
  <c r="A182623" i="1" s="1"/>
  <c r="A182624" i="1" s="1"/>
  <c r="A182625" i="1" s="1"/>
  <c r="A182626" i="1" s="1"/>
  <c r="A182627" i="1" s="1"/>
  <c r="A182628" i="1" s="1"/>
  <c r="A182629" i="1" s="1"/>
  <c r="A182630" i="1" s="1"/>
  <c r="A182631" i="1" s="1"/>
  <c r="A182632" i="1" s="1"/>
  <c r="A182633" i="1" s="1"/>
  <c r="A182634" i="1" s="1"/>
  <c r="A182635" i="1" s="1"/>
  <c r="A182636" i="1" s="1"/>
  <c r="A182637" i="1" s="1"/>
  <c r="A182638" i="1" s="1"/>
  <c r="A182639" i="1" s="1"/>
  <c r="A182640" i="1" s="1"/>
  <c r="A182641" i="1" s="1"/>
  <c r="A182642" i="1" s="1"/>
  <c r="A182643" i="1" s="1"/>
  <c r="A182644" i="1" s="1"/>
  <c r="A182645" i="1" s="1"/>
  <c r="A182646" i="1" s="1"/>
  <c r="A182647" i="1" s="1"/>
  <c r="A182648" i="1" s="1"/>
  <c r="A182649" i="1" s="1"/>
  <c r="A182650" i="1" s="1"/>
  <c r="A182651" i="1" s="1"/>
  <c r="A182652" i="1" s="1"/>
  <c r="A182653" i="1" s="1"/>
  <c r="A182654" i="1" s="1"/>
  <c r="A182655" i="1" s="1"/>
  <c r="A182656" i="1" s="1"/>
  <c r="A182657" i="1" s="1"/>
  <c r="A182658" i="1" s="1"/>
  <c r="A182659" i="1" s="1"/>
  <c r="A182660" i="1" s="1"/>
  <c r="A182661" i="1" s="1"/>
  <c r="A182662" i="1" s="1"/>
  <c r="A182663" i="1" s="1"/>
  <c r="A182664" i="1" s="1"/>
  <c r="A182665" i="1" s="1"/>
  <c r="A182666" i="1" s="1"/>
  <c r="A182667" i="1" s="1"/>
  <c r="A182668" i="1" s="1"/>
  <c r="A182669" i="1" s="1"/>
  <c r="A182670" i="1" s="1"/>
  <c r="A182671" i="1" s="1"/>
  <c r="A182672" i="1" s="1"/>
  <c r="A182673" i="1" s="1"/>
  <c r="A182674" i="1" s="1"/>
  <c r="A182675" i="1" s="1"/>
  <c r="A182676" i="1" s="1"/>
  <c r="A182677" i="1" s="1"/>
  <c r="A182678" i="1" s="1"/>
  <c r="A182679" i="1" s="1"/>
  <c r="A182680" i="1" s="1"/>
  <c r="A182681" i="1" s="1"/>
  <c r="A182682" i="1" s="1"/>
  <c r="A182683" i="1" s="1"/>
  <c r="A182684" i="1" s="1"/>
  <c r="A182685" i="1" s="1"/>
  <c r="A182686" i="1" s="1"/>
  <c r="A182687" i="1" s="1"/>
  <c r="A182688" i="1" s="1"/>
  <c r="A182689" i="1" s="1"/>
  <c r="A182690" i="1" s="1"/>
  <c r="A182691" i="1" s="1"/>
  <c r="A182692" i="1" s="1"/>
  <c r="A182693" i="1" s="1"/>
  <c r="A182694" i="1" s="1"/>
  <c r="A182695" i="1" s="1"/>
  <c r="A182696" i="1" s="1"/>
  <c r="A182697" i="1" s="1"/>
  <c r="A182698" i="1" s="1"/>
  <c r="A182699" i="1" s="1"/>
  <c r="A182700" i="1" s="1"/>
  <c r="A182701" i="1" s="1"/>
  <c r="A182702" i="1" s="1"/>
  <c r="A182703" i="1" s="1"/>
  <c r="A182704" i="1" s="1"/>
  <c r="A182705" i="1" s="1"/>
  <c r="A182706" i="1" s="1"/>
  <c r="A182707" i="1" s="1"/>
  <c r="A182708" i="1" s="1"/>
  <c r="A182709" i="1" s="1"/>
  <c r="A182710" i="1" s="1"/>
  <c r="A182711" i="1" s="1"/>
  <c r="A182712" i="1" s="1"/>
  <c r="A182713" i="1" s="1"/>
  <c r="A182714" i="1" s="1"/>
  <c r="A182715" i="1" s="1"/>
  <c r="A182716" i="1" s="1"/>
  <c r="A182717" i="1" s="1"/>
  <c r="A182718" i="1" s="1"/>
  <c r="A182719" i="1" s="1"/>
  <c r="A182720" i="1" s="1"/>
  <c r="A182721" i="1" s="1"/>
  <c r="A182722" i="1" s="1"/>
  <c r="A182723" i="1" s="1"/>
  <c r="A182724" i="1" s="1"/>
  <c r="A182725" i="1" s="1"/>
  <c r="A182726" i="1" s="1"/>
  <c r="A182727" i="1" s="1"/>
  <c r="A182728" i="1" s="1"/>
  <c r="A182729" i="1" s="1"/>
  <c r="A182730" i="1" s="1"/>
  <c r="A182731" i="1" s="1"/>
  <c r="A182732" i="1" s="1"/>
  <c r="A182733" i="1" s="1"/>
  <c r="A182734" i="1" s="1"/>
  <c r="A182735" i="1" s="1"/>
  <c r="A182736" i="1" s="1"/>
  <c r="A182737" i="1" s="1"/>
  <c r="A182738" i="1" s="1"/>
  <c r="A182739" i="1" s="1"/>
  <c r="A182740" i="1" s="1"/>
  <c r="A182741" i="1" s="1"/>
  <c r="A182742" i="1" s="1"/>
  <c r="A182743" i="1" s="1"/>
  <c r="A182744" i="1" s="1"/>
  <c r="A182745" i="1" s="1"/>
  <c r="A182746" i="1" s="1"/>
  <c r="A182747" i="1" s="1"/>
  <c r="A182748" i="1" s="1"/>
  <c r="A182749" i="1" s="1"/>
  <c r="A182750" i="1" s="1"/>
  <c r="A182751" i="1" s="1"/>
  <c r="A182752" i="1" s="1"/>
  <c r="A182753" i="1" s="1"/>
  <c r="A182754" i="1" s="1"/>
  <c r="A182755" i="1" s="1"/>
  <c r="A182756" i="1" s="1"/>
  <c r="A182757" i="1" s="1"/>
  <c r="A182758" i="1" s="1"/>
  <c r="A182759" i="1" s="1"/>
  <c r="A182760" i="1" s="1"/>
  <c r="A182761" i="1" s="1"/>
  <c r="A182762" i="1" s="1"/>
  <c r="A182763" i="1" s="1"/>
  <c r="A182764" i="1" s="1"/>
  <c r="A182765" i="1" s="1"/>
  <c r="A182766" i="1" s="1"/>
  <c r="A182767" i="1" s="1"/>
  <c r="A182768" i="1" s="1"/>
  <c r="A182769" i="1" s="1"/>
  <c r="A182770" i="1" s="1"/>
  <c r="A182771" i="1" s="1"/>
  <c r="A182772" i="1" s="1"/>
  <c r="A182773" i="1" s="1"/>
  <c r="A182774" i="1" s="1"/>
  <c r="A182775" i="1" s="1"/>
  <c r="A182776" i="1" s="1"/>
  <c r="A182777" i="1" s="1"/>
  <c r="A182778" i="1" s="1"/>
  <c r="A182779" i="1" s="1"/>
  <c r="A182780" i="1" s="1"/>
  <c r="A182781" i="1" s="1"/>
  <c r="A182782" i="1" s="1"/>
  <c r="A182783" i="1" s="1"/>
  <c r="A182784" i="1" s="1"/>
  <c r="A182785" i="1" s="1"/>
  <c r="A182786" i="1" s="1"/>
  <c r="A182787" i="1" s="1"/>
  <c r="A182788" i="1" s="1"/>
  <c r="A182789" i="1" s="1"/>
  <c r="A182790" i="1" s="1"/>
  <c r="A182791" i="1" s="1"/>
  <c r="A182792" i="1" s="1"/>
  <c r="A182793" i="1" s="1"/>
  <c r="A182794" i="1" s="1"/>
  <c r="A182795" i="1" s="1"/>
  <c r="A182796" i="1" s="1"/>
  <c r="A182797" i="1" s="1"/>
  <c r="A182798" i="1" s="1"/>
  <c r="A182799" i="1" s="1"/>
  <c r="A182800" i="1" s="1"/>
  <c r="A182801" i="1" s="1"/>
  <c r="A182802" i="1" s="1"/>
  <c r="A182803" i="1" s="1"/>
  <c r="A182804" i="1" s="1"/>
  <c r="A182805" i="1" s="1"/>
  <c r="A182806" i="1" s="1"/>
  <c r="A182807" i="1" s="1"/>
  <c r="A182808" i="1" s="1"/>
  <c r="A182809" i="1" s="1"/>
  <c r="A182810" i="1" s="1"/>
  <c r="A182811" i="1" s="1"/>
  <c r="A182812" i="1" s="1"/>
  <c r="A182813" i="1" s="1"/>
  <c r="A182814" i="1" s="1"/>
  <c r="A182815" i="1" s="1"/>
  <c r="A182816" i="1" s="1"/>
  <c r="A182817" i="1" s="1"/>
  <c r="A182818" i="1" s="1"/>
  <c r="A182819" i="1" s="1"/>
  <c r="A182820" i="1" s="1"/>
  <c r="A182821" i="1" s="1"/>
  <c r="A182822" i="1" s="1"/>
  <c r="A182823" i="1" s="1"/>
  <c r="A182824" i="1" s="1"/>
  <c r="A182825" i="1" s="1"/>
  <c r="A182826" i="1" s="1"/>
  <c r="A182827" i="1" s="1"/>
  <c r="A182828" i="1" s="1"/>
  <c r="A182829" i="1" s="1"/>
  <c r="A182830" i="1" s="1"/>
  <c r="A182831" i="1" s="1"/>
  <c r="A182832" i="1" s="1"/>
  <c r="A182833" i="1" s="1"/>
  <c r="A182834" i="1" s="1"/>
  <c r="A182835" i="1" s="1"/>
  <c r="A182836" i="1" s="1"/>
  <c r="A182837" i="1" s="1"/>
  <c r="A182838" i="1" s="1"/>
  <c r="A182839" i="1" s="1"/>
  <c r="A182840" i="1" s="1"/>
  <c r="A182841" i="1" s="1"/>
  <c r="A182842" i="1" s="1"/>
  <c r="A182843" i="1" s="1"/>
  <c r="A182844" i="1" s="1"/>
  <c r="A182845" i="1" s="1"/>
  <c r="A182846" i="1" s="1"/>
  <c r="A182847" i="1" s="1"/>
  <c r="A182848" i="1" s="1"/>
  <c r="A182849" i="1" s="1"/>
  <c r="A182850" i="1" s="1"/>
  <c r="A182851" i="1" s="1"/>
  <c r="A182852" i="1" s="1"/>
  <c r="A182853" i="1" s="1"/>
  <c r="A182854" i="1" s="1"/>
  <c r="A182855" i="1" s="1"/>
  <c r="A182856" i="1" s="1"/>
  <c r="A182857" i="1" s="1"/>
  <c r="A182858" i="1" s="1"/>
  <c r="A182859" i="1" s="1"/>
  <c r="A182860" i="1" s="1"/>
  <c r="A182861" i="1" s="1"/>
  <c r="A182862" i="1" s="1"/>
  <c r="A182863" i="1" s="1"/>
  <c r="A182864" i="1" s="1"/>
  <c r="A182865" i="1" s="1"/>
  <c r="A182866" i="1" s="1"/>
  <c r="A182867" i="1" s="1"/>
  <c r="A182868" i="1" s="1"/>
  <c r="A182869" i="1" s="1"/>
  <c r="A182870" i="1" s="1"/>
  <c r="A182871" i="1" s="1"/>
  <c r="A182872" i="1" s="1"/>
  <c r="A182873" i="1" s="1"/>
  <c r="A182874" i="1" s="1"/>
  <c r="A182875" i="1" s="1"/>
  <c r="A182876" i="1" s="1"/>
  <c r="A182877" i="1" s="1"/>
  <c r="A182878" i="1" s="1"/>
  <c r="A182879" i="1" s="1"/>
  <c r="A182880" i="1" s="1"/>
  <c r="A182881" i="1" s="1"/>
  <c r="A182882" i="1" s="1"/>
  <c r="A182883" i="1" s="1"/>
  <c r="A182884" i="1" s="1"/>
  <c r="A182885" i="1" s="1"/>
  <c r="A182886" i="1" s="1"/>
  <c r="A182887" i="1" s="1"/>
  <c r="A182888" i="1" s="1"/>
  <c r="A182889" i="1" s="1"/>
  <c r="A182890" i="1" s="1"/>
  <c r="A182891" i="1" s="1"/>
  <c r="A182892" i="1" s="1"/>
  <c r="A182893" i="1" s="1"/>
  <c r="A182894" i="1" s="1"/>
  <c r="A182895" i="1" s="1"/>
  <c r="A182896" i="1" s="1"/>
  <c r="A182897" i="1" s="1"/>
  <c r="A182898" i="1" s="1"/>
  <c r="A182899" i="1" s="1"/>
  <c r="A182900" i="1" s="1"/>
  <c r="A182901" i="1" s="1"/>
  <c r="A182902" i="1" s="1"/>
  <c r="A182903" i="1" s="1"/>
  <c r="A182904" i="1" s="1"/>
  <c r="A182905" i="1" s="1"/>
  <c r="A182906" i="1" s="1"/>
  <c r="A182907" i="1" s="1"/>
  <c r="A182908" i="1" s="1"/>
  <c r="A182909" i="1" s="1"/>
  <c r="A182910" i="1" s="1"/>
  <c r="A182911" i="1" s="1"/>
  <c r="A182912" i="1" s="1"/>
  <c r="A182913" i="1" s="1"/>
  <c r="A182914" i="1" s="1"/>
  <c r="A182915" i="1" s="1"/>
  <c r="A182916" i="1" s="1"/>
  <c r="A182917" i="1" s="1"/>
  <c r="A182918" i="1" s="1"/>
  <c r="A182919" i="1" s="1"/>
  <c r="A182920" i="1" s="1"/>
  <c r="A182921" i="1" s="1"/>
  <c r="A182922" i="1" s="1"/>
  <c r="A182923" i="1" s="1"/>
  <c r="A182924" i="1" s="1"/>
  <c r="A182925" i="1" s="1"/>
  <c r="A182926" i="1" s="1"/>
  <c r="A182927" i="1" s="1"/>
  <c r="A182928" i="1" s="1"/>
  <c r="A182929" i="1" s="1"/>
  <c r="A182930" i="1" s="1"/>
  <c r="A182931" i="1" s="1"/>
  <c r="A182932" i="1" s="1"/>
  <c r="A182933" i="1" s="1"/>
  <c r="A182934" i="1" s="1"/>
  <c r="A182935" i="1" s="1"/>
  <c r="A182936" i="1" s="1"/>
  <c r="A182937" i="1" s="1"/>
  <c r="A182938" i="1" s="1"/>
  <c r="A182939" i="1" s="1"/>
  <c r="A182940" i="1" s="1"/>
  <c r="A182941" i="1" s="1"/>
  <c r="A182942" i="1" s="1"/>
  <c r="A182943" i="1" s="1"/>
  <c r="A182944" i="1" s="1"/>
  <c r="A182945" i="1" s="1"/>
  <c r="A182946" i="1" s="1"/>
  <c r="A182947" i="1" s="1"/>
  <c r="A182948" i="1" s="1"/>
  <c r="A182949" i="1" s="1"/>
  <c r="A182950" i="1" s="1"/>
  <c r="A182951" i="1" s="1"/>
  <c r="A182952" i="1" s="1"/>
  <c r="A182953" i="1" s="1"/>
  <c r="A182954" i="1" s="1"/>
  <c r="A182955" i="1" s="1"/>
  <c r="A182956" i="1" s="1"/>
  <c r="A182957" i="1" s="1"/>
  <c r="A182958" i="1" s="1"/>
  <c r="A182959" i="1" s="1"/>
  <c r="A182960" i="1" s="1"/>
  <c r="A182961" i="1" s="1"/>
  <c r="A182962" i="1" s="1"/>
  <c r="A182963" i="1" s="1"/>
  <c r="A182964" i="1" s="1"/>
  <c r="A182965" i="1" s="1"/>
  <c r="A182966" i="1" s="1"/>
  <c r="A182967" i="1" s="1"/>
  <c r="A182968" i="1" s="1"/>
  <c r="A182969" i="1" s="1"/>
  <c r="A182970" i="1" s="1"/>
  <c r="A182971" i="1" s="1"/>
  <c r="A182972" i="1" s="1"/>
  <c r="A182973" i="1" s="1"/>
  <c r="A182974" i="1" s="1"/>
  <c r="A182975" i="1" s="1"/>
  <c r="A182976" i="1" s="1"/>
  <c r="A182977" i="1" s="1"/>
  <c r="A182978" i="1" s="1"/>
  <c r="A182979" i="1" s="1"/>
  <c r="A182980" i="1" s="1"/>
  <c r="A182981" i="1" s="1"/>
  <c r="A182982" i="1" s="1"/>
  <c r="A182983" i="1" s="1"/>
  <c r="A182984" i="1" s="1"/>
  <c r="A182985" i="1" s="1"/>
  <c r="A182986" i="1" s="1"/>
  <c r="A182987" i="1" s="1"/>
  <c r="A182988" i="1" s="1"/>
  <c r="A182989" i="1" s="1"/>
  <c r="A182990" i="1" s="1"/>
  <c r="A182991" i="1" s="1"/>
  <c r="A182992" i="1" s="1"/>
  <c r="A182993" i="1" s="1"/>
  <c r="A182994" i="1" s="1"/>
  <c r="A182995" i="1" s="1"/>
  <c r="A182996" i="1" s="1"/>
  <c r="A182997" i="1" s="1"/>
  <c r="A182998" i="1" s="1"/>
  <c r="A182999" i="1" s="1"/>
  <c r="A183000" i="1" s="1"/>
  <c r="A183001" i="1" s="1"/>
  <c r="A183002" i="1" s="1"/>
  <c r="A183003" i="1" s="1"/>
  <c r="A183004" i="1" s="1"/>
  <c r="A183005" i="1" s="1"/>
  <c r="A183006" i="1" s="1"/>
  <c r="A183007" i="1" s="1"/>
  <c r="A183008" i="1" s="1"/>
  <c r="A183009" i="1" s="1"/>
  <c r="A183010" i="1" s="1"/>
  <c r="A183011" i="1" s="1"/>
  <c r="A183012" i="1" s="1"/>
  <c r="A183013" i="1" s="1"/>
  <c r="A183014" i="1" s="1"/>
  <c r="A183015" i="1" s="1"/>
  <c r="A183016" i="1" s="1"/>
  <c r="A183017" i="1" s="1"/>
  <c r="A183018" i="1" s="1"/>
  <c r="A183019" i="1" s="1"/>
  <c r="A183020" i="1" s="1"/>
  <c r="A183021" i="1" s="1"/>
  <c r="A183022" i="1" s="1"/>
  <c r="A183023" i="1" s="1"/>
  <c r="A183024" i="1" s="1"/>
  <c r="A183025" i="1" s="1"/>
  <c r="A183026" i="1" s="1"/>
  <c r="A183027" i="1" s="1"/>
  <c r="A183028" i="1" s="1"/>
  <c r="A183029" i="1" s="1"/>
  <c r="A183030" i="1" s="1"/>
  <c r="A183031" i="1" s="1"/>
  <c r="A183032" i="1" s="1"/>
  <c r="A183033" i="1" s="1"/>
  <c r="A183034" i="1" s="1"/>
  <c r="A183035" i="1" s="1"/>
  <c r="A183036" i="1" s="1"/>
  <c r="A183037" i="1" s="1"/>
  <c r="A183038" i="1" s="1"/>
  <c r="A183039" i="1" s="1"/>
  <c r="A183040" i="1" s="1"/>
  <c r="A183041" i="1" s="1"/>
  <c r="A183042" i="1" s="1"/>
  <c r="A183043" i="1" s="1"/>
  <c r="A183044" i="1" s="1"/>
  <c r="A183045" i="1" s="1"/>
  <c r="A183046" i="1" s="1"/>
  <c r="A183047" i="1" s="1"/>
  <c r="A183048" i="1" s="1"/>
  <c r="A183049" i="1" s="1"/>
  <c r="A183050" i="1" s="1"/>
  <c r="A183051" i="1" s="1"/>
  <c r="A183052" i="1" s="1"/>
  <c r="A183053" i="1" s="1"/>
  <c r="A183054" i="1" s="1"/>
  <c r="A183055" i="1" s="1"/>
  <c r="A183056" i="1" s="1"/>
  <c r="A183057" i="1" s="1"/>
  <c r="A183058" i="1" s="1"/>
  <c r="A183059" i="1" s="1"/>
  <c r="A183060" i="1" s="1"/>
  <c r="A183061" i="1" s="1"/>
  <c r="A183062" i="1" s="1"/>
  <c r="A183063" i="1" s="1"/>
  <c r="A183064" i="1" s="1"/>
  <c r="A183065" i="1" s="1"/>
  <c r="A183066" i="1" s="1"/>
  <c r="A183067" i="1" s="1"/>
  <c r="A183068" i="1" s="1"/>
  <c r="A183069" i="1" s="1"/>
  <c r="A183070" i="1" s="1"/>
  <c r="A183071" i="1" s="1"/>
  <c r="A183072" i="1" s="1"/>
  <c r="A183073" i="1" s="1"/>
  <c r="A183074" i="1" s="1"/>
  <c r="A183075" i="1" s="1"/>
  <c r="A183076" i="1" s="1"/>
  <c r="A183077" i="1" s="1"/>
  <c r="A183078" i="1" s="1"/>
  <c r="A183079" i="1" s="1"/>
  <c r="A183080" i="1" s="1"/>
  <c r="A183081" i="1" s="1"/>
  <c r="A183082" i="1" s="1"/>
  <c r="A183083" i="1" s="1"/>
  <c r="A183084" i="1" s="1"/>
  <c r="A183085" i="1" s="1"/>
  <c r="A183086" i="1" s="1"/>
  <c r="A183087" i="1" s="1"/>
  <c r="A183088" i="1" s="1"/>
  <c r="A183089" i="1" s="1"/>
  <c r="A183090" i="1" s="1"/>
  <c r="A183091" i="1" s="1"/>
  <c r="A183092" i="1" s="1"/>
  <c r="A183093" i="1" s="1"/>
  <c r="A183094" i="1" s="1"/>
  <c r="A183095" i="1" s="1"/>
  <c r="A183096" i="1" s="1"/>
  <c r="A183097" i="1" s="1"/>
  <c r="A183098" i="1" s="1"/>
  <c r="A183099" i="1" s="1"/>
  <c r="A183100" i="1" s="1"/>
  <c r="A183101" i="1" s="1"/>
  <c r="A183102" i="1" s="1"/>
  <c r="A183103" i="1" s="1"/>
  <c r="A183104" i="1" s="1"/>
  <c r="A183105" i="1" s="1"/>
  <c r="A183106" i="1" s="1"/>
  <c r="A183107" i="1" s="1"/>
  <c r="A183108" i="1" s="1"/>
  <c r="A183109" i="1" s="1"/>
  <c r="A183110" i="1" s="1"/>
  <c r="A183111" i="1" s="1"/>
  <c r="A183112" i="1" s="1"/>
  <c r="A183113" i="1" s="1"/>
  <c r="A183114" i="1" s="1"/>
  <c r="A183115" i="1" s="1"/>
  <c r="A183116" i="1" s="1"/>
  <c r="A183117" i="1" s="1"/>
  <c r="A183118" i="1" s="1"/>
  <c r="A183119" i="1" s="1"/>
  <c r="A183120" i="1" s="1"/>
  <c r="A183121" i="1" s="1"/>
  <c r="A183122" i="1" s="1"/>
  <c r="A183123" i="1" s="1"/>
  <c r="A183124" i="1" s="1"/>
  <c r="A183125" i="1" s="1"/>
  <c r="A183126" i="1" s="1"/>
  <c r="A183127" i="1" s="1"/>
  <c r="A183128" i="1" s="1"/>
  <c r="A183129" i="1" s="1"/>
  <c r="A183130" i="1" s="1"/>
  <c r="A183131" i="1" s="1"/>
  <c r="A183132" i="1" s="1"/>
  <c r="A183133" i="1" s="1"/>
  <c r="A183134" i="1" s="1"/>
  <c r="A183135" i="1" s="1"/>
  <c r="A183136" i="1" s="1"/>
  <c r="A183137" i="1" s="1"/>
  <c r="A183138" i="1" s="1"/>
  <c r="A183139" i="1" s="1"/>
  <c r="A183140" i="1" s="1"/>
  <c r="A183141" i="1" s="1"/>
  <c r="A183142" i="1" s="1"/>
  <c r="A183143" i="1" s="1"/>
  <c r="A183144" i="1" s="1"/>
  <c r="A183145" i="1" s="1"/>
  <c r="A183146" i="1" s="1"/>
  <c r="A183147" i="1" s="1"/>
  <c r="A183148" i="1" s="1"/>
  <c r="A183149" i="1" s="1"/>
  <c r="A183150" i="1" s="1"/>
  <c r="A183151" i="1" s="1"/>
  <c r="A183152" i="1" s="1"/>
  <c r="A183153" i="1" s="1"/>
  <c r="A183154" i="1" s="1"/>
  <c r="A183155" i="1" s="1"/>
  <c r="A183156" i="1" s="1"/>
  <c r="A183157" i="1" s="1"/>
  <c r="A183158" i="1" s="1"/>
  <c r="A183159" i="1" s="1"/>
  <c r="A183160" i="1" s="1"/>
  <c r="A183161" i="1" s="1"/>
  <c r="A183162" i="1" s="1"/>
  <c r="A183163" i="1" s="1"/>
  <c r="A183164" i="1" s="1"/>
  <c r="A183165" i="1" s="1"/>
  <c r="A183166" i="1" s="1"/>
  <c r="A183167" i="1" s="1"/>
  <c r="A183168" i="1" s="1"/>
  <c r="A183169" i="1" s="1"/>
  <c r="A183170" i="1" s="1"/>
  <c r="A183171" i="1" s="1"/>
  <c r="A183172" i="1" s="1"/>
  <c r="A183173" i="1" s="1"/>
  <c r="A183174" i="1" s="1"/>
  <c r="A183175" i="1" s="1"/>
  <c r="A183176" i="1" s="1"/>
  <c r="A183177" i="1" s="1"/>
  <c r="A183178" i="1" s="1"/>
  <c r="A183179" i="1" s="1"/>
  <c r="A183180" i="1" s="1"/>
  <c r="A183181" i="1" s="1"/>
  <c r="A183182" i="1" s="1"/>
  <c r="A183183" i="1" s="1"/>
  <c r="A183184" i="1" s="1"/>
  <c r="A183185" i="1" s="1"/>
  <c r="A183186" i="1" s="1"/>
  <c r="A183187" i="1" s="1"/>
  <c r="A183188" i="1" s="1"/>
  <c r="A183189" i="1" s="1"/>
  <c r="A183190" i="1" s="1"/>
  <c r="A183191" i="1" s="1"/>
  <c r="A183192" i="1" s="1"/>
  <c r="A183193" i="1" s="1"/>
  <c r="A183194" i="1" s="1"/>
  <c r="A183195" i="1" s="1"/>
  <c r="A183196" i="1" s="1"/>
  <c r="A183197" i="1" s="1"/>
  <c r="A183198" i="1" s="1"/>
  <c r="A183199" i="1" s="1"/>
  <c r="A183200" i="1" s="1"/>
  <c r="A183201" i="1" s="1"/>
  <c r="A183202" i="1" s="1"/>
  <c r="A183203" i="1" s="1"/>
  <c r="A183204" i="1" s="1"/>
  <c r="A183205" i="1" s="1"/>
  <c r="A183206" i="1" s="1"/>
  <c r="A183207" i="1" s="1"/>
  <c r="A183208" i="1" s="1"/>
  <c r="A183209" i="1" s="1"/>
  <c r="A183210" i="1" s="1"/>
  <c r="A183211" i="1" s="1"/>
  <c r="A183212" i="1" s="1"/>
  <c r="A183213" i="1" s="1"/>
  <c r="A183214" i="1" s="1"/>
  <c r="A183215" i="1" s="1"/>
  <c r="A183216" i="1" s="1"/>
  <c r="A183217" i="1" s="1"/>
  <c r="A183218" i="1" s="1"/>
  <c r="A183219" i="1" s="1"/>
  <c r="A183220" i="1" s="1"/>
  <c r="A183221" i="1" s="1"/>
  <c r="A183222" i="1" s="1"/>
  <c r="A183223" i="1" s="1"/>
  <c r="A183224" i="1" s="1"/>
  <c r="A183225" i="1" s="1"/>
  <c r="A183226" i="1" s="1"/>
  <c r="A183227" i="1" s="1"/>
  <c r="A183228" i="1" s="1"/>
  <c r="A183229" i="1" s="1"/>
  <c r="A183230" i="1" s="1"/>
  <c r="A183231" i="1" s="1"/>
  <c r="A183232" i="1" s="1"/>
  <c r="A183233" i="1" s="1"/>
  <c r="A183234" i="1" s="1"/>
  <c r="A183235" i="1" s="1"/>
  <c r="A183236" i="1" s="1"/>
  <c r="A183237" i="1" s="1"/>
  <c r="A183238" i="1" s="1"/>
  <c r="A183239" i="1" s="1"/>
  <c r="A183240" i="1" s="1"/>
  <c r="A183241" i="1" s="1"/>
  <c r="A183242" i="1" s="1"/>
  <c r="A183243" i="1" s="1"/>
  <c r="A183244" i="1" s="1"/>
  <c r="A183245" i="1" s="1"/>
  <c r="A183246" i="1" s="1"/>
  <c r="A183247" i="1" s="1"/>
  <c r="A183248" i="1" s="1"/>
  <c r="A183249" i="1" s="1"/>
  <c r="A183250" i="1" s="1"/>
  <c r="A183251" i="1" s="1"/>
  <c r="A183252" i="1" s="1"/>
  <c r="A183253" i="1" s="1"/>
  <c r="A183254" i="1" s="1"/>
  <c r="A183255" i="1" s="1"/>
  <c r="A183256" i="1" s="1"/>
  <c r="A183257" i="1" s="1"/>
  <c r="A183258" i="1" s="1"/>
  <c r="A183259" i="1" s="1"/>
  <c r="A183260" i="1" s="1"/>
  <c r="A183261" i="1" s="1"/>
  <c r="A183262" i="1" s="1"/>
  <c r="A183263" i="1" s="1"/>
  <c r="A183264" i="1" s="1"/>
  <c r="A183265" i="1" s="1"/>
  <c r="A183266" i="1" s="1"/>
  <c r="A183267" i="1" s="1"/>
  <c r="A183268" i="1" s="1"/>
  <c r="A183269" i="1" s="1"/>
  <c r="A183270" i="1" s="1"/>
  <c r="A183271" i="1" s="1"/>
  <c r="A183272" i="1" s="1"/>
  <c r="A183273" i="1" s="1"/>
  <c r="A183274" i="1" s="1"/>
  <c r="A183275" i="1" s="1"/>
  <c r="A183276" i="1" s="1"/>
  <c r="A183277" i="1" s="1"/>
  <c r="A183278" i="1" s="1"/>
  <c r="A183279" i="1" s="1"/>
  <c r="A183280" i="1" s="1"/>
  <c r="A183281" i="1" s="1"/>
  <c r="A183282" i="1" s="1"/>
  <c r="A183283" i="1" s="1"/>
  <c r="A183284" i="1" s="1"/>
  <c r="A183285" i="1" s="1"/>
  <c r="A183286" i="1" s="1"/>
  <c r="A183287" i="1" s="1"/>
  <c r="A183288" i="1" s="1"/>
  <c r="A183289" i="1" s="1"/>
  <c r="A183290" i="1" s="1"/>
  <c r="A183291" i="1" s="1"/>
  <c r="A183292" i="1" s="1"/>
  <c r="A183293" i="1" s="1"/>
  <c r="A183294" i="1" s="1"/>
  <c r="A183295" i="1" s="1"/>
  <c r="A183296" i="1" s="1"/>
  <c r="A183297" i="1" s="1"/>
  <c r="A183298" i="1" s="1"/>
  <c r="A183299" i="1" s="1"/>
  <c r="A183300" i="1" s="1"/>
  <c r="A183301" i="1" s="1"/>
  <c r="A183302" i="1" s="1"/>
  <c r="A183303" i="1" s="1"/>
  <c r="A183304" i="1" s="1"/>
  <c r="A183305" i="1" s="1"/>
  <c r="A183306" i="1" s="1"/>
  <c r="A183307" i="1" s="1"/>
  <c r="A183308" i="1" s="1"/>
  <c r="A183309" i="1" s="1"/>
  <c r="A183310" i="1" s="1"/>
  <c r="A183311" i="1" s="1"/>
  <c r="A183312" i="1" s="1"/>
  <c r="A183313" i="1" s="1"/>
  <c r="A183314" i="1" s="1"/>
  <c r="A183315" i="1" s="1"/>
  <c r="A183316" i="1" s="1"/>
  <c r="A183317" i="1" s="1"/>
  <c r="A183318" i="1" s="1"/>
  <c r="A183319" i="1" s="1"/>
  <c r="A183320" i="1" s="1"/>
  <c r="A183321" i="1" s="1"/>
  <c r="A183322" i="1" s="1"/>
  <c r="A183323" i="1" s="1"/>
  <c r="A183324" i="1" s="1"/>
  <c r="A183325" i="1" s="1"/>
  <c r="A183326" i="1" s="1"/>
  <c r="A183327" i="1" s="1"/>
  <c r="A183328" i="1" s="1"/>
  <c r="A183329" i="1" s="1"/>
  <c r="A183330" i="1" s="1"/>
  <c r="A183331" i="1" s="1"/>
  <c r="A183332" i="1" s="1"/>
  <c r="A183333" i="1" s="1"/>
  <c r="A183334" i="1" s="1"/>
  <c r="A183335" i="1" s="1"/>
  <c r="A183336" i="1" s="1"/>
  <c r="A183337" i="1" s="1"/>
  <c r="A183338" i="1" s="1"/>
  <c r="A183339" i="1" s="1"/>
  <c r="A183340" i="1" s="1"/>
  <c r="A183341" i="1" s="1"/>
  <c r="A183342" i="1" s="1"/>
  <c r="A183343" i="1" s="1"/>
  <c r="A183344" i="1" s="1"/>
  <c r="A183345" i="1" s="1"/>
  <c r="A183346" i="1" s="1"/>
  <c r="A183347" i="1" s="1"/>
  <c r="A183348" i="1" s="1"/>
  <c r="A183349" i="1" s="1"/>
  <c r="A183350" i="1" s="1"/>
  <c r="A183351" i="1" s="1"/>
  <c r="A183352" i="1" s="1"/>
  <c r="A183353" i="1" s="1"/>
  <c r="A183354" i="1" s="1"/>
  <c r="A183355" i="1" s="1"/>
  <c r="A183356" i="1" s="1"/>
  <c r="A183357" i="1" s="1"/>
  <c r="A183358" i="1" s="1"/>
  <c r="A183359" i="1" s="1"/>
  <c r="A183360" i="1" s="1"/>
  <c r="A183361" i="1" s="1"/>
  <c r="A183362" i="1" s="1"/>
  <c r="A183363" i="1" s="1"/>
  <c r="A183364" i="1" s="1"/>
  <c r="A183365" i="1" s="1"/>
  <c r="A183366" i="1" s="1"/>
  <c r="A183367" i="1" s="1"/>
  <c r="A183368" i="1" s="1"/>
  <c r="A183369" i="1" s="1"/>
  <c r="A183370" i="1" s="1"/>
  <c r="A183371" i="1" s="1"/>
  <c r="A183372" i="1" s="1"/>
  <c r="A183373" i="1" s="1"/>
  <c r="A183374" i="1" s="1"/>
  <c r="A183375" i="1" s="1"/>
  <c r="A183376" i="1" s="1"/>
  <c r="A183377" i="1" s="1"/>
  <c r="A183378" i="1" s="1"/>
  <c r="A183379" i="1" s="1"/>
  <c r="A183380" i="1" s="1"/>
  <c r="A183381" i="1" s="1"/>
  <c r="A183382" i="1" s="1"/>
  <c r="A183383" i="1" s="1"/>
  <c r="A183384" i="1" s="1"/>
  <c r="A183385" i="1" s="1"/>
  <c r="A183386" i="1" s="1"/>
  <c r="A183387" i="1" s="1"/>
  <c r="A183388" i="1" s="1"/>
  <c r="A183389" i="1" s="1"/>
  <c r="A183390" i="1" s="1"/>
  <c r="A183391" i="1" s="1"/>
  <c r="A183392" i="1" s="1"/>
  <c r="A183393" i="1" s="1"/>
  <c r="A183394" i="1" s="1"/>
  <c r="A183395" i="1" s="1"/>
  <c r="A183396" i="1" s="1"/>
  <c r="A183397" i="1" s="1"/>
  <c r="A183398" i="1" s="1"/>
  <c r="A183399" i="1" s="1"/>
  <c r="A183400" i="1" s="1"/>
  <c r="A183401" i="1" s="1"/>
  <c r="A183402" i="1" s="1"/>
  <c r="A183403" i="1" s="1"/>
  <c r="A183404" i="1" s="1"/>
  <c r="A183405" i="1" s="1"/>
  <c r="A183406" i="1" s="1"/>
  <c r="A183407" i="1" s="1"/>
  <c r="A183408" i="1" s="1"/>
  <c r="A183409" i="1" s="1"/>
  <c r="A183410" i="1" s="1"/>
  <c r="A183411" i="1" s="1"/>
  <c r="A183412" i="1" s="1"/>
  <c r="A183413" i="1" s="1"/>
  <c r="A183414" i="1" s="1"/>
  <c r="A183415" i="1" s="1"/>
  <c r="A183416" i="1" s="1"/>
  <c r="A183417" i="1" s="1"/>
  <c r="A183418" i="1" s="1"/>
  <c r="A183419" i="1" s="1"/>
  <c r="A183420" i="1" s="1"/>
  <c r="A183421" i="1" s="1"/>
  <c r="A183422" i="1" s="1"/>
  <c r="A183423" i="1" s="1"/>
  <c r="A183424" i="1" s="1"/>
  <c r="A183425" i="1" s="1"/>
  <c r="A183426" i="1" s="1"/>
  <c r="A183427" i="1" s="1"/>
  <c r="A183428" i="1" s="1"/>
  <c r="A183429" i="1" s="1"/>
  <c r="A183430" i="1" s="1"/>
  <c r="A183431" i="1" s="1"/>
  <c r="A183432" i="1" s="1"/>
  <c r="A183433" i="1" s="1"/>
  <c r="A183434" i="1" s="1"/>
  <c r="A183435" i="1" s="1"/>
  <c r="A183436" i="1" s="1"/>
  <c r="A183437" i="1" s="1"/>
  <c r="A183438" i="1" s="1"/>
  <c r="A183439" i="1" s="1"/>
  <c r="A183440" i="1" s="1"/>
  <c r="A183441" i="1" s="1"/>
  <c r="A183442" i="1" s="1"/>
  <c r="A183443" i="1" s="1"/>
  <c r="A183444" i="1" s="1"/>
  <c r="A183445" i="1" s="1"/>
  <c r="A183446" i="1" s="1"/>
  <c r="A183447" i="1" s="1"/>
  <c r="A183448" i="1" s="1"/>
  <c r="A183449" i="1" s="1"/>
  <c r="A183450" i="1" s="1"/>
  <c r="A183451" i="1" s="1"/>
  <c r="A183452" i="1" s="1"/>
  <c r="A183453" i="1" s="1"/>
  <c r="A183454" i="1" s="1"/>
  <c r="A183455" i="1" s="1"/>
  <c r="A183456" i="1" s="1"/>
  <c r="A183457" i="1" s="1"/>
  <c r="A183458" i="1" s="1"/>
  <c r="A183459" i="1" s="1"/>
  <c r="A183460" i="1" s="1"/>
  <c r="A183461" i="1" s="1"/>
  <c r="A183462" i="1" s="1"/>
  <c r="A183463" i="1" s="1"/>
  <c r="A183464" i="1" s="1"/>
  <c r="A183465" i="1" s="1"/>
  <c r="A183466" i="1" s="1"/>
  <c r="A183467" i="1" s="1"/>
  <c r="A183468" i="1" s="1"/>
  <c r="A183469" i="1" s="1"/>
  <c r="A183470" i="1" s="1"/>
  <c r="A183471" i="1" s="1"/>
  <c r="A183472" i="1" s="1"/>
  <c r="A183473" i="1" s="1"/>
  <c r="A183474" i="1" s="1"/>
  <c r="A183475" i="1" s="1"/>
  <c r="A183476" i="1" s="1"/>
  <c r="A183477" i="1" s="1"/>
  <c r="A183478" i="1" s="1"/>
  <c r="A183479" i="1" s="1"/>
  <c r="A183480" i="1" s="1"/>
  <c r="A183481" i="1" s="1"/>
  <c r="A183482" i="1" s="1"/>
  <c r="A183483" i="1" s="1"/>
  <c r="A183484" i="1" s="1"/>
  <c r="A183485" i="1" s="1"/>
  <c r="A183486" i="1" s="1"/>
  <c r="A183487" i="1" s="1"/>
  <c r="A183488" i="1" s="1"/>
  <c r="A183489" i="1" s="1"/>
  <c r="A183490" i="1" s="1"/>
  <c r="A183491" i="1" s="1"/>
  <c r="A183492" i="1" s="1"/>
  <c r="A183493" i="1" s="1"/>
  <c r="A183494" i="1" s="1"/>
  <c r="A183495" i="1" s="1"/>
  <c r="A183496" i="1" s="1"/>
  <c r="A183497" i="1" s="1"/>
  <c r="A183498" i="1" s="1"/>
  <c r="A183499" i="1" s="1"/>
  <c r="A183500" i="1" s="1"/>
  <c r="A183501" i="1" s="1"/>
  <c r="A183502" i="1" s="1"/>
  <c r="A183503" i="1" s="1"/>
  <c r="A183504" i="1" s="1"/>
  <c r="A183505" i="1" s="1"/>
  <c r="A183506" i="1" s="1"/>
  <c r="A183507" i="1" s="1"/>
  <c r="A183508" i="1" s="1"/>
  <c r="A183509" i="1" s="1"/>
  <c r="A183510" i="1" s="1"/>
  <c r="A183511" i="1" s="1"/>
  <c r="A183512" i="1" s="1"/>
  <c r="A183513" i="1" s="1"/>
  <c r="A183514" i="1" s="1"/>
  <c r="A183515" i="1" s="1"/>
  <c r="A183516" i="1" s="1"/>
  <c r="A183517" i="1" s="1"/>
  <c r="A183518" i="1" s="1"/>
  <c r="A183519" i="1" s="1"/>
  <c r="A183520" i="1" s="1"/>
  <c r="A183521" i="1" s="1"/>
  <c r="A183522" i="1" s="1"/>
  <c r="A183523" i="1" s="1"/>
  <c r="A183524" i="1" s="1"/>
  <c r="A183525" i="1" s="1"/>
  <c r="A183526" i="1" s="1"/>
  <c r="A183527" i="1" s="1"/>
  <c r="A183528" i="1" s="1"/>
  <c r="A183529" i="1" s="1"/>
  <c r="A183530" i="1" s="1"/>
  <c r="A183531" i="1" s="1"/>
  <c r="A183532" i="1" s="1"/>
  <c r="A183533" i="1" s="1"/>
  <c r="A183534" i="1" s="1"/>
  <c r="A183535" i="1" s="1"/>
  <c r="A183536" i="1" s="1"/>
  <c r="A183537" i="1" s="1"/>
  <c r="A183538" i="1" s="1"/>
  <c r="A183539" i="1" s="1"/>
  <c r="A183540" i="1" s="1"/>
  <c r="A183541" i="1" s="1"/>
  <c r="A183542" i="1" s="1"/>
  <c r="A183543" i="1" s="1"/>
  <c r="A183544" i="1" s="1"/>
  <c r="A183545" i="1" s="1"/>
  <c r="A183546" i="1" s="1"/>
  <c r="A183547" i="1" s="1"/>
  <c r="A183548" i="1" s="1"/>
  <c r="A183549" i="1" s="1"/>
  <c r="A183550" i="1" s="1"/>
  <c r="A183551" i="1" s="1"/>
  <c r="A183552" i="1" s="1"/>
  <c r="A183553" i="1" s="1"/>
  <c r="A183554" i="1" s="1"/>
  <c r="A183555" i="1" s="1"/>
  <c r="A183556" i="1" s="1"/>
  <c r="A183557" i="1" s="1"/>
  <c r="A183558" i="1" s="1"/>
  <c r="A183559" i="1" s="1"/>
  <c r="A183560" i="1" s="1"/>
  <c r="A183561" i="1" s="1"/>
  <c r="A183562" i="1" s="1"/>
  <c r="A183563" i="1" s="1"/>
  <c r="A183564" i="1" s="1"/>
  <c r="A183565" i="1" s="1"/>
  <c r="A183566" i="1" s="1"/>
  <c r="A183567" i="1" s="1"/>
  <c r="A183568" i="1" s="1"/>
  <c r="A183569" i="1" s="1"/>
  <c r="A183570" i="1" s="1"/>
  <c r="A183571" i="1" s="1"/>
  <c r="A183572" i="1" s="1"/>
  <c r="A183573" i="1" s="1"/>
  <c r="A183574" i="1" s="1"/>
  <c r="A183575" i="1" s="1"/>
  <c r="A183576" i="1" s="1"/>
  <c r="A183577" i="1" s="1"/>
  <c r="A183578" i="1" s="1"/>
  <c r="A183579" i="1" s="1"/>
  <c r="A183580" i="1" s="1"/>
  <c r="A183581" i="1" s="1"/>
  <c r="A183582" i="1" s="1"/>
  <c r="A183583" i="1" s="1"/>
  <c r="A183584" i="1" s="1"/>
  <c r="A183585" i="1" s="1"/>
  <c r="A183586" i="1" s="1"/>
  <c r="A183587" i="1" s="1"/>
  <c r="A183588" i="1" s="1"/>
  <c r="A183589" i="1" s="1"/>
  <c r="A183590" i="1" s="1"/>
  <c r="A183591" i="1" s="1"/>
  <c r="A183592" i="1" s="1"/>
  <c r="A183593" i="1" s="1"/>
  <c r="A183594" i="1" s="1"/>
  <c r="A183595" i="1" s="1"/>
  <c r="A183596" i="1" s="1"/>
  <c r="A183597" i="1" s="1"/>
  <c r="A183598" i="1" s="1"/>
  <c r="A183599" i="1" s="1"/>
  <c r="A183600" i="1" s="1"/>
  <c r="A183601" i="1" s="1"/>
  <c r="A183602" i="1" s="1"/>
  <c r="A183603" i="1" s="1"/>
  <c r="A183604" i="1" s="1"/>
  <c r="A183605" i="1" s="1"/>
  <c r="A183606" i="1" s="1"/>
  <c r="A183607" i="1" s="1"/>
  <c r="A183608" i="1" s="1"/>
  <c r="A183609" i="1" s="1"/>
  <c r="A183610" i="1" s="1"/>
  <c r="A183611" i="1" s="1"/>
  <c r="A183612" i="1" s="1"/>
  <c r="A183613" i="1" s="1"/>
  <c r="A183614" i="1" s="1"/>
  <c r="A183615" i="1" s="1"/>
  <c r="A183616" i="1" s="1"/>
  <c r="A183617" i="1" s="1"/>
  <c r="A183618" i="1" s="1"/>
  <c r="A183619" i="1" s="1"/>
  <c r="A183620" i="1" s="1"/>
  <c r="A183621" i="1" s="1"/>
  <c r="A183622" i="1" s="1"/>
  <c r="A183623" i="1" s="1"/>
  <c r="A183624" i="1" s="1"/>
  <c r="A183625" i="1" s="1"/>
  <c r="A183626" i="1" s="1"/>
  <c r="A183627" i="1" s="1"/>
  <c r="A183628" i="1" s="1"/>
  <c r="A183629" i="1" s="1"/>
  <c r="A183630" i="1" s="1"/>
  <c r="A183631" i="1" s="1"/>
  <c r="A183632" i="1" s="1"/>
  <c r="A183633" i="1" s="1"/>
  <c r="A183634" i="1" s="1"/>
  <c r="A183635" i="1" s="1"/>
  <c r="A183636" i="1" s="1"/>
  <c r="A183637" i="1" s="1"/>
  <c r="A183638" i="1" s="1"/>
  <c r="A183639" i="1" s="1"/>
  <c r="A183640" i="1" s="1"/>
  <c r="A183641" i="1" s="1"/>
  <c r="A183642" i="1" s="1"/>
  <c r="A183643" i="1" s="1"/>
  <c r="A183644" i="1" s="1"/>
  <c r="A183645" i="1" s="1"/>
  <c r="A183646" i="1" s="1"/>
  <c r="A183647" i="1" s="1"/>
  <c r="A183648" i="1" s="1"/>
  <c r="A183649" i="1" s="1"/>
  <c r="A183650" i="1" s="1"/>
  <c r="A183651" i="1" s="1"/>
  <c r="A183652" i="1" s="1"/>
  <c r="A183653" i="1" s="1"/>
  <c r="A183654" i="1" s="1"/>
  <c r="A183655" i="1" s="1"/>
  <c r="A183656" i="1" s="1"/>
  <c r="A183657" i="1" s="1"/>
  <c r="A183658" i="1" s="1"/>
  <c r="A183659" i="1" s="1"/>
  <c r="A183660" i="1" s="1"/>
  <c r="A183661" i="1" s="1"/>
  <c r="A183662" i="1" s="1"/>
  <c r="A183663" i="1" s="1"/>
  <c r="A183664" i="1" s="1"/>
  <c r="A183665" i="1" s="1"/>
  <c r="A183666" i="1" s="1"/>
  <c r="A183667" i="1" s="1"/>
  <c r="A183668" i="1" s="1"/>
  <c r="A183669" i="1" s="1"/>
  <c r="A183670" i="1" s="1"/>
  <c r="A183671" i="1" s="1"/>
  <c r="A183672" i="1" s="1"/>
  <c r="A183673" i="1" s="1"/>
  <c r="A183674" i="1" s="1"/>
  <c r="A183675" i="1" s="1"/>
  <c r="A183676" i="1" s="1"/>
  <c r="A183677" i="1" s="1"/>
  <c r="A183678" i="1" s="1"/>
  <c r="A183679" i="1" s="1"/>
  <c r="A183680" i="1" s="1"/>
  <c r="A183681" i="1" s="1"/>
  <c r="A183682" i="1" s="1"/>
  <c r="A183683" i="1" s="1"/>
  <c r="A183684" i="1" s="1"/>
  <c r="A183685" i="1" s="1"/>
  <c r="A183686" i="1" s="1"/>
  <c r="A183687" i="1" s="1"/>
  <c r="A183688" i="1" s="1"/>
  <c r="A183689" i="1" s="1"/>
  <c r="A183690" i="1" s="1"/>
  <c r="A183691" i="1" s="1"/>
  <c r="A183692" i="1" s="1"/>
  <c r="A183693" i="1" s="1"/>
  <c r="A183694" i="1" s="1"/>
  <c r="A183695" i="1" s="1"/>
  <c r="A183696" i="1" s="1"/>
  <c r="A183697" i="1" s="1"/>
  <c r="A183698" i="1" s="1"/>
  <c r="A183699" i="1" s="1"/>
  <c r="A183700" i="1" s="1"/>
  <c r="A183701" i="1" s="1"/>
  <c r="A183702" i="1" s="1"/>
  <c r="A183703" i="1" s="1"/>
  <c r="A183704" i="1" s="1"/>
  <c r="A183705" i="1" s="1"/>
  <c r="A183706" i="1" s="1"/>
  <c r="A183707" i="1" s="1"/>
  <c r="A183708" i="1" s="1"/>
  <c r="A183709" i="1" s="1"/>
  <c r="A183710" i="1" s="1"/>
  <c r="A183711" i="1" s="1"/>
  <c r="A183712" i="1" s="1"/>
  <c r="A183713" i="1" s="1"/>
  <c r="A183714" i="1" s="1"/>
  <c r="A183715" i="1" s="1"/>
  <c r="A183716" i="1" s="1"/>
  <c r="A183717" i="1" s="1"/>
  <c r="A183718" i="1" s="1"/>
  <c r="A183719" i="1" s="1"/>
  <c r="A183720" i="1" s="1"/>
  <c r="A183721" i="1" s="1"/>
  <c r="A183722" i="1" s="1"/>
  <c r="A183723" i="1" s="1"/>
  <c r="A183724" i="1" s="1"/>
  <c r="A183725" i="1" s="1"/>
  <c r="A183726" i="1" s="1"/>
  <c r="A183727" i="1" s="1"/>
  <c r="A183728" i="1" s="1"/>
  <c r="A183729" i="1" s="1"/>
  <c r="A183730" i="1" s="1"/>
  <c r="A183731" i="1" s="1"/>
  <c r="A183732" i="1" s="1"/>
  <c r="A183733" i="1" s="1"/>
  <c r="A183734" i="1" s="1"/>
  <c r="A183735" i="1" s="1"/>
  <c r="A183736" i="1" s="1"/>
  <c r="A183737" i="1" s="1"/>
  <c r="A183738" i="1" s="1"/>
  <c r="A183739" i="1" s="1"/>
  <c r="A183740" i="1" s="1"/>
  <c r="A183741" i="1" s="1"/>
  <c r="A183742" i="1" s="1"/>
  <c r="A183743" i="1" s="1"/>
  <c r="A183744" i="1" s="1"/>
  <c r="A183745" i="1" s="1"/>
  <c r="A183746" i="1" s="1"/>
  <c r="A183747" i="1" s="1"/>
  <c r="A183748" i="1" s="1"/>
  <c r="A183749" i="1" s="1"/>
  <c r="A183750" i="1" s="1"/>
  <c r="A183751" i="1" s="1"/>
  <c r="A183752" i="1" s="1"/>
  <c r="A183753" i="1" s="1"/>
  <c r="A183754" i="1" s="1"/>
  <c r="A183755" i="1" s="1"/>
  <c r="A183756" i="1" s="1"/>
  <c r="A183757" i="1" s="1"/>
  <c r="A183758" i="1" s="1"/>
  <c r="A183759" i="1" s="1"/>
  <c r="A183760" i="1" s="1"/>
  <c r="A183761" i="1" s="1"/>
  <c r="A183762" i="1" s="1"/>
  <c r="A183763" i="1" s="1"/>
  <c r="A183764" i="1" s="1"/>
  <c r="A183765" i="1" s="1"/>
  <c r="A183766" i="1" s="1"/>
  <c r="A183767" i="1" s="1"/>
  <c r="A183768" i="1" s="1"/>
  <c r="A183769" i="1" s="1"/>
  <c r="A183770" i="1" s="1"/>
  <c r="A183771" i="1" s="1"/>
  <c r="A183772" i="1" s="1"/>
  <c r="A183773" i="1" s="1"/>
  <c r="A183774" i="1" s="1"/>
  <c r="A183775" i="1" s="1"/>
  <c r="A183776" i="1" s="1"/>
  <c r="A183777" i="1" s="1"/>
  <c r="A183778" i="1" s="1"/>
  <c r="A183779" i="1" s="1"/>
  <c r="A183780" i="1" s="1"/>
  <c r="A183781" i="1" s="1"/>
  <c r="A183782" i="1" s="1"/>
  <c r="A183783" i="1" s="1"/>
  <c r="A183784" i="1" s="1"/>
  <c r="A183785" i="1" s="1"/>
  <c r="A183786" i="1" s="1"/>
  <c r="A183787" i="1" s="1"/>
  <c r="A183788" i="1" s="1"/>
  <c r="A183789" i="1" s="1"/>
  <c r="A183790" i="1" s="1"/>
  <c r="A183791" i="1" s="1"/>
  <c r="A183792" i="1" s="1"/>
  <c r="A183793" i="1" s="1"/>
  <c r="A183794" i="1" s="1"/>
  <c r="A183795" i="1" s="1"/>
  <c r="A183796" i="1" s="1"/>
  <c r="A183797" i="1" s="1"/>
  <c r="A183798" i="1" s="1"/>
  <c r="A183799" i="1" s="1"/>
  <c r="A183800" i="1" s="1"/>
  <c r="A183801" i="1" s="1"/>
  <c r="A183802" i="1" s="1"/>
  <c r="A183803" i="1" s="1"/>
  <c r="A183804" i="1" s="1"/>
  <c r="A183805" i="1" s="1"/>
  <c r="A183806" i="1" s="1"/>
  <c r="A183807" i="1" s="1"/>
  <c r="A183808" i="1" s="1"/>
  <c r="A183809" i="1" s="1"/>
  <c r="A183810" i="1" s="1"/>
  <c r="A183811" i="1" s="1"/>
  <c r="A183812" i="1" s="1"/>
  <c r="A183813" i="1" s="1"/>
  <c r="A183814" i="1" s="1"/>
  <c r="A183815" i="1" s="1"/>
  <c r="A183816" i="1" s="1"/>
  <c r="A183817" i="1" s="1"/>
  <c r="A183818" i="1" s="1"/>
  <c r="A183819" i="1" s="1"/>
  <c r="A183820" i="1" s="1"/>
  <c r="A183821" i="1" s="1"/>
  <c r="A183822" i="1" s="1"/>
  <c r="A183823" i="1" s="1"/>
  <c r="A183824" i="1" s="1"/>
  <c r="A183825" i="1" s="1"/>
  <c r="A183826" i="1" s="1"/>
  <c r="A183827" i="1" s="1"/>
  <c r="A183828" i="1" s="1"/>
  <c r="A183829" i="1" s="1"/>
  <c r="A183830" i="1" s="1"/>
  <c r="A183831" i="1" s="1"/>
  <c r="A183832" i="1" s="1"/>
  <c r="A183833" i="1" s="1"/>
  <c r="A183834" i="1" s="1"/>
  <c r="A183835" i="1" s="1"/>
  <c r="A183836" i="1" s="1"/>
  <c r="A183837" i="1" s="1"/>
  <c r="A183838" i="1" s="1"/>
  <c r="A183839" i="1" s="1"/>
  <c r="A183840" i="1" s="1"/>
  <c r="A183841" i="1" s="1"/>
  <c r="A183842" i="1" s="1"/>
  <c r="A183843" i="1" s="1"/>
  <c r="A183844" i="1" s="1"/>
  <c r="A183845" i="1" s="1"/>
  <c r="A183846" i="1" s="1"/>
  <c r="A183847" i="1" s="1"/>
  <c r="A183848" i="1" s="1"/>
  <c r="A183849" i="1" s="1"/>
  <c r="A183850" i="1" s="1"/>
  <c r="A183851" i="1" s="1"/>
  <c r="A183852" i="1" s="1"/>
  <c r="A183853" i="1" s="1"/>
  <c r="A183854" i="1" s="1"/>
  <c r="A183855" i="1" s="1"/>
  <c r="A183856" i="1" s="1"/>
  <c r="A183857" i="1" s="1"/>
  <c r="A183858" i="1" s="1"/>
  <c r="A183859" i="1" s="1"/>
  <c r="A183860" i="1" s="1"/>
  <c r="A183861" i="1" s="1"/>
  <c r="A183862" i="1" s="1"/>
  <c r="A183863" i="1" s="1"/>
  <c r="A183864" i="1" s="1"/>
  <c r="A183865" i="1" s="1"/>
  <c r="A183866" i="1" s="1"/>
  <c r="A183867" i="1" s="1"/>
  <c r="A183868" i="1" s="1"/>
  <c r="A183869" i="1" s="1"/>
  <c r="A183870" i="1" s="1"/>
  <c r="A183871" i="1" s="1"/>
  <c r="A183872" i="1" s="1"/>
  <c r="A183873" i="1" s="1"/>
  <c r="A183874" i="1" s="1"/>
  <c r="A183875" i="1" s="1"/>
  <c r="A183876" i="1" s="1"/>
  <c r="A183877" i="1" s="1"/>
  <c r="A183878" i="1" s="1"/>
  <c r="A183879" i="1" s="1"/>
  <c r="A183880" i="1" s="1"/>
  <c r="A183881" i="1" s="1"/>
  <c r="A183882" i="1" s="1"/>
  <c r="A183883" i="1" s="1"/>
  <c r="A183884" i="1" s="1"/>
  <c r="A183885" i="1" s="1"/>
  <c r="A183886" i="1" s="1"/>
  <c r="A183887" i="1" s="1"/>
  <c r="A183888" i="1" s="1"/>
  <c r="A183889" i="1" s="1"/>
  <c r="A183890" i="1" s="1"/>
  <c r="A183891" i="1" s="1"/>
  <c r="A183892" i="1" s="1"/>
  <c r="A183893" i="1" s="1"/>
  <c r="A183894" i="1" s="1"/>
  <c r="A183895" i="1" s="1"/>
  <c r="A183896" i="1" s="1"/>
  <c r="A183897" i="1" s="1"/>
  <c r="A183898" i="1" s="1"/>
  <c r="A183899" i="1" s="1"/>
  <c r="A183900" i="1" s="1"/>
  <c r="A183901" i="1" s="1"/>
  <c r="A183902" i="1" s="1"/>
  <c r="A183903" i="1" s="1"/>
  <c r="A183904" i="1" s="1"/>
  <c r="A183905" i="1" s="1"/>
  <c r="A183906" i="1" s="1"/>
  <c r="A183907" i="1" s="1"/>
  <c r="A183908" i="1" s="1"/>
  <c r="A183909" i="1" s="1"/>
  <c r="A183910" i="1" s="1"/>
  <c r="A183911" i="1" s="1"/>
  <c r="A183912" i="1" s="1"/>
  <c r="A183913" i="1" s="1"/>
  <c r="A183914" i="1" s="1"/>
  <c r="A183915" i="1" s="1"/>
  <c r="A183916" i="1" s="1"/>
  <c r="A183917" i="1" s="1"/>
  <c r="A183918" i="1" s="1"/>
  <c r="A183919" i="1" s="1"/>
  <c r="A183920" i="1" s="1"/>
  <c r="A183921" i="1" s="1"/>
  <c r="A183922" i="1" s="1"/>
  <c r="A183923" i="1" s="1"/>
  <c r="A183924" i="1" s="1"/>
  <c r="A183925" i="1" s="1"/>
  <c r="A183926" i="1" s="1"/>
  <c r="A183927" i="1" s="1"/>
  <c r="A183928" i="1" s="1"/>
  <c r="A183929" i="1" s="1"/>
  <c r="A183930" i="1" s="1"/>
  <c r="A183931" i="1" s="1"/>
  <c r="A183932" i="1" s="1"/>
  <c r="A183933" i="1" s="1"/>
  <c r="A183934" i="1" s="1"/>
  <c r="A183935" i="1" s="1"/>
  <c r="A183936" i="1" s="1"/>
  <c r="A183937" i="1" s="1"/>
  <c r="A183938" i="1" s="1"/>
  <c r="A183939" i="1" s="1"/>
  <c r="A183940" i="1" s="1"/>
  <c r="A183941" i="1" s="1"/>
  <c r="A183942" i="1" s="1"/>
  <c r="A183943" i="1" s="1"/>
  <c r="A183944" i="1" s="1"/>
  <c r="A183945" i="1" s="1"/>
  <c r="A183946" i="1" s="1"/>
  <c r="A183947" i="1" s="1"/>
  <c r="A183948" i="1" s="1"/>
  <c r="A183949" i="1" s="1"/>
  <c r="A183950" i="1" s="1"/>
  <c r="A183951" i="1" s="1"/>
  <c r="A183952" i="1" s="1"/>
  <c r="A183953" i="1" s="1"/>
  <c r="A183954" i="1" s="1"/>
  <c r="A183955" i="1" s="1"/>
  <c r="A183956" i="1" s="1"/>
  <c r="A183957" i="1" s="1"/>
  <c r="A183958" i="1" s="1"/>
  <c r="A183959" i="1" s="1"/>
  <c r="A183960" i="1" s="1"/>
  <c r="A183961" i="1" s="1"/>
  <c r="A183962" i="1" s="1"/>
  <c r="A183963" i="1" s="1"/>
  <c r="A183964" i="1" s="1"/>
  <c r="A183965" i="1" s="1"/>
  <c r="A183966" i="1" s="1"/>
  <c r="A183967" i="1" s="1"/>
  <c r="A183968" i="1" s="1"/>
  <c r="A183969" i="1" s="1"/>
  <c r="A183970" i="1" s="1"/>
  <c r="A183971" i="1" s="1"/>
  <c r="A183972" i="1" s="1"/>
  <c r="A183973" i="1" s="1"/>
  <c r="A183974" i="1" s="1"/>
  <c r="A183975" i="1" s="1"/>
  <c r="A183976" i="1" s="1"/>
  <c r="A183977" i="1" s="1"/>
  <c r="A183978" i="1" s="1"/>
  <c r="A183979" i="1" s="1"/>
  <c r="A183980" i="1" s="1"/>
  <c r="A183981" i="1" s="1"/>
  <c r="A183982" i="1" s="1"/>
  <c r="A183983" i="1" s="1"/>
  <c r="A183984" i="1" s="1"/>
  <c r="A183985" i="1" s="1"/>
  <c r="A183986" i="1" s="1"/>
  <c r="A183987" i="1" s="1"/>
  <c r="A183988" i="1" s="1"/>
  <c r="A183989" i="1" s="1"/>
  <c r="A183990" i="1" s="1"/>
  <c r="A183991" i="1" s="1"/>
  <c r="A183992" i="1" s="1"/>
  <c r="A183993" i="1" s="1"/>
  <c r="A183994" i="1" s="1"/>
  <c r="A183995" i="1" s="1"/>
  <c r="A183996" i="1" s="1"/>
  <c r="A183997" i="1" s="1"/>
  <c r="A183998" i="1" s="1"/>
  <c r="A183999" i="1" s="1"/>
  <c r="A184000" i="1" s="1"/>
  <c r="A184001" i="1" s="1"/>
  <c r="A184002" i="1" s="1"/>
  <c r="A184003" i="1" s="1"/>
  <c r="A184004" i="1" s="1"/>
  <c r="A184005" i="1" s="1"/>
  <c r="A184006" i="1" s="1"/>
  <c r="A184007" i="1" s="1"/>
  <c r="A184008" i="1" s="1"/>
  <c r="A184009" i="1" s="1"/>
  <c r="A184010" i="1" s="1"/>
  <c r="A184011" i="1" s="1"/>
  <c r="A184012" i="1" s="1"/>
  <c r="A184013" i="1" s="1"/>
  <c r="A184014" i="1" s="1"/>
  <c r="A184015" i="1" s="1"/>
  <c r="A184016" i="1" s="1"/>
  <c r="A184017" i="1" s="1"/>
  <c r="A184018" i="1" s="1"/>
  <c r="A184019" i="1" s="1"/>
  <c r="A184020" i="1" s="1"/>
  <c r="A184021" i="1" s="1"/>
  <c r="A184022" i="1" s="1"/>
  <c r="A184023" i="1" s="1"/>
  <c r="A184024" i="1" s="1"/>
  <c r="A184025" i="1" s="1"/>
  <c r="A184026" i="1" s="1"/>
  <c r="A184027" i="1" s="1"/>
  <c r="A184028" i="1" s="1"/>
  <c r="A184029" i="1" s="1"/>
  <c r="A184030" i="1" s="1"/>
  <c r="A184031" i="1" s="1"/>
  <c r="A184032" i="1" s="1"/>
  <c r="A184033" i="1" s="1"/>
  <c r="A184034" i="1" s="1"/>
  <c r="A184035" i="1" s="1"/>
  <c r="A184036" i="1" s="1"/>
  <c r="A184037" i="1" s="1"/>
  <c r="A184038" i="1" s="1"/>
  <c r="A184039" i="1" s="1"/>
  <c r="A184040" i="1" s="1"/>
  <c r="A184041" i="1" s="1"/>
  <c r="A184042" i="1" s="1"/>
  <c r="A184043" i="1" s="1"/>
  <c r="A184044" i="1" s="1"/>
  <c r="A184045" i="1" s="1"/>
  <c r="A184046" i="1" s="1"/>
  <c r="A184047" i="1" s="1"/>
  <c r="A184048" i="1" s="1"/>
  <c r="A184049" i="1" s="1"/>
  <c r="A184050" i="1" s="1"/>
  <c r="A184051" i="1" s="1"/>
  <c r="A184052" i="1" s="1"/>
  <c r="A184053" i="1" s="1"/>
  <c r="A184054" i="1" s="1"/>
  <c r="A184055" i="1" s="1"/>
  <c r="A184056" i="1" s="1"/>
  <c r="A184057" i="1" s="1"/>
  <c r="A184058" i="1" s="1"/>
  <c r="A184059" i="1" s="1"/>
  <c r="A184060" i="1" s="1"/>
  <c r="A184061" i="1" s="1"/>
  <c r="A184062" i="1" s="1"/>
  <c r="A184063" i="1" s="1"/>
  <c r="A184064" i="1" s="1"/>
  <c r="A184065" i="1" s="1"/>
  <c r="A184066" i="1" s="1"/>
  <c r="A184067" i="1" s="1"/>
  <c r="A184068" i="1" s="1"/>
  <c r="A184069" i="1" s="1"/>
  <c r="A184070" i="1" s="1"/>
  <c r="A184071" i="1" s="1"/>
  <c r="A184072" i="1" s="1"/>
  <c r="A184073" i="1" s="1"/>
  <c r="A184074" i="1" s="1"/>
  <c r="A184075" i="1" s="1"/>
  <c r="A184076" i="1" s="1"/>
  <c r="A184077" i="1" s="1"/>
  <c r="A184078" i="1" s="1"/>
  <c r="A184079" i="1" s="1"/>
  <c r="A184080" i="1" s="1"/>
  <c r="A184081" i="1" s="1"/>
  <c r="A184082" i="1" s="1"/>
  <c r="A184083" i="1" s="1"/>
  <c r="A184084" i="1" s="1"/>
  <c r="A184085" i="1" s="1"/>
  <c r="A184086" i="1" s="1"/>
  <c r="A184087" i="1" s="1"/>
  <c r="A184088" i="1" s="1"/>
  <c r="A184089" i="1" s="1"/>
  <c r="A184090" i="1" s="1"/>
  <c r="A184091" i="1" s="1"/>
  <c r="A184092" i="1" s="1"/>
  <c r="A184093" i="1" s="1"/>
  <c r="A184094" i="1" s="1"/>
  <c r="A184095" i="1" s="1"/>
  <c r="A184096" i="1" s="1"/>
  <c r="A184097" i="1" s="1"/>
  <c r="A184098" i="1" s="1"/>
  <c r="A184099" i="1" s="1"/>
  <c r="A184100" i="1" s="1"/>
  <c r="A184101" i="1" s="1"/>
  <c r="A184102" i="1" s="1"/>
  <c r="A184103" i="1" s="1"/>
  <c r="A184104" i="1" s="1"/>
  <c r="A184105" i="1" s="1"/>
  <c r="A184106" i="1" s="1"/>
  <c r="A184107" i="1" s="1"/>
  <c r="A184108" i="1" s="1"/>
  <c r="A184109" i="1" s="1"/>
  <c r="A184110" i="1" s="1"/>
  <c r="A184111" i="1" s="1"/>
  <c r="A184112" i="1" s="1"/>
  <c r="A184113" i="1" s="1"/>
  <c r="A184114" i="1" s="1"/>
  <c r="A184115" i="1" s="1"/>
  <c r="A184116" i="1" s="1"/>
  <c r="A184117" i="1" s="1"/>
  <c r="A184118" i="1" s="1"/>
  <c r="A184119" i="1" s="1"/>
  <c r="A184120" i="1" s="1"/>
  <c r="A184121" i="1" s="1"/>
  <c r="A184122" i="1" s="1"/>
  <c r="A184123" i="1" s="1"/>
  <c r="A184124" i="1" s="1"/>
  <c r="A184125" i="1" s="1"/>
  <c r="A184126" i="1" s="1"/>
  <c r="A184127" i="1" s="1"/>
  <c r="A184128" i="1" s="1"/>
  <c r="A184129" i="1" s="1"/>
  <c r="A184130" i="1" s="1"/>
  <c r="A184131" i="1" s="1"/>
  <c r="A184132" i="1" s="1"/>
  <c r="A184133" i="1" s="1"/>
  <c r="A184134" i="1" s="1"/>
  <c r="A184135" i="1" s="1"/>
  <c r="A184136" i="1" s="1"/>
  <c r="A184137" i="1" s="1"/>
  <c r="A184138" i="1" s="1"/>
  <c r="A184139" i="1" s="1"/>
  <c r="A184140" i="1" s="1"/>
  <c r="A184141" i="1" s="1"/>
  <c r="A184142" i="1" s="1"/>
  <c r="A184143" i="1" s="1"/>
  <c r="A184144" i="1" s="1"/>
  <c r="A184145" i="1" s="1"/>
  <c r="A184146" i="1" s="1"/>
  <c r="A184147" i="1" s="1"/>
  <c r="A184148" i="1" s="1"/>
  <c r="A184149" i="1" s="1"/>
  <c r="A184150" i="1" s="1"/>
  <c r="A184151" i="1" s="1"/>
  <c r="A184152" i="1" s="1"/>
  <c r="A184153" i="1" s="1"/>
  <c r="A184154" i="1" s="1"/>
  <c r="A184155" i="1" s="1"/>
  <c r="A184156" i="1" s="1"/>
  <c r="A184157" i="1" s="1"/>
  <c r="A184158" i="1" s="1"/>
  <c r="A184159" i="1" s="1"/>
  <c r="A184160" i="1" s="1"/>
  <c r="A184161" i="1" s="1"/>
  <c r="A184162" i="1" s="1"/>
  <c r="A184163" i="1" s="1"/>
  <c r="A184164" i="1" s="1"/>
  <c r="A184165" i="1" s="1"/>
  <c r="A184166" i="1" s="1"/>
  <c r="A184167" i="1" s="1"/>
  <c r="A184168" i="1" s="1"/>
  <c r="A184169" i="1" s="1"/>
  <c r="A184170" i="1" s="1"/>
  <c r="A184171" i="1" s="1"/>
  <c r="A184172" i="1" s="1"/>
  <c r="A184173" i="1" s="1"/>
  <c r="A184174" i="1" s="1"/>
  <c r="A184175" i="1" s="1"/>
  <c r="A184176" i="1" s="1"/>
  <c r="A184177" i="1" s="1"/>
  <c r="A184178" i="1" s="1"/>
  <c r="A184179" i="1" s="1"/>
  <c r="A184180" i="1" s="1"/>
  <c r="A184181" i="1" s="1"/>
  <c r="A184182" i="1" s="1"/>
  <c r="A184183" i="1" s="1"/>
  <c r="A184184" i="1" s="1"/>
  <c r="A184185" i="1" s="1"/>
  <c r="A184186" i="1" s="1"/>
  <c r="A184187" i="1" s="1"/>
  <c r="A184188" i="1" s="1"/>
  <c r="A184189" i="1" s="1"/>
  <c r="A184190" i="1" s="1"/>
  <c r="A184191" i="1" s="1"/>
  <c r="A184192" i="1" s="1"/>
  <c r="A184193" i="1" s="1"/>
  <c r="A184194" i="1" s="1"/>
  <c r="A184195" i="1" s="1"/>
  <c r="A184196" i="1" s="1"/>
  <c r="A184197" i="1" s="1"/>
  <c r="A184198" i="1" s="1"/>
  <c r="A184199" i="1" s="1"/>
  <c r="A184200" i="1" s="1"/>
  <c r="A184201" i="1" s="1"/>
  <c r="A184202" i="1" s="1"/>
  <c r="A184203" i="1" s="1"/>
  <c r="A184204" i="1" s="1"/>
  <c r="A184205" i="1" s="1"/>
  <c r="A184206" i="1" s="1"/>
  <c r="A184207" i="1" s="1"/>
  <c r="A184208" i="1" s="1"/>
  <c r="A184209" i="1" s="1"/>
  <c r="A184210" i="1" s="1"/>
  <c r="A184211" i="1" s="1"/>
  <c r="A184212" i="1" s="1"/>
  <c r="A184213" i="1" s="1"/>
  <c r="A184214" i="1" s="1"/>
  <c r="A184215" i="1" s="1"/>
  <c r="A184216" i="1" s="1"/>
  <c r="A184217" i="1" s="1"/>
  <c r="A184218" i="1" s="1"/>
  <c r="A184219" i="1" s="1"/>
  <c r="A184220" i="1" s="1"/>
  <c r="A184221" i="1" s="1"/>
  <c r="A184222" i="1" s="1"/>
  <c r="A184223" i="1" s="1"/>
  <c r="A184224" i="1" s="1"/>
  <c r="A184225" i="1" s="1"/>
  <c r="A184226" i="1" s="1"/>
  <c r="A184227" i="1" s="1"/>
  <c r="A184228" i="1" s="1"/>
  <c r="A184229" i="1" s="1"/>
  <c r="A184230" i="1" s="1"/>
  <c r="A184231" i="1" s="1"/>
  <c r="A184232" i="1" s="1"/>
  <c r="A184233" i="1" s="1"/>
  <c r="A184234" i="1" s="1"/>
  <c r="A184235" i="1" s="1"/>
  <c r="A184236" i="1" s="1"/>
  <c r="A184237" i="1" s="1"/>
  <c r="A184238" i="1" s="1"/>
  <c r="A184239" i="1" s="1"/>
  <c r="A184240" i="1" s="1"/>
  <c r="A184241" i="1" s="1"/>
  <c r="A184242" i="1" s="1"/>
  <c r="A184243" i="1" s="1"/>
  <c r="A184244" i="1" s="1"/>
  <c r="A184245" i="1" s="1"/>
  <c r="A184246" i="1" s="1"/>
  <c r="A184247" i="1" s="1"/>
  <c r="A184248" i="1" s="1"/>
  <c r="A184249" i="1" s="1"/>
  <c r="A184250" i="1" s="1"/>
  <c r="A184251" i="1" s="1"/>
  <c r="A184252" i="1" s="1"/>
  <c r="A184253" i="1" s="1"/>
  <c r="A184254" i="1" s="1"/>
  <c r="A184255" i="1" s="1"/>
  <c r="A184256" i="1" s="1"/>
  <c r="A184257" i="1" s="1"/>
  <c r="A184258" i="1" s="1"/>
  <c r="A184259" i="1" s="1"/>
  <c r="A184260" i="1" s="1"/>
  <c r="A184261" i="1" s="1"/>
  <c r="A184262" i="1" s="1"/>
  <c r="A184263" i="1" s="1"/>
  <c r="A184264" i="1" s="1"/>
  <c r="A184265" i="1" s="1"/>
  <c r="A184266" i="1" s="1"/>
  <c r="A184267" i="1" s="1"/>
  <c r="A184268" i="1" s="1"/>
  <c r="A184269" i="1" s="1"/>
  <c r="A184270" i="1" s="1"/>
  <c r="A184271" i="1" s="1"/>
  <c r="A184272" i="1" s="1"/>
  <c r="A184273" i="1" s="1"/>
  <c r="A184274" i="1" s="1"/>
  <c r="A184275" i="1" s="1"/>
  <c r="A184276" i="1" s="1"/>
  <c r="A184277" i="1" s="1"/>
  <c r="A184278" i="1" s="1"/>
  <c r="A184279" i="1" s="1"/>
  <c r="A184280" i="1" s="1"/>
  <c r="A184281" i="1" s="1"/>
  <c r="A184282" i="1" s="1"/>
  <c r="A184283" i="1" s="1"/>
  <c r="A184284" i="1" s="1"/>
  <c r="A184285" i="1" s="1"/>
  <c r="A184286" i="1" s="1"/>
  <c r="A184287" i="1" s="1"/>
  <c r="A184288" i="1" s="1"/>
  <c r="A184289" i="1" s="1"/>
  <c r="A184290" i="1" s="1"/>
  <c r="A184291" i="1" s="1"/>
  <c r="A184292" i="1" s="1"/>
  <c r="A184293" i="1" s="1"/>
  <c r="A184294" i="1" s="1"/>
  <c r="A184295" i="1" s="1"/>
  <c r="A184296" i="1" s="1"/>
  <c r="A184297" i="1" s="1"/>
  <c r="A184298" i="1" s="1"/>
  <c r="A184299" i="1" s="1"/>
  <c r="A184300" i="1" s="1"/>
  <c r="A184301" i="1" s="1"/>
  <c r="A184302" i="1" s="1"/>
  <c r="A184303" i="1" s="1"/>
  <c r="A184304" i="1" s="1"/>
  <c r="A184305" i="1" s="1"/>
  <c r="A184306" i="1" s="1"/>
  <c r="A184307" i="1" s="1"/>
  <c r="A184308" i="1" s="1"/>
  <c r="A184309" i="1" s="1"/>
  <c r="A184310" i="1" s="1"/>
  <c r="A184311" i="1" s="1"/>
  <c r="A184312" i="1" s="1"/>
  <c r="A184313" i="1" s="1"/>
  <c r="A184314" i="1" s="1"/>
  <c r="A184315" i="1" s="1"/>
  <c r="A184316" i="1" s="1"/>
  <c r="A184317" i="1" s="1"/>
  <c r="A184318" i="1" s="1"/>
  <c r="A184319" i="1" s="1"/>
  <c r="A184320" i="1" s="1"/>
  <c r="A184321" i="1" s="1"/>
  <c r="A184322" i="1" s="1"/>
  <c r="A184323" i="1" s="1"/>
  <c r="A184324" i="1" s="1"/>
  <c r="A184325" i="1" s="1"/>
  <c r="A184326" i="1" s="1"/>
  <c r="A184327" i="1" s="1"/>
  <c r="A184328" i="1" s="1"/>
  <c r="A184329" i="1" s="1"/>
  <c r="A184330" i="1" s="1"/>
  <c r="A184331" i="1" s="1"/>
  <c r="A184332" i="1" s="1"/>
  <c r="A184333" i="1" s="1"/>
  <c r="A184334" i="1" s="1"/>
  <c r="A184335" i="1" s="1"/>
  <c r="A184336" i="1" s="1"/>
  <c r="A184337" i="1" s="1"/>
  <c r="A184338" i="1" s="1"/>
  <c r="A184339" i="1" s="1"/>
  <c r="A184340" i="1" s="1"/>
  <c r="A184341" i="1" s="1"/>
  <c r="A184342" i="1" s="1"/>
  <c r="A184343" i="1" s="1"/>
  <c r="A184344" i="1" s="1"/>
  <c r="A184345" i="1" s="1"/>
  <c r="A184346" i="1" s="1"/>
  <c r="A184347" i="1" s="1"/>
  <c r="A184348" i="1" s="1"/>
  <c r="A184349" i="1" s="1"/>
  <c r="A184350" i="1" s="1"/>
  <c r="A184351" i="1" s="1"/>
  <c r="A184352" i="1" s="1"/>
  <c r="A184353" i="1" s="1"/>
  <c r="A184354" i="1" s="1"/>
  <c r="A184355" i="1" s="1"/>
  <c r="A184356" i="1" s="1"/>
  <c r="A184357" i="1" s="1"/>
  <c r="A184358" i="1" s="1"/>
  <c r="A184359" i="1" s="1"/>
  <c r="A184360" i="1" s="1"/>
  <c r="A184361" i="1" s="1"/>
  <c r="A184362" i="1" s="1"/>
  <c r="A184363" i="1" s="1"/>
  <c r="A184364" i="1" s="1"/>
  <c r="A184365" i="1" s="1"/>
  <c r="A184366" i="1" s="1"/>
  <c r="A184367" i="1" s="1"/>
  <c r="A184368" i="1" s="1"/>
  <c r="A184369" i="1" s="1"/>
  <c r="A184370" i="1" s="1"/>
  <c r="A184371" i="1" s="1"/>
  <c r="A184372" i="1" s="1"/>
  <c r="A184373" i="1" s="1"/>
  <c r="A184374" i="1" s="1"/>
  <c r="A184375" i="1" s="1"/>
  <c r="A184376" i="1" s="1"/>
  <c r="A184377" i="1" s="1"/>
  <c r="A184378" i="1" s="1"/>
  <c r="A184379" i="1" s="1"/>
  <c r="A184380" i="1" s="1"/>
  <c r="A184381" i="1" s="1"/>
  <c r="A184382" i="1" s="1"/>
  <c r="A184383" i="1" s="1"/>
  <c r="A184384" i="1" s="1"/>
  <c r="A184385" i="1" s="1"/>
  <c r="A184386" i="1" s="1"/>
  <c r="A184387" i="1" s="1"/>
  <c r="A184388" i="1" s="1"/>
  <c r="A184389" i="1" s="1"/>
  <c r="A184390" i="1" s="1"/>
  <c r="A184391" i="1" s="1"/>
  <c r="A184392" i="1" s="1"/>
  <c r="A184393" i="1" s="1"/>
  <c r="A184394" i="1" s="1"/>
  <c r="A184395" i="1" s="1"/>
  <c r="A184396" i="1" s="1"/>
  <c r="A184397" i="1" s="1"/>
  <c r="A184398" i="1" s="1"/>
  <c r="A184399" i="1" s="1"/>
  <c r="A184400" i="1" s="1"/>
  <c r="A184401" i="1" s="1"/>
  <c r="A184402" i="1" s="1"/>
  <c r="A184403" i="1" s="1"/>
  <c r="A184404" i="1" s="1"/>
  <c r="A184405" i="1" s="1"/>
  <c r="A184406" i="1" s="1"/>
  <c r="A184407" i="1" s="1"/>
  <c r="A184408" i="1" s="1"/>
  <c r="A184409" i="1" s="1"/>
  <c r="A184410" i="1" s="1"/>
  <c r="A184411" i="1" s="1"/>
  <c r="A184412" i="1" s="1"/>
  <c r="A184413" i="1" s="1"/>
  <c r="A184414" i="1" s="1"/>
  <c r="A184415" i="1" s="1"/>
  <c r="A184416" i="1" s="1"/>
  <c r="A184417" i="1" s="1"/>
  <c r="A184418" i="1" s="1"/>
  <c r="A184419" i="1" s="1"/>
  <c r="A184420" i="1" s="1"/>
  <c r="A184421" i="1" s="1"/>
  <c r="A184422" i="1" s="1"/>
  <c r="A184423" i="1" s="1"/>
  <c r="A184424" i="1" s="1"/>
  <c r="A184425" i="1" s="1"/>
  <c r="A184426" i="1" s="1"/>
  <c r="A184427" i="1" s="1"/>
  <c r="A184428" i="1" s="1"/>
  <c r="A184429" i="1" s="1"/>
  <c r="A184430" i="1" s="1"/>
  <c r="A184431" i="1" s="1"/>
  <c r="A184432" i="1" s="1"/>
  <c r="A184433" i="1" s="1"/>
  <c r="A184434" i="1" s="1"/>
  <c r="A184435" i="1" s="1"/>
  <c r="A184436" i="1" s="1"/>
  <c r="A184437" i="1" s="1"/>
  <c r="A184438" i="1" s="1"/>
  <c r="A184439" i="1" s="1"/>
  <c r="A184440" i="1" s="1"/>
  <c r="A184441" i="1" s="1"/>
  <c r="A184442" i="1" s="1"/>
  <c r="A184443" i="1" s="1"/>
  <c r="A184444" i="1" s="1"/>
  <c r="A184445" i="1" s="1"/>
  <c r="A184446" i="1" s="1"/>
  <c r="A184447" i="1" s="1"/>
  <c r="A184448" i="1" s="1"/>
  <c r="A184449" i="1" s="1"/>
  <c r="A184450" i="1" s="1"/>
  <c r="A184451" i="1" s="1"/>
  <c r="A184452" i="1" s="1"/>
  <c r="A184453" i="1" s="1"/>
  <c r="A184454" i="1" s="1"/>
  <c r="A184455" i="1" s="1"/>
  <c r="A184456" i="1" s="1"/>
  <c r="A184457" i="1" s="1"/>
  <c r="A184458" i="1" s="1"/>
  <c r="A184459" i="1" s="1"/>
  <c r="A184460" i="1" s="1"/>
  <c r="A184461" i="1" s="1"/>
  <c r="A184462" i="1" s="1"/>
  <c r="A184463" i="1" s="1"/>
  <c r="A184464" i="1" s="1"/>
  <c r="A184465" i="1" s="1"/>
  <c r="A184466" i="1" s="1"/>
  <c r="A184467" i="1" s="1"/>
  <c r="A184468" i="1" s="1"/>
  <c r="A184469" i="1" s="1"/>
  <c r="A184470" i="1" s="1"/>
  <c r="A184471" i="1" s="1"/>
  <c r="A184472" i="1" s="1"/>
  <c r="A184473" i="1" s="1"/>
  <c r="A184474" i="1" s="1"/>
  <c r="A184475" i="1" s="1"/>
  <c r="A184476" i="1" s="1"/>
  <c r="A184477" i="1" s="1"/>
  <c r="A184478" i="1" s="1"/>
  <c r="A184479" i="1" s="1"/>
  <c r="A184480" i="1" s="1"/>
  <c r="A184481" i="1" s="1"/>
  <c r="A184482" i="1" s="1"/>
  <c r="A184483" i="1" s="1"/>
  <c r="A184484" i="1" s="1"/>
  <c r="A184485" i="1" s="1"/>
  <c r="A184486" i="1" s="1"/>
  <c r="A184487" i="1" s="1"/>
  <c r="A184488" i="1" s="1"/>
  <c r="A184489" i="1" s="1"/>
  <c r="A184490" i="1" s="1"/>
  <c r="A184491" i="1" s="1"/>
  <c r="A184492" i="1" s="1"/>
  <c r="A184493" i="1" s="1"/>
  <c r="A184494" i="1" s="1"/>
  <c r="A184495" i="1" s="1"/>
  <c r="A184496" i="1" s="1"/>
  <c r="A184497" i="1" s="1"/>
  <c r="A184498" i="1" s="1"/>
  <c r="A184499" i="1" s="1"/>
  <c r="A184500" i="1" s="1"/>
  <c r="A184501" i="1" s="1"/>
  <c r="A184502" i="1" s="1"/>
  <c r="A184503" i="1" s="1"/>
  <c r="A184504" i="1" s="1"/>
  <c r="A184505" i="1" s="1"/>
  <c r="A184506" i="1" s="1"/>
  <c r="A184507" i="1" s="1"/>
  <c r="A184508" i="1" s="1"/>
  <c r="A184509" i="1" s="1"/>
  <c r="A184510" i="1" s="1"/>
  <c r="A184511" i="1" s="1"/>
  <c r="A184512" i="1" s="1"/>
  <c r="A184513" i="1" s="1"/>
  <c r="A184514" i="1" s="1"/>
  <c r="A184515" i="1" s="1"/>
  <c r="A184516" i="1" s="1"/>
  <c r="A184517" i="1" s="1"/>
  <c r="A184518" i="1" s="1"/>
  <c r="A184519" i="1" s="1"/>
  <c r="A184520" i="1" s="1"/>
  <c r="A184521" i="1" s="1"/>
  <c r="A184522" i="1" s="1"/>
  <c r="A184523" i="1" s="1"/>
  <c r="A184524" i="1" s="1"/>
  <c r="A184525" i="1" s="1"/>
  <c r="A184526" i="1" s="1"/>
  <c r="A184527" i="1" s="1"/>
  <c r="A184528" i="1" s="1"/>
  <c r="A184529" i="1" s="1"/>
  <c r="A184530" i="1" s="1"/>
  <c r="A184531" i="1" s="1"/>
  <c r="A184532" i="1" s="1"/>
  <c r="A184533" i="1" s="1"/>
  <c r="A184534" i="1" s="1"/>
  <c r="A184535" i="1" s="1"/>
  <c r="A184536" i="1" s="1"/>
  <c r="A184537" i="1" s="1"/>
  <c r="A184538" i="1" s="1"/>
  <c r="A184539" i="1" s="1"/>
  <c r="A184540" i="1" s="1"/>
  <c r="A184541" i="1" s="1"/>
  <c r="A184542" i="1" s="1"/>
  <c r="A184543" i="1" s="1"/>
  <c r="A184544" i="1" s="1"/>
  <c r="A184545" i="1" s="1"/>
  <c r="A184546" i="1" s="1"/>
  <c r="A184547" i="1" s="1"/>
  <c r="A184548" i="1" s="1"/>
  <c r="A184549" i="1" s="1"/>
  <c r="A184550" i="1" s="1"/>
  <c r="A184551" i="1" s="1"/>
  <c r="A184552" i="1" s="1"/>
  <c r="A184553" i="1" s="1"/>
  <c r="A184554" i="1" s="1"/>
  <c r="A184555" i="1" s="1"/>
  <c r="A184556" i="1" s="1"/>
  <c r="A184557" i="1" s="1"/>
  <c r="A184558" i="1" s="1"/>
  <c r="A184559" i="1" s="1"/>
  <c r="A184560" i="1" s="1"/>
  <c r="A184561" i="1" s="1"/>
  <c r="A184562" i="1" s="1"/>
  <c r="A184563" i="1" s="1"/>
  <c r="A184564" i="1" s="1"/>
  <c r="A184565" i="1" s="1"/>
  <c r="A184566" i="1" s="1"/>
  <c r="A184567" i="1" s="1"/>
  <c r="A184568" i="1" s="1"/>
  <c r="A184569" i="1" s="1"/>
  <c r="A184570" i="1" s="1"/>
  <c r="A184571" i="1" s="1"/>
  <c r="A184572" i="1" s="1"/>
  <c r="A184573" i="1" s="1"/>
  <c r="A184574" i="1" s="1"/>
  <c r="A184575" i="1" s="1"/>
  <c r="A184576" i="1" s="1"/>
  <c r="A184577" i="1" s="1"/>
  <c r="A184578" i="1" s="1"/>
  <c r="A184579" i="1" s="1"/>
  <c r="A184580" i="1" s="1"/>
  <c r="A184581" i="1" s="1"/>
  <c r="A184582" i="1" s="1"/>
  <c r="A184583" i="1" s="1"/>
  <c r="A184584" i="1" s="1"/>
  <c r="A184585" i="1" s="1"/>
  <c r="A184586" i="1" s="1"/>
  <c r="A184587" i="1" s="1"/>
  <c r="A184588" i="1" s="1"/>
  <c r="A184589" i="1" s="1"/>
  <c r="A184590" i="1" s="1"/>
  <c r="A184591" i="1" s="1"/>
  <c r="A184592" i="1" s="1"/>
  <c r="A184593" i="1" s="1"/>
  <c r="A184594" i="1" s="1"/>
  <c r="A184595" i="1" s="1"/>
  <c r="A184596" i="1" s="1"/>
  <c r="A184597" i="1" s="1"/>
  <c r="A184598" i="1" s="1"/>
  <c r="A184599" i="1" s="1"/>
  <c r="A184600" i="1" s="1"/>
  <c r="A184601" i="1" s="1"/>
  <c r="A184602" i="1" s="1"/>
  <c r="A184603" i="1" s="1"/>
  <c r="A184604" i="1" s="1"/>
  <c r="A184605" i="1" s="1"/>
  <c r="A184606" i="1" s="1"/>
  <c r="A184607" i="1" s="1"/>
  <c r="A184608" i="1" s="1"/>
  <c r="A184609" i="1" s="1"/>
  <c r="A184610" i="1" s="1"/>
  <c r="A184611" i="1" s="1"/>
  <c r="A184612" i="1" s="1"/>
  <c r="A184613" i="1" s="1"/>
  <c r="A184614" i="1" s="1"/>
  <c r="A184615" i="1" s="1"/>
  <c r="A184616" i="1" s="1"/>
  <c r="A184617" i="1" s="1"/>
  <c r="A184618" i="1" s="1"/>
  <c r="A184619" i="1" s="1"/>
  <c r="A184620" i="1" s="1"/>
  <c r="A184621" i="1" s="1"/>
  <c r="A184622" i="1" s="1"/>
  <c r="A184623" i="1" s="1"/>
  <c r="A184624" i="1" s="1"/>
  <c r="A184625" i="1" s="1"/>
  <c r="A184626" i="1" s="1"/>
  <c r="A184627" i="1" s="1"/>
  <c r="A184628" i="1" s="1"/>
  <c r="A184629" i="1" s="1"/>
  <c r="A184630" i="1" s="1"/>
  <c r="A184631" i="1" s="1"/>
  <c r="A184632" i="1" s="1"/>
  <c r="A184633" i="1" s="1"/>
  <c r="A184634" i="1" s="1"/>
  <c r="A184635" i="1" s="1"/>
  <c r="A184636" i="1" s="1"/>
  <c r="A184637" i="1" s="1"/>
  <c r="A184638" i="1" s="1"/>
  <c r="A184639" i="1" s="1"/>
  <c r="A184640" i="1" s="1"/>
  <c r="A184641" i="1" s="1"/>
  <c r="A184642" i="1" s="1"/>
  <c r="A184643" i="1" s="1"/>
  <c r="A184644" i="1" s="1"/>
  <c r="A184645" i="1" s="1"/>
  <c r="A184646" i="1" s="1"/>
  <c r="A184647" i="1" s="1"/>
  <c r="A184648" i="1" s="1"/>
  <c r="A184649" i="1" s="1"/>
  <c r="A184650" i="1" s="1"/>
  <c r="A184651" i="1" s="1"/>
  <c r="A184652" i="1" s="1"/>
  <c r="A184653" i="1" s="1"/>
  <c r="A184654" i="1" s="1"/>
  <c r="A184655" i="1" s="1"/>
  <c r="A184656" i="1" s="1"/>
  <c r="A184657" i="1" s="1"/>
  <c r="A184658" i="1" s="1"/>
  <c r="A184659" i="1" s="1"/>
  <c r="A184660" i="1" s="1"/>
  <c r="A184661" i="1" s="1"/>
  <c r="A184662" i="1" s="1"/>
  <c r="A184663" i="1" s="1"/>
  <c r="A184664" i="1" s="1"/>
  <c r="A184665" i="1" s="1"/>
  <c r="A184666" i="1" s="1"/>
  <c r="A184667" i="1" s="1"/>
  <c r="A184668" i="1" s="1"/>
  <c r="A184669" i="1" s="1"/>
  <c r="A184670" i="1" s="1"/>
  <c r="A184671" i="1" s="1"/>
  <c r="A184672" i="1" s="1"/>
  <c r="A184673" i="1" s="1"/>
  <c r="A184674" i="1" s="1"/>
  <c r="A184675" i="1" s="1"/>
  <c r="A184676" i="1" s="1"/>
  <c r="A184677" i="1" s="1"/>
  <c r="A184678" i="1" s="1"/>
  <c r="A184679" i="1" s="1"/>
  <c r="A184680" i="1" s="1"/>
  <c r="A184681" i="1" s="1"/>
  <c r="A184682" i="1" s="1"/>
  <c r="A184683" i="1" s="1"/>
  <c r="A184684" i="1" s="1"/>
  <c r="A184685" i="1" s="1"/>
  <c r="A184686" i="1" s="1"/>
  <c r="A184687" i="1" s="1"/>
  <c r="A184688" i="1" s="1"/>
  <c r="A184689" i="1" s="1"/>
  <c r="A184690" i="1" s="1"/>
  <c r="A184691" i="1" s="1"/>
  <c r="A184692" i="1" s="1"/>
  <c r="A184693" i="1" s="1"/>
  <c r="A184694" i="1" s="1"/>
  <c r="A184695" i="1" s="1"/>
  <c r="A184696" i="1" s="1"/>
  <c r="A184697" i="1" s="1"/>
  <c r="A184698" i="1" s="1"/>
  <c r="A184699" i="1" s="1"/>
  <c r="A184700" i="1" s="1"/>
  <c r="A184701" i="1" s="1"/>
  <c r="A184702" i="1" s="1"/>
  <c r="A184703" i="1" s="1"/>
  <c r="A184704" i="1" s="1"/>
  <c r="A184705" i="1" s="1"/>
  <c r="A184706" i="1" s="1"/>
  <c r="A184707" i="1" s="1"/>
  <c r="A184708" i="1" s="1"/>
  <c r="A184709" i="1" s="1"/>
  <c r="A184710" i="1" s="1"/>
  <c r="A184711" i="1" s="1"/>
  <c r="A184712" i="1" s="1"/>
  <c r="A184713" i="1" s="1"/>
  <c r="A184714" i="1" s="1"/>
  <c r="A184715" i="1" s="1"/>
  <c r="A184716" i="1" s="1"/>
  <c r="A184717" i="1" s="1"/>
  <c r="A184718" i="1" s="1"/>
  <c r="A184719" i="1" s="1"/>
  <c r="A184720" i="1" s="1"/>
  <c r="A184721" i="1" s="1"/>
  <c r="A184722" i="1" s="1"/>
  <c r="A184723" i="1" s="1"/>
  <c r="A184724" i="1" s="1"/>
  <c r="A184725" i="1" s="1"/>
  <c r="A184726" i="1" s="1"/>
  <c r="A184727" i="1" s="1"/>
  <c r="A184728" i="1" s="1"/>
  <c r="A184729" i="1" s="1"/>
  <c r="A184730" i="1" s="1"/>
  <c r="A184731" i="1" s="1"/>
  <c r="A184732" i="1" s="1"/>
  <c r="A184733" i="1" s="1"/>
  <c r="A184734" i="1" s="1"/>
  <c r="A184735" i="1" s="1"/>
  <c r="A184736" i="1" s="1"/>
  <c r="A184737" i="1" s="1"/>
  <c r="A184738" i="1" s="1"/>
  <c r="A184739" i="1" s="1"/>
  <c r="A184740" i="1" s="1"/>
  <c r="A184741" i="1" s="1"/>
  <c r="A184742" i="1" s="1"/>
  <c r="A184743" i="1" s="1"/>
  <c r="A184744" i="1" s="1"/>
  <c r="A184745" i="1" s="1"/>
  <c r="A184746" i="1" s="1"/>
  <c r="A184747" i="1" s="1"/>
  <c r="A184748" i="1" s="1"/>
  <c r="A184749" i="1" s="1"/>
  <c r="A184750" i="1" s="1"/>
  <c r="A184751" i="1" s="1"/>
  <c r="A184752" i="1" s="1"/>
  <c r="A184753" i="1" s="1"/>
  <c r="A184754" i="1" s="1"/>
  <c r="A184755" i="1" s="1"/>
  <c r="A184756" i="1" s="1"/>
  <c r="A184757" i="1" s="1"/>
  <c r="A184758" i="1" s="1"/>
  <c r="A184759" i="1" s="1"/>
  <c r="A184760" i="1" s="1"/>
  <c r="A184761" i="1" s="1"/>
  <c r="A184762" i="1" s="1"/>
  <c r="A184763" i="1" s="1"/>
  <c r="A184764" i="1" s="1"/>
  <c r="A184765" i="1" s="1"/>
  <c r="A184766" i="1" s="1"/>
  <c r="A184767" i="1" s="1"/>
  <c r="A184768" i="1" s="1"/>
  <c r="A184769" i="1" s="1"/>
  <c r="A184770" i="1" s="1"/>
  <c r="A184771" i="1" s="1"/>
  <c r="A184772" i="1" s="1"/>
  <c r="A184773" i="1" s="1"/>
  <c r="A184774" i="1" s="1"/>
  <c r="A184775" i="1" s="1"/>
  <c r="A184776" i="1" s="1"/>
  <c r="A184777" i="1" s="1"/>
  <c r="A184778" i="1" s="1"/>
  <c r="A184779" i="1" s="1"/>
  <c r="A184780" i="1" s="1"/>
  <c r="A184781" i="1" s="1"/>
  <c r="A184782" i="1" s="1"/>
  <c r="A184783" i="1" s="1"/>
  <c r="A184784" i="1" s="1"/>
  <c r="A184785" i="1" s="1"/>
  <c r="A184786" i="1" s="1"/>
  <c r="A184787" i="1" s="1"/>
  <c r="A184788" i="1" s="1"/>
  <c r="A184789" i="1" s="1"/>
  <c r="A184790" i="1" s="1"/>
  <c r="A184791" i="1" s="1"/>
  <c r="A184792" i="1" s="1"/>
  <c r="A184793" i="1" s="1"/>
  <c r="A184794" i="1" s="1"/>
  <c r="A184795" i="1" s="1"/>
  <c r="A184796" i="1" s="1"/>
  <c r="A184797" i="1" s="1"/>
  <c r="A184798" i="1" s="1"/>
  <c r="A184799" i="1" s="1"/>
  <c r="A184800" i="1" s="1"/>
  <c r="A184801" i="1" s="1"/>
  <c r="A184802" i="1" s="1"/>
  <c r="A184803" i="1" s="1"/>
  <c r="A184804" i="1" s="1"/>
  <c r="A184805" i="1" s="1"/>
  <c r="A184806" i="1" s="1"/>
  <c r="A184807" i="1" s="1"/>
  <c r="A184808" i="1" s="1"/>
  <c r="A184809" i="1" s="1"/>
  <c r="A184810" i="1" s="1"/>
  <c r="A184811" i="1" s="1"/>
  <c r="A184812" i="1" s="1"/>
  <c r="A184813" i="1" s="1"/>
  <c r="A184814" i="1" s="1"/>
  <c r="A184815" i="1" s="1"/>
  <c r="A184816" i="1" s="1"/>
  <c r="A184817" i="1" s="1"/>
  <c r="A184818" i="1" s="1"/>
  <c r="A184819" i="1" s="1"/>
  <c r="A184820" i="1" s="1"/>
  <c r="A184821" i="1" s="1"/>
  <c r="A184822" i="1" s="1"/>
  <c r="A184823" i="1" s="1"/>
  <c r="A184824" i="1" s="1"/>
  <c r="A184825" i="1" s="1"/>
  <c r="A184826" i="1" s="1"/>
  <c r="A184827" i="1" s="1"/>
  <c r="A184828" i="1" s="1"/>
  <c r="A184829" i="1" s="1"/>
  <c r="A184830" i="1" s="1"/>
  <c r="A184831" i="1" s="1"/>
  <c r="A184832" i="1" s="1"/>
  <c r="A184833" i="1" s="1"/>
  <c r="A184834" i="1" s="1"/>
  <c r="A184835" i="1" s="1"/>
  <c r="A184836" i="1" s="1"/>
  <c r="A184837" i="1" s="1"/>
  <c r="A184838" i="1" s="1"/>
  <c r="A184839" i="1" s="1"/>
  <c r="A184840" i="1" s="1"/>
  <c r="A184841" i="1" s="1"/>
  <c r="A184842" i="1" s="1"/>
  <c r="A184843" i="1" s="1"/>
  <c r="A184844" i="1" s="1"/>
  <c r="A184845" i="1" s="1"/>
  <c r="A184846" i="1" s="1"/>
  <c r="A184847" i="1" s="1"/>
  <c r="A184848" i="1" s="1"/>
  <c r="A184849" i="1" s="1"/>
  <c r="A184850" i="1" s="1"/>
  <c r="A184851" i="1" s="1"/>
  <c r="A184852" i="1" s="1"/>
  <c r="A184853" i="1" s="1"/>
  <c r="A184854" i="1" s="1"/>
  <c r="A184855" i="1" s="1"/>
  <c r="A184856" i="1" s="1"/>
  <c r="A184857" i="1" s="1"/>
  <c r="A184858" i="1" s="1"/>
  <c r="A184859" i="1" s="1"/>
  <c r="A184860" i="1" s="1"/>
  <c r="A184861" i="1" s="1"/>
  <c r="A184862" i="1" s="1"/>
  <c r="A184863" i="1" s="1"/>
  <c r="A184864" i="1" s="1"/>
  <c r="A184865" i="1" s="1"/>
  <c r="A184866" i="1" s="1"/>
  <c r="A184867" i="1" s="1"/>
  <c r="A184868" i="1" s="1"/>
  <c r="A184869" i="1" s="1"/>
  <c r="A184870" i="1" s="1"/>
  <c r="A184871" i="1" s="1"/>
  <c r="A184872" i="1" s="1"/>
  <c r="A184873" i="1" s="1"/>
  <c r="A184874" i="1" s="1"/>
  <c r="A184875" i="1" s="1"/>
  <c r="A184876" i="1" s="1"/>
  <c r="A184877" i="1" s="1"/>
  <c r="A184878" i="1" s="1"/>
  <c r="A184879" i="1" s="1"/>
  <c r="A184880" i="1" s="1"/>
  <c r="A184881" i="1" s="1"/>
  <c r="A184882" i="1" s="1"/>
  <c r="A184883" i="1" s="1"/>
  <c r="A184884" i="1" s="1"/>
  <c r="A184885" i="1" s="1"/>
  <c r="A184886" i="1" s="1"/>
  <c r="A184887" i="1" s="1"/>
  <c r="A184888" i="1" s="1"/>
  <c r="A184889" i="1" s="1"/>
  <c r="A184890" i="1" s="1"/>
  <c r="A184891" i="1" s="1"/>
  <c r="A184892" i="1" s="1"/>
  <c r="A184893" i="1" s="1"/>
  <c r="A184894" i="1" s="1"/>
  <c r="A184895" i="1" s="1"/>
  <c r="A184896" i="1" s="1"/>
  <c r="A184897" i="1" s="1"/>
  <c r="A184898" i="1" s="1"/>
  <c r="A184899" i="1" s="1"/>
  <c r="A184900" i="1" s="1"/>
  <c r="A184901" i="1" s="1"/>
  <c r="A184902" i="1" s="1"/>
  <c r="A184903" i="1" s="1"/>
  <c r="A184904" i="1" s="1"/>
  <c r="A184905" i="1" s="1"/>
  <c r="A184906" i="1" s="1"/>
  <c r="A184907" i="1" s="1"/>
  <c r="A184908" i="1" s="1"/>
  <c r="A184909" i="1" s="1"/>
  <c r="A184910" i="1" s="1"/>
  <c r="A184911" i="1" s="1"/>
  <c r="A184912" i="1" s="1"/>
  <c r="A184913" i="1" s="1"/>
  <c r="A184914" i="1" s="1"/>
  <c r="A184915" i="1" s="1"/>
  <c r="A184916" i="1" s="1"/>
  <c r="A184917" i="1" s="1"/>
  <c r="A184918" i="1" s="1"/>
  <c r="A184919" i="1" s="1"/>
  <c r="A184920" i="1" s="1"/>
  <c r="A184921" i="1" s="1"/>
  <c r="A184922" i="1" s="1"/>
  <c r="A184923" i="1" s="1"/>
  <c r="A184924" i="1" s="1"/>
  <c r="A184925" i="1" s="1"/>
  <c r="A184926" i="1" s="1"/>
  <c r="A184927" i="1" s="1"/>
  <c r="A184928" i="1" s="1"/>
  <c r="A184929" i="1" s="1"/>
  <c r="A184930" i="1" s="1"/>
  <c r="A184931" i="1" s="1"/>
  <c r="A184932" i="1" s="1"/>
  <c r="A184933" i="1" s="1"/>
  <c r="A184934" i="1" s="1"/>
  <c r="A184935" i="1" s="1"/>
  <c r="A184936" i="1" s="1"/>
  <c r="A184937" i="1" s="1"/>
  <c r="A184938" i="1" s="1"/>
  <c r="A184939" i="1" s="1"/>
  <c r="A184940" i="1" s="1"/>
  <c r="A184941" i="1" s="1"/>
  <c r="A184942" i="1" s="1"/>
  <c r="A184943" i="1" s="1"/>
  <c r="A184944" i="1" s="1"/>
  <c r="A184945" i="1" s="1"/>
  <c r="A184946" i="1" s="1"/>
  <c r="A184947" i="1" s="1"/>
  <c r="A184948" i="1" s="1"/>
  <c r="A184949" i="1" s="1"/>
  <c r="A184950" i="1" s="1"/>
  <c r="A184951" i="1" s="1"/>
  <c r="A184952" i="1" s="1"/>
  <c r="A184953" i="1" s="1"/>
  <c r="A184954" i="1" s="1"/>
  <c r="A184955" i="1" s="1"/>
  <c r="A184956" i="1" s="1"/>
  <c r="A184957" i="1" s="1"/>
  <c r="A184958" i="1" s="1"/>
  <c r="A184959" i="1" s="1"/>
  <c r="A184960" i="1" s="1"/>
  <c r="A184961" i="1" s="1"/>
  <c r="A184962" i="1" s="1"/>
  <c r="A184963" i="1" s="1"/>
  <c r="A184964" i="1" s="1"/>
  <c r="A184965" i="1" s="1"/>
  <c r="A184966" i="1" s="1"/>
  <c r="A184967" i="1" s="1"/>
  <c r="A184968" i="1" s="1"/>
  <c r="A184969" i="1" s="1"/>
  <c r="A184970" i="1" s="1"/>
  <c r="A184971" i="1" s="1"/>
  <c r="A184972" i="1" s="1"/>
  <c r="A184973" i="1" s="1"/>
  <c r="A184974" i="1" s="1"/>
  <c r="A184975" i="1" s="1"/>
  <c r="A184976" i="1" s="1"/>
  <c r="A184977" i="1" s="1"/>
  <c r="A184978" i="1" s="1"/>
  <c r="A184979" i="1" s="1"/>
  <c r="A184980" i="1" s="1"/>
  <c r="A184981" i="1" s="1"/>
  <c r="A184982" i="1" s="1"/>
  <c r="A184983" i="1" s="1"/>
  <c r="A184984" i="1" s="1"/>
  <c r="A184985" i="1" s="1"/>
  <c r="A184986" i="1" s="1"/>
  <c r="A184987" i="1" s="1"/>
  <c r="A184988" i="1" s="1"/>
  <c r="A184989" i="1" s="1"/>
  <c r="A184990" i="1" s="1"/>
  <c r="A184991" i="1" s="1"/>
  <c r="A184992" i="1" s="1"/>
  <c r="A184993" i="1" s="1"/>
  <c r="A184994" i="1" s="1"/>
  <c r="A184995" i="1" s="1"/>
  <c r="A184996" i="1" s="1"/>
  <c r="A184997" i="1" s="1"/>
  <c r="A184998" i="1" s="1"/>
  <c r="A184999" i="1" s="1"/>
  <c r="A185000" i="1" s="1"/>
  <c r="A185001" i="1" s="1"/>
  <c r="A185002" i="1" s="1"/>
  <c r="A185003" i="1" s="1"/>
  <c r="A185004" i="1" s="1"/>
  <c r="A185005" i="1" s="1"/>
  <c r="A185006" i="1" s="1"/>
  <c r="A185007" i="1" s="1"/>
  <c r="A185008" i="1" s="1"/>
  <c r="A185009" i="1" s="1"/>
  <c r="A185010" i="1" s="1"/>
  <c r="A185011" i="1" s="1"/>
  <c r="A185012" i="1" s="1"/>
  <c r="A185013" i="1" s="1"/>
  <c r="A185014" i="1" s="1"/>
  <c r="A185015" i="1" s="1"/>
  <c r="A185016" i="1" s="1"/>
  <c r="A185017" i="1" s="1"/>
  <c r="A185018" i="1" s="1"/>
  <c r="A185019" i="1" s="1"/>
  <c r="A185020" i="1" s="1"/>
  <c r="A185021" i="1" s="1"/>
  <c r="A185022" i="1" s="1"/>
  <c r="A185023" i="1" s="1"/>
  <c r="A185024" i="1" s="1"/>
  <c r="A185025" i="1" s="1"/>
  <c r="A185026" i="1" s="1"/>
  <c r="A185027" i="1" s="1"/>
  <c r="A185028" i="1" s="1"/>
  <c r="A185029" i="1" s="1"/>
  <c r="A185030" i="1" s="1"/>
  <c r="A185031" i="1" s="1"/>
  <c r="A185032" i="1" s="1"/>
  <c r="A185033" i="1" s="1"/>
  <c r="A185034" i="1" s="1"/>
  <c r="A185035" i="1" s="1"/>
  <c r="A185036" i="1" s="1"/>
  <c r="A185037" i="1" s="1"/>
  <c r="A185038" i="1" s="1"/>
  <c r="A185039" i="1" s="1"/>
  <c r="A185040" i="1" s="1"/>
  <c r="A185041" i="1" s="1"/>
  <c r="A185042" i="1" s="1"/>
  <c r="A185043" i="1" s="1"/>
  <c r="A185044" i="1" s="1"/>
  <c r="A185045" i="1" s="1"/>
  <c r="A185046" i="1" s="1"/>
  <c r="A185047" i="1" s="1"/>
  <c r="A185048" i="1" s="1"/>
  <c r="A185049" i="1" s="1"/>
  <c r="A185050" i="1" s="1"/>
  <c r="A185051" i="1" s="1"/>
  <c r="A185052" i="1" s="1"/>
  <c r="A185053" i="1" s="1"/>
  <c r="A185054" i="1" s="1"/>
  <c r="A185055" i="1" s="1"/>
  <c r="A185056" i="1" s="1"/>
  <c r="A185057" i="1" s="1"/>
  <c r="A185058" i="1" s="1"/>
  <c r="A185059" i="1" s="1"/>
  <c r="A185060" i="1" s="1"/>
  <c r="A185061" i="1" s="1"/>
  <c r="A185062" i="1" s="1"/>
  <c r="A185063" i="1" s="1"/>
  <c r="A185064" i="1" s="1"/>
  <c r="A185065" i="1" s="1"/>
  <c r="A185066" i="1" s="1"/>
  <c r="A185067" i="1" s="1"/>
  <c r="A185068" i="1" s="1"/>
  <c r="A185069" i="1" s="1"/>
  <c r="A185070" i="1" s="1"/>
  <c r="A185071" i="1" s="1"/>
  <c r="A185072" i="1" s="1"/>
  <c r="A185073" i="1" s="1"/>
  <c r="A185074" i="1" s="1"/>
  <c r="A185075" i="1" s="1"/>
  <c r="A185076" i="1" s="1"/>
  <c r="A185077" i="1" s="1"/>
  <c r="A185078" i="1" s="1"/>
  <c r="A185079" i="1" s="1"/>
  <c r="A185080" i="1" s="1"/>
  <c r="A185081" i="1" s="1"/>
  <c r="A185082" i="1" s="1"/>
  <c r="A185083" i="1" s="1"/>
  <c r="A185084" i="1" s="1"/>
  <c r="A185085" i="1" s="1"/>
  <c r="A185086" i="1" s="1"/>
  <c r="A185087" i="1" s="1"/>
  <c r="A185088" i="1" s="1"/>
  <c r="A185089" i="1" s="1"/>
  <c r="A185090" i="1" s="1"/>
  <c r="A185091" i="1" s="1"/>
  <c r="A185092" i="1" s="1"/>
  <c r="A185093" i="1" s="1"/>
  <c r="A185094" i="1" s="1"/>
  <c r="A185095" i="1" s="1"/>
  <c r="A185096" i="1" s="1"/>
  <c r="A185097" i="1" s="1"/>
  <c r="A185098" i="1" s="1"/>
  <c r="A185099" i="1" s="1"/>
  <c r="A185100" i="1" s="1"/>
  <c r="A185101" i="1" s="1"/>
  <c r="A185102" i="1" s="1"/>
  <c r="A185103" i="1" s="1"/>
  <c r="A185104" i="1" s="1"/>
  <c r="A185105" i="1" s="1"/>
  <c r="A185106" i="1" s="1"/>
  <c r="A185107" i="1" s="1"/>
  <c r="A185108" i="1" s="1"/>
  <c r="A185109" i="1" s="1"/>
  <c r="A185110" i="1" s="1"/>
  <c r="A185111" i="1" s="1"/>
  <c r="A185112" i="1" s="1"/>
  <c r="A185113" i="1" s="1"/>
  <c r="A185114" i="1" s="1"/>
  <c r="A185115" i="1" s="1"/>
  <c r="A185116" i="1" s="1"/>
  <c r="A185117" i="1" s="1"/>
  <c r="A185118" i="1" s="1"/>
  <c r="A185119" i="1" s="1"/>
  <c r="A185120" i="1" s="1"/>
  <c r="A185121" i="1" s="1"/>
  <c r="A185122" i="1" s="1"/>
  <c r="A185123" i="1" s="1"/>
  <c r="A185124" i="1" s="1"/>
  <c r="A185125" i="1" s="1"/>
  <c r="A185126" i="1" s="1"/>
  <c r="A185127" i="1" s="1"/>
  <c r="A185128" i="1" s="1"/>
  <c r="A185129" i="1" s="1"/>
  <c r="A185130" i="1" s="1"/>
  <c r="A185131" i="1" s="1"/>
  <c r="A185132" i="1" s="1"/>
  <c r="A185133" i="1" s="1"/>
  <c r="A185134" i="1" s="1"/>
  <c r="A185135" i="1" s="1"/>
  <c r="A185136" i="1" s="1"/>
  <c r="A185137" i="1" s="1"/>
  <c r="A185138" i="1" s="1"/>
  <c r="A185139" i="1" s="1"/>
  <c r="A185140" i="1" s="1"/>
  <c r="A185141" i="1" s="1"/>
  <c r="A185142" i="1" s="1"/>
  <c r="A185143" i="1" s="1"/>
  <c r="A185144" i="1" s="1"/>
  <c r="A185145" i="1" s="1"/>
  <c r="A185146" i="1" s="1"/>
  <c r="A185147" i="1" s="1"/>
  <c r="A185148" i="1" s="1"/>
  <c r="A185149" i="1" s="1"/>
  <c r="A185150" i="1" s="1"/>
  <c r="A185151" i="1" s="1"/>
  <c r="A185152" i="1" s="1"/>
  <c r="A185153" i="1" s="1"/>
  <c r="A185154" i="1" s="1"/>
  <c r="A185155" i="1" s="1"/>
  <c r="A185156" i="1" s="1"/>
  <c r="A185157" i="1" s="1"/>
  <c r="A185158" i="1" s="1"/>
  <c r="A185159" i="1" s="1"/>
  <c r="A185160" i="1" s="1"/>
  <c r="A185161" i="1" s="1"/>
  <c r="A185162" i="1" s="1"/>
  <c r="A185163" i="1" s="1"/>
  <c r="A185164" i="1" s="1"/>
  <c r="A185165" i="1" s="1"/>
  <c r="A185166" i="1" s="1"/>
  <c r="A185167" i="1" s="1"/>
  <c r="A185168" i="1" s="1"/>
  <c r="A185169" i="1" s="1"/>
  <c r="A185170" i="1" s="1"/>
  <c r="A185171" i="1" s="1"/>
  <c r="A185172" i="1" s="1"/>
  <c r="A185173" i="1" s="1"/>
  <c r="A185174" i="1" s="1"/>
  <c r="A185175" i="1" s="1"/>
  <c r="A185176" i="1" s="1"/>
  <c r="A185177" i="1" s="1"/>
  <c r="A185178" i="1" s="1"/>
  <c r="A185179" i="1" s="1"/>
  <c r="A185180" i="1" s="1"/>
  <c r="A185181" i="1" s="1"/>
  <c r="A185182" i="1" s="1"/>
  <c r="A185183" i="1" s="1"/>
  <c r="A185184" i="1" s="1"/>
  <c r="A185185" i="1" s="1"/>
  <c r="A185186" i="1" s="1"/>
  <c r="A185187" i="1" s="1"/>
  <c r="A185188" i="1" s="1"/>
  <c r="A185189" i="1" s="1"/>
  <c r="A185190" i="1" s="1"/>
  <c r="A185191" i="1" s="1"/>
  <c r="A185192" i="1" s="1"/>
  <c r="A185193" i="1" s="1"/>
  <c r="A185194" i="1" s="1"/>
  <c r="A185195" i="1" s="1"/>
  <c r="A185196" i="1" s="1"/>
  <c r="A185197" i="1" s="1"/>
  <c r="A185198" i="1" s="1"/>
  <c r="A185199" i="1" s="1"/>
  <c r="A185200" i="1" s="1"/>
  <c r="A185201" i="1" s="1"/>
  <c r="A185202" i="1" s="1"/>
  <c r="A185203" i="1" s="1"/>
  <c r="A185204" i="1" s="1"/>
  <c r="A185205" i="1" s="1"/>
  <c r="A185206" i="1" s="1"/>
  <c r="A185207" i="1" s="1"/>
  <c r="A185208" i="1" s="1"/>
  <c r="A185209" i="1" s="1"/>
  <c r="A185210" i="1" s="1"/>
  <c r="A185211" i="1" s="1"/>
  <c r="A185212" i="1" s="1"/>
  <c r="A185213" i="1" s="1"/>
  <c r="A185214" i="1" s="1"/>
  <c r="A185215" i="1" s="1"/>
  <c r="A185216" i="1" s="1"/>
  <c r="A185217" i="1" s="1"/>
  <c r="A185218" i="1" s="1"/>
  <c r="A185219" i="1" s="1"/>
  <c r="A185220" i="1" s="1"/>
  <c r="A185221" i="1" s="1"/>
  <c r="A185222" i="1" s="1"/>
  <c r="A185223" i="1" s="1"/>
  <c r="A185224" i="1" s="1"/>
  <c r="A185225" i="1" s="1"/>
  <c r="A185226" i="1" s="1"/>
  <c r="A185227" i="1" s="1"/>
  <c r="A185228" i="1" s="1"/>
  <c r="A185229" i="1" s="1"/>
  <c r="A185230" i="1" s="1"/>
  <c r="A185231" i="1" s="1"/>
  <c r="A185232" i="1" s="1"/>
  <c r="A185233" i="1" s="1"/>
  <c r="A185234" i="1" s="1"/>
  <c r="A185235" i="1" s="1"/>
  <c r="A185236" i="1" s="1"/>
  <c r="A185237" i="1" s="1"/>
  <c r="A185238" i="1" s="1"/>
  <c r="A185239" i="1" s="1"/>
  <c r="A185240" i="1" s="1"/>
  <c r="A185241" i="1" s="1"/>
  <c r="A185242" i="1" s="1"/>
  <c r="A185243" i="1" s="1"/>
  <c r="A185244" i="1" s="1"/>
  <c r="A185245" i="1" s="1"/>
  <c r="A185246" i="1" s="1"/>
  <c r="A185247" i="1" s="1"/>
  <c r="A185248" i="1" s="1"/>
  <c r="A185249" i="1" s="1"/>
  <c r="A185250" i="1" s="1"/>
  <c r="A185251" i="1" s="1"/>
  <c r="A185252" i="1" s="1"/>
  <c r="A185253" i="1" s="1"/>
  <c r="A185254" i="1" s="1"/>
  <c r="A185255" i="1" s="1"/>
  <c r="A185256" i="1" s="1"/>
  <c r="A185257" i="1" s="1"/>
  <c r="A185258" i="1" s="1"/>
  <c r="A185259" i="1" s="1"/>
  <c r="A185260" i="1" s="1"/>
  <c r="A185261" i="1" s="1"/>
  <c r="A185262" i="1" s="1"/>
  <c r="A185263" i="1" s="1"/>
  <c r="A185264" i="1" s="1"/>
  <c r="A185265" i="1" s="1"/>
  <c r="A185266" i="1" s="1"/>
  <c r="A185267" i="1" s="1"/>
  <c r="A185268" i="1" s="1"/>
  <c r="A185269" i="1" s="1"/>
  <c r="A185270" i="1" s="1"/>
  <c r="A185271" i="1" s="1"/>
  <c r="A185272" i="1" s="1"/>
  <c r="A185273" i="1" s="1"/>
  <c r="A185274" i="1" s="1"/>
  <c r="A185275" i="1" s="1"/>
  <c r="A185276" i="1" s="1"/>
  <c r="A185277" i="1" s="1"/>
  <c r="A185278" i="1" s="1"/>
  <c r="A185279" i="1" s="1"/>
  <c r="A185280" i="1" s="1"/>
  <c r="A185281" i="1" s="1"/>
  <c r="A185282" i="1" s="1"/>
  <c r="A185283" i="1" s="1"/>
  <c r="A185284" i="1" s="1"/>
  <c r="A185285" i="1" s="1"/>
  <c r="A185286" i="1" s="1"/>
  <c r="A185287" i="1" s="1"/>
  <c r="A185288" i="1" s="1"/>
  <c r="A185289" i="1" s="1"/>
  <c r="A185290" i="1" s="1"/>
  <c r="A185291" i="1" s="1"/>
  <c r="A185292" i="1" s="1"/>
  <c r="A185293" i="1" s="1"/>
  <c r="A185294" i="1" s="1"/>
  <c r="A185295" i="1" s="1"/>
  <c r="A185296" i="1" s="1"/>
  <c r="A185297" i="1" s="1"/>
  <c r="A185298" i="1" s="1"/>
  <c r="A185299" i="1" s="1"/>
  <c r="A185300" i="1" s="1"/>
  <c r="A185301" i="1" s="1"/>
  <c r="A185302" i="1" s="1"/>
  <c r="A185303" i="1" s="1"/>
  <c r="A185304" i="1" s="1"/>
  <c r="A185305" i="1" s="1"/>
  <c r="A185306" i="1" s="1"/>
  <c r="A185307" i="1" s="1"/>
  <c r="A185308" i="1" s="1"/>
  <c r="A185309" i="1" s="1"/>
  <c r="A185310" i="1" s="1"/>
  <c r="A185311" i="1" s="1"/>
  <c r="A185312" i="1" s="1"/>
  <c r="A185313" i="1" s="1"/>
  <c r="A185314" i="1" s="1"/>
  <c r="A185315" i="1" s="1"/>
  <c r="A185316" i="1" s="1"/>
  <c r="A185317" i="1" s="1"/>
  <c r="A185318" i="1" s="1"/>
  <c r="A185319" i="1" s="1"/>
  <c r="A185320" i="1" s="1"/>
  <c r="A185321" i="1" s="1"/>
  <c r="A185322" i="1" s="1"/>
  <c r="A185323" i="1" s="1"/>
  <c r="A185324" i="1" s="1"/>
  <c r="A185325" i="1" s="1"/>
  <c r="A185326" i="1" s="1"/>
  <c r="A185327" i="1" s="1"/>
  <c r="A185328" i="1" s="1"/>
  <c r="A185329" i="1" s="1"/>
  <c r="A185330" i="1" s="1"/>
  <c r="A185331" i="1" s="1"/>
  <c r="A185332" i="1" s="1"/>
  <c r="A185333" i="1" s="1"/>
  <c r="A185334" i="1" s="1"/>
  <c r="A185335" i="1" s="1"/>
  <c r="A185336" i="1" s="1"/>
  <c r="A185337" i="1" s="1"/>
  <c r="A185338" i="1" s="1"/>
  <c r="A185339" i="1" s="1"/>
  <c r="A185340" i="1" s="1"/>
  <c r="A185341" i="1" s="1"/>
  <c r="A185342" i="1" s="1"/>
  <c r="A185343" i="1" s="1"/>
  <c r="A185344" i="1" s="1"/>
  <c r="A185345" i="1" s="1"/>
  <c r="A185346" i="1" s="1"/>
  <c r="A185347" i="1" s="1"/>
  <c r="A185348" i="1" s="1"/>
  <c r="A185349" i="1" s="1"/>
  <c r="A185350" i="1" s="1"/>
  <c r="A185351" i="1" s="1"/>
  <c r="A185352" i="1" s="1"/>
  <c r="A185353" i="1" s="1"/>
  <c r="A185354" i="1" s="1"/>
  <c r="A185355" i="1" s="1"/>
  <c r="A185356" i="1" s="1"/>
  <c r="A185357" i="1" s="1"/>
  <c r="A185358" i="1" s="1"/>
  <c r="A185359" i="1" s="1"/>
  <c r="A185360" i="1" s="1"/>
  <c r="A185361" i="1" s="1"/>
  <c r="A185362" i="1" s="1"/>
  <c r="A185363" i="1" s="1"/>
  <c r="A185364" i="1" s="1"/>
  <c r="A185365" i="1" s="1"/>
  <c r="A185366" i="1" s="1"/>
  <c r="A185367" i="1" s="1"/>
  <c r="A185368" i="1" s="1"/>
  <c r="A185369" i="1" s="1"/>
  <c r="A185370" i="1" s="1"/>
  <c r="A185371" i="1" s="1"/>
  <c r="A185372" i="1" s="1"/>
  <c r="A185373" i="1" s="1"/>
  <c r="A185374" i="1" s="1"/>
  <c r="A185375" i="1" s="1"/>
  <c r="A185376" i="1" s="1"/>
  <c r="A185377" i="1" s="1"/>
  <c r="A185378" i="1" s="1"/>
  <c r="A185379" i="1" s="1"/>
  <c r="A185380" i="1" s="1"/>
  <c r="A185381" i="1" s="1"/>
  <c r="A185382" i="1" s="1"/>
  <c r="A185383" i="1" s="1"/>
  <c r="A185384" i="1" s="1"/>
  <c r="A185385" i="1" s="1"/>
  <c r="A185386" i="1" s="1"/>
  <c r="A185387" i="1" s="1"/>
  <c r="A185388" i="1" s="1"/>
  <c r="A185389" i="1" s="1"/>
  <c r="A185390" i="1" s="1"/>
  <c r="A185391" i="1" s="1"/>
  <c r="A185392" i="1" s="1"/>
  <c r="A185393" i="1" s="1"/>
  <c r="A185394" i="1" s="1"/>
  <c r="A185395" i="1" s="1"/>
  <c r="A185396" i="1" s="1"/>
  <c r="A185397" i="1" s="1"/>
  <c r="A185398" i="1" s="1"/>
  <c r="A185399" i="1" s="1"/>
  <c r="A185400" i="1" s="1"/>
  <c r="A185401" i="1" s="1"/>
  <c r="A185402" i="1" s="1"/>
  <c r="A185403" i="1" s="1"/>
  <c r="A185404" i="1" s="1"/>
  <c r="A185405" i="1" s="1"/>
  <c r="A185406" i="1" s="1"/>
  <c r="A185407" i="1" s="1"/>
  <c r="A185408" i="1" s="1"/>
  <c r="A185409" i="1" s="1"/>
  <c r="A185410" i="1" s="1"/>
  <c r="A185411" i="1" s="1"/>
  <c r="A185412" i="1" s="1"/>
  <c r="A185413" i="1" s="1"/>
  <c r="A185414" i="1" s="1"/>
  <c r="A185415" i="1" s="1"/>
  <c r="A185416" i="1" s="1"/>
  <c r="A185417" i="1" s="1"/>
  <c r="A185418" i="1" s="1"/>
  <c r="A185419" i="1" s="1"/>
  <c r="A185420" i="1" s="1"/>
  <c r="A185421" i="1" s="1"/>
  <c r="A185422" i="1" s="1"/>
  <c r="A185423" i="1" s="1"/>
  <c r="A185424" i="1" s="1"/>
  <c r="A185425" i="1" s="1"/>
  <c r="A185426" i="1" s="1"/>
  <c r="A185427" i="1" s="1"/>
  <c r="A185428" i="1" s="1"/>
  <c r="A185429" i="1" s="1"/>
  <c r="A185430" i="1" s="1"/>
  <c r="A185431" i="1" s="1"/>
  <c r="A185432" i="1" s="1"/>
  <c r="A185433" i="1" s="1"/>
  <c r="A185434" i="1" s="1"/>
  <c r="A185435" i="1" s="1"/>
  <c r="A185436" i="1" s="1"/>
  <c r="A185437" i="1" s="1"/>
  <c r="A185438" i="1" s="1"/>
  <c r="A185439" i="1" s="1"/>
  <c r="A185440" i="1" s="1"/>
  <c r="A185441" i="1" s="1"/>
  <c r="A185442" i="1" s="1"/>
  <c r="A185443" i="1" s="1"/>
  <c r="A185444" i="1" s="1"/>
  <c r="A185445" i="1" s="1"/>
  <c r="A185446" i="1" s="1"/>
  <c r="A185447" i="1" s="1"/>
  <c r="A185448" i="1" s="1"/>
  <c r="A185449" i="1" s="1"/>
  <c r="A185450" i="1" s="1"/>
  <c r="A185451" i="1" s="1"/>
  <c r="A185452" i="1" s="1"/>
  <c r="A185453" i="1" s="1"/>
  <c r="A185454" i="1" s="1"/>
  <c r="A185455" i="1" s="1"/>
  <c r="A185456" i="1" s="1"/>
  <c r="A185457" i="1" s="1"/>
  <c r="A185458" i="1" s="1"/>
  <c r="A185459" i="1" s="1"/>
  <c r="A185460" i="1" s="1"/>
  <c r="A185461" i="1" s="1"/>
  <c r="A185462" i="1" s="1"/>
  <c r="A185463" i="1" s="1"/>
  <c r="A185464" i="1" s="1"/>
  <c r="A185465" i="1" s="1"/>
  <c r="A185466" i="1" s="1"/>
  <c r="A185467" i="1" s="1"/>
  <c r="A185468" i="1" s="1"/>
  <c r="A185469" i="1" s="1"/>
  <c r="A185470" i="1" s="1"/>
  <c r="A185471" i="1" s="1"/>
  <c r="A185472" i="1" s="1"/>
  <c r="A185473" i="1" s="1"/>
  <c r="A185474" i="1" s="1"/>
  <c r="A185475" i="1" s="1"/>
  <c r="A185476" i="1" s="1"/>
  <c r="A185477" i="1" s="1"/>
  <c r="A185478" i="1" s="1"/>
  <c r="A185479" i="1" s="1"/>
  <c r="A185480" i="1" s="1"/>
  <c r="A185481" i="1" s="1"/>
  <c r="A185482" i="1" s="1"/>
  <c r="A185483" i="1" s="1"/>
  <c r="A185484" i="1" s="1"/>
  <c r="A185485" i="1" s="1"/>
  <c r="A185486" i="1" s="1"/>
  <c r="A185487" i="1" s="1"/>
  <c r="A185488" i="1" s="1"/>
  <c r="A185489" i="1" s="1"/>
  <c r="A185490" i="1" s="1"/>
  <c r="A185491" i="1" s="1"/>
  <c r="A185492" i="1" s="1"/>
  <c r="A185493" i="1" s="1"/>
  <c r="A185494" i="1" s="1"/>
  <c r="A185495" i="1" s="1"/>
  <c r="A185496" i="1" s="1"/>
  <c r="A185497" i="1" s="1"/>
  <c r="A185498" i="1" s="1"/>
  <c r="A185499" i="1" s="1"/>
  <c r="A185500" i="1" s="1"/>
  <c r="A185501" i="1" s="1"/>
  <c r="A185502" i="1" s="1"/>
  <c r="A185503" i="1" s="1"/>
  <c r="A185504" i="1" s="1"/>
  <c r="A185505" i="1" s="1"/>
  <c r="A185506" i="1" s="1"/>
  <c r="A185507" i="1" s="1"/>
  <c r="A185508" i="1" s="1"/>
  <c r="A185509" i="1" s="1"/>
  <c r="A185510" i="1" s="1"/>
  <c r="A185511" i="1" s="1"/>
  <c r="A185512" i="1" s="1"/>
  <c r="A185513" i="1" s="1"/>
  <c r="A185514" i="1" s="1"/>
  <c r="A185515" i="1" s="1"/>
  <c r="A185516" i="1" s="1"/>
  <c r="A185517" i="1" s="1"/>
  <c r="A185518" i="1" s="1"/>
  <c r="A185519" i="1" s="1"/>
  <c r="A185520" i="1" s="1"/>
  <c r="A185521" i="1" s="1"/>
  <c r="A185522" i="1" s="1"/>
  <c r="A185523" i="1" s="1"/>
  <c r="A185524" i="1" s="1"/>
  <c r="A185525" i="1" s="1"/>
  <c r="A185526" i="1" s="1"/>
  <c r="A185527" i="1" s="1"/>
  <c r="A185528" i="1" s="1"/>
  <c r="A185529" i="1" s="1"/>
  <c r="A185530" i="1" s="1"/>
  <c r="A185531" i="1" s="1"/>
  <c r="A185532" i="1" s="1"/>
  <c r="A185533" i="1" s="1"/>
  <c r="A185534" i="1" s="1"/>
  <c r="A185535" i="1" s="1"/>
  <c r="A185536" i="1" s="1"/>
  <c r="A185537" i="1" s="1"/>
  <c r="A185538" i="1" s="1"/>
  <c r="A185539" i="1" s="1"/>
  <c r="A185540" i="1" s="1"/>
  <c r="A185541" i="1" s="1"/>
  <c r="A185542" i="1" s="1"/>
  <c r="A185543" i="1" s="1"/>
  <c r="A185544" i="1" s="1"/>
  <c r="A185545" i="1" s="1"/>
  <c r="A185546" i="1" s="1"/>
  <c r="A185547" i="1" s="1"/>
  <c r="A185548" i="1" s="1"/>
  <c r="A185549" i="1" s="1"/>
  <c r="A185550" i="1" s="1"/>
  <c r="A185551" i="1" s="1"/>
  <c r="A185552" i="1" s="1"/>
  <c r="A185553" i="1" s="1"/>
  <c r="A185554" i="1" s="1"/>
  <c r="A185555" i="1" s="1"/>
  <c r="A185556" i="1" s="1"/>
  <c r="A185557" i="1" s="1"/>
  <c r="A185558" i="1" s="1"/>
  <c r="A185559" i="1" s="1"/>
  <c r="A185560" i="1" s="1"/>
  <c r="A185561" i="1" s="1"/>
  <c r="A185562" i="1" s="1"/>
  <c r="A185563" i="1" s="1"/>
  <c r="A185564" i="1" s="1"/>
  <c r="A185565" i="1" s="1"/>
  <c r="A185566" i="1" s="1"/>
  <c r="A185567" i="1" s="1"/>
  <c r="A185568" i="1" s="1"/>
  <c r="A185569" i="1" s="1"/>
  <c r="A185570" i="1" s="1"/>
  <c r="A185571" i="1" s="1"/>
  <c r="A185572" i="1" s="1"/>
  <c r="A185573" i="1" s="1"/>
  <c r="A185574" i="1" s="1"/>
  <c r="A185575" i="1" s="1"/>
  <c r="A185576" i="1" s="1"/>
  <c r="A185577" i="1" s="1"/>
  <c r="A185578" i="1" s="1"/>
  <c r="A185579" i="1" s="1"/>
  <c r="A185580" i="1" s="1"/>
  <c r="A185581" i="1" s="1"/>
  <c r="A185582" i="1" s="1"/>
  <c r="A185583" i="1" s="1"/>
  <c r="A185584" i="1" s="1"/>
  <c r="A185585" i="1" s="1"/>
  <c r="A185586" i="1" s="1"/>
  <c r="A185587" i="1" s="1"/>
  <c r="A185588" i="1" s="1"/>
  <c r="A185589" i="1" s="1"/>
  <c r="A185590" i="1" s="1"/>
  <c r="A185591" i="1" s="1"/>
  <c r="A185592" i="1" s="1"/>
  <c r="A185593" i="1" s="1"/>
  <c r="A185594" i="1" s="1"/>
  <c r="A185595" i="1" s="1"/>
  <c r="A185596" i="1" s="1"/>
  <c r="A185597" i="1" s="1"/>
  <c r="A185598" i="1" s="1"/>
  <c r="A185599" i="1" s="1"/>
  <c r="A185600" i="1" s="1"/>
  <c r="A185601" i="1" s="1"/>
  <c r="A185602" i="1" s="1"/>
  <c r="A185603" i="1" s="1"/>
  <c r="A185604" i="1" s="1"/>
  <c r="A185605" i="1" s="1"/>
  <c r="A185606" i="1" s="1"/>
  <c r="A185607" i="1" s="1"/>
  <c r="A185608" i="1" s="1"/>
  <c r="A185609" i="1" s="1"/>
  <c r="A185610" i="1" s="1"/>
  <c r="A185611" i="1" s="1"/>
  <c r="A185612" i="1" s="1"/>
  <c r="A185613" i="1" s="1"/>
  <c r="A185614" i="1" s="1"/>
  <c r="A185615" i="1" s="1"/>
  <c r="A185616" i="1" s="1"/>
  <c r="A185617" i="1" s="1"/>
  <c r="A185618" i="1" s="1"/>
  <c r="A185619" i="1" s="1"/>
  <c r="A185620" i="1" s="1"/>
  <c r="A185621" i="1" s="1"/>
  <c r="A185622" i="1" s="1"/>
  <c r="A185623" i="1" s="1"/>
  <c r="A185624" i="1" s="1"/>
  <c r="A185625" i="1" s="1"/>
  <c r="A185626" i="1" s="1"/>
  <c r="A185627" i="1" s="1"/>
  <c r="A185628" i="1" s="1"/>
  <c r="A185629" i="1" s="1"/>
  <c r="A185630" i="1" s="1"/>
  <c r="A185631" i="1" s="1"/>
  <c r="A185632" i="1" s="1"/>
  <c r="A185633" i="1" s="1"/>
  <c r="A185634" i="1" s="1"/>
  <c r="A185635" i="1" s="1"/>
  <c r="A185636" i="1" s="1"/>
  <c r="A185637" i="1" s="1"/>
  <c r="A185638" i="1" s="1"/>
  <c r="A185639" i="1" s="1"/>
  <c r="A185640" i="1" s="1"/>
  <c r="A185641" i="1" s="1"/>
  <c r="A185642" i="1" s="1"/>
  <c r="A185643" i="1" s="1"/>
  <c r="A185644" i="1" s="1"/>
  <c r="A185645" i="1" s="1"/>
  <c r="A185646" i="1" s="1"/>
  <c r="A185647" i="1" s="1"/>
  <c r="A185648" i="1" s="1"/>
  <c r="A185649" i="1" s="1"/>
  <c r="A185650" i="1" s="1"/>
  <c r="A185651" i="1" s="1"/>
  <c r="A185652" i="1" s="1"/>
  <c r="A185653" i="1" s="1"/>
  <c r="A185654" i="1" s="1"/>
  <c r="A185655" i="1" s="1"/>
  <c r="A185656" i="1" s="1"/>
  <c r="A185657" i="1" s="1"/>
  <c r="A185658" i="1" s="1"/>
  <c r="A185659" i="1" s="1"/>
  <c r="A185660" i="1" s="1"/>
  <c r="A185661" i="1" s="1"/>
  <c r="A185662" i="1" s="1"/>
  <c r="A185663" i="1" s="1"/>
  <c r="A185664" i="1" s="1"/>
  <c r="A185665" i="1" s="1"/>
  <c r="A185666" i="1" s="1"/>
  <c r="A185667" i="1" s="1"/>
  <c r="A185668" i="1" s="1"/>
  <c r="A185669" i="1" s="1"/>
  <c r="A185670" i="1" s="1"/>
  <c r="A185671" i="1" s="1"/>
  <c r="A185672" i="1" s="1"/>
  <c r="A185673" i="1" s="1"/>
  <c r="A185674" i="1" s="1"/>
  <c r="A185675" i="1" s="1"/>
  <c r="A185676" i="1" s="1"/>
  <c r="A185677" i="1" s="1"/>
  <c r="A185678" i="1" s="1"/>
  <c r="A185679" i="1" s="1"/>
  <c r="A185680" i="1" s="1"/>
  <c r="A185681" i="1" s="1"/>
  <c r="A185682" i="1" s="1"/>
  <c r="A185683" i="1" s="1"/>
  <c r="A185684" i="1" s="1"/>
  <c r="A185685" i="1" s="1"/>
  <c r="A185686" i="1" s="1"/>
  <c r="A185687" i="1" s="1"/>
  <c r="A185688" i="1" s="1"/>
  <c r="A185689" i="1" s="1"/>
  <c r="A185690" i="1" s="1"/>
  <c r="A185691" i="1" s="1"/>
  <c r="A185692" i="1" s="1"/>
  <c r="A185693" i="1" s="1"/>
  <c r="A185694" i="1" s="1"/>
  <c r="A185695" i="1" s="1"/>
  <c r="A185696" i="1" s="1"/>
  <c r="A185697" i="1" s="1"/>
  <c r="A185698" i="1" s="1"/>
  <c r="A185699" i="1" s="1"/>
  <c r="A185700" i="1" s="1"/>
  <c r="A185701" i="1" s="1"/>
  <c r="A185702" i="1" s="1"/>
  <c r="A185703" i="1" s="1"/>
  <c r="A185704" i="1" s="1"/>
  <c r="A185705" i="1" s="1"/>
  <c r="A185706" i="1" s="1"/>
  <c r="A185707" i="1" s="1"/>
  <c r="A185708" i="1" s="1"/>
  <c r="A185709" i="1" s="1"/>
  <c r="A185710" i="1" s="1"/>
  <c r="A185711" i="1" s="1"/>
  <c r="A185712" i="1" s="1"/>
  <c r="A185713" i="1" s="1"/>
  <c r="A185714" i="1" s="1"/>
  <c r="A185715" i="1" s="1"/>
  <c r="A185716" i="1" s="1"/>
  <c r="A185717" i="1" s="1"/>
  <c r="A185718" i="1" s="1"/>
  <c r="A185719" i="1" s="1"/>
  <c r="A185720" i="1" s="1"/>
  <c r="A185721" i="1" s="1"/>
  <c r="A185722" i="1" s="1"/>
  <c r="A185723" i="1" s="1"/>
  <c r="A185724" i="1" s="1"/>
  <c r="A185725" i="1" s="1"/>
  <c r="A185726" i="1" s="1"/>
  <c r="A185727" i="1" s="1"/>
  <c r="A185728" i="1" s="1"/>
  <c r="A185729" i="1" s="1"/>
  <c r="A185730" i="1" s="1"/>
  <c r="A185731" i="1" s="1"/>
  <c r="A185732" i="1" s="1"/>
  <c r="A185733" i="1" s="1"/>
  <c r="A185734" i="1" s="1"/>
  <c r="A185735" i="1" s="1"/>
  <c r="A185736" i="1" s="1"/>
  <c r="A185737" i="1" s="1"/>
  <c r="A185738" i="1" s="1"/>
  <c r="A185739" i="1" s="1"/>
  <c r="A185740" i="1" s="1"/>
  <c r="A185741" i="1" s="1"/>
  <c r="A185742" i="1" s="1"/>
  <c r="A185743" i="1" s="1"/>
  <c r="A185744" i="1" s="1"/>
  <c r="A185745" i="1" s="1"/>
  <c r="A185746" i="1" s="1"/>
  <c r="A185747" i="1" s="1"/>
  <c r="A185748" i="1" s="1"/>
  <c r="A185749" i="1" s="1"/>
  <c r="A185750" i="1" s="1"/>
  <c r="A185751" i="1" s="1"/>
  <c r="A185752" i="1" s="1"/>
  <c r="A185753" i="1" s="1"/>
  <c r="A185754" i="1" s="1"/>
  <c r="A185755" i="1" s="1"/>
  <c r="A185756" i="1" s="1"/>
  <c r="A185757" i="1" s="1"/>
  <c r="A185758" i="1" s="1"/>
  <c r="A185759" i="1" s="1"/>
  <c r="A185760" i="1" s="1"/>
  <c r="A185761" i="1" s="1"/>
  <c r="A185762" i="1" s="1"/>
  <c r="A185763" i="1" s="1"/>
  <c r="A185764" i="1" s="1"/>
  <c r="A185765" i="1" s="1"/>
  <c r="A185766" i="1" s="1"/>
  <c r="A185767" i="1" s="1"/>
  <c r="A185768" i="1" s="1"/>
  <c r="A185769" i="1" s="1"/>
  <c r="A185770" i="1" s="1"/>
  <c r="A185771" i="1" s="1"/>
  <c r="A185772" i="1" s="1"/>
  <c r="A185773" i="1" s="1"/>
  <c r="A185774" i="1" s="1"/>
  <c r="A185775" i="1" s="1"/>
  <c r="A185776" i="1" s="1"/>
  <c r="A185777" i="1" s="1"/>
  <c r="A185778" i="1" s="1"/>
  <c r="A185779" i="1" s="1"/>
  <c r="A185780" i="1" s="1"/>
  <c r="A185781" i="1" s="1"/>
  <c r="A185782" i="1" s="1"/>
  <c r="A185783" i="1" s="1"/>
  <c r="A185784" i="1" s="1"/>
  <c r="A185785" i="1" s="1"/>
  <c r="A185786" i="1" s="1"/>
  <c r="A185787" i="1" s="1"/>
  <c r="A185788" i="1" s="1"/>
  <c r="A185789" i="1" s="1"/>
  <c r="A185790" i="1" s="1"/>
  <c r="A185791" i="1" s="1"/>
  <c r="A185792" i="1" s="1"/>
  <c r="A185793" i="1" s="1"/>
  <c r="A185794" i="1" s="1"/>
  <c r="A185795" i="1" s="1"/>
  <c r="A185796" i="1" s="1"/>
  <c r="A185797" i="1" s="1"/>
  <c r="A185798" i="1" s="1"/>
  <c r="A185799" i="1" s="1"/>
  <c r="A185800" i="1" s="1"/>
  <c r="A185801" i="1" s="1"/>
  <c r="A185802" i="1" s="1"/>
  <c r="A185803" i="1" s="1"/>
  <c r="A185804" i="1" s="1"/>
  <c r="A185805" i="1" s="1"/>
  <c r="A185806" i="1" s="1"/>
  <c r="A185807" i="1" s="1"/>
  <c r="A185808" i="1" s="1"/>
  <c r="A185809" i="1" s="1"/>
  <c r="A185810" i="1" s="1"/>
  <c r="A185811" i="1" s="1"/>
  <c r="A185812" i="1" s="1"/>
  <c r="A185813" i="1" s="1"/>
  <c r="A185814" i="1" s="1"/>
  <c r="A185815" i="1" s="1"/>
  <c r="A185816" i="1" s="1"/>
  <c r="A185817" i="1" s="1"/>
  <c r="A185818" i="1" s="1"/>
  <c r="A185819" i="1" s="1"/>
  <c r="A185820" i="1" s="1"/>
  <c r="A185821" i="1" s="1"/>
  <c r="A185822" i="1" s="1"/>
  <c r="A185823" i="1" s="1"/>
  <c r="A185824" i="1" s="1"/>
  <c r="A185825" i="1" s="1"/>
  <c r="A185826" i="1" s="1"/>
  <c r="A185827" i="1" s="1"/>
  <c r="A185828" i="1" s="1"/>
  <c r="A185829" i="1" s="1"/>
  <c r="A185830" i="1" s="1"/>
  <c r="A185831" i="1" s="1"/>
  <c r="A185832" i="1" s="1"/>
  <c r="A185833" i="1" s="1"/>
  <c r="A185834" i="1" s="1"/>
  <c r="A185835" i="1" s="1"/>
  <c r="A185836" i="1" s="1"/>
  <c r="A185837" i="1" s="1"/>
  <c r="A185838" i="1" s="1"/>
  <c r="A185839" i="1" s="1"/>
  <c r="A185840" i="1" s="1"/>
  <c r="A185841" i="1" s="1"/>
  <c r="A185842" i="1" s="1"/>
  <c r="A185843" i="1" s="1"/>
  <c r="A185844" i="1" s="1"/>
  <c r="A185845" i="1" s="1"/>
  <c r="A185846" i="1" s="1"/>
  <c r="A185847" i="1" s="1"/>
  <c r="A185848" i="1" s="1"/>
  <c r="A185849" i="1" s="1"/>
  <c r="A185850" i="1" s="1"/>
  <c r="A185851" i="1" s="1"/>
  <c r="A185852" i="1" s="1"/>
  <c r="A185853" i="1" s="1"/>
  <c r="A185854" i="1" s="1"/>
  <c r="A185855" i="1" s="1"/>
  <c r="A185856" i="1" s="1"/>
  <c r="A185857" i="1" s="1"/>
  <c r="A185858" i="1" s="1"/>
  <c r="A185859" i="1" s="1"/>
  <c r="A185860" i="1" s="1"/>
  <c r="A185861" i="1" s="1"/>
  <c r="A185862" i="1" s="1"/>
  <c r="A185863" i="1" s="1"/>
  <c r="A185864" i="1" s="1"/>
  <c r="A185865" i="1" s="1"/>
  <c r="A185866" i="1" s="1"/>
  <c r="A185867" i="1" s="1"/>
  <c r="A185868" i="1" s="1"/>
  <c r="A185869" i="1" s="1"/>
  <c r="A185870" i="1" s="1"/>
  <c r="A185871" i="1" s="1"/>
  <c r="A185872" i="1" s="1"/>
  <c r="A185873" i="1" s="1"/>
  <c r="A185874" i="1" s="1"/>
  <c r="A185875" i="1" s="1"/>
  <c r="A185876" i="1" s="1"/>
  <c r="A185877" i="1" s="1"/>
  <c r="A185878" i="1" s="1"/>
  <c r="A185879" i="1" s="1"/>
  <c r="A185880" i="1" s="1"/>
  <c r="A185881" i="1" s="1"/>
  <c r="A185882" i="1" s="1"/>
  <c r="A185883" i="1" s="1"/>
  <c r="A185884" i="1" s="1"/>
  <c r="A185885" i="1" s="1"/>
  <c r="A185886" i="1" s="1"/>
  <c r="A185887" i="1" s="1"/>
  <c r="A185888" i="1" s="1"/>
  <c r="A185889" i="1" s="1"/>
  <c r="A185890" i="1" s="1"/>
  <c r="A185891" i="1" s="1"/>
  <c r="A185892" i="1" s="1"/>
  <c r="A185893" i="1" s="1"/>
  <c r="A185894" i="1" s="1"/>
  <c r="A185895" i="1" s="1"/>
  <c r="A185896" i="1" s="1"/>
  <c r="A185897" i="1" s="1"/>
  <c r="A185898" i="1" s="1"/>
  <c r="A185899" i="1" s="1"/>
  <c r="A185900" i="1" s="1"/>
  <c r="A185901" i="1" s="1"/>
  <c r="A185902" i="1" s="1"/>
  <c r="A185903" i="1" s="1"/>
  <c r="A185904" i="1" s="1"/>
  <c r="A185905" i="1" s="1"/>
  <c r="A185906" i="1" s="1"/>
  <c r="A185907" i="1" s="1"/>
  <c r="A185908" i="1" s="1"/>
  <c r="A185909" i="1" s="1"/>
  <c r="A185910" i="1" s="1"/>
  <c r="A185911" i="1" s="1"/>
  <c r="A185912" i="1" s="1"/>
  <c r="A185913" i="1" s="1"/>
  <c r="A185914" i="1" s="1"/>
  <c r="A185915" i="1" s="1"/>
  <c r="A185916" i="1" s="1"/>
  <c r="A185917" i="1" s="1"/>
  <c r="A185918" i="1" s="1"/>
  <c r="A185919" i="1" s="1"/>
  <c r="A185920" i="1" s="1"/>
  <c r="A185921" i="1" s="1"/>
  <c r="A185922" i="1" s="1"/>
  <c r="A185923" i="1" s="1"/>
  <c r="A185924" i="1" s="1"/>
  <c r="A185925" i="1" s="1"/>
  <c r="A185926" i="1" s="1"/>
  <c r="A185927" i="1" s="1"/>
  <c r="A185928" i="1" s="1"/>
  <c r="A185929" i="1" s="1"/>
  <c r="A185930" i="1" s="1"/>
  <c r="A185931" i="1" s="1"/>
  <c r="A185932" i="1" s="1"/>
  <c r="A185933" i="1" s="1"/>
  <c r="A185934" i="1" s="1"/>
  <c r="A185935" i="1" s="1"/>
  <c r="A185936" i="1" s="1"/>
  <c r="A185937" i="1" s="1"/>
  <c r="A185938" i="1" s="1"/>
  <c r="A185939" i="1" s="1"/>
  <c r="A185940" i="1" s="1"/>
  <c r="A185941" i="1" s="1"/>
  <c r="A185942" i="1" s="1"/>
  <c r="A185943" i="1" s="1"/>
  <c r="A185944" i="1" s="1"/>
  <c r="A185945" i="1" s="1"/>
  <c r="A185946" i="1" s="1"/>
  <c r="A185947" i="1" s="1"/>
  <c r="A185948" i="1" s="1"/>
  <c r="A185949" i="1" s="1"/>
  <c r="A185950" i="1" s="1"/>
  <c r="A185951" i="1" s="1"/>
  <c r="A185952" i="1" s="1"/>
  <c r="A185953" i="1" s="1"/>
  <c r="A185954" i="1" s="1"/>
  <c r="A185955" i="1" s="1"/>
  <c r="A185956" i="1" s="1"/>
  <c r="A185957" i="1" s="1"/>
  <c r="A185958" i="1" s="1"/>
  <c r="A185959" i="1" s="1"/>
  <c r="A185960" i="1" s="1"/>
  <c r="A185961" i="1" s="1"/>
  <c r="A185962" i="1" s="1"/>
  <c r="A185963" i="1" s="1"/>
  <c r="A185964" i="1" s="1"/>
  <c r="A185965" i="1" s="1"/>
  <c r="A185966" i="1" s="1"/>
  <c r="A185967" i="1" s="1"/>
  <c r="A185968" i="1" s="1"/>
  <c r="A185969" i="1" s="1"/>
  <c r="A185970" i="1" s="1"/>
  <c r="A185971" i="1" s="1"/>
  <c r="A185972" i="1" s="1"/>
  <c r="A185973" i="1" s="1"/>
  <c r="A185974" i="1" s="1"/>
  <c r="A185975" i="1" s="1"/>
  <c r="A185976" i="1" s="1"/>
  <c r="A185977" i="1" s="1"/>
  <c r="A185978" i="1" s="1"/>
  <c r="A185979" i="1" s="1"/>
  <c r="A185980" i="1" s="1"/>
  <c r="A185981" i="1" s="1"/>
  <c r="A185982" i="1" s="1"/>
  <c r="A185983" i="1" s="1"/>
  <c r="A185984" i="1" s="1"/>
  <c r="A185985" i="1" s="1"/>
  <c r="A185986" i="1" s="1"/>
  <c r="A185987" i="1" s="1"/>
  <c r="A185988" i="1" s="1"/>
  <c r="A185989" i="1" s="1"/>
  <c r="A185990" i="1" s="1"/>
  <c r="A185991" i="1" s="1"/>
  <c r="A185992" i="1" s="1"/>
  <c r="A185993" i="1" s="1"/>
  <c r="A185994" i="1" s="1"/>
  <c r="A185995" i="1" s="1"/>
  <c r="A185996" i="1" s="1"/>
  <c r="A185997" i="1" s="1"/>
  <c r="A185998" i="1" s="1"/>
  <c r="A185999" i="1" s="1"/>
  <c r="A186000" i="1" s="1"/>
  <c r="A186001" i="1" s="1"/>
  <c r="A186002" i="1" s="1"/>
  <c r="A186003" i="1" s="1"/>
  <c r="A186004" i="1" s="1"/>
  <c r="A186005" i="1" s="1"/>
  <c r="A186006" i="1" s="1"/>
  <c r="A186007" i="1" s="1"/>
  <c r="A186008" i="1" s="1"/>
  <c r="A186009" i="1" s="1"/>
  <c r="A186010" i="1" s="1"/>
  <c r="A186011" i="1" s="1"/>
  <c r="A186012" i="1" s="1"/>
  <c r="A186013" i="1" s="1"/>
  <c r="A186014" i="1" s="1"/>
  <c r="A186015" i="1" s="1"/>
  <c r="A186016" i="1" s="1"/>
  <c r="A186017" i="1" s="1"/>
  <c r="A186018" i="1" s="1"/>
  <c r="A186019" i="1" s="1"/>
  <c r="A186020" i="1" s="1"/>
  <c r="A186021" i="1" s="1"/>
  <c r="A186022" i="1" s="1"/>
  <c r="A186023" i="1" s="1"/>
  <c r="A186024" i="1" s="1"/>
  <c r="A186025" i="1" s="1"/>
  <c r="A186026" i="1" s="1"/>
  <c r="A186027" i="1" s="1"/>
  <c r="A186028" i="1" s="1"/>
  <c r="A186029" i="1" s="1"/>
  <c r="A186030" i="1" s="1"/>
  <c r="A186031" i="1" s="1"/>
  <c r="A186032" i="1" s="1"/>
  <c r="A186033" i="1" s="1"/>
  <c r="A186034" i="1" s="1"/>
  <c r="A186035" i="1" s="1"/>
  <c r="A186036" i="1" s="1"/>
  <c r="A186037" i="1" s="1"/>
  <c r="A186038" i="1" s="1"/>
  <c r="A186039" i="1" s="1"/>
  <c r="A186040" i="1" s="1"/>
  <c r="A186041" i="1" s="1"/>
  <c r="A186042" i="1" s="1"/>
  <c r="A186043" i="1" s="1"/>
  <c r="A186044" i="1" s="1"/>
  <c r="A186045" i="1" s="1"/>
  <c r="A186046" i="1" s="1"/>
  <c r="A186047" i="1" s="1"/>
  <c r="A186048" i="1" s="1"/>
  <c r="A186049" i="1" s="1"/>
  <c r="A186050" i="1" s="1"/>
  <c r="A186051" i="1" s="1"/>
  <c r="A186052" i="1" s="1"/>
  <c r="A186053" i="1" s="1"/>
  <c r="A186054" i="1" s="1"/>
  <c r="A186055" i="1" s="1"/>
  <c r="A186056" i="1" s="1"/>
  <c r="A186057" i="1" s="1"/>
  <c r="A186058" i="1" s="1"/>
  <c r="A186059" i="1" s="1"/>
  <c r="A186060" i="1" s="1"/>
  <c r="A186061" i="1" s="1"/>
  <c r="A186062" i="1" s="1"/>
  <c r="A186063" i="1" s="1"/>
  <c r="A186064" i="1" s="1"/>
  <c r="A186065" i="1" s="1"/>
  <c r="A186066" i="1" s="1"/>
  <c r="A186067" i="1" s="1"/>
  <c r="A186068" i="1" s="1"/>
  <c r="A186069" i="1" s="1"/>
  <c r="A186070" i="1" s="1"/>
  <c r="A186071" i="1" s="1"/>
  <c r="A186072" i="1" s="1"/>
  <c r="A186073" i="1" s="1"/>
  <c r="A186074" i="1" s="1"/>
  <c r="A186075" i="1" s="1"/>
  <c r="A186076" i="1" s="1"/>
  <c r="A186077" i="1" s="1"/>
  <c r="A186078" i="1" s="1"/>
  <c r="A186079" i="1" s="1"/>
  <c r="A186080" i="1" s="1"/>
  <c r="A186081" i="1" s="1"/>
  <c r="A186082" i="1" s="1"/>
  <c r="A186083" i="1" s="1"/>
  <c r="A186084" i="1" s="1"/>
  <c r="A186085" i="1" s="1"/>
  <c r="A186086" i="1" s="1"/>
  <c r="A186087" i="1" s="1"/>
  <c r="A186088" i="1" s="1"/>
  <c r="A186089" i="1" s="1"/>
  <c r="A186090" i="1" s="1"/>
  <c r="A186091" i="1" s="1"/>
  <c r="A186092" i="1" s="1"/>
  <c r="A186093" i="1" s="1"/>
  <c r="A186094" i="1" s="1"/>
  <c r="A186095" i="1" s="1"/>
  <c r="A186096" i="1" s="1"/>
  <c r="A186097" i="1" s="1"/>
  <c r="A186098" i="1" s="1"/>
  <c r="A186099" i="1" s="1"/>
  <c r="A186100" i="1" s="1"/>
  <c r="A186101" i="1" s="1"/>
  <c r="A186102" i="1" s="1"/>
  <c r="A186103" i="1" s="1"/>
  <c r="A186104" i="1" s="1"/>
  <c r="A186105" i="1" s="1"/>
  <c r="A186106" i="1" s="1"/>
  <c r="A186107" i="1" s="1"/>
  <c r="A186108" i="1" s="1"/>
  <c r="A186109" i="1" s="1"/>
  <c r="A186110" i="1" s="1"/>
  <c r="A186111" i="1" s="1"/>
  <c r="A186112" i="1" s="1"/>
  <c r="A186113" i="1" s="1"/>
  <c r="A186114" i="1" s="1"/>
  <c r="A186115" i="1" s="1"/>
  <c r="A186116" i="1" s="1"/>
  <c r="A186117" i="1" s="1"/>
  <c r="A186118" i="1" s="1"/>
  <c r="A186119" i="1" s="1"/>
  <c r="A186120" i="1" s="1"/>
  <c r="A186121" i="1" s="1"/>
  <c r="A186122" i="1" s="1"/>
  <c r="A186123" i="1" s="1"/>
  <c r="A186124" i="1" s="1"/>
  <c r="A186125" i="1" s="1"/>
  <c r="A186126" i="1" s="1"/>
  <c r="A186127" i="1" s="1"/>
  <c r="A186128" i="1" s="1"/>
  <c r="A186129" i="1" s="1"/>
  <c r="A186130" i="1" s="1"/>
  <c r="A186131" i="1" s="1"/>
  <c r="A186132" i="1" s="1"/>
  <c r="A186133" i="1" s="1"/>
  <c r="A186134" i="1" s="1"/>
  <c r="A186135" i="1" s="1"/>
  <c r="A186136" i="1" s="1"/>
  <c r="A186137" i="1" s="1"/>
  <c r="A186138" i="1" s="1"/>
  <c r="A186139" i="1" s="1"/>
  <c r="A186140" i="1" s="1"/>
  <c r="A186141" i="1" s="1"/>
  <c r="A186142" i="1" s="1"/>
  <c r="A186143" i="1" s="1"/>
  <c r="A186144" i="1" s="1"/>
  <c r="A186145" i="1" s="1"/>
  <c r="A186146" i="1" s="1"/>
  <c r="A186147" i="1" s="1"/>
  <c r="A186148" i="1" s="1"/>
  <c r="A186149" i="1" s="1"/>
  <c r="A186150" i="1" s="1"/>
  <c r="A186151" i="1" s="1"/>
  <c r="A186152" i="1" s="1"/>
  <c r="A186153" i="1" s="1"/>
  <c r="A186154" i="1" s="1"/>
  <c r="A186155" i="1" s="1"/>
  <c r="A186156" i="1" s="1"/>
  <c r="A186157" i="1" s="1"/>
  <c r="A186158" i="1" s="1"/>
  <c r="A186159" i="1" s="1"/>
  <c r="A186160" i="1" s="1"/>
  <c r="A186161" i="1" s="1"/>
  <c r="A186162" i="1" s="1"/>
  <c r="A186163" i="1" s="1"/>
  <c r="A186164" i="1" s="1"/>
  <c r="A186165" i="1" s="1"/>
  <c r="A186166" i="1" s="1"/>
  <c r="A186167" i="1" s="1"/>
  <c r="A186168" i="1" s="1"/>
  <c r="A186169" i="1" s="1"/>
  <c r="A186170" i="1" s="1"/>
  <c r="A186171" i="1" s="1"/>
  <c r="A186172" i="1" s="1"/>
  <c r="A186173" i="1" s="1"/>
  <c r="A186174" i="1" s="1"/>
  <c r="A186175" i="1" s="1"/>
  <c r="A186176" i="1" s="1"/>
  <c r="A186177" i="1" s="1"/>
  <c r="A186178" i="1" s="1"/>
  <c r="A186179" i="1" s="1"/>
  <c r="A186180" i="1" s="1"/>
  <c r="A186181" i="1" s="1"/>
  <c r="A186182" i="1" s="1"/>
  <c r="A186183" i="1" s="1"/>
  <c r="A186184" i="1" s="1"/>
  <c r="A186185" i="1" s="1"/>
  <c r="A186186" i="1" s="1"/>
  <c r="A186187" i="1" s="1"/>
  <c r="A186188" i="1" s="1"/>
  <c r="A186189" i="1" s="1"/>
  <c r="A186190" i="1" s="1"/>
  <c r="A186191" i="1" s="1"/>
  <c r="A186192" i="1" s="1"/>
  <c r="A186193" i="1" s="1"/>
  <c r="A186194" i="1" s="1"/>
  <c r="A186195" i="1" s="1"/>
  <c r="A186196" i="1" s="1"/>
  <c r="A186197" i="1" s="1"/>
  <c r="A186198" i="1" s="1"/>
  <c r="A186199" i="1" s="1"/>
  <c r="A186200" i="1" s="1"/>
  <c r="A186201" i="1" s="1"/>
  <c r="A186202" i="1" s="1"/>
  <c r="A186203" i="1" s="1"/>
  <c r="A186204" i="1" s="1"/>
  <c r="A186205" i="1" s="1"/>
  <c r="A186206" i="1" s="1"/>
  <c r="A186207" i="1" s="1"/>
  <c r="A186208" i="1" s="1"/>
  <c r="A186209" i="1" s="1"/>
  <c r="A186210" i="1" s="1"/>
  <c r="A186211" i="1" s="1"/>
  <c r="A186212" i="1" s="1"/>
  <c r="A186213" i="1" s="1"/>
  <c r="A186214" i="1" s="1"/>
  <c r="A186215" i="1" s="1"/>
  <c r="A186216" i="1" s="1"/>
  <c r="A186217" i="1" s="1"/>
  <c r="A186218" i="1" s="1"/>
  <c r="A186219" i="1" s="1"/>
  <c r="A186220" i="1" s="1"/>
  <c r="A186221" i="1" s="1"/>
  <c r="A186222" i="1" s="1"/>
  <c r="A186223" i="1" s="1"/>
  <c r="A186224" i="1" s="1"/>
  <c r="A186225" i="1" s="1"/>
  <c r="A186226" i="1" s="1"/>
  <c r="A186227" i="1" s="1"/>
  <c r="A186228" i="1" s="1"/>
  <c r="A186229" i="1" s="1"/>
  <c r="A186230" i="1" s="1"/>
  <c r="A186231" i="1" s="1"/>
  <c r="A186232" i="1" s="1"/>
  <c r="A186233" i="1" s="1"/>
  <c r="A186234" i="1" s="1"/>
  <c r="A186235" i="1" s="1"/>
  <c r="A186236" i="1" s="1"/>
  <c r="A186237" i="1" s="1"/>
  <c r="A186238" i="1" s="1"/>
  <c r="A186239" i="1" s="1"/>
  <c r="A186240" i="1" s="1"/>
  <c r="A186241" i="1" s="1"/>
  <c r="A186242" i="1" s="1"/>
  <c r="A186243" i="1" s="1"/>
  <c r="A186244" i="1" s="1"/>
  <c r="A186245" i="1" s="1"/>
  <c r="A186246" i="1" s="1"/>
  <c r="A186247" i="1" s="1"/>
  <c r="A186248" i="1" s="1"/>
  <c r="A186249" i="1" s="1"/>
  <c r="A186250" i="1" s="1"/>
  <c r="A186251" i="1" s="1"/>
  <c r="A186252" i="1" s="1"/>
  <c r="A186253" i="1" s="1"/>
  <c r="A186254" i="1" s="1"/>
  <c r="A186255" i="1" s="1"/>
  <c r="A186256" i="1" s="1"/>
  <c r="A186257" i="1" s="1"/>
  <c r="A186258" i="1" s="1"/>
  <c r="A186259" i="1" s="1"/>
  <c r="A186260" i="1" s="1"/>
  <c r="A186261" i="1" s="1"/>
  <c r="A186262" i="1" s="1"/>
  <c r="A186263" i="1" s="1"/>
  <c r="A186264" i="1" s="1"/>
  <c r="A186265" i="1" s="1"/>
  <c r="A186266" i="1" s="1"/>
  <c r="A186267" i="1" s="1"/>
  <c r="A186268" i="1" s="1"/>
  <c r="A186269" i="1" s="1"/>
  <c r="A186270" i="1" s="1"/>
  <c r="A186271" i="1" s="1"/>
  <c r="A186272" i="1" s="1"/>
  <c r="A186273" i="1" s="1"/>
  <c r="A186274" i="1" s="1"/>
  <c r="A186275" i="1" s="1"/>
  <c r="A186276" i="1" s="1"/>
  <c r="A186277" i="1" s="1"/>
  <c r="A186278" i="1" s="1"/>
  <c r="A186279" i="1" s="1"/>
  <c r="A186280" i="1" s="1"/>
  <c r="A186281" i="1" s="1"/>
  <c r="A186282" i="1" s="1"/>
  <c r="A186283" i="1" s="1"/>
  <c r="A186284" i="1" s="1"/>
  <c r="A186285" i="1" s="1"/>
  <c r="A186286" i="1" s="1"/>
  <c r="A186287" i="1" s="1"/>
  <c r="A186288" i="1" s="1"/>
  <c r="A186289" i="1" s="1"/>
  <c r="A186290" i="1" s="1"/>
  <c r="A186291" i="1" s="1"/>
  <c r="A186292" i="1" s="1"/>
  <c r="A186293" i="1" s="1"/>
  <c r="A186294" i="1" s="1"/>
  <c r="A186295" i="1" s="1"/>
  <c r="A186296" i="1" s="1"/>
  <c r="A186297" i="1" s="1"/>
  <c r="A186298" i="1" s="1"/>
  <c r="A186299" i="1" s="1"/>
  <c r="A186300" i="1" s="1"/>
  <c r="A186301" i="1" s="1"/>
  <c r="A186302" i="1" s="1"/>
  <c r="A186303" i="1" s="1"/>
  <c r="A186304" i="1" s="1"/>
  <c r="A186305" i="1" s="1"/>
  <c r="A186306" i="1" s="1"/>
  <c r="A186307" i="1" s="1"/>
  <c r="A186308" i="1" s="1"/>
  <c r="A186309" i="1" s="1"/>
  <c r="A186310" i="1" s="1"/>
  <c r="A186311" i="1" s="1"/>
  <c r="A186312" i="1" s="1"/>
  <c r="A186313" i="1" s="1"/>
  <c r="A186314" i="1" s="1"/>
  <c r="A186315" i="1" s="1"/>
  <c r="A186316" i="1" s="1"/>
  <c r="A186317" i="1" s="1"/>
  <c r="A186318" i="1" s="1"/>
  <c r="A186319" i="1" s="1"/>
  <c r="A186320" i="1" s="1"/>
  <c r="A186321" i="1" s="1"/>
  <c r="A186322" i="1" s="1"/>
  <c r="A186323" i="1" s="1"/>
  <c r="A186324" i="1" s="1"/>
  <c r="A186325" i="1" s="1"/>
  <c r="A186326" i="1" s="1"/>
  <c r="A186327" i="1" s="1"/>
  <c r="A186328" i="1" s="1"/>
  <c r="A186329" i="1" s="1"/>
  <c r="A186330" i="1" s="1"/>
  <c r="A186331" i="1" s="1"/>
  <c r="A186332" i="1" s="1"/>
  <c r="A186333" i="1" s="1"/>
  <c r="A186334" i="1" s="1"/>
  <c r="A186335" i="1" s="1"/>
  <c r="A186336" i="1" s="1"/>
  <c r="A186337" i="1" s="1"/>
  <c r="A186338" i="1" s="1"/>
  <c r="A186339" i="1" s="1"/>
  <c r="A186340" i="1" s="1"/>
  <c r="A186341" i="1" s="1"/>
  <c r="A186342" i="1" s="1"/>
  <c r="A186343" i="1" s="1"/>
  <c r="A186344" i="1" s="1"/>
  <c r="A186345" i="1" s="1"/>
  <c r="A186346" i="1" s="1"/>
  <c r="A186347" i="1" s="1"/>
  <c r="A186348" i="1" s="1"/>
  <c r="A186349" i="1" s="1"/>
  <c r="A186350" i="1" s="1"/>
  <c r="A186351" i="1" s="1"/>
  <c r="A186352" i="1" s="1"/>
  <c r="A186353" i="1" s="1"/>
  <c r="A186354" i="1" s="1"/>
  <c r="A186355" i="1" s="1"/>
  <c r="A186356" i="1" s="1"/>
  <c r="A186357" i="1" s="1"/>
  <c r="A186358" i="1" s="1"/>
  <c r="A186359" i="1" s="1"/>
  <c r="A186360" i="1" s="1"/>
  <c r="A186361" i="1" s="1"/>
  <c r="A186362" i="1" s="1"/>
  <c r="A186363" i="1" s="1"/>
  <c r="A186364" i="1" s="1"/>
  <c r="A186365" i="1" s="1"/>
  <c r="A186366" i="1" s="1"/>
  <c r="A186367" i="1" s="1"/>
  <c r="A186368" i="1" s="1"/>
  <c r="A186369" i="1" s="1"/>
  <c r="A186370" i="1" s="1"/>
  <c r="A186371" i="1" s="1"/>
  <c r="A186372" i="1" s="1"/>
  <c r="A186373" i="1" s="1"/>
  <c r="A186374" i="1" s="1"/>
  <c r="A186375" i="1" s="1"/>
  <c r="A186376" i="1" s="1"/>
  <c r="A186377" i="1" s="1"/>
  <c r="A186378" i="1" s="1"/>
  <c r="A186379" i="1" s="1"/>
  <c r="A186380" i="1" s="1"/>
  <c r="A186381" i="1" s="1"/>
  <c r="A186382" i="1" s="1"/>
  <c r="A186383" i="1" s="1"/>
  <c r="A186384" i="1" s="1"/>
  <c r="A186385" i="1" s="1"/>
  <c r="A186386" i="1" s="1"/>
  <c r="A186387" i="1" s="1"/>
  <c r="A186388" i="1" s="1"/>
  <c r="A186389" i="1" s="1"/>
  <c r="A186390" i="1" s="1"/>
  <c r="A186391" i="1" s="1"/>
  <c r="A186392" i="1" s="1"/>
  <c r="A186393" i="1" s="1"/>
  <c r="A186394" i="1" s="1"/>
  <c r="A186395" i="1" s="1"/>
  <c r="A186396" i="1" s="1"/>
  <c r="A186397" i="1" s="1"/>
  <c r="A186398" i="1" s="1"/>
  <c r="A186399" i="1" s="1"/>
  <c r="A186400" i="1" s="1"/>
  <c r="A186401" i="1" s="1"/>
  <c r="A186402" i="1" s="1"/>
  <c r="A186403" i="1" s="1"/>
  <c r="A186404" i="1" s="1"/>
  <c r="A186405" i="1" s="1"/>
  <c r="A186406" i="1" s="1"/>
  <c r="A186407" i="1" s="1"/>
  <c r="A186408" i="1" s="1"/>
  <c r="A186409" i="1" s="1"/>
  <c r="A186410" i="1" s="1"/>
  <c r="A186411" i="1" s="1"/>
  <c r="A186412" i="1" s="1"/>
  <c r="A186413" i="1" s="1"/>
  <c r="A186414" i="1" s="1"/>
  <c r="A186415" i="1" s="1"/>
  <c r="A186416" i="1" s="1"/>
  <c r="A186417" i="1" s="1"/>
  <c r="A186418" i="1" s="1"/>
  <c r="A186419" i="1" s="1"/>
  <c r="A186420" i="1" s="1"/>
  <c r="A186421" i="1" s="1"/>
  <c r="A186422" i="1" s="1"/>
  <c r="A186423" i="1" s="1"/>
  <c r="A186424" i="1" s="1"/>
  <c r="A186425" i="1" s="1"/>
  <c r="A186426" i="1" s="1"/>
  <c r="A186427" i="1" s="1"/>
  <c r="A186428" i="1" s="1"/>
  <c r="A186429" i="1" s="1"/>
  <c r="A186430" i="1" s="1"/>
  <c r="A186431" i="1" s="1"/>
  <c r="A186432" i="1" s="1"/>
  <c r="A186433" i="1" s="1"/>
  <c r="A186434" i="1" s="1"/>
  <c r="A186435" i="1" s="1"/>
  <c r="A186436" i="1" s="1"/>
  <c r="A186437" i="1" s="1"/>
  <c r="A186438" i="1" s="1"/>
  <c r="A186439" i="1" s="1"/>
  <c r="A186440" i="1" s="1"/>
  <c r="A186441" i="1" s="1"/>
  <c r="A186442" i="1" s="1"/>
  <c r="A186443" i="1" s="1"/>
  <c r="A186444" i="1" s="1"/>
  <c r="A186445" i="1" s="1"/>
  <c r="A186446" i="1" s="1"/>
  <c r="A186447" i="1" s="1"/>
  <c r="A186448" i="1" s="1"/>
  <c r="A186449" i="1" s="1"/>
  <c r="A186450" i="1" s="1"/>
  <c r="A186451" i="1" s="1"/>
  <c r="A186452" i="1" s="1"/>
  <c r="A186453" i="1" s="1"/>
  <c r="A186454" i="1" s="1"/>
  <c r="A186455" i="1" s="1"/>
  <c r="A186456" i="1" s="1"/>
  <c r="A186457" i="1" s="1"/>
  <c r="A186458" i="1" s="1"/>
  <c r="A186459" i="1" s="1"/>
  <c r="A186460" i="1" s="1"/>
  <c r="A186461" i="1" s="1"/>
  <c r="A186462" i="1" s="1"/>
  <c r="A186463" i="1" s="1"/>
  <c r="A186464" i="1" s="1"/>
  <c r="A186465" i="1" s="1"/>
  <c r="A186466" i="1" s="1"/>
  <c r="A186467" i="1" s="1"/>
  <c r="A186468" i="1" s="1"/>
  <c r="A186469" i="1" s="1"/>
  <c r="A186470" i="1" s="1"/>
  <c r="A186471" i="1" s="1"/>
  <c r="A186472" i="1" s="1"/>
  <c r="A186473" i="1" s="1"/>
  <c r="A186474" i="1" s="1"/>
  <c r="A186475" i="1" s="1"/>
  <c r="A186476" i="1" s="1"/>
  <c r="A186477" i="1" s="1"/>
  <c r="A186478" i="1" s="1"/>
  <c r="A186479" i="1" s="1"/>
  <c r="A186480" i="1" s="1"/>
  <c r="A186481" i="1" s="1"/>
  <c r="A186482" i="1" s="1"/>
  <c r="A186483" i="1" s="1"/>
  <c r="A186484" i="1" s="1"/>
  <c r="A186485" i="1" s="1"/>
  <c r="A186486" i="1" s="1"/>
  <c r="A186487" i="1" s="1"/>
  <c r="A186488" i="1" s="1"/>
  <c r="A186489" i="1" s="1"/>
  <c r="A186490" i="1" s="1"/>
  <c r="A186491" i="1" s="1"/>
  <c r="A186492" i="1" s="1"/>
  <c r="A186493" i="1" s="1"/>
  <c r="A186494" i="1" s="1"/>
  <c r="A186495" i="1" s="1"/>
  <c r="A186496" i="1" s="1"/>
  <c r="A186497" i="1" s="1"/>
  <c r="A186498" i="1" s="1"/>
  <c r="A186499" i="1" s="1"/>
  <c r="A186500" i="1" s="1"/>
  <c r="A186501" i="1" s="1"/>
  <c r="A186502" i="1" s="1"/>
  <c r="A186503" i="1" s="1"/>
  <c r="A186504" i="1" s="1"/>
  <c r="A186505" i="1" s="1"/>
  <c r="A186506" i="1" s="1"/>
  <c r="A186507" i="1" s="1"/>
  <c r="A186508" i="1" s="1"/>
  <c r="A186509" i="1" s="1"/>
  <c r="A186510" i="1" s="1"/>
  <c r="A186511" i="1" s="1"/>
  <c r="A186512" i="1" s="1"/>
  <c r="A186513" i="1" s="1"/>
  <c r="A186514" i="1" s="1"/>
  <c r="A186515" i="1" s="1"/>
  <c r="A186516" i="1" s="1"/>
  <c r="A186517" i="1" s="1"/>
  <c r="A186518" i="1" s="1"/>
  <c r="A186519" i="1" s="1"/>
  <c r="A186520" i="1" s="1"/>
  <c r="A186521" i="1" s="1"/>
  <c r="A186522" i="1" s="1"/>
  <c r="A186523" i="1" s="1"/>
  <c r="A186524" i="1" s="1"/>
  <c r="A186525" i="1" s="1"/>
  <c r="A186526" i="1" s="1"/>
  <c r="A186527" i="1" s="1"/>
  <c r="A186528" i="1" s="1"/>
  <c r="A186529" i="1" s="1"/>
  <c r="A186530" i="1" s="1"/>
  <c r="A186531" i="1" s="1"/>
  <c r="A186532" i="1" s="1"/>
  <c r="A186533" i="1" s="1"/>
  <c r="A186534" i="1" s="1"/>
  <c r="A186535" i="1" s="1"/>
  <c r="A186536" i="1" s="1"/>
  <c r="A186537" i="1" s="1"/>
  <c r="A186538" i="1" s="1"/>
  <c r="A186539" i="1" s="1"/>
  <c r="A186540" i="1" s="1"/>
  <c r="A186541" i="1" s="1"/>
  <c r="A186542" i="1" s="1"/>
  <c r="A186543" i="1" s="1"/>
  <c r="A186544" i="1" s="1"/>
  <c r="A186545" i="1" s="1"/>
  <c r="A186546" i="1" s="1"/>
  <c r="A186547" i="1" s="1"/>
  <c r="A186548" i="1" s="1"/>
  <c r="A186549" i="1" s="1"/>
  <c r="A186550" i="1" s="1"/>
  <c r="A186551" i="1" s="1"/>
  <c r="A186552" i="1" s="1"/>
  <c r="A186553" i="1" s="1"/>
  <c r="A186554" i="1" s="1"/>
  <c r="A186555" i="1" s="1"/>
  <c r="A186556" i="1" s="1"/>
  <c r="A186557" i="1" s="1"/>
  <c r="A186558" i="1" s="1"/>
  <c r="A186559" i="1" s="1"/>
  <c r="A186560" i="1" s="1"/>
  <c r="A186561" i="1" s="1"/>
  <c r="A186562" i="1" s="1"/>
  <c r="A186563" i="1" s="1"/>
  <c r="A186564" i="1" s="1"/>
  <c r="A186565" i="1" s="1"/>
  <c r="A186566" i="1" s="1"/>
  <c r="A186567" i="1" s="1"/>
  <c r="A186568" i="1" s="1"/>
  <c r="A186569" i="1" s="1"/>
  <c r="A186570" i="1" s="1"/>
  <c r="A186571" i="1" s="1"/>
  <c r="A186572" i="1" s="1"/>
  <c r="A186573" i="1" s="1"/>
  <c r="A186574" i="1" s="1"/>
  <c r="A186575" i="1" s="1"/>
  <c r="A186576" i="1" s="1"/>
  <c r="A186577" i="1" s="1"/>
  <c r="A186578" i="1" s="1"/>
  <c r="A186579" i="1" s="1"/>
  <c r="A186580" i="1" s="1"/>
  <c r="A186581" i="1" s="1"/>
  <c r="A186582" i="1" s="1"/>
  <c r="A186583" i="1" s="1"/>
  <c r="A186584" i="1" s="1"/>
  <c r="A186585" i="1" s="1"/>
  <c r="A186586" i="1" s="1"/>
  <c r="A186587" i="1" s="1"/>
  <c r="A186588" i="1" s="1"/>
  <c r="A186589" i="1" s="1"/>
  <c r="A186590" i="1" s="1"/>
  <c r="A186591" i="1" s="1"/>
  <c r="A186592" i="1" s="1"/>
  <c r="A186593" i="1" s="1"/>
  <c r="A186594" i="1" s="1"/>
  <c r="A186595" i="1" s="1"/>
  <c r="A186596" i="1" s="1"/>
  <c r="A186597" i="1" s="1"/>
  <c r="A186598" i="1" s="1"/>
  <c r="A186599" i="1" s="1"/>
  <c r="A186600" i="1" s="1"/>
  <c r="A186601" i="1" s="1"/>
  <c r="A186602" i="1" s="1"/>
  <c r="A186603" i="1" s="1"/>
  <c r="A186604" i="1" s="1"/>
  <c r="A186605" i="1" s="1"/>
  <c r="A186606" i="1" s="1"/>
  <c r="A186607" i="1" s="1"/>
  <c r="A186608" i="1" s="1"/>
  <c r="A186609" i="1" s="1"/>
  <c r="A186610" i="1" s="1"/>
  <c r="A186611" i="1" s="1"/>
  <c r="A186612" i="1" s="1"/>
  <c r="A186613" i="1" s="1"/>
  <c r="A186614" i="1" s="1"/>
  <c r="A186615" i="1" s="1"/>
  <c r="A186616" i="1" s="1"/>
  <c r="A186617" i="1" s="1"/>
  <c r="A186618" i="1" s="1"/>
  <c r="A186619" i="1" s="1"/>
  <c r="A186620" i="1" s="1"/>
  <c r="A186621" i="1" s="1"/>
  <c r="A186622" i="1" s="1"/>
  <c r="A186623" i="1" s="1"/>
  <c r="A186624" i="1" s="1"/>
  <c r="A186625" i="1" s="1"/>
  <c r="A186626" i="1" s="1"/>
  <c r="A186627" i="1" s="1"/>
  <c r="A186628" i="1" s="1"/>
  <c r="A186629" i="1" s="1"/>
  <c r="A186630" i="1" s="1"/>
  <c r="A186631" i="1" s="1"/>
  <c r="A186632" i="1" s="1"/>
  <c r="A186633" i="1" s="1"/>
  <c r="A186634" i="1" s="1"/>
  <c r="A186635" i="1" s="1"/>
  <c r="A186636" i="1" s="1"/>
  <c r="A186637" i="1" s="1"/>
  <c r="A186638" i="1" s="1"/>
  <c r="A186639" i="1" s="1"/>
  <c r="A186640" i="1" s="1"/>
  <c r="A186641" i="1" s="1"/>
  <c r="A186642" i="1" s="1"/>
  <c r="A186643" i="1" s="1"/>
  <c r="A186644" i="1" s="1"/>
  <c r="A186645" i="1" s="1"/>
  <c r="A186646" i="1" s="1"/>
  <c r="A186647" i="1" s="1"/>
  <c r="A186648" i="1" s="1"/>
  <c r="A186649" i="1" s="1"/>
  <c r="A186650" i="1" s="1"/>
  <c r="A186651" i="1" s="1"/>
  <c r="A186652" i="1" s="1"/>
  <c r="A186653" i="1" s="1"/>
  <c r="A186654" i="1" s="1"/>
  <c r="A186655" i="1" s="1"/>
  <c r="A186656" i="1" s="1"/>
  <c r="A186657" i="1" s="1"/>
  <c r="A186658" i="1" s="1"/>
  <c r="A186659" i="1" s="1"/>
  <c r="A186660" i="1" s="1"/>
  <c r="A186661" i="1" s="1"/>
  <c r="A186662" i="1" s="1"/>
  <c r="A186663" i="1" s="1"/>
  <c r="A186664" i="1" s="1"/>
  <c r="A186665" i="1" s="1"/>
  <c r="A186666" i="1" s="1"/>
  <c r="A186667" i="1" s="1"/>
  <c r="A186668" i="1" s="1"/>
  <c r="A186669" i="1" s="1"/>
  <c r="A186670" i="1" s="1"/>
  <c r="A186671" i="1" s="1"/>
  <c r="A186672" i="1" s="1"/>
  <c r="A186673" i="1" s="1"/>
  <c r="A186674" i="1" s="1"/>
  <c r="A186675" i="1" s="1"/>
  <c r="A186676" i="1" s="1"/>
  <c r="A186677" i="1" s="1"/>
  <c r="A186678" i="1" s="1"/>
  <c r="A186679" i="1" s="1"/>
  <c r="A186680" i="1" s="1"/>
  <c r="A186681" i="1" s="1"/>
  <c r="A186682" i="1" s="1"/>
  <c r="A186683" i="1" s="1"/>
  <c r="A186684" i="1" s="1"/>
  <c r="A186685" i="1" s="1"/>
  <c r="A186686" i="1" s="1"/>
  <c r="A186687" i="1" s="1"/>
  <c r="A186688" i="1" s="1"/>
  <c r="A186689" i="1" s="1"/>
  <c r="A186690" i="1" s="1"/>
  <c r="A186691" i="1" s="1"/>
  <c r="A186692" i="1" s="1"/>
  <c r="A186693" i="1" s="1"/>
  <c r="A186694" i="1" s="1"/>
  <c r="A186695" i="1" s="1"/>
  <c r="A186696" i="1" s="1"/>
  <c r="A186697" i="1" s="1"/>
  <c r="A186698" i="1" s="1"/>
  <c r="A186699" i="1" s="1"/>
  <c r="A186700" i="1" s="1"/>
  <c r="A186701" i="1" s="1"/>
  <c r="A186702" i="1" s="1"/>
  <c r="A186703" i="1" s="1"/>
  <c r="A186704" i="1" s="1"/>
  <c r="A186705" i="1" s="1"/>
  <c r="A186706" i="1" s="1"/>
  <c r="A186707" i="1" s="1"/>
  <c r="A186708" i="1" s="1"/>
  <c r="A186709" i="1" s="1"/>
  <c r="A186710" i="1" s="1"/>
  <c r="A186711" i="1" s="1"/>
  <c r="A186712" i="1" s="1"/>
  <c r="A186713" i="1" s="1"/>
  <c r="A186714" i="1" s="1"/>
  <c r="A186715" i="1" s="1"/>
  <c r="A186716" i="1" s="1"/>
  <c r="A186717" i="1" s="1"/>
  <c r="A186718" i="1" s="1"/>
  <c r="A186719" i="1" s="1"/>
  <c r="A186720" i="1" s="1"/>
  <c r="A186721" i="1" s="1"/>
  <c r="A186722" i="1" s="1"/>
  <c r="A186723" i="1" s="1"/>
  <c r="A186724" i="1" s="1"/>
  <c r="A186725" i="1" s="1"/>
  <c r="A186726" i="1" s="1"/>
  <c r="A186727" i="1" s="1"/>
  <c r="A186728" i="1" s="1"/>
  <c r="A186729" i="1" s="1"/>
  <c r="A186730" i="1" s="1"/>
  <c r="A186731" i="1" s="1"/>
  <c r="A186732" i="1" s="1"/>
  <c r="A186733" i="1" s="1"/>
  <c r="A186734" i="1" s="1"/>
  <c r="A186735" i="1" s="1"/>
  <c r="A186736" i="1" s="1"/>
  <c r="A186737" i="1" s="1"/>
  <c r="A186738" i="1" s="1"/>
  <c r="A186739" i="1" s="1"/>
  <c r="A186740" i="1" s="1"/>
  <c r="A186741" i="1" s="1"/>
  <c r="A186742" i="1" s="1"/>
  <c r="A186743" i="1" s="1"/>
  <c r="A186744" i="1" s="1"/>
  <c r="A186745" i="1" s="1"/>
  <c r="A186746" i="1" s="1"/>
  <c r="A186747" i="1" s="1"/>
  <c r="A186748" i="1" s="1"/>
  <c r="A186749" i="1" s="1"/>
  <c r="A186750" i="1" s="1"/>
  <c r="A186751" i="1" s="1"/>
  <c r="A186752" i="1" s="1"/>
  <c r="A186753" i="1" s="1"/>
  <c r="A186754" i="1" s="1"/>
  <c r="A186755" i="1" s="1"/>
  <c r="A186756" i="1" s="1"/>
  <c r="A186757" i="1" s="1"/>
  <c r="A186758" i="1" s="1"/>
  <c r="A186759" i="1" s="1"/>
  <c r="A186760" i="1" s="1"/>
  <c r="A186761" i="1" s="1"/>
  <c r="A186762" i="1" s="1"/>
  <c r="A186763" i="1" s="1"/>
  <c r="A186764" i="1" s="1"/>
  <c r="A186765" i="1" s="1"/>
  <c r="A186766" i="1" s="1"/>
  <c r="A186767" i="1" s="1"/>
  <c r="A186768" i="1" s="1"/>
  <c r="A186769" i="1" s="1"/>
  <c r="A186770" i="1" s="1"/>
  <c r="A186771" i="1" s="1"/>
  <c r="A186772" i="1" s="1"/>
  <c r="A186773" i="1" s="1"/>
  <c r="A186774" i="1" s="1"/>
  <c r="A186775" i="1" s="1"/>
  <c r="A186776" i="1" s="1"/>
  <c r="A186777" i="1" s="1"/>
  <c r="A186778" i="1" s="1"/>
  <c r="A186779" i="1" s="1"/>
  <c r="A186780" i="1" s="1"/>
  <c r="A186781" i="1" s="1"/>
  <c r="A186782" i="1" s="1"/>
  <c r="A186783" i="1" s="1"/>
  <c r="A186784" i="1" s="1"/>
  <c r="A186785" i="1" s="1"/>
  <c r="A186786" i="1" s="1"/>
  <c r="A186787" i="1" s="1"/>
  <c r="A186788" i="1" s="1"/>
  <c r="A186789" i="1" s="1"/>
  <c r="A186790" i="1" s="1"/>
  <c r="A186791" i="1" s="1"/>
  <c r="A186792" i="1" s="1"/>
  <c r="A186793" i="1" s="1"/>
  <c r="A186794" i="1" s="1"/>
  <c r="A186795" i="1" s="1"/>
  <c r="A186796" i="1" s="1"/>
  <c r="A186797" i="1" s="1"/>
  <c r="A186798" i="1" s="1"/>
  <c r="A186799" i="1" s="1"/>
  <c r="A186800" i="1" s="1"/>
  <c r="A186801" i="1" s="1"/>
  <c r="A186802" i="1" s="1"/>
  <c r="A186803" i="1" s="1"/>
  <c r="A186804" i="1" s="1"/>
  <c r="A186805" i="1" s="1"/>
  <c r="A186806" i="1" s="1"/>
  <c r="A186807" i="1" s="1"/>
  <c r="A186808" i="1" s="1"/>
  <c r="A186809" i="1" s="1"/>
  <c r="A186810" i="1" s="1"/>
  <c r="A186811" i="1" s="1"/>
  <c r="A186812" i="1" s="1"/>
  <c r="A186813" i="1" s="1"/>
  <c r="A186814" i="1" s="1"/>
  <c r="A186815" i="1" s="1"/>
  <c r="A186816" i="1" s="1"/>
  <c r="A186817" i="1" s="1"/>
  <c r="A186818" i="1" s="1"/>
  <c r="A186819" i="1" s="1"/>
  <c r="A186820" i="1" s="1"/>
  <c r="A186821" i="1" s="1"/>
  <c r="A186822" i="1" s="1"/>
  <c r="A186823" i="1" s="1"/>
  <c r="A186824" i="1" s="1"/>
  <c r="A186825" i="1" s="1"/>
  <c r="A186826" i="1" s="1"/>
  <c r="A186827" i="1" s="1"/>
  <c r="A186828" i="1" s="1"/>
  <c r="A186829" i="1" s="1"/>
  <c r="A186830" i="1" s="1"/>
  <c r="A186831" i="1" s="1"/>
  <c r="A186832" i="1" s="1"/>
  <c r="A186833" i="1" s="1"/>
  <c r="A186834" i="1" s="1"/>
  <c r="A186835" i="1" s="1"/>
  <c r="A186836" i="1" s="1"/>
  <c r="A186837" i="1" s="1"/>
  <c r="A186838" i="1" s="1"/>
  <c r="A186839" i="1" s="1"/>
  <c r="A186840" i="1" s="1"/>
  <c r="A186841" i="1" s="1"/>
  <c r="A186842" i="1" s="1"/>
  <c r="A186843" i="1" s="1"/>
  <c r="A186844" i="1" s="1"/>
  <c r="A186845" i="1" s="1"/>
  <c r="A186846" i="1" s="1"/>
  <c r="A186847" i="1" s="1"/>
  <c r="A186848" i="1" s="1"/>
  <c r="A186849" i="1" s="1"/>
  <c r="A186850" i="1" s="1"/>
  <c r="A186851" i="1" s="1"/>
  <c r="A186852" i="1" s="1"/>
  <c r="A186853" i="1" s="1"/>
  <c r="A186854" i="1" s="1"/>
  <c r="A186855" i="1" s="1"/>
  <c r="A186856" i="1" s="1"/>
  <c r="A186857" i="1" s="1"/>
  <c r="A186858" i="1" s="1"/>
  <c r="A186859" i="1" s="1"/>
  <c r="A186860" i="1" s="1"/>
  <c r="A186861" i="1" s="1"/>
  <c r="A186862" i="1" s="1"/>
  <c r="A186863" i="1" s="1"/>
  <c r="A186864" i="1" s="1"/>
  <c r="A186865" i="1" s="1"/>
  <c r="A186866" i="1" s="1"/>
  <c r="A186867" i="1" s="1"/>
  <c r="A186868" i="1" s="1"/>
  <c r="A186869" i="1" s="1"/>
  <c r="A186870" i="1" s="1"/>
  <c r="A186871" i="1" s="1"/>
  <c r="A186872" i="1" s="1"/>
  <c r="A186873" i="1" s="1"/>
  <c r="A186874" i="1" s="1"/>
  <c r="A186875" i="1" s="1"/>
  <c r="A186876" i="1" s="1"/>
  <c r="A186877" i="1" s="1"/>
  <c r="A186878" i="1" s="1"/>
  <c r="A186879" i="1" s="1"/>
  <c r="A186880" i="1" s="1"/>
  <c r="A186881" i="1" s="1"/>
  <c r="A186882" i="1" s="1"/>
  <c r="A186883" i="1" s="1"/>
  <c r="A186884" i="1" s="1"/>
  <c r="A186885" i="1" s="1"/>
  <c r="A186886" i="1" s="1"/>
  <c r="A186887" i="1" s="1"/>
  <c r="A186888" i="1" s="1"/>
  <c r="A186889" i="1" s="1"/>
  <c r="A186890" i="1" s="1"/>
  <c r="A186891" i="1" s="1"/>
  <c r="A186892" i="1" s="1"/>
  <c r="A186893" i="1" s="1"/>
  <c r="A186894" i="1" s="1"/>
  <c r="A186895" i="1" s="1"/>
  <c r="A186896" i="1" s="1"/>
  <c r="A186897" i="1" s="1"/>
  <c r="A186898" i="1" s="1"/>
  <c r="A186899" i="1" s="1"/>
  <c r="A186900" i="1" s="1"/>
  <c r="A186901" i="1" s="1"/>
  <c r="A186902" i="1" s="1"/>
  <c r="A186903" i="1" s="1"/>
  <c r="A186904" i="1" s="1"/>
  <c r="A186905" i="1" s="1"/>
  <c r="A186906" i="1" s="1"/>
  <c r="A186907" i="1" s="1"/>
  <c r="A186908" i="1" s="1"/>
  <c r="A186909" i="1" s="1"/>
  <c r="A186910" i="1" s="1"/>
  <c r="A186911" i="1" s="1"/>
  <c r="A186912" i="1" s="1"/>
  <c r="A186913" i="1" s="1"/>
  <c r="A186914" i="1" s="1"/>
  <c r="A186915" i="1" s="1"/>
  <c r="A186916" i="1" s="1"/>
  <c r="A186917" i="1" s="1"/>
  <c r="A186918" i="1" s="1"/>
  <c r="A186919" i="1" s="1"/>
  <c r="A186920" i="1" s="1"/>
  <c r="A186921" i="1" s="1"/>
  <c r="A186922" i="1" s="1"/>
  <c r="A186923" i="1" s="1"/>
  <c r="A186924" i="1" s="1"/>
  <c r="A186925" i="1" s="1"/>
  <c r="A186926" i="1" s="1"/>
  <c r="A186927" i="1" s="1"/>
  <c r="A186928" i="1" s="1"/>
  <c r="A186929" i="1" s="1"/>
  <c r="A186930" i="1" s="1"/>
  <c r="A186931" i="1" s="1"/>
  <c r="A186932" i="1" s="1"/>
  <c r="A186933" i="1" s="1"/>
  <c r="A186934" i="1" s="1"/>
  <c r="A186935" i="1" s="1"/>
  <c r="A186936" i="1" s="1"/>
  <c r="A186937" i="1" s="1"/>
  <c r="A186938" i="1" s="1"/>
  <c r="A186939" i="1" s="1"/>
  <c r="A186940" i="1" s="1"/>
  <c r="A186941" i="1" s="1"/>
  <c r="A186942" i="1" s="1"/>
  <c r="A186943" i="1" s="1"/>
  <c r="A186944" i="1" s="1"/>
  <c r="A186945" i="1" s="1"/>
  <c r="A186946" i="1" s="1"/>
  <c r="A186947" i="1" s="1"/>
  <c r="A186948" i="1" s="1"/>
  <c r="A186949" i="1" s="1"/>
  <c r="A186950" i="1" s="1"/>
  <c r="A186951" i="1" s="1"/>
  <c r="A186952" i="1" s="1"/>
  <c r="A186953" i="1" s="1"/>
  <c r="A186954" i="1" s="1"/>
  <c r="A186955" i="1" s="1"/>
  <c r="A186956" i="1" s="1"/>
  <c r="A186957" i="1" s="1"/>
  <c r="A186958" i="1" s="1"/>
  <c r="A186959" i="1" s="1"/>
  <c r="A186960" i="1" s="1"/>
  <c r="A186961" i="1" s="1"/>
  <c r="A186962" i="1" s="1"/>
  <c r="A186963" i="1" s="1"/>
  <c r="A186964" i="1" s="1"/>
  <c r="A186965" i="1" s="1"/>
  <c r="A186966" i="1" s="1"/>
  <c r="A186967" i="1" s="1"/>
  <c r="A186968" i="1" s="1"/>
  <c r="A186969" i="1" s="1"/>
  <c r="A186970" i="1" s="1"/>
  <c r="A186971" i="1" s="1"/>
  <c r="A186972" i="1" s="1"/>
  <c r="A186973" i="1" s="1"/>
  <c r="A186974" i="1" s="1"/>
  <c r="A186975" i="1" s="1"/>
  <c r="A186976" i="1" s="1"/>
  <c r="A186977" i="1" s="1"/>
  <c r="A186978" i="1" s="1"/>
  <c r="A186979" i="1" s="1"/>
  <c r="A186980" i="1" s="1"/>
  <c r="A186981" i="1" s="1"/>
  <c r="A186982" i="1" s="1"/>
  <c r="A186983" i="1" s="1"/>
  <c r="A186984" i="1" s="1"/>
  <c r="A186985" i="1" s="1"/>
  <c r="A186986" i="1" s="1"/>
  <c r="A186987" i="1" s="1"/>
  <c r="A186988" i="1" s="1"/>
  <c r="A186989" i="1" s="1"/>
  <c r="A186990" i="1" s="1"/>
  <c r="A186991" i="1" s="1"/>
  <c r="A186992" i="1" s="1"/>
  <c r="A186993" i="1" s="1"/>
  <c r="A186994" i="1" s="1"/>
  <c r="A186995" i="1" s="1"/>
  <c r="A186996" i="1" s="1"/>
  <c r="A186997" i="1" s="1"/>
  <c r="A186998" i="1" s="1"/>
  <c r="A186999" i="1" s="1"/>
  <c r="A187000" i="1" s="1"/>
  <c r="A187001" i="1" s="1"/>
  <c r="A187002" i="1" s="1"/>
  <c r="A187003" i="1" s="1"/>
  <c r="A187004" i="1" s="1"/>
  <c r="A187005" i="1" s="1"/>
  <c r="A187006" i="1" s="1"/>
  <c r="A187007" i="1" s="1"/>
  <c r="A187008" i="1" s="1"/>
  <c r="A187009" i="1" s="1"/>
  <c r="A187010" i="1" s="1"/>
  <c r="A187011" i="1" s="1"/>
  <c r="A187012" i="1" s="1"/>
  <c r="A187013" i="1" s="1"/>
  <c r="A187014" i="1" s="1"/>
  <c r="A187015" i="1" s="1"/>
  <c r="A187016" i="1" s="1"/>
  <c r="A187017" i="1" s="1"/>
  <c r="A187018" i="1" s="1"/>
  <c r="A187019" i="1" s="1"/>
  <c r="A187020" i="1" s="1"/>
  <c r="A187021" i="1" s="1"/>
  <c r="A187022" i="1" s="1"/>
  <c r="A187023" i="1" s="1"/>
  <c r="A187024" i="1" s="1"/>
  <c r="A187025" i="1" s="1"/>
  <c r="A187026" i="1" s="1"/>
  <c r="A187027" i="1" s="1"/>
  <c r="A187028" i="1" s="1"/>
  <c r="A187029" i="1" s="1"/>
  <c r="A187030" i="1" s="1"/>
  <c r="A187031" i="1" s="1"/>
  <c r="A187032" i="1" s="1"/>
  <c r="A187033" i="1" s="1"/>
  <c r="A187034" i="1" s="1"/>
  <c r="A187035" i="1" s="1"/>
  <c r="A187036" i="1" s="1"/>
  <c r="A187037" i="1" s="1"/>
  <c r="A187038" i="1" s="1"/>
  <c r="A187039" i="1" s="1"/>
  <c r="A187040" i="1" s="1"/>
  <c r="A187041" i="1" s="1"/>
  <c r="A187042" i="1" s="1"/>
  <c r="A187043" i="1" s="1"/>
  <c r="A187044" i="1" s="1"/>
  <c r="A187045" i="1" s="1"/>
  <c r="A187046" i="1" s="1"/>
  <c r="A187047" i="1" s="1"/>
  <c r="A187048" i="1" s="1"/>
  <c r="A187049" i="1" s="1"/>
  <c r="A187050" i="1" s="1"/>
  <c r="A187051" i="1" s="1"/>
  <c r="A187052" i="1" s="1"/>
  <c r="A187053" i="1" s="1"/>
  <c r="A187054" i="1" s="1"/>
  <c r="A187055" i="1" s="1"/>
  <c r="A187056" i="1" s="1"/>
  <c r="A187057" i="1" s="1"/>
  <c r="A187058" i="1" s="1"/>
  <c r="A187059" i="1" s="1"/>
  <c r="A187060" i="1" s="1"/>
  <c r="A187061" i="1" s="1"/>
  <c r="A187062" i="1" s="1"/>
  <c r="A187063" i="1" s="1"/>
  <c r="A187064" i="1" s="1"/>
  <c r="A187065" i="1" s="1"/>
  <c r="A187066" i="1" s="1"/>
  <c r="A187067" i="1" s="1"/>
  <c r="A187068" i="1" s="1"/>
  <c r="A187069" i="1" s="1"/>
  <c r="A187070" i="1" s="1"/>
  <c r="A187071" i="1" s="1"/>
  <c r="A187072" i="1" s="1"/>
  <c r="A187073" i="1" s="1"/>
  <c r="A187074" i="1" s="1"/>
  <c r="A187075" i="1" s="1"/>
  <c r="A187076" i="1" s="1"/>
  <c r="A187077" i="1" s="1"/>
  <c r="A187078" i="1" s="1"/>
  <c r="A187079" i="1" s="1"/>
  <c r="A187080" i="1" s="1"/>
  <c r="A187081" i="1" s="1"/>
  <c r="A187082" i="1" s="1"/>
  <c r="A187083" i="1" s="1"/>
  <c r="A187084" i="1" s="1"/>
  <c r="A187085" i="1" s="1"/>
  <c r="A187086" i="1" s="1"/>
  <c r="A187087" i="1" s="1"/>
  <c r="A187088" i="1" s="1"/>
  <c r="A187089" i="1" s="1"/>
  <c r="A187090" i="1" s="1"/>
  <c r="A187091" i="1" s="1"/>
  <c r="A187092" i="1" s="1"/>
  <c r="A187093" i="1" s="1"/>
  <c r="A187094" i="1" s="1"/>
  <c r="A187095" i="1" s="1"/>
  <c r="A187096" i="1" s="1"/>
  <c r="A187097" i="1" s="1"/>
  <c r="A187098" i="1" s="1"/>
  <c r="A187099" i="1" s="1"/>
  <c r="A187100" i="1" s="1"/>
  <c r="A187101" i="1" s="1"/>
  <c r="A187102" i="1" s="1"/>
  <c r="A187103" i="1" s="1"/>
  <c r="A187104" i="1" s="1"/>
  <c r="A187105" i="1" s="1"/>
  <c r="A187106" i="1" s="1"/>
  <c r="A187107" i="1" s="1"/>
  <c r="A187108" i="1" s="1"/>
  <c r="A187109" i="1" s="1"/>
  <c r="A187110" i="1" s="1"/>
  <c r="A187111" i="1" s="1"/>
  <c r="A187112" i="1" s="1"/>
  <c r="A187113" i="1" s="1"/>
  <c r="A187114" i="1" s="1"/>
  <c r="A187115" i="1" s="1"/>
  <c r="A187116" i="1" s="1"/>
  <c r="A187117" i="1" s="1"/>
  <c r="A187118" i="1" s="1"/>
  <c r="A187119" i="1" s="1"/>
  <c r="A187120" i="1" s="1"/>
  <c r="A187121" i="1" s="1"/>
  <c r="A187122" i="1" s="1"/>
  <c r="A187123" i="1" s="1"/>
  <c r="A187124" i="1" s="1"/>
  <c r="A187125" i="1" s="1"/>
  <c r="A187126" i="1" s="1"/>
  <c r="A187127" i="1" s="1"/>
  <c r="A187128" i="1" s="1"/>
  <c r="A187129" i="1" s="1"/>
  <c r="A187130" i="1" s="1"/>
  <c r="A187131" i="1" s="1"/>
  <c r="A187132" i="1" s="1"/>
  <c r="A187133" i="1" s="1"/>
  <c r="A187134" i="1" s="1"/>
  <c r="A187135" i="1" s="1"/>
  <c r="A187136" i="1" s="1"/>
  <c r="A187137" i="1" s="1"/>
  <c r="A187138" i="1" s="1"/>
  <c r="A187139" i="1" s="1"/>
  <c r="A187140" i="1" s="1"/>
  <c r="A187141" i="1" s="1"/>
  <c r="A187142" i="1" s="1"/>
  <c r="A187143" i="1" s="1"/>
  <c r="A187144" i="1" s="1"/>
  <c r="A187145" i="1" s="1"/>
  <c r="A187146" i="1" s="1"/>
  <c r="A187147" i="1" s="1"/>
  <c r="A187148" i="1" s="1"/>
  <c r="A187149" i="1" s="1"/>
  <c r="A187150" i="1" s="1"/>
  <c r="A187151" i="1" s="1"/>
  <c r="A187152" i="1" s="1"/>
  <c r="A187153" i="1" s="1"/>
  <c r="A187154" i="1" s="1"/>
  <c r="A187155" i="1" s="1"/>
  <c r="A187156" i="1" s="1"/>
  <c r="A187157" i="1" s="1"/>
  <c r="A187158" i="1" s="1"/>
  <c r="A187159" i="1" s="1"/>
  <c r="A187160" i="1" s="1"/>
  <c r="A187161" i="1" s="1"/>
  <c r="A187162" i="1" s="1"/>
  <c r="A187163" i="1" s="1"/>
  <c r="A187164" i="1" s="1"/>
  <c r="A187165" i="1" s="1"/>
  <c r="A187166" i="1" s="1"/>
  <c r="A187167" i="1" s="1"/>
  <c r="A187168" i="1" s="1"/>
  <c r="A187169" i="1" s="1"/>
  <c r="A187170" i="1" s="1"/>
  <c r="A187171" i="1" s="1"/>
  <c r="A187172" i="1" s="1"/>
  <c r="A187173" i="1" s="1"/>
  <c r="A187174" i="1" s="1"/>
  <c r="A187175" i="1" s="1"/>
  <c r="A187176" i="1" s="1"/>
  <c r="A187177" i="1" s="1"/>
  <c r="A187178" i="1" s="1"/>
  <c r="A187179" i="1" s="1"/>
  <c r="A187180" i="1" s="1"/>
  <c r="A187181" i="1" s="1"/>
  <c r="A187182" i="1" s="1"/>
  <c r="A187183" i="1" s="1"/>
  <c r="A187184" i="1" s="1"/>
  <c r="A187185" i="1" s="1"/>
  <c r="A187186" i="1" s="1"/>
  <c r="A187187" i="1" s="1"/>
  <c r="A187188" i="1" s="1"/>
  <c r="A187189" i="1" s="1"/>
  <c r="A187190" i="1" s="1"/>
  <c r="A187191" i="1" s="1"/>
  <c r="A187192" i="1" s="1"/>
  <c r="A187193" i="1" s="1"/>
  <c r="A187194" i="1" s="1"/>
  <c r="A187195" i="1" s="1"/>
  <c r="A187196" i="1" s="1"/>
  <c r="A187197" i="1" s="1"/>
  <c r="A187198" i="1" s="1"/>
  <c r="A187199" i="1" s="1"/>
  <c r="A187200" i="1" s="1"/>
  <c r="A187201" i="1" s="1"/>
  <c r="A187202" i="1" s="1"/>
  <c r="A187203" i="1" s="1"/>
  <c r="A187204" i="1" s="1"/>
  <c r="A187205" i="1" s="1"/>
  <c r="A187206" i="1" s="1"/>
  <c r="A187207" i="1" s="1"/>
  <c r="A187208" i="1" s="1"/>
  <c r="A187209" i="1" s="1"/>
  <c r="A187210" i="1" s="1"/>
  <c r="A187211" i="1" s="1"/>
  <c r="A187212" i="1" s="1"/>
  <c r="A187213" i="1" s="1"/>
  <c r="A187214" i="1" s="1"/>
  <c r="A187215" i="1" s="1"/>
  <c r="A187216" i="1" s="1"/>
  <c r="A187217" i="1" s="1"/>
  <c r="A187218" i="1" s="1"/>
  <c r="A187219" i="1" s="1"/>
  <c r="A187220" i="1" s="1"/>
  <c r="A187221" i="1" s="1"/>
  <c r="A187222" i="1" s="1"/>
  <c r="A187223" i="1" s="1"/>
  <c r="A187224" i="1" s="1"/>
  <c r="A187225" i="1" s="1"/>
  <c r="A187226" i="1" s="1"/>
  <c r="A187227" i="1" s="1"/>
  <c r="A187228" i="1" s="1"/>
  <c r="A187229" i="1" s="1"/>
  <c r="A187230" i="1" s="1"/>
  <c r="A187231" i="1" s="1"/>
  <c r="A187232" i="1" s="1"/>
  <c r="A187233" i="1" s="1"/>
  <c r="A187234" i="1" s="1"/>
  <c r="A187235" i="1" s="1"/>
  <c r="A187236" i="1" s="1"/>
  <c r="A187237" i="1" s="1"/>
  <c r="A187238" i="1" s="1"/>
  <c r="A187239" i="1" s="1"/>
  <c r="A187240" i="1" s="1"/>
  <c r="A187241" i="1" s="1"/>
  <c r="A187242" i="1" s="1"/>
  <c r="A187243" i="1" s="1"/>
  <c r="A187244" i="1" s="1"/>
  <c r="A187245" i="1" s="1"/>
  <c r="A187246" i="1" s="1"/>
  <c r="A187247" i="1" s="1"/>
  <c r="A187248" i="1" s="1"/>
  <c r="A187249" i="1" s="1"/>
  <c r="A187250" i="1" s="1"/>
  <c r="A187251" i="1" s="1"/>
  <c r="A187252" i="1" s="1"/>
  <c r="A187253" i="1" s="1"/>
  <c r="A187254" i="1" s="1"/>
  <c r="A187255" i="1" s="1"/>
  <c r="A187256" i="1" s="1"/>
  <c r="A187257" i="1" s="1"/>
  <c r="A187258" i="1" s="1"/>
  <c r="A187259" i="1" s="1"/>
  <c r="A187260" i="1" s="1"/>
  <c r="A187261" i="1" s="1"/>
  <c r="A187262" i="1" s="1"/>
  <c r="A187263" i="1" s="1"/>
  <c r="A187264" i="1" s="1"/>
  <c r="A187265" i="1" s="1"/>
  <c r="A187266" i="1" s="1"/>
  <c r="A187267" i="1" s="1"/>
  <c r="A187268" i="1" s="1"/>
  <c r="A187269" i="1" s="1"/>
  <c r="A187270" i="1" s="1"/>
  <c r="A187271" i="1" s="1"/>
  <c r="A187272" i="1" s="1"/>
  <c r="A187273" i="1" s="1"/>
  <c r="A187274" i="1" s="1"/>
  <c r="A187275" i="1" s="1"/>
  <c r="A187276" i="1" s="1"/>
  <c r="A187277" i="1" s="1"/>
  <c r="A187278" i="1" s="1"/>
  <c r="A187279" i="1" s="1"/>
  <c r="A187280" i="1" s="1"/>
  <c r="A187281" i="1" s="1"/>
  <c r="A187282" i="1" s="1"/>
  <c r="A187283" i="1" s="1"/>
  <c r="A187284" i="1" s="1"/>
  <c r="A187285" i="1" s="1"/>
  <c r="A187286" i="1" s="1"/>
  <c r="A187287" i="1" s="1"/>
  <c r="A187288" i="1" s="1"/>
  <c r="A187289" i="1" s="1"/>
  <c r="A187290" i="1" s="1"/>
  <c r="A187291" i="1" s="1"/>
  <c r="A187292" i="1" s="1"/>
  <c r="A187293" i="1" s="1"/>
  <c r="A187294" i="1" s="1"/>
  <c r="A187295" i="1" s="1"/>
  <c r="A187296" i="1" s="1"/>
  <c r="A187297" i="1" s="1"/>
  <c r="A187298" i="1" s="1"/>
  <c r="A187299" i="1" s="1"/>
  <c r="A187300" i="1" s="1"/>
  <c r="A187301" i="1" s="1"/>
  <c r="A187302" i="1" s="1"/>
  <c r="A187303" i="1" s="1"/>
  <c r="A187304" i="1" s="1"/>
  <c r="A187305" i="1" s="1"/>
  <c r="A187306" i="1" s="1"/>
  <c r="A187307" i="1" s="1"/>
  <c r="A187308" i="1" s="1"/>
  <c r="A187309" i="1" s="1"/>
  <c r="A187310" i="1" s="1"/>
  <c r="A187311" i="1" s="1"/>
  <c r="A187312" i="1" s="1"/>
  <c r="A187313" i="1" s="1"/>
  <c r="A187314" i="1" s="1"/>
  <c r="A187315" i="1" s="1"/>
  <c r="A187316" i="1" s="1"/>
  <c r="A187317" i="1" s="1"/>
  <c r="A187318" i="1" s="1"/>
  <c r="A187319" i="1" s="1"/>
  <c r="A187320" i="1" s="1"/>
  <c r="A187321" i="1" s="1"/>
  <c r="A187322" i="1" s="1"/>
  <c r="A187323" i="1" s="1"/>
  <c r="A187324" i="1" s="1"/>
  <c r="A187325" i="1" s="1"/>
  <c r="A187326" i="1" s="1"/>
  <c r="A187327" i="1" s="1"/>
  <c r="A187328" i="1" s="1"/>
  <c r="A187329" i="1" s="1"/>
  <c r="A187330" i="1" s="1"/>
  <c r="A187331" i="1" s="1"/>
  <c r="A187332" i="1" s="1"/>
  <c r="A187333" i="1" s="1"/>
  <c r="A187334" i="1" s="1"/>
  <c r="A187335" i="1" s="1"/>
  <c r="A187336" i="1" s="1"/>
  <c r="A187337" i="1" s="1"/>
  <c r="A187338" i="1" s="1"/>
  <c r="A187339" i="1" s="1"/>
  <c r="A187340" i="1" s="1"/>
  <c r="A187341" i="1" s="1"/>
  <c r="A187342" i="1" s="1"/>
  <c r="A187343" i="1" s="1"/>
  <c r="A187344" i="1" s="1"/>
  <c r="A187345" i="1" s="1"/>
  <c r="A187346" i="1" s="1"/>
  <c r="A187347" i="1" s="1"/>
  <c r="A187348" i="1" s="1"/>
  <c r="A187349" i="1" s="1"/>
  <c r="A187350" i="1" s="1"/>
  <c r="A187351" i="1" s="1"/>
  <c r="A187352" i="1" s="1"/>
  <c r="A187353" i="1" s="1"/>
  <c r="A187354" i="1" s="1"/>
  <c r="A187355" i="1" s="1"/>
  <c r="A187356" i="1" s="1"/>
  <c r="A187357" i="1" s="1"/>
  <c r="A187358" i="1" s="1"/>
  <c r="A187359" i="1" s="1"/>
  <c r="A187360" i="1" s="1"/>
  <c r="A187361" i="1" s="1"/>
  <c r="A187362" i="1" s="1"/>
  <c r="A187363" i="1" s="1"/>
  <c r="A187364" i="1" s="1"/>
  <c r="A187365" i="1" s="1"/>
  <c r="A187366" i="1" s="1"/>
  <c r="A187367" i="1" s="1"/>
  <c r="A187368" i="1" s="1"/>
  <c r="A187369" i="1" s="1"/>
  <c r="A187370" i="1" s="1"/>
  <c r="A187371" i="1" s="1"/>
  <c r="A187372" i="1" s="1"/>
  <c r="A187373" i="1" s="1"/>
  <c r="A187374" i="1" s="1"/>
  <c r="A187375" i="1" s="1"/>
  <c r="A187376" i="1" s="1"/>
  <c r="A187377" i="1" s="1"/>
  <c r="A187378" i="1" s="1"/>
  <c r="A187379" i="1" s="1"/>
  <c r="A187380" i="1" s="1"/>
  <c r="A187381" i="1" s="1"/>
  <c r="A187382" i="1" s="1"/>
  <c r="A187383" i="1" s="1"/>
  <c r="A187384" i="1" s="1"/>
  <c r="A187385" i="1" s="1"/>
  <c r="A187386" i="1" s="1"/>
  <c r="A187387" i="1" s="1"/>
  <c r="A187388" i="1" s="1"/>
  <c r="A187389" i="1" s="1"/>
  <c r="A187390" i="1" s="1"/>
  <c r="A187391" i="1" s="1"/>
  <c r="A187392" i="1" s="1"/>
  <c r="A187393" i="1" s="1"/>
  <c r="A187394" i="1" s="1"/>
  <c r="A187395" i="1" s="1"/>
  <c r="A187396" i="1" s="1"/>
  <c r="A187397" i="1" s="1"/>
  <c r="A187398" i="1" s="1"/>
  <c r="A187399" i="1" s="1"/>
  <c r="A187400" i="1" s="1"/>
  <c r="A187401" i="1" s="1"/>
  <c r="A187402" i="1" s="1"/>
  <c r="A187403" i="1" s="1"/>
  <c r="A187404" i="1" s="1"/>
  <c r="A187405" i="1" s="1"/>
  <c r="A187406" i="1" s="1"/>
  <c r="A187407" i="1" s="1"/>
  <c r="A187408" i="1" s="1"/>
  <c r="A187409" i="1" s="1"/>
  <c r="A187410" i="1" s="1"/>
  <c r="A187411" i="1" s="1"/>
  <c r="A187412" i="1" s="1"/>
  <c r="A187413" i="1" s="1"/>
  <c r="A187414" i="1" s="1"/>
  <c r="A187415" i="1" s="1"/>
  <c r="A187416" i="1" s="1"/>
  <c r="A187417" i="1" s="1"/>
  <c r="A187418" i="1" s="1"/>
  <c r="A187419" i="1" s="1"/>
  <c r="A187420" i="1" s="1"/>
  <c r="A187421" i="1" s="1"/>
  <c r="A187422" i="1" s="1"/>
  <c r="A187423" i="1" s="1"/>
  <c r="A187424" i="1" s="1"/>
  <c r="A187425" i="1" s="1"/>
  <c r="A187426" i="1" s="1"/>
  <c r="A187427" i="1" s="1"/>
  <c r="A187428" i="1" s="1"/>
  <c r="A187429" i="1" s="1"/>
  <c r="A187430" i="1" s="1"/>
  <c r="A187431" i="1" s="1"/>
  <c r="A187432" i="1" s="1"/>
  <c r="A187433" i="1" s="1"/>
  <c r="A187434" i="1" s="1"/>
  <c r="A187435" i="1" s="1"/>
  <c r="A187436" i="1" s="1"/>
  <c r="A187437" i="1" s="1"/>
  <c r="A187438" i="1" s="1"/>
  <c r="A187439" i="1" s="1"/>
  <c r="A187440" i="1" s="1"/>
  <c r="A187441" i="1" s="1"/>
  <c r="A187442" i="1" s="1"/>
  <c r="A187443" i="1" s="1"/>
  <c r="A187444" i="1" s="1"/>
  <c r="A187445" i="1" s="1"/>
  <c r="A187446" i="1" s="1"/>
  <c r="A187447" i="1" s="1"/>
  <c r="A187448" i="1" s="1"/>
  <c r="A187449" i="1" s="1"/>
  <c r="A187450" i="1" s="1"/>
  <c r="A187451" i="1" s="1"/>
  <c r="A187452" i="1" s="1"/>
  <c r="A187453" i="1" s="1"/>
  <c r="A187454" i="1" s="1"/>
  <c r="A187455" i="1" s="1"/>
  <c r="A187456" i="1" s="1"/>
  <c r="A187457" i="1" s="1"/>
  <c r="A187458" i="1" s="1"/>
  <c r="A187459" i="1" s="1"/>
  <c r="A187460" i="1" s="1"/>
  <c r="A187461" i="1" s="1"/>
  <c r="A187462" i="1" s="1"/>
  <c r="A187463" i="1" s="1"/>
  <c r="A187464" i="1" s="1"/>
  <c r="A187465" i="1" s="1"/>
  <c r="A187466" i="1" s="1"/>
  <c r="A187467" i="1" s="1"/>
  <c r="A187468" i="1" s="1"/>
  <c r="A187469" i="1" s="1"/>
  <c r="A187470" i="1" s="1"/>
  <c r="A187471" i="1" s="1"/>
  <c r="A187472" i="1" s="1"/>
  <c r="A187473" i="1" s="1"/>
  <c r="A187474" i="1" s="1"/>
  <c r="A187475" i="1" s="1"/>
  <c r="A187476" i="1" s="1"/>
  <c r="A187477" i="1" s="1"/>
  <c r="A187478" i="1" s="1"/>
  <c r="A187479" i="1" s="1"/>
  <c r="A187480" i="1" s="1"/>
  <c r="A187481" i="1" s="1"/>
  <c r="A187482" i="1" s="1"/>
  <c r="A187483" i="1" s="1"/>
  <c r="A187484" i="1" s="1"/>
  <c r="A187485" i="1" s="1"/>
  <c r="A187486" i="1" s="1"/>
  <c r="A187487" i="1" s="1"/>
  <c r="A187488" i="1" s="1"/>
  <c r="A187489" i="1" s="1"/>
  <c r="A187490" i="1" s="1"/>
  <c r="A187491" i="1" s="1"/>
  <c r="A187492" i="1" s="1"/>
  <c r="A187493" i="1" s="1"/>
  <c r="A187494" i="1" s="1"/>
  <c r="A187495" i="1" s="1"/>
  <c r="A187496" i="1" s="1"/>
  <c r="A187497" i="1" s="1"/>
  <c r="A187498" i="1" s="1"/>
  <c r="A187499" i="1" s="1"/>
  <c r="A187500" i="1" s="1"/>
  <c r="A187501" i="1" s="1"/>
  <c r="A187502" i="1" s="1"/>
  <c r="A187503" i="1" s="1"/>
  <c r="A187504" i="1" s="1"/>
  <c r="A187505" i="1" s="1"/>
  <c r="A187506" i="1" s="1"/>
  <c r="A187507" i="1" s="1"/>
  <c r="A187508" i="1" s="1"/>
  <c r="A187509" i="1" s="1"/>
  <c r="A187510" i="1" s="1"/>
  <c r="A187511" i="1" s="1"/>
  <c r="A187512" i="1" s="1"/>
  <c r="A187513" i="1" s="1"/>
  <c r="A187514" i="1" s="1"/>
  <c r="A187515" i="1" s="1"/>
  <c r="A187516" i="1" s="1"/>
  <c r="A187517" i="1" s="1"/>
  <c r="A187518" i="1" s="1"/>
  <c r="A187519" i="1" s="1"/>
  <c r="A187520" i="1" s="1"/>
  <c r="A187521" i="1" s="1"/>
  <c r="A187522" i="1" s="1"/>
  <c r="A187523" i="1" s="1"/>
  <c r="A187524" i="1" s="1"/>
  <c r="A187525" i="1" s="1"/>
  <c r="A187526" i="1" s="1"/>
  <c r="A187527" i="1" s="1"/>
  <c r="A187528" i="1" s="1"/>
  <c r="A187529" i="1" s="1"/>
  <c r="A187530" i="1" s="1"/>
  <c r="A187531" i="1" s="1"/>
  <c r="A187532" i="1" s="1"/>
  <c r="A187533" i="1" s="1"/>
  <c r="A187534" i="1" s="1"/>
  <c r="A187535" i="1" s="1"/>
  <c r="A187536" i="1" s="1"/>
  <c r="A187537" i="1" s="1"/>
  <c r="A187538" i="1" s="1"/>
  <c r="A187539" i="1" s="1"/>
  <c r="A187540" i="1" s="1"/>
  <c r="A187541" i="1" s="1"/>
  <c r="A187542" i="1" s="1"/>
  <c r="A187543" i="1" s="1"/>
  <c r="A187544" i="1" s="1"/>
  <c r="A187545" i="1" s="1"/>
  <c r="A187546" i="1" s="1"/>
  <c r="A187547" i="1" s="1"/>
  <c r="A187548" i="1" s="1"/>
  <c r="A187549" i="1" s="1"/>
  <c r="A187550" i="1" s="1"/>
  <c r="A187551" i="1" s="1"/>
  <c r="A187552" i="1" s="1"/>
  <c r="A187553" i="1" s="1"/>
  <c r="A187554" i="1" s="1"/>
  <c r="A187555" i="1" s="1"/>
  <c r="A187556" i="1" s="1"/>
  <c r="A187557" i="1" s="1"/>
  <c r="A187558" i="1" s="1"/>
  <c r="A187559" i="1" s="1"/>
  <c r="A187560" i="1" s="1"/>
  <c r="A187561" i="1" s="1"/>
  <c r="A187562" i="1" s="1"/>
  <c r="A187563" i="1" s="1"/>
  <c r="A187564" i="1" s="1"/>
  <c r="A187565" i="1" s="1"/>
  <c r="A187566" i="1" s="1"/>
  <c r="A187567" i="1" s="1"/>
  <c r="A187568" i="1" s="1"/>
  <c r="A187569" i="1" s="1"/>
  <c r="A187570" i="1" s="1"/>
  <c r="A187571" i="1" s="1"/>
  <c r="A187572" i="1" s="1"/>
  <c r="A187573" i="1" s="1"/>
  <c r="A187574" i="1" s="1"/>
  <c r="A187575" i="1" s="1"/>
  <c r="A187576" i="1" s="1"/>
  <c r="A187577" i="1" s="1"/>
  <c r="A187578" i="1" s="1"/>
  <c r="A187579" i="1" s="1"/>
  <c r="A187580" i="1" s="1"/>
  <c r="A187581" i="1" s="1"/>
  <c r="A187582" i="1" s="1"/>
  <c r="A187583" i="1" s="1"/>
  <c r="A187584" i="1" s="1"/>
  <c r="A187585" i="1" s="1"/>
  <c r="A187586" i="1" s="1"/>
  <c r="A187587" i="1" s="1"/>
  <c r="A187588" i="1" s="1"/>
  <c r="A187589" i="1" s="1"/>
  <c r="A187590" i="1" s="1"/>
  <c r="A187591" i="1" s="1"/>
  <c r="A187592" i="1" s="1"/>
  <c r="A187593" i="1" s="1"/>
  <c r="A187594" i="1" s="1"/>
  <c r="A187595" i="1" s="1"/>
  <c r="A187596" i="1" s="1"/>
  <c r="A187597" i="1" s="1"/>
  <c r="A187598" i="1" s="1"/>
  <c r="A187599" i="1" s="1"/>
  <c r="A187600" i="1" s="1"/>
  <c r="A187601" i="1" s="1"/>
  <c r="A187602" i="1" s="1"/>
  <c r="A187603" i="1" s="1"/>
  <c r="A187604" i="1" s="1"/>
  <c r="A187605" i="1" s="1"/>
  <c r="A187606" i="1" s="1"/>
  <c r="A187607" i="1" s="1"/>
  <c r="A187608" i="1" s="1"/>
  <c r="A187609" i="1" s="1"/>
  <c r="A187610" i="1" s="1"/>
  <c r="A187611" i="1" s="1"/>
  <c r="A187612" i="1" s="1"/>
  <c r="A187613" i="1" s="1"/>
  <c r="A187614" i="1" s="1"/>
  <c r="A187615" i="1" s="1"/>
  <c r="A187616" i="1" s="1"/>
  <c r="A187617" i="1" s="1"/>
  <c r="A187618" i="1" s="1"/>
  <c r="A187619" i="1" s="1"/>
  <c r="A187620" i="1" s="1"/>
  <c r="A187621" i="1" s="1"/>
  <c r="A187622" i="1" s="1"/>
  <c r="A187623" i="1" s="1"/>
  <c r="A187624" i="1" s="1"/>
  <c r="A187625" i="1" s="1"/>
  <c r="A187626" i="1" s="1"/>
  <c r="A187627" i="1" s="1"/>
  <c r="A187628" i="1" s="1"/>
  <c r="A187629" i="1" s="1"/>
  <c r="A187630" i="1" s="1"/>
  <c r="A187631" i="1" s="1"/>
  <c r="A187632" i="1" s="1"/>
  <c r="A187633" i="1" s="1"/>
  <c r="A187634" i="1" s="1"/>
  <c r="A187635" i="1" s="1"/>
  <c r="A187636" i="1" s="1"/>
  <c r="A187637" i="1" s="1"/>
  <c r="A187638" i="1" s="1"/>
  <c r="A187639" i="1" s="1"/>
  <c r="A187640" i="1" s="1"/>
  <c r="A187641" i="1" s="1"/>
  <c r="A187642" i="1" s="1"/>
  <c r="A187643" i="1" s="1"/>
  <c r="A187644" i="1" s="1"/>
  <c r="A187645" i="1" s="1"/>
  <c r="A187646" i="1" s="1"/>
  <c r="A187647" i="1" s="1"/>
  <c r="A187648" i="1" s="1"/>
  <c r="A187649" i="1" s="1"/>
  <c r="A187650" i="1" s="1"/>
  <c r="A187651" i="1" s="1"/>
  <c r="A187652" i="1" s="1"/>
  <c r="A187653" i="1" s="1"/>
  <c r="A187654" i="1" s="1"/>
  <c r="A187655" i="1" s="1"/>
  <c r="A187656" i="1" s="1"/>
  <c r="A187657" i="1" s="1"/>
  <c r="A187658" i="1" s="1"/>
  <c r="A187659" i="1" s="1"/>
  <c r="A187660" i="1" s="1"/>
  <c r="A187661" i="1" s="1"/>
  <c r="A187662" i="1" s="1"/>
  <c r="A187663" i="1" s="1"/>
  <c r="A187664" i="1" s="1"/>
  <c r="A187665" i="1" s="1"/>
  <c r="A187666" i="1" s="1"/>
  <c r="A187667" i="1" s="1"/>
  <c r="A187668" i="1" s="1"/>
  <c r="A187669" i="1" s="1"/>
  <c r="A187670" i="1" s="1"/>
  <c r="A187671" i="1" s="1"/>
  <c r="A187672" i="1" s="1"/>
  <c r="A187673" i="1" s="1"/>
  <c r="A187674" i="1" s="1"/>
  <c r="A187675" i="1" s="1"/>
  <c r="A187676" i="1" s="1"/>
  <c r="A187677" i="1" s="1"/>
  <c r="A187678" i="1" s="1"/>
  <c r="A187679" i="1" s="1"/>
  <c r="A187680" i="1" s="1"/>
  <c r="A187681" i="1" s="1"/>
  <c r="A187682" i="1" s="1"/>
  <c r="A187683" i="1" s="1"/>
  <c r="A187684" i="1" s="1"/>
  <c r="A187685" i="1" s="1"/>
  <c r="A187686" i="1" s="1"/>
  <c r="A187687" i="1" s="1"/>
  <c r="A187688" i="1" s="1"/>
  <c r="A187689" i="1" s="1"/>
  <c r="A187690" i="1" s="1"/>
  <c r="A187691" i="1" s="1"/>
  <c r="A187692" i="1" s="1"/>
  <c r="A187693" i="1" s="1"/>
  <c r="A187694" i="1" s="1"/>
  <c r="A187695" i="1" s="1"/>
  <c r="A187696" i="1" s="1"/>
  <c r="A187697" i="1" s="1"/>
  <c r="A187698" i="1" s="1"/>
  <c r="A187699" i="1" s="1"/>
  <c r="A187700" i="1" s="1"/>
  <c r="A187701" i="1" s="1"/>
  <c r="A187702" i="1" s="1"/>
  <c r="A187703" i="1" s="1"/>
  <c r="A187704" i="1" s="1"/>
  <c r="A187705" i="1" s="1"/>
  <c r="A187706" i="1" s="1"/>
  <c r="A187707" i="1" s="1"/>
  <c r="A187708" i="1" s="1"/>
  <c r="A187709" i="1" s="1"/>
  <c r="A187710" i="1" s="1"/>
  <c r="A187711" i="1" s="1"/>
  <c r="A187712" i="1" s="1"/>
  <c r="A187713" i="1" s="1"/>
  <c r="A187714" i="1" s="1"/>
  <c r="A187715" i="1" s="1"/>
  <c r="A187716" i="1" s="1"/>
  <c r="A187717" i="1" s="1"/>
  <c r="A187718" i="1" s="1"/>
  <c r="A187719" i="1" s="1"/>
  <c r="A187720" i="1" s="1"/>
  <c r="A187721" i="1" s="1"/>
  <c r="A187722" i="1" s="1"/>
  <c r="A187723" i="1" s="1"/>
  <c r="A187724" i="1" s="1"/>
  <c r="A187725" i="1" s="1"/>
  <c r="A187726" i="1" s="1"/>
  <c r="A187727" i="1" s="1"/>
  <c r="A187728" i="1" s="1"/>
  <c r="A187729" i="1" s="1"/>
  <c r="A187730" i="1" s="1"/>
  <c r="A187731" i="1" s="1"/>
  <c r="A187732" i="1" s="1"/>
  <c r="A187733" i="1" s="1"/>
  <c r="A187734" i="1" s="1"/>
  <c r="A187735" i="1" s="1"/>
  <c r="A187736" i="1" s="1"/>
  <c r="A187737" i="1" s="1"/>
  <c r="A187738" i="1" s="1"/>
  <c r="A187739" i="1" s="1"/>
  <c r="A187740" i="1" s="1"/>
  <c r="A187741" i="1" s="1"/>
  <c r="A187742" i="1" s="1"/>
  <c r="A187743" i="1" s="1"/>
  <c r="A187744" i="1" s="1"/>
  <c r="A187745" i="1" s="1"/>
  <c r="A187746" i="1" s="1"/>
  <c r="A187747" i="1" s="1"/>
  <c r="A187748" i="1" s="1"/>
  <c r="A187749" i="1" s="1"/>
  <c r="A187750" i="1" s="1"/>
  <c r="A187751" i="1" s="1"/>
  <c r="A187752" i="1" s="1"/>
  <c r="A187753" i="1" s="1"/>
  <c r="A187754" i="1" s="1"/>
  <c r="A187755" i="1" s="1"/>
  <c r="A187756" i="1" s="1"/>
  <c r="A187757" i="1" s="1"/>
  <c r="A187758" i="1" s="1"/>
  <c r="A187759" i="1" s="1"/>
  <c r="A187760" i="1" s="1"/>
  <c r="A187761" i="1" s="1"/>
  <c r="A187762" i="1" s="1"/>
  <c r="A187763" i="1" s="1"/>
  <c r="A187764" i="1" s="1"/>
  <c r="A187765" i="1" s="1"/>
  <c r="A187766" i="1" s="1"/>
  <c r="A187767" i="1" s="1"/>
  <c r="A187768" i="1" s="1"/>
  <c r="A187769" i="1" s="1"/>
  <c r="A187770" i="1" s="1"/>
  <c r="A187771" i="1" s="1"/>
  <c r="A187772" i="1" s="1"/>
  <c r="A187773" i="1" s="1"/>
  <c r="A187774" i="1" s="1"/>
  <c r="A187775" i="1" s="1"/>
  <c r="A187776" i="1" s="1"/>
  <c r="A187777" i="1" s="1"/>
  <c r="A187778" i="1" s="1"/>
  <c r="A187779" i="1" s="1"/>
  <c r="A187780" i="1" s="1"/>
  <c r="A187781" i="1" s="1"/>
  <c r="A187782" i="1" s="1"/>
  <c r="A187783" i="1" s="1"/>
  <c r="A187784" i="1" s="1"/>
  <c r="A187785" i="1" s="1"/>
  <c r="A187786" i="1" s="1"/>
  <c r="A187787" i="1" s="1"/>
  <c r="A187788" i="1" s="1"/>
  <c r="A187789" i="1" s="1"/>
  <c r="A187790" i="1" s="1"/>
  <c r="A187791" i="1" s="1"/>
  <c r="A187792" i="1" s="1"/>
  <c r="A187793" i="1" s="1"/>
  <c r="A187794" i="1" s="1"/>
  <c r="A187795" i="1" s="1"/>
  <c r="A187796" i="1" s="1"/>
  <c r="A187797" i="1" s="1"/>
  <c r="A187798" i="1" s="1"/>
  <c r="A187799" i="1" s="1"/>
  <c r="A187800" i="1" s="1"/>
  <c r="A187801" i="1" s="1"/>
  <c r="A187802" i="1" s="1"/>
  <c r="A187803" i="1" s="1"/>
  <c r="A187804" i="1" s="1"/>
  <c r="A187805" i="1" s="1"/>
  <c r="A187806" i="1" s="1"/>
  <c r="A187807" i="1" s="1"/>
  <c r="A187808" i="1" s="1"/>
  <c r="A187809" i="1" s="1"/>
  <c r="A187810" i="1" s="1"/>
  <c r="A187811" i="1" s="1"/>
  <c r="A187812" i="1" s="1"/>
  <c r="A187813" i="1" s="1"/>
  <c r="A187814" i="1" s="1"/>
  <c r="A187815" i="1" s="1"/>
  <c r="A187816" i="1" s="1"/>
  <c r="A187817" i="1" s="1"/>
  <c r="A187818" i="1" s="1"/>
  <c r="A187819" i="1" s="1"/>
  <c r="A187820" i="1" s="1"/>
  <c r="A187821" i="1" s="1"/>
  <c r="A187822" i="1" s="1"/>
  <c r="A187823" i="1" s="1"/>
  <c r="A187824" i="1" s="1"/>
  <c r="A187825" i="1" s="1"/>
  <c r="A187826" i="1" s="1"/>
  <c r="A187827" i="1" s="1"/>
  <c r="A187828" i="1" s="1"/>
  <c r="A187829" i="1" s="1"/>
  <c r="A187830" i="1" s="1"/>
  <c r="A187831" i="1" s="1"/>
  <c r="A187832" i="1" s="1"/>
  <c r="A187833" i="1" s="1"/>
  <c r="A187834" i="1" s="1"/>
  <c r="A187835" i="1" s="1"/>
  <c r="A187836" i="1" s="1"/>
  <c r="A187837" i="1" s="1"/>
  <c r="A187838" i="1" s="1"/>
  <c r="A187839" i="1" s="1"/>
  <c r="A187840" i="1" s="1"/>
  <c r="A187841" i="1" s="1"/>
  <c r="A187842" i="1" s="1"/>
  <c r="A187843" i="1" s="1"/>
  <c r="A187844" i="1" s="1"/>
  <c r="A187845" i="1" s="1"/>
  <c r="A187846" i="1" s="1"/>
  <c r="A187847" i="1" s="1"/>
  <c r="A187848" i="1" s="1"/>
  <c r="A187849" i="1" s="1"/>
  <c r="A187850" i="1" s="1"/>
  <c r="A187851" i="1" s="1"/>
  <c r="A187852" i="1" s="1"/>
  <c r="A187853" i="1" s="1"/>
  <c r="A187854" i="1" s="1"/>
  <c r="A187855" i="1" s="1"/>
  <c r="A187856" i="1" s="1"/>
  <c r="A187857" i="1" s="1"/>
  <c r="A187858" i="1" s="1"/>
  <c r="A187859" i="1" s="1"/>
  <c r="A187860" i="1" s="1"/>
  <c r="A187861" i="1" s="1"/>
  <c r="A187862" i="1" s="1"/>
  <c r="A187863" i="1" s="1"/>
  <c r="A187864" i="1" s="1"/>
  <c r="A187865" i="1" s="1"/>
  <c r="A187866" i="1" s="1"/>
  <c r="A187867" i="1" s="1"/>
  <c r="A187868" i="1" s="1"/>
  <c r="A187869" i="1" s="1"/>
  <c r="A187870" i="1" s="1"/>
  <c r="A187871" i="1" s="1"/>
  <c r="A187872" i="1" s="1"/>
  <c r="A187873" i="1" s="1"/>
  <c r="A187874" i="1" s="1"/>
  <c r="A187875" i="1" s="1"/>
  <c r="A187876" i="1" s="1"/>
  <c r="A187877" i="1" s="1"/>
  <c r="A187878" i="1" s="1"/>
  <c r="A187879" i="1" s="1"/>
  <c r="A187880" i="1" s="1"/>
  <c r="A187881" i="1" s="1"/>
  <c r="A187882" i="1" s="1"/>
  <c r="A187883" i="1" s="1"/>
  <c r="A187884" i="1" s="1"/>
  <c r="A187885" i="1" s="1"/>
  <c r="A187886" i="1" s="1"/>
  <c r="A187887" i="1" s="1"/>
  <c r="A187888" i="1" s="1"/>
  <c r="A187889" i="1" s="1"/>
  <c r="A187890" i="1" s="1"/>
  <c r="A187891" i="1" s="1"/>
  <c r="A187892" i="1" s="1"/>
  <c r="A187893" i="1" s="1"/>
  <c r="A187894" i="1" s="1"/>
  <c r="A187895" i="1" s="1"/>
  <c r="A187896" i="1" s="1"/>
  <c r="A187897" i="1" s="1"/>
  <c r="A187898" i="1" s="1"/>
  <c r="A187899" i="1" s="1"/>
  <c r="A187900" i="1" s="1"/>
  <c r="A187901" i="1" s="1"/>
  <c r="A187902" i="1" s="1"/>
  <c r="A187903" i="1" s="1"/>
  <c r="A187904" i="1" s="1"/>
  <c r="A187905" i="1" s="1"/>
  <c r="A187906" i="1" s="1"/>
  <c r="A187907" i="1" s="1"/>
  <c r="A187908" i="1" s="1"/>
  <c r="A187909" i="1" s="1"/>
  <c r="A187910" i="1" s="1"/>
  <c r="A187911" i="1" s="1"/>
  <c r="A187912" i="1" s="1"/>
  <c r="A187913" i="1" s="1"/>
  <c r="A187914" i="1" s="1"/>
  <c r="A187915" i="1" s="1"/>
  <c r="A187916" i="1" s="1"/>
  <c r="A187917" i="1" s="1"/>
  <c r="A187918" i="1" s="1"/>
  <c r="A187919" i="1" s="1"/>
  <c r="A187920" i="1" s="1"/>
  <c r="A187921" i="1" s="1"/>
  <c r="A187922" i="1" s="1"/>
  <c r="A187923" i="1" s="1"/>
  <c r="A187924" i="1" s="1"/>
  <c r="A187925" i="1" s="1"/>
  <c r="A187926" i="1" s="1"/>
  <c r="A187927" i="1" s="1"/>
  <c r="A187928" i="1" s="1"/>
  <c r="A187929" i="1" s="1"/>
  <c r="A187930" i="1" s="1"/>
  <c r="A187931" i="1" s="1"/>
  <c r="A187932" i="1" s="1"/>
  <c r="A187933" i="1" s="1"/>
  <c r="A187934" i="1" s="1"/>
  <c r="A187935" i="1" s="1"/>
  <c r="A187936" i="1" s="1"/>
  <c r="A187937" i="1" s="1"/>
  <c r="A187938" i="1" s="1"/>
  <c r="A187939" i="1" s="1"/>
  <c r="A187940" i="1" s="1"/>
  <c r="A187941" i="1" s="1"/>
  <c r="A187942" i="1" s="1"/>
  <c r="A187943" i="1" s="1"/>
  <c r="A187944" i="1" s="1"/>
  <c r="A187945" i="1" s="1"/>
  <c r="A187946" i="1" s="1"/>
  <c r="A187947" i="1" s="1"/>
  <c r="A187948" i="1" s="1"/>
  <c r="A187949" i="1" s="1"/>
  <c r="A187950" i="1" s="1"/>
  <c r="A187951" i="1" s="1"/>
  <c r="A187952" i="1" s="1"/>
  <c r="A187953" i="1" s="1"/>
  <c r="A187954" i="1" s="1"/>
  <c r="A187955" i="1" s="1"/>
  <c r="A187956" i="1" s="1"/>
  <c r="A187957" i="1" s="1"/>
  <c r="A187958" i="1" s="1"/>
  <c r="A187959" i="1" s="1"/>
  <c r="A187960" i="1" s="1"/>
  <c r="A187961" i="1" s="1"/>
  <c r="A187962" i="1" s="1"/>
  <c r="A187963" i="1" s="1"/>
  <c r="A187964" i="1" s="1"/>
  <c r="A187965" i="1" s="1"/>
  <c r="A187966" i="1" s="1"/>
  <c r="A187967" i="1" s="1"/>
  <c r="A187968" i="1" s="1"/>
  <c r="A187969" i="1" s="1"/>
  <c r="A187970" i="1" s="1"/>
  <c r="A187971" i="1" s="1"/>
  <c r="A187972" i="1" s="1"/>
  <c r="A187973" i="1" s="1"/>
  <c r="A187974" i="1" s="1"/>
  <c r="A187975" i="1" s="1"/>
  <c r="A187976" i="1" s="1"/>
  <c r="A187977" i="1" s="1"/>
  <c r="A187978" i="1" s="1"/>
  <c r="A187979" i="1" s="1"/>
  <c r="A187980" i="1" s="1"/>
  <c r="A187981" i="1" s="1"/>
  <c r="A187982" i="1" s="1"/>
  <c r="A187983" i="1" s="1"/>
  <c r="A187984" i="1" s="1"/>
  <c r="A187985" i="1" s="1"/>
  <c r="A187986" i="1" s="1"/>
  <c r="A187987" i="1" s="1"/>
  <c r="A187988" i="1" s="1"/>
  <c r="A187989" i="1" s="1"/>
  <c r="A187990" i="1" s="1"/>
  <c r="A187991" i="1" s="1"/>
  <c r="A187992" i="1" s="1"/>
  <c r="A187993" i="1" s="1"/>
  <c r="A187994" i="1" s="1"/>
  <c r="A187995" i="1" s="1"/>
  <c r="A187996" i="1" s="1"/>
  <c r="A187997" i="1" s="1"/>
  <c r="A187998" i="1" s="1"/>
  <c r="A187999" i="1" s="1"/>
  <c r="A188000" i="1" s="1"/>
  <c r="A188001" i="1" s="1"/>
  <c r="A188002" i="1" s="1"/>
  <c r="A188003" i="1" s="1"/>
  <c r="A188004" i="1" s="1"/>
  <c r="A188005" i="1" s="1"/>
  <c r="A188006" i="1" s="1"/>
  <c r="A188007" i="1" s="1"/>
  <c r="A188008" i="1" s="1"/>
  <c r="A188009" i="1" s="1"/>
  <c r="A188010" i="1" s="1"/>
  <c r="A188011" i="1" s="1"/>
  <c r="A188012" i="1" s="1"/>
  <c r="A188013" i="1" s="1"/>
  <c r="A188014" i="1" s="1"/>
  <c r="A188015" i="1" s="1"/>
  <c r="A188016" i="1" s="1"/>
  <c r="A188017" i="1" s="1"/>
  <c r="A188018" i="1" s="1"/>
  <c r="A188019" i="1" s="1"/>
  <c r="A188020" i="1" s="1"/>
  <c r="A188021" i="1" s="1"/>
  <c r="A188022" i="1" s="1"/>
  <c r="A188023" i="1" s="1"/>
  <c r="A188024" i="1" s="1"/>
  <c r="A188025" i="1" s="1"/>
  <c r="A188026" i="1" s="1"/>
  <c r="A188027" i="1" s="1"/>
  <c r="A188028" i="1" s="1"/>
  <c r="A188029" i="1" s="1"/>
  <c r="A188030" i="1" s="1"/>
  <c r="A188031" i="1" s="1"/>
  <c r="A188032" i="1" s="1"/>
  <c r="A188033" i="1" s="1"/>
  <c r="A188034" i="1" s="1"/>
  <c r="A188035" i="1" s="1"/>
  <c r="A188036" i="1" s="1"/>
  <c r="A188037" i="1" s="1"/>
  <c r="A188038" i="1" s="1"/>
  <c r="A188039" i="1" s="1"/>
  <c r="A188040" i="1" s="1"/>
  <c r="A188041" i="1" s="1"/>
  <c r="A188042" i="1" s="1"/>
  <c r="A188043" i="1" s="1"/>
  <c r="A188044" i="1" s="1"/>
  <c r="A188045" i="1" s="1"/>
  <c r="A188046" i="1" s="1"/>
  <c r="A188047" i="1" s="1"/>
  <c r="A188048" i="1" s="1"/>
  <c r="A188049" i="1" s="1"/>
  <c r="A188050" i="1" s="1"/>
  <c r="A188051" i="1" s="1"/>
  <c r="A188052" i="1" s="1"/>
  <c r="A188053" i="1" s="1"/>
  <c r="A188054" i="1" s="1"/>
  <c r="A188055" i="1" s="1"/>
  <c r="A188056" i="1" s="1"/>
  <c r="A188057" i="1" s="1"/>
  <c r="A188058" i="1" s="1"/>
  <c r="A188059" i="1" s="1"/>
  <c r="A188060" i="1" s="1"/>
  <c r="A188061" i="1" s="1"/>
  <c r="A188062" i="1" s="1"/>
  <c r="A188063" i="1" s="1"/>
  <c r="A188064" i="1" s="1"/>
  <c r="A188065" i="1" s="1"/>
  <c r="A188066" i="1" s="1"/>
  <c r="A188067" i="1" s="1"/>
  <c r="A188068" i="1" s="1"/>
  <c r="A188069" i="1" s="1"/>
  <c r="A188070" i="1" s="1"/>
  <c r="A188071" i="1" s="1"/>
  <c r="A188072" i="1" s="1"/>
  <c r="A188073" i="1" s="1"/>
  <c r="A188074" i="1" s="1"/>
  <c r="A188075" i="1" s="1"/>
  <c r="A188076" i="1" s="1"/>
  <c r="A188077" i="1" s="1"/>
  <c r="A188078" i="1" s="1"/>
  <c r="A188079" i="1" s="1"/>
  <c r="A188080" i="1" s="1"/>
  <c r="A188081" i="1" s="1"/>
  <c r="A188082" i="1" s="1"/>
  <c r="A188083" i="1" s="1"/>
  <c r="A188084" i="1" s="1"/>
  <c r="A188085" i="1" s="1"/>
  <c r="A188086" i="1" s="1"/>
  <c r="A188087" i="1" s="1"/>
  <c r="A188088" i="1" s="1"/>
  <c r="A188089" i="1" s="1"/>
  <c r="A188090" i="1" s="1"/>
  <c r="A188091" i="1" s="1"/>
  <c r="A188092" i="1" s="1"/>
  <c r="A188093" i="1" s="1"/>
  <c r="A188094" i="1" s="1"/>
  <c r="A188095" i="1" s="1"/>
  <c r="A188096" i="1" s="1"/>
  <c r="A188097" i="1" s="1"/>
  <c r="A188098" i="1" s="1"/>
  <c r="A188099" i="1" s="1"/>
  <c r="A188100" i="1" s="1"/>
  <c r="A188101" i="1" s="1"/>
  <c r="A188102" i="1" s="1"/>
  <c r="A188103" i="1" s="1"/>
  <c r="A188104" i="1" s="1"/>
  <c r="A188105" i="1" s="1"/>
  <c r="A188106" i="1" s="1"/>
  <c r="A188107" i="1" s="1"/>
  <c r="A188108" i="1" s="1"/>
  <c r="A188109" i="1" s="1"/>
  <c r="A188110" i="1" s="1"/>
  <c r="A188111" i="1" s="1"/>
  <c r="A188112" i="1" s="1"/>
  <c r="A188113" i="1" s="1"/>
  <c r="A188114" i="1" s="1"/>
  <c r="A188115" i="1" s="1"/>
  <c r="A188116" i="1" s="1"/>
  <c r="A188117" i="1" s="1"/>
  <c r="A188118" i="1" s="1"/>
  <c r="A188119" i="1" s="1"/>
  <c r="A188120" i="1" s="1"/>
  <c r="A188121" i="1" s="1"/>
  <c r="A188122" i="1" s="1"/>
  <c r="A188123" i="1" s="1"/>
  <c r="A188124" i="1" s="1"/>
  <c r="A188125" i="1" s="1"/>
  <c r="A188126" i="1" s="1"/>
  <c r="A188127" i="1" s="1"/>
  <c r="A188128" i="1" s="1"/>
  <c r="A188129" i="1" s="1"/>
  <c r="A188130" i="1" s="1"/>
  <c r="A188131" i="1" s="1"/>
  <c r="A188132" i="1" s="1"/>
  <c r="A188133" i="1" s="1"/>
  <c r="A188134" i="1" s="1"/>
  <c r="A188135" i="1" s="1"/>
  <c r="A188136" i="1" s="1"/>
  <c r="A188137" i="1" s="1"/>
  <c r="A188138" i="1" s="1"/>
  <c r="A188139" i="1" s="1"/>
  <c r="A188140" i="1" s="1"/>
  <c r="A188141" i="1" s="1"/>
  <c r="A188142" i="1" s="1"/>
  <c r="A188143" i="1" s="1"/>
  <c r="A188144" i="1" s="1"/>
  <c r="A188145" i="1" s="1"/>
  <c r="A188146" i="1" s="1"/>
  <c r="A188147" i="1" s="1"/>
  <c r="A188148" i="1" s="1"/>
  <c r="A188149" i="1" s="1"/>
  <c r="A188150" i="1" s="1"/>
  <c r="A188151" i="1" s="1"/>
  <c r="A188152" i="1" s="1"/>
  <c r="A188153" i="1" s="1"/>
  <c r="A188154" i="1" s="1"/>
  <c r="A188155" i="1" s="1"/>
  <c r="A188156" i="1" s="1"/>
  <c r="A188157" i="1" s="1"/>
  <c r="A188158" i="1" s="1"/>
  <c r="A188159" i="1" s="1"/>
  <c r="A188160" i="1" s="1"/>
  <c r="A188161" i="1" s="1"/>
  <c r="A188162" i="1" s="1"/>
  <c r="A188163" i="1" s="1"/>
  <c r="A188164" i="1" s="1"/>
  <c r="A188165" i="1" s="1"/>
  <c r="A188166" i="1" s="1"/>
  <c r="A188167" i="1" s="1"/>
  <c r="A188168" i="1" s="1"/>
  <c r="A188169" i="1" s="1"/>
  <c r="A188170" i="1" s="1"/>
  <c r="A188171" i="1" s="1"/>
  <c r="A188172" i="1" s="1"/>
  <c r="A188173" i="1" s="1"/>
  <c r="A188174" i="1" s="1"/>
  <c r="A188175" i="1" s="1"/>
  <c r="A188176" i="1" s="1"/>
  <c r="A188177" i="1" s="1"/>
  <c r="A188178" i="1" s="1"/>
  <c r="A188179" i="1" s="1"/>
  <c r="A188180" i="1" s="1"/>
  <c r="A188181" i="1" s="1"/>
  <c r="A188182" i="1" s="1"/>
  <c r="A188183" i="1" s="1"/>
  <c r="A188184" i="1" s="1"/>
  <c r="A188185" i="1" s="1"/>
  <c r="A188186" i="1" s="1"/>
  <c r="A188187" i="1" s="1"/>
  <c r="A188188" i="1" s="1"/>
  <c r="A188189" i="1" s="1"/>
  <c r="A188190" i="1" s="1"/>
  <c r="A188191" i="1" s="1"/>
  <c r="A188192" i="1" s="1"/>
  <c r="A188193" i="1" s="1"/>
  <c r="A188194" i="1" s="1"/>
  <c r="A188195" i="1" s="1"/>
  <c r="A188196" i="1" s="1"/>
  <c r="A188197" i="1" s="1"/>
  <c r="A188198" i="1" s="1"/>
  <c r="A188199" i="1" s="1"/>
  <c r="A188200" i="1" s="1"/>
  <c r="A188201" i="1" s="1"/>
  <c r="A188202" i="1" s="1"/>
  <c r="A188203" i="1" s="1"/>
  <c r="A188204" i="1" s="1"/>
  <c r="A188205" i="1" s="1"/>
  <c r="A188206" i="1" s="1"/>
  <c r="A188207" i="1" s="1"/>
  <c r="A188208" i="1" s="1"/>
  <c r="A188209" i="1" s="1"/>
  <c r="A188210" i="1" s="1"/>
  <c r="A188211" i="1" s="1"/>
  <c r="A188212" i="1" s="1"/>
  <c r="A188213" i="1" s="1"/>
  <c r="A188214" i="1" s="1"/>
  <c r="A188215" i="1" s="1"/>
  <c r="A188216" i="1" s="1"/>
  <c r="A188217" i="1" s="1"/>
  <c r="A188218" i="1" s="1"/>
  <c r="A188219" i="1" s="1"/>
  <c r="A188220" i="1" s="1"/>
  <c r="A188221" i="1" s="1"/>
  <c r="A188222" i="1" s="1"/>
  <c r="A188223" i="1" s="1"/>
  <c r="A188224" i="1" s="1"/>
  <c r="A188225" i="1" s="1"/>
  <c r="A188226" i="1" s="1"/>
  <c r="A188227" i="1" s="1"/>
  <c r="A188228" i="1" s="1"/>
  <c r="A188229" i="1" s="1"/>
  <c r="A188230" i="1" s="1"/>
  <c r="A188231" i="1" s="1"/>
  <c r="A188232" i="1" s="1"/>
  <c r="A188233" i="1" s="1"/>
  <c r="A188234" i="1" s="1"/>
  <c r="A188235" i="1" s="1"/>
  <c r="A188236" i="1" s="1"/>
  <c r="A188237" i="1" s="1"/>
  <c r="A188238" i="1" s="1"/>
  <c r="A188239" i="1" s="1"/>
  <c r="A188240" i="1" s="1"/>
  <c r="A188241" i="1" s="1"/>
  <c r="A188242" i="1" s="1"/>
  <c r="A188243" i="1" s="1"/>
  <c r="A188244" i="1" s="1"/>
  <c r="A188245" i="1" s="1"/>
  <c r="A188246" i="1" s="1"/>
  <c r="A188247" i="1" s="1"/>
  <c r="A188248" i="1" s="1"/>
  <c r="A188249" i="1" s="1"/>
  <c r="A188250" i="1" s="1"/>
  <c r="A188251" i="1" s="1"/>
  <c r="A188252" i="1" s="1"/>
  <c r="A188253" i="1" s="1"/>
  <c r="A188254" i="1" s="1"/>
  <c r="A188255" i="1" s="1"/>
  <c r="A188256" i="1" s="1"/>
  <c r="A188257" i="1" s="1"/>
  <c r="A188258" i="1" s="1"/>
  <c r="A188259" i="1" s="1"/>
  <c r="A188260" i="1" s="1"/>
  <c r="A188261" i="1" s="1"/>
  <c r="A188262" i="1" s="1"/>
  <c r="A188263" i="1" s="1"/>
  <c r="A188264" i="1" s="1"/>
  <c r="A188265" i="1" s="1"/>
  <c r="A188266" i="1" s="1"/>
  <c r="A188267" i="1" s="1"/>
  <c r="A188268" i="1" s="1"/>
  <c r="A188269" i="1" s="1"/>
  <c r="A188270" i="1" s="1"/>
  <c r="A188271" i="1" s="1"/>
  <c r="A188272" i="1" s="1"/>
  <c r="A188273" i="1" s="1"/>
  <c r="A188274" i="1" s="1"/>
  <c r="A188275" i="1" s="1"/>
  <c r="A188276" i="1" s="1"/>
  <c r="A188277" i="1" s="1"/>
  <c r="A188278" i="1" s="1"/>
  <c r="A188279" i="1" s="1"/>
  <c r="A188280" i="1" s="1"/>
  <c r="A188281" i="1" s="1"/>
  <c r="A188282" i="1" s="1"/>
  <c r="A188283" i="1" s="1"/>
  <c r="A188284" i="1" s="1"/>
  <c r="A188285" i="1" s="1"/>
  <c r="A188286" i="1" s="1"/>
  <c r="A188287" i="1" s="1"/>
  <c r="A188288" i="1" s="1"/>
  <c r="A188289" i="1" s="1"/>
  <c r="A188290" i="1" s="1"/>
  <c r="A188291" i="1" s="1"/>
  <c r="A188292" i="1" s="1"/>
  <c r="A188293" i="1" s="1"/>
  <c r="A188294" i="1" s="1"/>
  <c r="A188295" i="1" s="1"/>
  <c r="A188296" i="1" s="1"/>
  <c r="A188297" i="1" s="1"/>
  <c r="A188298" i="1" s="1"/>
  <c r="A188299" i="1" s="1"/>
  <c r="A188300" i="1" s="1"/>
  <c r="A188301" i="1" s="1"/>
  <c r="A188302" i="1" s="1"/>
  <c r="A188303" i="1" s="1"/>
  <c r="A188304" i="1" s="1"/>
  <c r="A188305" i="1" s="1"/>
  <c r="A188306" i="1" s="1"/>
  <c r="A188307" i="1" s="1"/>
  <c r="A188308" i="1" s="1"/>
  <c r="A188309" i="1" s="1"/>
  <c r="A188310" i="1" s="1"/>
  <c r="A188311" i="1" s="1"/>
  <c r="A188312" i="1" s="1"/>
  <c r="A188313" i="1" s="1"/>
  <c r="A188314" i="1" s="1"/>
  <c r="A188315" i="1" s="1"/>
  <c r="A188316" i="1" s="1"/>
  <c r="A188317" i="1" s="1"/>
  <c r="A188318" i="1" s="1"/>
  <c r="A188319" i="1" s="1"/>
  <c r="A188320" i="1" s="1"/>
  <c r="A188321" i="1" s="1"/>
  <c r="A188322" i="1" s="1"/>
  <c r="A188323" i="1" s="1"/>
  <c r="A188324" i="1" s="1"/>
  <c r="A188325" i="1" s="1"/>
  <c r="A188326" i="1" s="1"/>
  <c r="A188327" i="1" s="1"/>
  <c r="A188328" i="1" s="1"/>
  <c r="A188329" i="1" s="1"/>
  <c r="A188330" i="1" s="1"/>
  <c r="A188331" i="1" s="1"/>
  <c r="A188332" i="1" s="1"/>
  <c r="A188333" i="1" s="1"/>
  <c r="A188334" i="1" s="1"/>
  <c r="A188335" i="1" s="1"/>
  <c r="A188336" i="1" s="1"/>
  <c r="A188337" i="1" s="1"/>
  <c r="A188338" i="1" s="1"/>
  <c r="A188339" i="1" s="1"/>
  <c r="A188340" i="1" s="1"/>
  <c r="A188341" i="1" s="1"/>
  <c r="A188342" i="1" s="1"/>
  <c r="A188343" i="1" s="1"/>
  <c r="A188344" i="1" s="1"/>
  <c r="A188345" i="1" s="1"/>
  <c r="A188346" i="1" s="1"/>
  <c r="A188347" i="1" s="1"/>
  <c r="A188348" i="1" s="1"/>
  <c r="A188349" i="1" s="1"/>
  <c r="A188350" i="1" s="1"/>
  <c r="A188351" i="1" s="1"/>
  <c r="A188352" i="1" s="1"/>
  <c r="A188353" i="1" s="1"/>
  <c r="A188354" i="1" s="1"/>
  <c r="A188355" i="1" s="1"/>
  <c r="A188356" i="1" s="1"/>
  <c r="A188357" i="1" s="1"/>
  <c r="A188358" i="1" s="1"/>
  <c r="A188359" i="1" s="1"/>
  <c r="A188360" i="1" s="1"/>
  <c r="A188361" i="1" s="1"/>
  <c r="A188362" i="1" s="1"/>
  <c r="A188363" i="1" s="1"/>
  <c r="A188364" i="1" s="1"/>
  <c r="A188365" i="1" s="1"/>
  <c r="A188366" i="1" s="1"/>
  <c r="A188367" i="1" s="1"/>
  <c r="A188368" i="1" s="1"/>
  <c r="A188369" i="1" s="1"/>
  <c r="A188370" i="1" s="1"/>
  <c r="A188371" i="1" s="1"/>
  <c r="A188372" i="1" s="1"/>
  <c r="A188373" i="1" s="1"/>
  <c r="A188374" i="1" s="1"/>
  <c r="A188375" i="1" s="1"/>
  <c r="A188376" i="1" s="1"/>
  <c r="A188377" i="1" s="1"/>
  <c r="A188378" i="1" s="1"/>
  <c r="A188379" i="1" s="1"/>
  <c r="A188380" i="1" s="1"/>
  <c r="A188381" i="1" s="1"/>
  <c r="A188382" i="1" s="1"/>
  <c r="A188383" i="1" s="1"/>
  <c r="A188384" i="1" s="1"/>
  <c r="A188385" i="1" s="1"/>
  <c r="A188386" i="1" s="1"/>
  <c r="A188387" i="1" s="1"/>
  <c r="A188388" i="1" s="1"/>
  <c r="A188389" i="1" s="1"/>
  <c r="A188390" i="1" s="1"/>
  <c r="A188391" i="1" s="1"/>
  <c r="A188392" i="1" s="1"/>
  <c r="A188393" i="1" s="1"/>
  <c r="A188394" i="1" s="1"/>
  <c r="A188395" i="1" s="1"/>
  <c r="A188396" i="1" s="1"/>
  <c r="A188397" i="1" s="1"/>
  <c r="A188398" i="1" s="1"/>
  <c r="A188399" i="1" s="1"/>
  <c r="A188400" i="1" s="1"/>
  <c r="A188401" i="1" s="1"/>
  <c r="A188402" i="1" s="1"/>
  <c r="A188403" i="1" s="1"/>
  <c r="A188404" i="1" s="1"/>
  <c r="A188405" i="1" s="1"/>
  <c r="A188406" i="1" s="1"/>
  <c r="A188407" i="1" s="1"/>
  <c r="A188408" i="1" s="1"/>
  <c r="A188409" i="1" s="1"/>
  <c r="A188410" i="1" s="1"/>
  <c r="A188411" i="1" s="1"/>
  <c r="A188412" i="1" s="1"/>
  <c r="A188413" i="1" s="1"/>
  <c r="A188414" i="1" s="1"/>
  <c r="A188415" i="1" s="1"/>
  <c r="A188416" i="1" s="1"/>
  <c r="A188417" i="1" s="1"/>
  <c r="A188418" i="1" s="1"/>
  <c r="A188419" i="1" s="1"/>
  <c r="A188420" i="1" s="1"/>
  <c r="A188421" i="1" s="1"/>
  <c r="A188422" i="1" s="1"/>
  <c r="A188423" i="1" s="1"/>
  <c r="A188424" i="1" s="1"/>
  <c r="A188425" i="1" s="1"/>
  <c r="A188426" i="1" s="1"/>
  <c r="A188427" i="1" s="1"/>
  <c r="A188428" i="1" s="1"/>
  <c r="A188429" i="1" s="1"/>
  <c r="A188430" i="1" s="1"/>
  <c r="A188431" i="1" s="1"/>
  <c r="A188432" i="1" s="1"/>
  <c r="A188433" i="1" s="1"/>
  <c r="A188434" i="1" s="1"/>
  <c r="A188435" i="1" s="1"/>
  <c r="A188436" i="1" s="1"/>
  <c r="A188437" i="1" s="1"/>
  <c r="A188438" i="1" s="1"/>
  <c r="A188439" i="1" s="1"/>
  <c r="A188440" i="1" s="1"/>
  <c r="A188441" i="1" s="1"/>
  <c r="A188442" i="1" s="1"/>
  <c r="A188443" i="1" s="1"/>
  <c r="A188444" i="1" s="1"/>
  <c r="A188445" i="1" s="1"/>
  <c r="A188446" i="1" s="1"/>
  <c r="A188447" i="1" s="1"/>
  <c r="A188448" i="1" s="1"/>
  <c r="A188449" i="1" s="1"/>
  <c r="A188450" i="1" s="1"/>
  <c r="A188451" i="1" s="1"/>
  <c r="A188452" i="1" s="1"/>
  <c r="A188453" i="1" s="1"/>
  <c r="A188454" i="1" s="1"/>
  <c r="A188455" i="1" s="1"/>
  <c r="A188456" i="1" s="1"/>
  <c r="A188457" i="1" s="1"/>
  <c r="A188458" i="1" s="1"/>
  <c r="A188459" i="1" s="1"/>
  <c r="A188460" i="1" s="1"/>
  <c r="A188461" i="1" s="1"/>
  <c r="A188462" i="1" s="1"/>
  <c r="A188463" i="1" s="1"/>
  <c r="A188464" i="1" s="1"/>
  <c r="A188465" i="1" s="1"/>
  <c r="A188466" i="1" s="1"/>
  <c r="A188467" i="1" s="1"/>
  <c r="A188468" i="1" s="1"/>
  <c r="A188469" i="1" s="1"/>
  <c r="A188470" i="1" s="1"/>
  <c r="A188471" i="1" s="1"/>
  <c r="A188472" i="1" s="1"/>
  <c r="A188473" i="1" s="1"/>
  <c r="A188474" i="1" s="1"/>
  <c r="A188475" i="1" s="1"/>
  <c r="A188476" i="1" s="1"/>
  <c r="A188477" i="1" s="1"/>
  <c r="A188478" i="1" s="1"/>
  <c r="A188479" i="1" s="1"/>
  <c r="A188480" i="1" s="1"/>
  <c r="A188481" i="1" s="1"/>
  <c r="A188482" i="1" s="1"/>
  <c r="A188483" i="1" s="1"/>
  <c r="A188484" i="1" s="1"/>
  <c r="A188485" i="1" s="1"/>
  <c r="A188486" i="1" s="1"/>
  <c r="A188487" i="1" s="1"/>
  <c r="A188488" i="1" s="1"/>
  <c r="A188489" i="1" s="1"/>
  <c r="A188490" i="1" s="1"/>
  <c r="A188491" i="1" s="1"/>
  <c r="A188492" i="1" s="1"/>
  <c r="A188493" i="1" s="1"/>
  <c r="A188494" i="1" s="1"/>
  <c r="A188495" i="1" s="1"/>
  <c r="A188496" i="1" s="1"/>
  <c r="A188497" i="1" s="1"/>
  <c r="A188498" i="1" s="1"/>
  <c r="A188499" i="1" s="1"/>
  <c r="A188500" i="1" s="1"/>
  <c r="A188501" i="1" s="1"/>
  <c r="A188502" i="1" s="1"/>
  <c r="A188503" i="1" s="1"/>
  <c r="A188504" i="1" s="1"/>
  <c r="A188505" i="1" s="1"/>
  <c r="A188506" i="1" s="1"/>
  <c r="A188507" i="1" s="1"/>
  <c r="A188508" i="1" s="1"/>
  <c r="A188509" i="1" s="1"/>
  <c r="A188510" i="1" s="1"/>
  <c r="A188511" i="1" s="1"/>
  <c r="A188512" i="1" s="1"/>
  <c r="A188513" i="1" s="1"/>
  <c r="A188514" i="1" s="1"/>
  <c r="A188515" i="1" s="1"/>
  <c r="A188516" i="1" s="1"/>
  <c r="A188517" i="1" s="1"/>
  <c r="A188518" i="1" s="1"/>
  <c r="A188519" i="1" s="1"/>
  <c r="A188520" i="1" s="1"/>
  <c r="A188521" i="1" s="1"/>
  <c r="A188522" i="1" s="1"/>
  <c r="A188523" i="1" s="1"/>
  <c r="A188524" i="1" s="1"/>
  <c r="A188525" i="1" s="1"/>
  <c r="A188526" i="1" s="1"/>
  <c r="A188527" i="1" s="1"/>
  <c r="A188528" i="1" s="1"/>
  <c r="A188529" i="1" s="1"/>
  <c r="A188530" i="1" s="1"/>
  <c r="A188531" i="1" s="1"/>
  <c r="A188532" i="1" s="1"/>
  <c r="A188533" i="1" s="1"/>
  <c r="A188534" i="1" s="1"/>
  <c r="A188535" i="1" s="1"/>
  <c r="A188536" i="1" s="1"/>
  <c r="A188537" i="1" s="1"/>
  <c r="A188538" i="1" s="1"/>
  <c r="A188539" i="1" s="1"/>
  <c r="A188540" i="1" s="1"/>
  <c r="A188541" i="1" s="1"/>
  <c r="A188542" i="1" s="1"/>
  <c r="A188543" i="1" s="1"/>
  <c r="A188544" i="1" s="1"/>
  <c r="A188545" i="1" s="1"/>
  <c r="A188546" i="1" s="1"/>
  <c r="A188547" i="1" s="1"/>
  <c r="A188548" i="1" s="1"/>
  <c r="A188549" i="1" s="1"/>
  <c r="A188550" i="1" s="1"/>
  <c r="A188551" i="1" s="1"/>
  <c r="A188552" i="1" s="1"/>
  <c r="A188553" i="1" s="1"/>
  <c r="A188554" i="1" s="1"/>
  <c r="A188555" i="1" s="1"/>
  <c r="A188556" i="1" s="1"/>
  <c r="A188557" i="1" s="1"/>
  <c r="A188558" i="1" s="1"/>
  <c r="A188559" i="1" s="1"/>
  <c r="A188560" i="1" s="1"/>
  <c r="A188561" i="1" s="1"/>
  <c r="A188562" i="1" s="1"/>
  <c r="A188563" i="1" s="1"/>
  <c r="A188564" i="1" s="1"/>
  <c r="A188565" i="1" s="1"/>
  <c r="A188566" i="1" s="1"/>
  <c r="A188567" i="1" s="1"/>
  <c r="A188568" i="1" s="1"/>
  <c r="A188569" i="1" s="1"/>
  <c r="A188570" i="1" s="1"/>
  <c r="A188571" i="1" s="1"/>
  <c r="A188572" i="1" s="1"/>
  <c r="A188573" i="1" s="1"/>
  <c r="A188574" i="1" s="1"/>
  <c r="A188575" i="1" s="1"/>
  <c r="A188576" i="1" s="1"/>
  <c r="A188577" i="1" s="1"/>
  <c r="A188578" i="1" s="1"/>
  <c r="A188579" i="1" s="1"/>
  <c r="A188580" i="1" s="1"/>
  <c r="A188581" i="1" s="1"/>
  <c r="A188582" i="1" s="1"/>
  <c r="A188583" i="1" s="1"/>
  <c r="A188584" i="1" s="1"/>
  <c r="A188585" i="1" s="1"/>
  <c r="A188586" i="1" s="1"/>
  <c r="A188587" i="1" s="1"/>
  <c r="A188588" i="1" s="1"/>
  <c r="A188589" i="1" s="1"/>
  <c r="A188590" i="1" s="1"/>
  <c r="A188591" i="1" s="1"/>
  <c r="A188592" i="1" s="1"/>
  <c r="A188593" i="1" s="1"/>
  <c r="A188594" i="1" s="1"/>
  <c r="A188595" i="1" s="1"/>
  <c r="A188596" i="1" s="1"/>
  <c r="A188597" i="1" s="1"/>
  <c r="A188598" i="1" s="1"/>
  <c r="A188599" i="1" s="1"/>
  <c r="A188600" i="1" s="1"/>
  <c r="A188601" i="1" s="1"/>
  <c r="A188602" i="1" s="1"/>
  <c r="A188603" i="1" s="1"/>
  <c r="A188604" i="1" s="1"/>
  <c r="A188605" i="1" s="1"/>
  <c r="A188606" i="1" s="1"/>
  <c r="A188607" i="1" s="1"/>
  <c r="A188608" i="1" s="1"/>
  <c r="A188609" i="1" s="1"/>
  <c r="A188610" i="1" s="1"/>
  <c r="A188611" i="1" s="1"/>
  <c r="A188612" i="1" s="1"/>
  <c r="A188613" i="1" s="1"/>
  <c r="A188614" i="1" s="1"/>
  <c r="A188615" i="1" s="1"/>
  <c r="A188616" i="1" s="1"/>
  <c r="A188617" i="1" s="1"/>
  <c r="A188618" i="1" s="1"/>
  <c r="A188619" i="1" s="1"/>
  <c r="A188620" i="1" s="1"/>
  <c r="A188621" i="1" s="1"/>
  <c r="A188622" i="1" s="1"/>
  <c r="A188623" i="1" s="1"/>
  <c r="A188624" i="1" s="1"/>
  <c r="A188625" i="1" s="1"/>
  <c r="A188626" i="1" s="1"/>
  <c r="A188627" i="1" s="1"/>
  <c r="A188628" i="1" s="1"/>
  <c r="A188629" i="1" s="1"/>
  <c r="A188630" i="1" s="1"/>
  <c r="A188631" i="1" s="1"/>
  <c r="A188632" i="1" s="1"/>
  <c r="A188633" i="1" s="1"/>
  <c r="A188634" i="1" s="1"/>
  <c r="A188635" i="1" s="1"/>
  <c r="A188636" i="1" s="1"/>
  <c r="A188637" i="1" s="1"/>
  <c r="A188638" i="1" s="1"/>
  <c r="A188639" i="1" s="1"/>
  <c r="A188640" i="1" s="1"/>
  <c r="A188641" i="1" s="1"/>
  <c r="A188642" i="1" s="1"/>
  <c r="A188643" i="1" s="1"/>
  <c r="A188644" i="1" s="1"/>
  <c r="A188645" i="1" s="1"/>
  <c r="A188646" i="1" s="1"/>
  <c r="A188647" i="1" s="1"/>
  <c r="A188648" i="1" s="1"/>
  <c r="A188649" i="1" s="1"/>
  <c r="A188650" i="1" s="1"/>
  <c r="A188651" i="1" s="1"/>
  <c r="A188652" i="1" s="1"/>
  <c r="A188653" i="1" s="1"/>
  <c r="A188654" i="1" s="1"/>
  <c r="A188655" i="1" s="1"/>
  <c r="A188656" i="1" s="1"/>
  <c r="A188657" i="1" s="1"/>
  <c r="A188658" i="1" s="1"/>
  <c r="A188659" i="1" s="1"/>
  <c r="A188660" i="1" s="1"/>
  <c r="A188661" i="1" s="1"/>
  <c r="A188662" i="1" s="1"/>
  <c r="A188663" i="1" s="1"/>
  <c r="A188664" i="1" s="1"/>
  <c r="A188665" i="1" s="1"/>
  <c r="A188666" i="1" s="1"/>
  <c r="A188667" i="1" s="1"/>
  <c r="A188668" i="1" s="1"/>
  <c r="A188669" i="1" s="1"/>
  <c r="A188670" i="1" s="1"/>
  <c r="A188671" i="1" s="1"/>
  <c r="A188672" i="1" s="1"/>
  <c r="A188673" i="1" s="1"/>
  <c r="A188674" i="1" s="1"/>
  <c r="A188675" i="1" s="1"/>
  <c r="A188676" i="1" s="1"/>
  <c r="A188677" i="1" s="1"/>
  <c r="A188678" i="1" s="1"/>
  <c r="A188679" i="1" s="1"/>
  <c r="A188680" i="1" s="1"/>
  <c r="A188681" i="1" s="1"/>
  <c r="A188682" i="1" s="1"/>
  <c r="A188683" i="1" s="1"/>
  <c r="A188684" i="1" s="1"/>
  <c r="A188685" i="1" s="1"/>
  <c r="A188686" i="1" s="1"/>
  <c r="A188687" i="1" s="1"/>
  <c r="A188688" i="1" s="1"/>
  <c r="A188689" i="1" s="1"/>
  <c r="A188690" i="1" s="1"/>
  <c r="A188691" i="1" s="1"/>
  <c r="A188692" i="1" s="1"/>
  <c r="A188693" i="1" s="1"/>
  <c r="A188694" i="1" s="1"/>
  <c r="A188695" i="1" s="1"/>
  <c r="A188696" i="1" s="1"/>
  <c r="A188697" i="1" s="1"/>
  <c r="A188698" i="1" s="1"/>
  <c r="A188699" i="1" s="1"/>
  <c r="A188700" i="1" s="1"/>
  <c r="A188701" i="1" s="1"/>
  <c r="A188702" i="1" s="1"/>
  <c r="A188703" i="1" s="1"/>
  <c r="A188704" i="1" s="1"/>
  <c r="A188705" i="1" s="1"/>
  <c r="A188706" i="1" s="1"/>
  <c r="A188707" i="1" s="1"/>
  <c r="A188708" i="1" s="1"/>
  <c r="A188709" i="1" s="1"/>
  <c r="A188710" i="1" s="1"/>
  <c r="A188711" i="1" s="1"/>
  <c r="A188712" i="1" s="1"/>
  <c r="A188713" i="1" s="1"/>
  <c r="A188714" i="1" s="1"/>
  <c r="A188715" i="1" s="1"/>
  <c r="A188716" i="1" s="1"/>
  <c r="A188717" i="1" s="1"/>
  <c r="A188718" i="1" s="1"/>
  <c r="A188719" i="1" s="1"/>
  <c r="A188720" i="1" s="1"/>
  <c r="A188721" i="1" s="1"/>
  <c r="A188722" i="1" s="1"/>
  <c r="A188723" i="1" s="1"/>
  <c r="A188724" i="1" s="1"/>
  <c r="A188725" i="1" s="1"/>
  <c r="A188726" i="1" s="1"/>
  <c r="A188727" i="1" s="1"/>
  <c r="A188728" i="1" s="1"/>
  <c r="A188729" i="1" s="1"/>
  <c r="A188730" i="1" s="1"/>
  <c r="A188731" i="1" s="1"/>
  <c r="A188732" i="1" s="1"/>
  <c r="A188733" i="1" s="1"/>
  <c r="A188734" i="1" s="1"/>
  <c r="A188735" i="1" s="1"/>
  <c r="A188736" i="1" s="1"/>
  <c r="A188737" i="1" s="1"/>
  <c r="A188738" i="1" s="1"/>
  <c r="A188739" i="1" s="1"/>
  <c r="A188740" i="1" s="1"/>
  <c r="A188741" i="1" s="1"/>
  <c r="A188742" i="1" s="1"/>
  <c r="A188743" i="1" s="1"/>
  <c r="A188744" i="1" s="1"/>
  <c r="A188745" i="1" s="1"/>
  <c r="A188746" i="1" s="1"/>
  <c r="A188747" i="1" s="1"/>
  <c r="A188748" i="1" s="1"/>
  <c r="A188749" i="1" s="1"/>
  <c r="A188750" i="1" s="1"/>
  <c r="A188751" i="1" s="1"/>
  <c r="A188752" i="1" s="1"/>
  <c r="A188753" i="1" s="1"/>
  <c r="A188754" i="1" s="1"/>
  <c r="A188755" i="1" s="1"/>
  <c r="A188756" i="1" s="1"/>
  <c r="A188757" i="1" s="1"/>
  <c r="A188758" i="1" s="1"/>
  <c r="A188759" i="1" s="1"/>
  <c r="A188760" i="1" s="1"/>
  <c r="A188761" i="1" s="1"/>
  <c r="A188762" i="1" s="1"/>
  <c r="A188763" i="1" s="1"/>
  <c r="A188764" i="1" s="1"/>
  <c r="A188765" i="1" s="1"/>
  <c r="A188766" i="1" s="1"/>
  <c r="A188767" i="1" s="1"/>
  <c r="A188768" i="1" s="1"/>
  <c r="A188769" i="1" s="1"/>
  <c r="A188770" i="1" s="1"/>
  <c r="A188771" i="1" s="1"/>
  <c r="A188772" i="1" s="1"/>
  <c r="A188773" i="1" s="1"/>
  <c r="A188774" i="1" s="1"/>
  <c r="A188775" i="1" s="1"/>
  <c r="A188776" i="1" s="1"/>
  <c r="A188777" i="1" s="1"/>
  <c r="A188778" i="1" s="1"/>
  <c r="A188779" i="1" s="1"/>
  <c r="A188780" i="1" s="1"/>
  <c r="A188781" i="1" s="1"/>
  <c r="A188782" i="1" s="1"/>
  <c r="A188783" i="1" s="1"/>
  <c r="A188784" i="1" s="1"/>
  <c r="A188785" i="1" s="1"/>
  <c r="A188786" i="1" s="1"/>
  <c r="A188787" i="1" s="1"/>
  <c r="A188788" i="1" s="1"/>
  <c r="A188789" i="1" s="1"/>
  <c r="A188790" i="1" s="1"/>
  <c r="A188791" i="1" s="1"/>
  <c r="A188792" i="1" s="1"/>
  <c r="A188793" i="1" s="1"/>
  <c r="A188794" i="1" s="1"/>
  <c r="A188795" i="1" s="1"/>
  <c r="A188796" i="1" s="1"/>
  <c r="A188797" i="1" s="1"/>
  <c r="A188798" i="1" s="1"/>
  <c r="A188799" i="1" s="1"/>
  <c r="A188800" i="1" s="1"/>
  <c r="A188801" i="1" s="1"/>
  <c r="A188802" i="1" s="1"/>
  <c r="A188803" i="1" s="1"/>
  <c r="A188804" i="1" s="1"/>
  <c r="A188805" i="1" s="1"/>
  <c r="A188806" i="1" s="1"/>
  <c r="A188807" i="1" s="1"/>
  <c r="A188808" i="1" s="1"/>
  <c r="A188809" i="1" s="1"/>
  <c r="A188810" i="1" s="1"/>
  <c r="A188811" i="1" s="1"/>
  <c r="A188812" i="1" s="1"/>
  <c r="A188813" i="1" s="1"/>
  <c r="A188814" i="1" s="1"/>
  <c r="A188815" i="1" s="1"/>
  <c r="A188816" i="1" s="1"/>
  <c r="A188817" i="1" s="1"/>
  <c r="A188818" i="1" s="1"/>
  <c r="A188819" i="1" s="1"/>
  <c r="A188820" i="1" s="1"/>
  <c r="A188821" i="1" s="1"/>
  <c r="A188822" i="1" s="1"/>
  <c r="A188823" i="1" s="1"/>
  <c r="A188824" i="1" s="1"/>
  <c r="A188825" i="1" s="1"/>
  <c r="A188826" i="1" s="1"/>
  <c r="A188827" i="1" s="1"/>
  <c r="A188828" i="1" s="1"/>
  <c r="A188829" i="1" s="1"/>
  <c r="A188830" i="1" s="1"/>
  <c r="A188831" i="1" s="1"/>
  <c r="A188832" i="1" s="1"/>
  <c r="A188833" i="1" s="1"/>
  <c r="A188834" i="1" s="1"/>
  <c r="A188835" i="1" s="1"/>
  <c r="A188836" i="1" s="1"/>
  <c r="A188837" i="1" s="1"/>
  <c r="A188838" i="1" s="1"/>
  <c r="A188839" i="1" s="1"/>
  <c r="A188840" i="1" s="1"/>
  <c r="A188841" i="1" s="1"/>
  <c r="A188842" i="1" s="1"/>
  <c r="A188843" i="1" s="1"/>
  <c r="A188844" i="1" s="1"/>
  <c r="A188845" i="1" s="1"/>
  <c r="A188846" i="1" s="1"/>
  <c r="A188847" i="1" s="1"/>
  <c r="A188848" i="1" s="1"/>
  <c r="A188849" i="1" s="1"/>
  <c r="A188850" i="1" s="1"/>
  <c r="A188851" i="1" s="1"/>
  <c r="A188852" i="1" s="1"/>
  <c r="A188853" i="1" s="1"/>
  <c r="A188854" i="1" s="1"/>
  <c r="A188855" i="1" s="1"/>
  <c r="A188856" i="1" s="1"/>
  <c r="A188857" i="1" s="1"/>
  <c r="A188858" i="1" s="1"/>
  <c r="A188859" i="1" s="1"/>
  <c r="A188860" i="1" s="1"/>
  <c r="A188861" i="1" s="1"/>
  <c r="A188862" i="1" s="1"/>
  <c r="A188863" i="1" s="1"/>
  <c r="A188864" i="1" s="1"/>
  <c r="A188865" i="1" s="1"/>
  <c r="A188866" i="1" s="1"/>
  <c r="A188867" i="1" s="1"/>
  <c r="A188868" i="1" s="1"/>
  <c r="A188869" i="1" s="1"/>
  <c r="A188870" i="1" s="1"/>
  <c r="A188871" i="1" s="1"/>
  <c r="A188872" i="1" s="1"/>
  <c r="A188873" i="1" s="1"/>
  <c r="A188874" i="1" s="1"/>
  <c r="A188875" i="1" s="1"/>
  <c r="A188876" i="1" s="1"/>
  <c r="A188877" i="1" s="1"/>
  <c r="A188878" i="1" s="1"/>
  <c r="A188879" i="1" s="1"/>
  <c r="A188880" i="1" s="1"/>
  <c r="A188881" i="1" s="1"/>
  <c r="A188882" i="1" s="1"/>
  <c r="A188883" i="1" s="1"/>
  <c r="A188884" i="1" s="1"/>
  <c r="A188885" i="1" s="1"/>
  <c r="A188886" i="1" s="1"/>
  <c r="A188887" i="1" s="1"/>
  <c r="A188888" i="1" s="1"/>
  <c r="A188889" i="1" s="1"/>
  <c r="A188890" i="1" s="1"/>
  <c r="A188891" i="1" s="1"/>
  <c r="A188892" i="1" s="1"/>
  <c r="A188893" i="1" s="1"/>
  <c r="A188894" i="1" s="1"/>
  <c r="A188895" i="1" s="1"/>
  <c r="A188896" i="1" s="1"/>
  <c r="A188897" i="1" s="1"/>
  <c r="A188898" i="1" s="1"/>
  <c r="A188899" i="1" s="1"/>
  <c r="A188900" i="1" s="1"/>
  <c r="A188901" i="1" s="1"/>
  <c r="A188902" i="1" s="1"/>
  <c r="A188903" i="1" s="1"/>
  <c r="A188904" i="1" s="1"/>
  <c r="A188905" i="1" s="1"/>
  <c r="A188906" i="1" s="1"/>
  <c r="A188907" i="1" s="1"/>
  <c r="A188908" i="1" s="1"/>
  <c r="A188909" i="1" s="1"/>
  <c r="A188910" i="1" s="1"/>
  <c r="A188911" i="1" s="1"/>
  <c r="A188912" i="1" s="1"/>
  <c r="A188913" i="1" s="1"/>
  <c r="A188914" i="1" s="1"/>
  <c r="A188915" i="1" s="1"/>
  <c r="A188916" i="1" s="1"/>
  <c r="A188917" i="1" s="1"/>
  <c r="A188918" i="1" s="1"/>
  <c r="A188919" i="1" s="1"/>
  <c r="A188920" i="1" s="1"/>
  <c r="A188921" i="1" s="1"/>
  <c r="A188922" i="1" s="1"/>
  <c r="A188923" i="1" s="1"/>
  <c r="A188924" i="1" s="1"/>
  <c r="A188925" i="1" s="1"/>
  <c r="A188926" i="1" s="1"/>
  <c r="A188927" i="1" s="1"/>
  <c r="A188928" i="1" s="1"/>
  <c r="A188929" i="1" s="1"/>
  <c r="A188930" i="1" s="1"/>
  <c r="A188931" i="1" s="1"/>
  <c r="A188932" i="1" s="1"/>
  <c r="A188933" i="1" s="1"/>
  <c r="A188934" i="1" s="1"/>
  <c r="A188935" i="1" s="1"/>
  <c r="A188936" i="1" s="1"/>
  <c r="A188937" i="1" s="1"/>
  <c r="A188938" i="1" s="1"/>
  <c r="A188939" i="1" s="1"/>
  <c r="A188940" i="1" s="1"/>
  <c r="A188941" i="1" s="1"/>
  <c r="A188942" i="1" s="1"/>
  <c r="A188943" i="1" s="1"/>
  <c r="A188944" i="1" s="1"/>
  <c r="A188945" i="1" s="1"/>
  <c r="A188946" i="1" s="1"/>
  <c r="A188947" i="1" s="1"/>
  <c r="A188948" i="1" s="1"/>
  <c r="A188949" i="1" s="1"/>
  <c r="A188950" i="1" s="1"/>
  <c r="A188951" i="1" s="1"/>
  <c r="A188952" i="1" s="1"/>
  <c r="A188953" i="1" s="1"/>
  <c r="A188954" i="1" s="1"/>
  <c r="A188955" i="1" s="1"/>
  <c r="A188956" i="1" s="1"/>
  <c r="A188957" i="1" s="1"/>
  <c r="A188958" i="1" s="1"/>
  <c r="A188959" i="1" s="1"/>
  <c r="A188960" i="1" s="1"/>
  <c r="A188961" i="1" s="1"/>
  <c r="A188962" i="1" s="1"/>
  <c r="A188963" i="1" s="1"/>
  <c r="A188964" i="1" s="1"/>
  <c r="A188965" i="1" s="1"/>
  <c r="A188966" i="1" s="1"/>
  <c r="A188967" i="1" s="1"/>
  <c r="A188968" i="1" s="1"/>
  <c r="A188969" i="1" s="1"/>
  <c r="A188970" i="1" s="1"/>
  <c r="A188971" i="1" s="1"/>
  <c r="A188972" i="1" s="1"/>
  <c r="A188973" i="1" s="1"/>
  <c r="A188974" i="1" s="1"/>
  <c r="A188975" i="1" s="1"/>
  <c r="A188976" i="1" s="1"/>
  <c r="A188977" i="1" s="1"/>
  <c r="A188978" i="1" s="1"/>
  <c r="A188979" i="1" s="1"/>
  <c r="A188980" i="1" s="1"/>
  <c r="A188981" i="1" s="1"/>
  <c r="A188982" i="1" s="1"/>
  <c r="A188983" i="1" s="1"/>
  <c r="A188984" i="1" s="1"/>
  <c r="A188985" i="1" s="1"/>
  <c r="A188986" i="1" s="1"/>
  <c r="A188987" i="1" s="1"/>
  <c r="A188988" i="1" s="1"/>
  <c r="A188989" i="1" s="1"/>
  <c r="A188990" i="1" s="1"/>
  <c r="A188991" i="1" s="1"/>
  <c r="A188992" i="1" s="1"/>
  <c r="A188993" i="1" s="1"/>
  <c r="A188994" i="1" s="1"/>
  <c r="A188995" i="1" s="1"/>
  <c r="A188996" i="1" s="1"/>
  <c r="A188997" i="1" s="1"/>
  <c r="A188998" i="1" s="1"/>
  <c r="A188999" i="1" s="1"/>
  <c r="A189000" i="1" s="1"/>
  <c r="A189001" i="1" s="1"/>
  <c r="A189002" i="1" s="1"/>
  <c r="A189003" i="1" s="1"/>
  <c r="A189004" i="1" s="1"/>
  <c r="A189005" i="1" s="1"/>
  <c r="A189006" i="1" s="1"/>
  <c r="A189007" i="1" s="1"/>
  <c r="A189008" i="1" s="1"/>
  <c r="A189009" i="1" s="1"/>
  <c r="A189010" i="1" s="1"/>
  <c r="A189011" i="1" s="1"/>
  <c r="A189012" i="1" s="1"/>
  <c r="A189013" i="1" s="1"/>
  <c r="A189014" i="1" s="1"/>
  <c r="A189015" i="1" s="1"/>
  <c r="A189016" i="1" s="1"/>
  <c r="A189017" i="1" s="1"/>
  <c r="A189018" i="1" s="1"/>
  <c r="A189019" i="1" s="1"/>
  <c r="A189020" i="1" s="1"/>
  <c r="A189021" i="1" s="1"/>
  <c r="A189022" i="1" s="1"/>
  <c r="A189023" i="1" s="1"/>
  <c r="A189024" i="1" s="1"/>
  <c r="A189025" i="1" s="1"/>
  <c r="A189026" i="1" s="1"/>
  <c r="A189027" i="1" s="1"/>
  <c r="A189028" i="1" s="1"/>
  <c r="A189029" i="1" s="1"/>
  <c r="A189030" i="1" s="1"/>
  <c r="A189031" i="1" s="1"/>
  <c r="A189032" i="1" s="1"/>
  <c r="A189033" i="1" s="1"/>
  <c r="A189034" i="1" s="1"/>
  <c r="A189035" i="1" s="1"/>
  <c r="A189036" i="1" s="1"/>
  <c r="A189037" i="1" s="1"/>
  <c r="A189038" i="1" s="1"/>
  <c r="A189039" i="1" s="1"/>
  <c r="A189040" i="1" s="1"/>
  <c r="A189041" i="1" s="1"/>
  <c r="A189042" i="1" s="1"/>
  <c r="A189043" i="1" s="1"/>
  <c r="A189044" i="1" s="1"/>
  <c r="A189045" i="1" s="1"/>
  <c r="A189046" i="1" s="1"/>
  <c r="A189047" i="1" s="1"/>
  <c r="A189048" i="1" s="1"/>
  <c r="A189049" i="1" s="1"/>
  <c r="A189050" i="1" s="1"/>
  <c r="A189051" i="1" s="1"/>
  <c r="A189052" i="1" s="1"/>
  <c r="A189053" i="1" s="1"/>
  <c r="A189054" i="1" s="1"/>
  <c r="A189055" i="1" s="1"/>
  <c r="A189056" i="1" s="1"/>
  <c r="A189057" i="1" s="1"/>
  <c r="A189058" i="1" s="1"/>
  <c r="A189059" i="1" s="1"/>
  <c r="A189060" i="1" s="1"/>
  <c r="A189061" i="1" s="1"/>
  <c r="A189062" i="1" s="1"/>
  <c r="A189063" i="1" s="1"/>
  <c r="A189064" i="1" s="1"/>
  <c r="A189065" i="1" s="1"/>
  <c r="A189066" i="1" s="1"/>
  <c r="A189067" i="1" s="1"/>
  <c r="A189068" i="1" s="1"/>
  <c r="A189069" i="1" s="1"/>
  <c r="A189070" i="1" s="1"/>
  <c r="A189071" i="1" s="1"/>
  <c r="A189072" i="1" s="1"/>
  <c r="A189073" i="1" s="1"/>
  <c r="A189074" i="1" s="1"/>
  <c r="A189075" i="1" s="1"/>
  <c r="A189076" i="1" s="1"/>
  <c r="A189077" i="1" s="1"/>
  <c r="A189078" i="1" s="1"/>
  <c r="A189079" i="1" s="1"/>
  <c r="A189080" i="1" s="1"/>
  <c r="A189081" i="1" s="1"/>
  <c r="A189082" i="1" s="1"/>
  <c r="A189083" i="1" s="1"/>
  <c r="A189084" i="1" s="1"/>
  <c r="A189085" i="1" s="1"/>
  <c r="A189086" i="1" s="1"/>
  <c r="A189087" i="1" s="1"/>
  <c r="A189088" i="1" s="1"/>
  <c r="A189089" i="1" s="1"/>
  <c r="A189090" i="1" s="1"/>
  <c r="A189091" i="1" s="1"/>
  <c r="A189092" i="1" s="1"/>
  <c r="A189093" i="1" s="1"/>
  <c r="A189094" i="1" s="1"/>
  <c r="A189095" i="1" s="1"/>
  <c r="A189096" i="1" s="1"/>
  <c r="A189097" i="1" s="1"/>
  <c r="A189098" i="1" s="1"/>
  <c r="A189099" i="1" s="1"/>
  <c r="A189100" i="1" s="1"/>
  <c r="A189101" i="1" s="1"/>
  <c r="A189102" i="1" s="1"/>
  <c r="A189103" i="1" s="1"/>
  <c r="A189104" i="1" s="1"/>
  <c r="A189105" i="1" s="1"/>
  <c r="A189106" i="1" s="1"/>
  <c r="A189107" i="1" s="1"/>
  <c r="A189108" i="1" s="1"/>
  <c r="A189109" i="1" s="1"/>
  <c r="A189110" i="1" s="1"/>
  <c r="A189111" i="1" s="1"/>
  <c r="A189112" i="1" s="1"/>
  <c r="A189113" i="1" s="1"/>
  <c r="A189114" i="1" s="1"/>
  <c r="A189115" i="1" s="1"/>
  <c r="A189116" i="1" s="1"/>
  <c r="A189117" i="1" s="1"/>
  <c r="A189118" i="1" s="1"/>
  <c r="A189119" i="1" s="1"/>
  <c r="A189120" i="1" s="1"/>
  <c r="A189121" i="1" s="1"/>
  <c r="A189122" i="1" s="1"/>
  <c r="A189123" i="1" s="1"/>
  <c r="A189124" i="1" s="1"/>
  <c r="A189125" i="1" s="1"/>
  <c r="A189126" i="1" s="1"/>
  <c r="A189127" i="1" s="1"/>
  <c r="A189128" i="1" s="1"/>
  <c r="A189129" i="1" s="1"/>
  <c r="A189130" i="1" s="1"/>
  <c r="A189131" i="1" s="1"/>
  <c r="A189132" i="1" s="1"/>
  <c r="A189133" i="1" s="1"/>
  <c r="A189134" i="1" s="1"/>
  <c r="A189135" i="1" s="1"/>
  <c r="A189136" i="1" s="1"/>
  <c r="A189137" i="1" s="1"/>
  <c r="A189138" i="1" s="1"/>
  <c r="A189139" i="1" s="1"/>
  <c r="A189140" i="1" s="1"/>
  <c r="A189141" i="1" s="1"/>
  <c r="A189142" i="1" s="1"/>
  <c r="A189143" i="1" s="1"/>
  <c r="A189144" i="1" s="1"/>
  <c r="A189145" i="1" s="1"/>
  <c r="A189146" i="1" s="1"/>
  <c r="A189147" i="1" s="1"/>
  <c r="A189148" i="1" s="1"/>
  <c r="A189149" i="1" s="1"/>
  <c r="A189150" i="1" s="1"/>
  <c r="A189151" i="1" s="1"/>
  <c r="A189152" i="1" s="1"/>
  <c r="A189153" i="1" s="1"/>
  <c r="A189154" i="1" s="1"/>
  <c r="A189155" i="1" s="1"/>
  <c r="A189156" i="1" s="1"/>
  <c r="A189157" i="1" s="1"/>
  <c r="A189158" i="1" s="1"/>
  <c r="A189159" i="1" s="1"/>
  <c r="A189160" i="1" s="1"/>
  <c r="A189161" i="1" s="1"/>
  <c r="A189162" i="1" s="1"/>
  <c r="A189163" i="1" s="1"/>
  <c r="A189164" i="1" s="1"/>
  <c r="A189165" i="1" s="1"/>
  <c r="A189166" i="1" s="1"/>
  <c r="A189167" i="1" s="1"/>
  <c r="A189168" i="1" s="1"/>
  <c r="A189169" i="1" s="1"/>
  <c r="A189170" i="1" s="1"/>
  <c r="A189171" i="1" s="1"/>
  <c r="A189172" i="1" s="1"/>
  <c r="A189173" i="1" s="1"/>
  <c r="A189174" i="1" s="1"/>
  <c r="A189175" i="1" s="1"/>
  <c r="A189176" i="1" s="1"/>
  <c r="A189177" i="1" s="1"/>
  <c r="A189178" i="1" s="1"/>
  <c r="A189179" i="1" s="1"/>
  <c r="A189180" i="1" s="1"/>
  <c r="A189181" i="1" s="1"/>
  <c r="A189182" i="1" s="1"/>
  <c r="A189183" i="1" s="1"/>
  <c r="A189184" i="1" s="1"/>
  <c r="A189185" i="1" s="1"/>
  <c r="A189186" i="1" s="1"/>
  <c r="A189187" i="1" s="1"/>
  <c r="A189188" i="1" s="1"/>
  <c r="A189189" i="1" s="1"/>
  <c r="A189190" i="1" s="1"/>
  <c r="A189191" i="1" s="1"/>
  <c r="A189192" i="1" s="1"/>
  <c r="A189193" i="1" s="1"/>
  <c r="A189194" i="1" s="1"/>
  <c r="A189195" i="1" s="1"/>
  <c r="A189196" i="1" s="1"/>
  <c r="A189197" i="1" s="1"/>
  <c r="A189198" i="1" s="1"/>
  <c r="A189199" i="1" s="1"/>
  <c r="A189200" i="1" s="1"/>
  <c r="A189201" i="1" s="1"/>
  <c r="A189202" i="1" s="1"/>
  <c r="A189203" i="1" s="1"/>
  <c r="A189204" i="1" s="1"/>
  <c r="A189205" i="1" s="1"/>
  <c r="A189206" i="1" s="1"/>
  <c r="A189207" i="1" s="1"/>
  <c r="A189208" i="1" s="1"/>
  <c r="A189209" i="1" s="1"/>
  <c r="A189210" i="1" s="1"/>
  <c r="A189211" i="1" s="1"/>
  <c r="A189212" i="1" s="1"/>
  <c r="A189213" i="1" s="1"/>
  <c r="A189214" i="1" s="1"/>
  <c r="A189215" i="1" s="1"/>
  <c r="A189216" i="1" s="1"/>
  <c r="A189217" i="1" s="1"/>
  <c r="A189218" i="1" s="1"/>
  <c r="A189219" i="1" s="1"/>
  <c r="A189220" i="1" s="1"/>
  <c r="A189221" i="1" s="1"/>
  <c r="A189222" i="1" s="1"/>
  <c r="A189223" i="1" s="1"/>
  <c r="A189224" i="1" s="1"/>
  <c r="A189225" i="1" s="1"/>
  <c r="A189226" i="1" s="1"/>
  <c r="A189227" i="1" s="1"/>
  <c r="A189228" i="1" s="1"/>
  <c r="A189229" i="1" s="1"/>
  <c r="A189230" i="1" s="1"/>
  <c r="A189231" i="1" s="1"/>
  <c r="A189232" i="1" s="1"/>
  <c r="A189233" i="1" s="1"/>
  <c r="A189234" i="1" s="1"/>
  <c r="A189235" i="1" s="1"/>
  <c r="A189236" i="1" s="1"/>
  <c r="A189237" i="1" s="1"/>
  <c r="A189238" i="1" s="1"/>
  <c r="A189239" i="1" s="1"/>
  <c r="A189240" i="1" s="1"/>
  <c r="A189241" i="1" s="1"/>
  <c r="A189242" i="1" s="1"/>
  <c r="A189243" i="1" s="1"/>
  <c r="A189244" i="1" s="1"/>
  <c r="A189245" i="1" s="1"/>
  <c r="A189246" i="1" s="1"/>
  <c r="A189247" i="1" s="1"/>
  <c r="A189248" i="1" s="1"/>
  <c r="A189249" i="1" s="1"/>
  <c r="A189250" i="1" s="1"/>
  <c r="A189251" i="1" s="1"/>
  <c r="A189252" i="1" s="1"/>
  <c r="A189253" i="1" s="1"/>
  <c r="A189254" i="1" s="1"/>
  <c r="A189255" i="1" s="1"/>
  <c r="A189256" i="1" s="1"/>
  <c r="A189257" i="1" s="1"/>
  <c r="A189258" i="1" s="1"/>
  <c r="A189259" i="1" s="1"/>
  <c r="A189260" i="1" s="1"/>
  <c r="A189261" i="1" s="1"/>
  <c r="A189262" i="1" s="1"/>
  <c r="A189263" i="1" s="1"/>
  <c r="A189264" i="1" s="1"/>
  <c r="A189265" i="1" s="1"/>
  <c r="A189266" i="1" s="1"/>
  <c r="A189267" i="1" s="1"/>
  <c r="A189268" i="1" s="1"/>
  <c r="A189269" i="1" s="1"/>
  <c r="A189270" i="1" s="1"/>
  <c r="A189271" i="1" s="1"/>
  <c r="A189272" i="1" s="1"/>
  <c r="A189273" i="1" s="1"/>
  <c r="A189274" i="1" s="1"/>
  <c r="A189275" i="1" s="1"/>
  <c r="A189276" i="1" s="1"/>
  <c r="A189277" i="1" s="1"/>
  <c r="A189278" i="1" s="1"/>
  <c r="A189279" i="1" s="1"/>
  <c r="A189280" i="1" s="1"/>
  <c r="A189281" i="1" s="1"/>
  <c r="A189282" i="1" s="1"/>
  <c r="A189283" i="1" s="1"/>
  <c r="A189284" i="1" s="1"/>
  <c r="A189285" i="1" s="1"/>
  <c r="A189286" i="1" s="1"/>
  <c r="A189287" i="1" s="1"/>
  <c r="A189288" i="1" s="1"/>
  <c r="A189289" i="1" s="1"/>
  <c r="A189290" i="1" s="1"/>
  <c r="A189291" i="1" s="1"/>
  <c r="A189292" i="1" s="1"/>
  <c r="A189293" i="1" s="1"/>
  <c r="A189294" i="1" s="1"/>
  <c r="A189295" i="1" s="1"/>
  <c r="A189296" i="1" s="1"/>
  <c r="A189297" i="1" s="1"/>
  <c r="A189298" i="1" s="1"/>
  <c r="A189299" i="1" s="1"/>
  <c r="A189300" i="1" s="1"/>
  <c r="A189301" i="1" s="1"/>
  <c r="A189302" i="1" s="1"/>
  <c r="A189303" i="1" s="1"/>
  <c r="A189304" i="1" s="1"/>
  <c r="A189305" i="1" s="1"/>
  <c r="A189306" i="1" s="1"/>
  <c r="A189307" i="1" s="1"/>
  <c r="A189308" i="1" s="1"/>
  <c r="A189309" i="1" s="1"/>
  <c r="A189310" i="1" s="1"/>
  <c r="A189311" i="1" s="1"/>
  <c r="A189312" i="1" s="1"/>
  <c r="A189313" i="1" s="1"/>
  <c r="A189314" i="1" s="1"/>
  <c r="A189315" i="1" s="1"/>
  <c r="A189316" i="1" s="1"/>
  <c r="A189317" i="1" s="1"/>
  <c r="A189318" i="1" s="1"/>
  <c r="A189319" i="1" s="1"/>
  <c r="A189320" i="1" s="1"/>
  <c r="A189321" i="1" s="1"/>
  <c r="A189322" i="1" s="1"/>
  <c r="A189323" i="1" s="1"/>
  <c r="A189324" i="1" s="1"/>
  <c r="A189325" i="1" s="1"/>
  <c r="A189326" i="1" s="1"/>
  <c r="A189327" i="1" s="1"/>
  <c r="A189328" i="1" s="1"/>
  <c r="A189329" i="1" s="1"/>
  <c r="A189330" i="1" s="1"/>
  <c r="A189331" i="1" s="1"/>
  <c r="A189332" i="1" s="1"/>
  <c r="A189333" i="1" s="1"/>
  <c r="A189334" i="1" s="1"/>
  <c r="A189335" i="1" s="1"/>
  <c r="A189336" i="1" s="1"/>
  <c r="A189337" i="1" s="1"/>
  <c r="A189338" i="1" s="1"/>
  <c r="A189339" i="1" s="1"/>
  <c r="A189340" i="1" s="1"/>
  <c r="A189341" i="1" s="1"/>
  <c r="A189342" i="1" s="1"/>
  <c r="A189343" i="1" s="1"/>
  <c r="A189344" i="1" s="1"/>
  <c r="A189345" i="1" s="1"/>
  <c r="A189346" i="1" s="1"/>
  <c r="A189347" i="1" s="1"/>
  <c r="A189348" i="1" s="1"/>
  <c r="A189349" i="1" s="1"/>
  <c r="A189350" i="1" s="1"/>
  <c r="A189351" i="1" s="1"/>
  <c r="A189352" i="1" s="1"/>
  <c r="A189353" i="1" s="1"/>
  <c r="A189354" i="1" s="1"/>
  <c r="A189355" i="1" s="1"/>
  <c r="A189356" i="1" s="1"/>
  <c r="A189357" i="1" s="1"/>
  <c r="A189358" i="1" s="1"/>
  <c r="A189359" i="1" s="1"/>
  <c r="A189360" i="1" s="1"/>
  <c r="A189361" i="1" s="1"/>
  <c r="A189362" i="1" s="1"/>
  <c r="A189363" i="1" s="1"/>
  <c r="A189364" i="1" s="1"/>
  <c r="A189365" i="1" s="1"/>
  <c r="A189366" i="1" s="1"/>
  <c r="A189367" i="1" s="1"/>
  <c r="A189368" i="1" s="1"/>
  <c r="A189369" i="1" s="1"/>
  <c r="A189370" i="1" s="1"/>
  <c r="A189371" i="1" s="1"/>
  <c r="A189372" i="1" s="1"/>
  <c r="A189373" i="1" s="1"/>
  <c r="A189374" i="1" s="1"/>
  <c r="A189375" i="1" s="1"/>
  <c r="A189376" i="1" s="1"/>
  <c r="A189377" i="1" s="1"/>
  <c r="A189378" i="1" s="1"/>
  <c r="A189379" i="1" s="1"/>
  <c r="A189380" i="1" s="1"/>
  <c r="A189381" i="1" s="1"/>
  <c r="A189382" i="1" s="1"/>
  <c r="A189383" i="1" s="1"/>
  <c r="A189384" i="1" s="1"/>
  <c r="A189385" i="1" s="1"/>
  <c r="A189386" i="1" s="1"/>
  <c r="A189387" i="1" s="1"/>
  <c r="A189388" i="1" s="1"/>
  <c r="A189389" i="1" s="1"/>
  <c r="A189390" i="1" s="1"/>
  <c r="A189391" i="1" s="1"/>
  <c r="A189392" i="1" s="1"/>
  <c r="A189393" i="1" s="1"/>
  <c r="A189394" i="1" s="1"/>
  <c r="A189395" i="1" s="1"/>
  <c r="A189396" i="1" s="1"/>
  <c r="A189397" i="1" s="1"/>
  <c r="A189398" i="1" s="1"/>
  <c r="A189399" i="1" s="1"/>
  <c r="A189400" i="1" s="1"/>
  <c r="A189401" i="1" s="1"/>
  <c r="A189402" i="1" s="1"/>
  <c r="A189403" i="1" s="1"/>
  <c r="A189404" i="1" s="1"/>
  <c r="A189405" i="1" s="1"/>
  <c r="A189406" i="1" s="1"/>
  <c r="A189407" i="1" s="1"/>
  <c r="A189408" i="1" s="1"/>
  <c r="A189409" i="1" s="1"/>
  <c r="A189410" i="1" s="1"/>
  <c r="A189411" i="1" s="1"/>
  <c r="A189412" i="1" s="1"/>
  <c r="A189413" i="1" s="1"/>
  <c r="A189414" i="1" s="1"/>
  <c r="A189415" i="1" s="1"/>
  <c r="A189416" i="1" s="1"/>
  <c r="A189417" i="1" s="1"/>
  <c r="A189418" i="1" s="1"/>
  <c r="A189419" i="1" s="1"/>
  <c r="A189420" i="1" s="1"/>
  <c r="A189421" i="1" s="1"/>
  <c r="A189422" i="1" s="1"/>
  <c r="A189423" i="1" s="1"/>
  <c r="A189424" i="1" s="1"/>
  <c r="A189425" i="1" s="1"/>
  <c r="A189426" i="1" s="1"/>
  <c r="A189427" i="1" s="1"/>
  <c r="A189428" i="1" s="1"/>
  <c r="A189429" i="1" s="1"/>
  <c r="A189430" i="1" s="1"/>
  <c r="A189431" i="1" s="1"/>
  <c r="A189432" i="1" s="1"/>
  <c r="A189433" i="1" s="1"/>
  <c r="A189434" i="1" s="1"/>
  <c r="A189435" i="1" s="1"/>
  <c r="A189436" i="1" s="1"/>
  <c r="A189437" i="1" s="1"/>
  <c r="A189438" i="1" s="1"/>
  <c r="A189439" i="1" s="1"/>
  <c r="A189440" i="1" s="1"/>
  <c r="A189441" i="1" s="1"/>
  <c r="A189442" i="1" s="1"/>
  <c r="A189443" i="1" s="1"/>
  <c r="A189444" i="1" s="1"/>
  <c r="A189445" i="1" s="1"/>
  <c r="A189446" i="1" s="1"/>
  <c r="A189447" i="1" s="1"/>
  <c r="A189448" i="1" s="1"/>
  <c r="A189449" i="1" s="1"/>
  <c r="A189450" i="1" s="1"/>
  <c r="A189451" i="1" s="1"/>
  <c r="A189452" i="1" s="1"/>
  <c r="A189453" i="1" s="1"/>
  <c r="A189454" i="1" s="1"/>
  <c r="A189455" i="1" s="1"/>
  <c r="A189456" i="1" s="1"/>
  <c r="A189457" i="1" s="1"/>
  <c r="A189458" i="1" s="1"/>
  <c r="A189459" i="1" s="1"/>
  <c r="A189460" i="1" s="1"/>
  <c r="A189461" i="1" s="1"/>
  <c r="A189462" i="1" s="1"/>
  <c r="A189463" i="1" s="1"/>
  <c r="A189464" i="1" s="1"/>
  <c r="A189465" i="1" s="1"/>
  <c r="A189466" i="1" s="1"/>
  <c r="A189467" i="1" s="1"/>
  <c r="A189468" i="1" s="1"/>
  <c r="A189469" i="1" s="1"/>
  <c r="A189470" i="1" s="1"/>
  <c r="A189471" i="1" s="1"/>
  <c r="A189472" i="1" s="1"/>
  <c r="A189473" i="1" s="1"/>
  <c r="A189474" i="1" s="1"/>
  <c r="A189475" i="1" s="1"/>
  <c r="A189476" i="1" s="1"/>
  <c r="A189477" i="1" s="1"/>
  <c r="A189478" i="1" s="1"/>
  <c r="A189479" i="1" s="1"/>
  <c r="A189480" i="1" s="1"/>
  <c r="A189481" i="1" s="1"/>
  <c r="A189482" i="1" s="1"/>
  <c r="A189483" i="1" s="1"/>
  <c r="A189484" i="1" s="1"/>
  <c r="A189485" i="1" s="1"/>
  <c r="A189486" i="1" s="1"/>
  <c r="A189487" i="1" s="1"/>
  <c r="A189488" i="1" s="1"/>
  <c r="A189489" i="1" s="1"/>
  <c r="A189490" i="1" s="1"/>
  <c r="A189491" i="1" s="1"/>
  <c r="A189492" i="1" s="1"/>
  <c r="A189493" i="1" s="1"/>
  <c r="A189494" i="1" s="1"/>
  <c r="A189495" i="1" s="1"/>
  <c r="A189496" i="1" s="1"/>
  <c r="A189497" i="1" s="1"/>
  <c r="A189498" i="1" s="1"/>
  <c r="A189499" i="1" s="1"/>
  <c r="A189500" i="1" s="1"/>
  <c r="A189501" i="1" s="1"/>
  <c r="A189502" i="1" s="1"/>
  <c r="A189503" i="1" s="1"/>
  <c r="A189504" i="1" s="1"/>
  <c r="A189505" i="1" s="1"/>
  <c r="A189506" i="1" s="1"/>
  <c r="A189507" i="1" s="1"/>
  <c r="A189508" i="1" s="1"/>
  <c r="A189509" i="1" s="1"/>
  <c r="A189510" i="1" s="1"/>
  <c r="A189511" i="1" s="1"/>
  <c r="A189512" i="1" s="1"/>
  <c r="A189513" i="1" s="1"/>
  <c r="A189514" i="1" s="1"/>
  <c r="A189515" i="1" s="1"/>
  <c r="A189516" i="1" s="1"/>
  <c r="A189517" i="1" s="1"/>
  <c r="A189518" i="1" s="1"/>
  <c r="A189519" i="1" s="1"/>
  <c r="A189520" i="1" s="1"/>
  <c r="A189521" i="1" s="1"/>
  <c r="A189522" i="1" s="1"/>
  <c r="A189523" i="1" s="1"/>
  <c r="A189524" i="1" s="1"/>
  <c r="A189525" i="1" s="1"/>
  <c r="A189526" i="1" s="1"/>
  <c r="A189527" i="1" s="1"/>
  <c r="A189528" i="1" s="1"/>
  <c r="A189529" i="1" s="1"/>
  <c r="A189530" i="1" s="1"/>
  <c r="A189531" i="1" s="1"/>
  <c r="A189532" i="1" s="1"/>
  <c r="A189533" i="1" s="1"/>
  <c r="A189534" i="1" s="1"/>
  <c r="A189535" i="1" s="1"/>
  <c r="A189536" i="1" s="1"/>
  <c r="A189537" i="1" s="1"/>
  <c r="A189538" i="1" s="1"/>
  <c r="A189539" i="1" s="1"/>
  <c r="A189540" i="1" s="1"/>
  <c r="A189541" i="1" s="1"/>
  <c r="A189542" i="1" s="1"/>
  <c r="A189543" i="1" s="1"/>
  <c r="A189544" i="1" s="1"/>
  <c r="A189545" i="1" s="1"/>
  <c r="A189546" i="1" s="1"/>
  <c r="A189547" i="1" s="1"/>
  <c r="A189548" i="1" s="1"/>
  <c r="A189549" i="1" s="1"/>
  <c r="A189550" i="1" s="1"/>
  <c r="A189551" i="1" s="1"/>
  <c r="A189552" i="1" s="1"/>
  <c r="A189553" i="1" s="1"/>
  <c r="A189554" i="1" s="1"/>
  <c r="A189555" i="1" s="1"/>
  <c r="A189556" i="1" s="1"/>
  <c r="A189557" i="1" s="1"/>
  <c r="A189558" i="1" s="1"/>
  <c r="A189559" i="1" s="1"/>
  <c r="A189560" i="1" s="1"/>
  <c r="A189561" i="1" s="1"/>
  <c r="A189562" i="1" s="1"/>
  <c r="A189563" i="1" s="1"/>
  <c r="A189564" i="1" s="1"/>
  <c r="A189565" i="1" s="1"/>
  <c r="A189566" i="1" s="1"/>
  <c r="A189567" i="1" s="1"/>
  <c r="A189568" i="1" s="1"/>
  <c r="A189569" i="1" s="1"/>
  <c r="A189570" i="1" s="1"/>
  <c r="A189571" i="1" s="1"/>
  <c r="A189572" i="1" s="1"/>
  <c r="A189573" i="1" s="1"/>
  <c r="A189574" i="1" s="1"/>
  <c r="A189575" i="1" s="1"/>
  <c r="A189576" i="1" s="1"/>
  <c r="A189577" i="1" s="1"/>
  <c r="A189578" i="1" s="1"/>
  <c r="A189579" i="1" s="1"/>
  <c r="A189580" i="1" s="1"/>
  <c r="A189581" i="1" s="1"/>
  <c r="A189582" i="1" s="1"/>
  <c r="A189583" i="1" s="1"/>
  <c r="A189584" i="1" s="1"/>
  <c r="A189585" i="1" s="1"/>
  <c r="A189586" i="1" s="1"/>
  <c r="A189587" i="1" s="1"/>
  <c r="A189588" i="1" s="1"/>
  <c r="A189589" i="1" s="1"/>
  <c r="A189590" i="1" s="1"/>
  <c r="A189591" i="1" s="1"/>
  <c r="A189592" i="1" s="1"/>
  <c r="A189593" i="1" s="1"/>
  <c r="A189594" i="1" s="1"/>
  <c r="A189595" i="1" s="1"/>
  <c r="A189596" i="1" s="1"/>
  <c r="A189597" i="1" s="1"/>
  <c r="A189598" i="1" s="1"/>
  <c r="A189599" i="1" s="1"/>
  <c r="A189600" i="1" s="1"/>
  <c r="A189601" i="1" s="1"/>
  <c r="A189602" i="1" s="1"/>
  <c r="A189603" i="1" s="1"/>
  <c r="A189604" i="1" s="1"/>
  <c r="A189605" i="1" s="1"/>
  <c r="A189606" i="1" s="1"/>
  <c r="A189607" i="1" s="1"/>
  <c r="A189608" i="1" s="1"/>
  <c r="A189609" i="1" s="1"/>
  <c r="A189610" i="1" s="1"/>
  <c r="A189611" i="1" s="1"/>
  <c r="A189612" i="1" s="1"/>
  <c r="A189613" i="1" s="1"/>
  <c r="A189614" i="1" s="1"/>
  <c r="A189615" i="1" s="1"/>
  <c r="A189616" i="1" s="1"/>
  <c r="A189617" i="1" s="1"/>
  <c r="A189618" i="1" s="1"/>
  <c r="A189619" i="1" s="1"/>
  <c r="A189620" i="1" s="1"/>
  <c r="A189621" i="1" s="1"/>
  <c r="A189622" i="1" s="1"/>
  <c r="A189623" i="1" s="1"/>
  <c r="A189624" i="1" s="1"/>
  <c r="A189625" i="1" s="1"/>
  <c r="A189626" i="1" s="1"/>
  <c r="A189627" i="1" s="1"/>
  <c r="A189628" i="1" s="1"/>
  <c r="A189629" i="1" s="1"/>
  <c r="A189630" i="1" s="1"/>
  <c r="A189631" i="1" s="1"/>
  <c r="A189632" i="1" s="1"/>
  <c r="A189633" i="1" s="1"/>
  <c r="A189634" i="1" s="1"/>
  <c r="A189635" i="1" s="1"/>
  <c r="A189636" i="1" s="1"/>
  <c r="A189637" i="1" s="1"/>
  <c r="A189638" i="1" s="1"/>
  <c r="A189639" i="1" s="1"/>
  <c r="A189640" i="1" s="1"/>
  <c r="A189641" i="1" s="1"/>
  <c r="A189642" i="1" s="1"/>
  <c r="A189643" i="1" s="1"/>
  <c r="A189644" i="1" s="1"/>
  <c r="A189645" i="1" s="1"/>
  <c r="A189646" i="1" s="1"/>
  <c r="A189647" i="1" s="1"/>
  <c r="A189648" i="1" s="1"/>
  <c r="A189649" i="1" s="1"/>
  <c r="A189650" i="1" s="1"/>
  <c r="A189651" i="1" s="1"/>
  <c r="A189652" i="1" s="1"/>
  <c r="A189653" i="1" s="1"/>
  <c r="A189654" i="1" s="1"/>
  <c r="A189655" i="1" s="1"/>
  <c r="A189656" i="1" s="1"/>
  <c r="A189657" i="1" s="1"/>
  <c r="A189658" i="1" s="1"/>
  <c r="A189659" i="1" s="1"/>
  <c r="A189660" i="1" s="1"/>
  <c r="A189661" i="1" s="1"/>
  <c r="A189662" i="1" s="1"/>
  <c r="A189663" i="1" s="1"/>
  <c r="A189664" i="1" s="1"/>
  <c r="A189665" i="1" s="1"/>
  <c r="A189666" i="1" s="1"/>
  <c r="A189667" i="1" s="1"/>
  <c r="A189668" i="1" s="1"/>
  <c r="A189669" i="1" s="1"/>
  <c r="A189670" i="1" s="1"/>
  <c r="A189671" i="1" s="1"/>
  <c r="A189672" i="1" s="1"/>
  <c r="A189673" i="1" s="1"/>
  <c r="A189674" i="1" s="1"/>
  <c r="A189675" i="1" s="1"/>
  <c r="A189676" i="1" s="1"/>
  <c r="A189677" i="1" s="1"/>
  <c r="A189678" i="1" s="1"/>
  <c r="A189679" i="1" s="1"/>
  <c r="A189680" i="1" s="1"/>
  <c r="A189681" i="1" s="1"/>
  <c r="A189682" i="1" s="1"/>
  <c r="A189683" i="1" s="1"/>
  <c r="A189684" i="1" s="1"/>
  <c r="A189685" i="1" s="1"/>
  <c r="A189686" i="1" s="1"/>
  <c r="A189687" i="1" s="1"/>
  <c r="A189688" i="1" s="1"/>
  <c r="A189689" i="1" s="1"/>
  <c r="A189690" i="1" s="1"/>
  <c r="A189691" i="1" s="1"/>
  <c r="A189692" i="1" s="1"/>
  <c r="A189693" i="1" s="1"/>
  <c r="A189694" i="1" s="1"/>
  <c r="A189695" i="1" s="1"/>
  <c r="A189696" i="1" s="1"/>
  <c r="A189697" i="1" s="1"/>
  <c r="A189698" i="1" s="1"/>
  <c r="A189699" i="1" s="1"/>
  <c r="A189700" i="1" s="1"/>
  <c r="A189701" i="1" s="1"/>
  <c r="A189702" i="1" s="1"/>
  <c r="A189703" i="1" s="1"/>
  <c r="A189704" i="1" s="1"/>
  <c r="A189705" i="1" s="1"/>
  <c r="A189706" i="1" s="1"/>
  <c r="A189707" i="1" s="1"/>
  <c r="A189708" i="1" s="1"/>
  <c r="A189709" i="1" s="1"/>
  <c r="A189710" i="1" s="1"/>
  <c r="A189711" i="1" s="1"/>
  <c r="A189712" i="1" s="1"/>
  <c r="A189713" i="1" s="1"/>
  <c r="A189714" i="1" s="1"/>
  <c r="A189715" i="1" s="1"/>
  <c r="A189716" i="1" s="1"/>
  <c r="A189717" i="1" s="1"/>
  <c r="A189718" i="1" s="1"/>
  <c r="A189719" i="1" s="1"/>
  <c r="A189720" i="1" s="1"/>
  <c r="A189721" i="1" s="1"/>
  <c r="A189722" i="1" s="1"/>
  <c r="A189723" i="1" s="1"/>
  <c r="A189724" i="1" s="1"/>
  <c r="A189725" i="1" s="1"/>
  <c r="A189726" i="1" s="1"/>
  <c r="A189727" i="1" s="1"/>
  <c r="A189728" i="1" s="1"/>
  <c r="A189729" i="1" s="1"/>
  <c r="A189730" i="1" s="1"/>
  <c r="A189731" i="1" s="1"/>
  <c r="A189732" i="1" s="1"/>
  <c r="A189733" i="1" s="1"/>
  <c r="A189734" i="1" s="1"/>
  <c r="A189735" i="1" s="1"/>
  <c r="A189736" i="1" s="1"/>
  <c r="A189737" i="1" s="1"/>
  <c r="A189738" i="1" s="1"/>
  <c r="A189739" i="1" s="1"/>
  <c r="A189740" i="1" s="1"/>
  <c r="A189741" i="1" s="1"/>
  <c r="A189742" i="1" s="1"/>
  <c r="A189743" i="1" s="1"/>
  <c r="A189744" i="1" s="1"/>
  <c r="A189745" i="1" s="1"/>
  <c r="A189746" i="1" s="1"/>
  <c r="A189747" i="1" s="1"/>
  <c r="A189748" i="1" s="1"/>
  <c r="A189749" i="1" s="1"/>
  <c r="A189750" i="1" s="1"/>
  <c r="A189751" i="1" s="1"/>
  <c r="A189752" i="1" s="1"/>
  <c r="A189753" i="1" s="1"/>
  <c r="A189754" i="1" s="1"/>
  <c r="A189755" i="1" s="1"/>
  <c r="A189756" i="1" s="1"/>
  <c r="A189757" i="1" s="1"/>
  <c r="A189758" i="1" s="1"/>
  <c r="A189759" i="1" s="1"/>
  <c r="A189760" i="1" s="1"/>
  <c r="A189761" i="1" s="1"/>
  <c r="A189762" i="1" s="1"/>
  <c r="A189763" i="1" s="1"/>
  <c r="A189764" i="1" s="1"/>
  <c r="A189765" i="1" s="1"/>
  <c r="A189766" i="1" s="1"/>
  <c r="A189767" i="1" s="1"/>
  <c r="A189768" i="1" s="1"/>
  <c r="A189769" i="1" s="1"/>
  <c r="A189770" i="1" s="1"/>
  <c r="A189771" i="1" s="1"/>
  <c r="A189772" i="1" s="1"/>
  <c r="A189773" i="1" s="1"/>
  <c r="A189774" i="1" s="1"/>
  <c r="A189775" i="1" s="1"/>
  <c r="A189776" i="1" s="1"/>
  <c r="A189777" i="1" s="1"/>
  <c r="A189778" i="1" s="1"/>
  <c r="A189779" i="1" s="1"/>
  <c r="A189780" i="1" s="1"/>
  <c r="A189781" i="1" s="1"/>
  <c r="A189782" i="1" s="1"/>
  <c r="A189783" i="1" s="1"/>
  <c r="A189784" i="1" s="1"/>
  <c r="A189785" i="1" s="1"/>
  <c r="A189786" i="1" s="1"/>
  <c r="A189787" i="1" s="1"/>
  <c r="A189788" i="1" s="1"/>
  <c r="A189789" i="1" s="1"/>
  <c r="A189790" i="1" s="1"/>
  <c r="A189791" i="1" s="1"/>
  <c r="A189792" i="1" s="1"/>
  <c r="A189793" i="1" s="1"/>
  <c r="A189794" i="1" s="1"/>
  <c r="A189795" i="1" s="1"/>
  <c r="A189796" i="1" s="1"/>
  <c r="A189797" i="1" s="1"/>
  <c r="A189798" i="1" s="1"/>
  <c r="A189799" i="1" s="1"/>
  <c r="A189800" i="1" s="1"/>
  <c r="A189801" i="1" s="1"/>
  <c r="A189802" i="1" s="1"/>
  <c r="A189803" i="1" s="1"/>
  <c r="A189804" i="1" s="1"/>
  <c r="A189805" i="1" s="1"/>
  <c r="A189806" i="1" s="1"/>
  <c r="A189807" i="1" s="1"/>
  <c r="A189808" i="1" s="1"/>
  <c r="A189809" i="1" s="1"/>
  <c r="A189810" i="1" s="1"/>
  <c r="A189811" i="1" s="1"/>
  <c r="A189812" i="1" s="1"/>
  <c r="A189813" i="1" s="1"/>
  <c r="A189814" i="1" s="1"/>
  <c r="A189815" i="1" s="1"/>
  <c r="A189816" i="1" s="1"/>
  <c r="A189817" i="1" s="1"/>
  <c r="A189818" i="1" s="1"/>
  <c r="A189819" i="1" s="1"/>
  <c r="A189820" i="1" s="1"/>
  <c r="A189821" i="1" s="1"/>
  <c r="A189822" i="1" s="1"/>
  <c r="A189823" i="1" s="1"/>
  <c r="A189824" i="1" s="1"/>
  <c r="A189825" i="1" s="1"/>
  <c r="A189826" i="1" s="1"/>
  <c r="A189827" i="1" s="1"/>
  <c r="A189828" i="1" s="1"/>
  <c r="A189829" i="1" s="1"/>
  <c r="A189830" i="1" s="1"/>
  <c r="A189831" i="1" s="1"/>
  <c r="A189832" i="1" s="1"/>
  <c r="A189833" i="1" s="1"/>
  <c r="A189834" i="1" s="1"/>
  <c r="A189835" i="1" s="1"/>
  <c r="A189836" i="1" s="1"/>
  <c r="A189837" i="1" s="1"/>
  <c r="A189838" i="1" s="1"/>
  <c r="A189839" i="1" s="1"/>
  <c r="A189840" i="1" s="1"/>
  <c r="A189841" i="1" s="1"/>
  <c r="A189842" i="1" s="1"/>
  <c r="A189843" i="1" s="1"/>
  <c r="A189844" i="1" s="1"/>
  <c r="A189845" i="1" s="1"/>
  <c r="A189846" i="1" s="1"/>
  <c r="A189847" i="1" s="1"/>
  <c r="A189848" i="1" s="1"/>
  <c r="A189849" i="1" s="1"/>
  <c r="A189850" i="1" s="1"/>
  <c r="A189851" i="1" s="1"/>
  <c r="A189852" i="1" s="1"/>
  <c r="A189853" i="1" s="1"/>
  <c r="A189854" i="1" s="1"/>
  <c r="A189855" i="1" s="1"/>
  <c r="A189856" i="1" s="1"/>
  <c r="A189857" i="1" s="1"/>
  <c r="A189858" i="1" s="1"/>
  <c r="A189859" i="1" s="1"/>
  <c r="A189860" i="1" s="1"/>
  <c r="A189861" i="1" s="1"/>
  <c r="A189862" i="1" s="1"/>
  <c r="A189863" i="1" s="1"/>
  <c r="A189864" i="1" s="1"/>
  <c r="A189865" i="1" s="1"/>
  <c r="A189866" i="1" s="1"/>
  <c r="A189867" i="1" s="1"/>
  <c r="A189868" i="1" s="1"/>
  <c r="A189869" i="1" s="1"/>
  <c r="A189870" i="1" s="1"/>
  <c r="A189871" i="1" s="1"/>
  <c r="A189872" i="1" s="1"/>
  <c r="A189873" i="1" s="1"/>
  <c r="A189874" i="1" s="1"/>
  <c r="A189875" i="1" s="1"/>
  <c r="A189876" i="1" s="1"/>
  <c r="A189877" i="1" s="1"/>
  <c r="A189878" i="1" s="1"/>
  <c r="A189879" i="1" s="1"/>
  <c r="A189880" i="1" s="1"/>
  <c r="A189881" i="1" s="1"/>
  <c r="A189882" i="1" s="1"/>
  <c r="A189883" i="1" s="1"/>
  <c r="A189884" i="1" s="1"/>
  <c r="A189885" i="1" s="1"/>
  <c r="A189886" i="1" s="1"/>
  <c r="A189887" i="1" s="1"/>
  <c r="A189888" i="1" s="1"/>
  <c r="A189889" i="1" s="1"/>
  <c r="A189890" i="1" s="1"/>
  <c r="A189891" i="1" s="1"/>
  <c r="A189892" i="1" s="1"/>
  <c r="A189893" i="1" s="1"/>
  <c r="A189894" i="1" s="1"/>
  <c r="A189895" i="1" s="1"/>
  <c r="A189896" i="1" s="1"/>
  <c r="A189897" i="1" s="1"/>
  <c r="A189898" i="1" s="1"/>
  <c r="A189899" i="1" s="1"/>
  <c r="A189900" i="1" s="1"/>
  <c r="A189901" i="1" s="1"/>
  <c r="A189902" i="1" s="1"/>
  <c r="A189903" i="1" s="1"/>
  <c r="A189904" i="1" s="1"/>
  <c r="A189905" i="1" s="1"/>
  <c r="A189906" i="1" s="1"/>
  <c r="A189907" i="1" s="1"/>
  <c r="A189908" i="1" s="1"/>
  <c r="A189909" i="1" s="1"/>
  <c r="A189910" i="1" s="1"/>
  <c r="A189911" i="1" s="1"/>
  <c r="A189912" i="1" s="1"/>
  <c r="A189913" i="1" s="1"/>
  <c r="A189914" i="1" s="1"/>
  <c r="A189915" i="1" s="1"/>
  <c r="A189916" i="1" s="1"/>
  <c r="A189917" i="1" s="1"/>
  <c r="A189918" i="1" s="1"/>
  <c r="A189919" i="1" s="1"/>
  <c r="A189920" i="1" s="1"/>
  <c r="A189921" i="1" s="1"/>
  <c r="A189922" i="1" s="1"/>
  <c r="A189923" i="1" s="1"/>
  <c r="A189924" i="1" s="1"/>
  <c r="A189925" i="1" s="1"/>
  <c r="A189926" i="1" s="1"/>
  <c r="A189927" i="1" s="1"/>
  <c r="A189928" i="1" s="1"/>
  <c r="A189929" i="1" s="1"/>
  <c r="A189930" i="1" s="1"/>
  <c r="A189931" i="1" s="1"/>
  <c r="A189932" i="1" s="1"/>
  <c r="A189933" i="1" s="1"/>
  <c r="A189934" i="1" s="1"/>
  <c r="A189935" i="1" s="1"/>
  <c r="A189936" i="1" s="1"/>
  <c r="A189937" i="1" s="1"/>
  <c r="A189938" i="1" s="1"/>
  <c r="A189939" i="1" s="1"/>
  <c r="A189940" i="1" s="1"/>
  <c r="A189941" i="1" s="1"/>
  <c r="A189942" i="1" s="1"/>
  <c r="A189943" i="1" s="1"/>
  <c r="A189944" i="1" s="1"/>
  <c r="A189945" i="1" s="1"/>
  <c r="A189946" i="1" s="1"/>
  <c r="A189947" i="1" s="1"/>
  <c r="A189948" i="1" s="1"/>
  <c r="A189949" i="1" s="1"/>
  <c r="A189950" i="1" s="1"/>
  <c r="A189951" i="1" s="1"/>
  <c r="A189952" i="1" s="1"/>
  <c r="A189953" i="1" s="1"/>
  <c r="A189954" i="1" s="1"/>
  <c r="A189955" i="1" s="1"/>
  <c r="A189956" i="1" s="1"/>
  <c r="A189957" i="1" s="1"/>
  <c r="A189958" i="1" s="1"/>
  <c r="A189959" i="1" s="1"/>
  <c r="A189960" i="1" s="1"/>
  <c r="A189961" i="1" s="1"/>
  <c r="A189962" i="1" s="1"/>
  <c r="A189963" i="1" s="1"/>
  <c r="A189964" i="1" s="1"/>
  <c r="A189965" i="1" s="1"/>
  <c r="A189966" i="1" s="1"/>
  <c r="A189967" i="1" s="1"/>
  <c r="A189968" i="1" s="1"/>
  <c r="A189969" i="1" s="1"/>
  <c r="A189970" i="1" s="1"/>
  <c r="A189971" i="1" s="1"/>
  <c r="A189972" i="1" s="1"/>
  <c r="A189973" i="1" s="1"/>
  <c r="A189974" i="1" s="1"/>
  <c r="A189975" i="1" s="1"/>
  <c r="A189976" i="1" s="1"/>
  <c r="A189977" i="1" s="1"/>
  <c r="A189978" i="1" s="1"/>
  <c r="A189979" i="1" s="1"/>
  <c r="A189980" i="1" s="1"/>
  <c r="A189981" i="1" s="1"/>
  <c r="A189982" i="1" s="1"/>
  <c r="A189983" i="1" s="1"/>
  <c r="A189984" i="1" s="1"/>
  <c r="A189985" i="1" s="1"/>
  <c r="A189986" i="1" s="1"/>
  <c r="A189987" i="1" s="1"/>
  <c r="A189988" i="1" s="1"/>
  <c r="A189989" i="1" s="1"/>
  <c r="A189990" i="1" s="1"/>
  <c r="A189991" i="1" s="1"/>
  <c r="A189992" i="1" s="1"/>
  <c r="A189993" i="1" s="1"/>
  <c r="A189994" i="1" s="1"/>
  <c r="A189995" i="1" s="1"/>
  <c r="A189996" i="1" s="1"/>
  <c r="A189997" i="1" s="1"/>
  <c r="A189998" i="1" s="1"/>
  <c r="A189999" i="1" s="1"/>
  <c r="A190000" i="1" s="1"/>
  <c r="A190001" i="1" s="1"/>
  <c r="U2" i="1"/>
</calcChain>
</file>

<file path=xl/sharedStrings.xml><?xml version="1.0" encoding="utf-8"?>
<sst xmlns="http://schemas.openxmlformats.org/spreadsheetml/2006/main" count="20" uniqueCount="20">
  <si>
    <t>k</t>
  </si>
  <si>
    <t>p</t>
  </si>
  <si>
    <t>q</t>
  </si>
  <si>
    <t>s</t>
  </si>
  <si>
    <t>pre-col / comm</t>
  </si>
  <si>
    <t>r</t>
  </si>
  <si>
    <t>GR1-time</t>
  </si>
  <si>
    <t>GR1-Happy</t>
  </si>
  <si>
    <t>GR1-Comm</t>
  </si>
  <si>
    <t>GR2-time</t>
  </si>
  <si>
    <t>GR2-Happy</t>
  </si>
  <si>
    <t>GR2-Comm</t>
  </si>
  <si>
    <t>GR3-time</t>
  </si>
  <si>
    <t>GR3-happy</t>
  </si>
  <si>
    <t>GR3-comm</t>
  </si>
  <si>
    <t>GrR-time</t>
  </si>
  <si>
    <t>GrR-happy</t>
  </si>
  <si>
    <t>GrR-comm</t>
  </si>
  <si>
    <t>Comm-Happy</t>
  </si>
  <si>
    <t>x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rgb="FF000000"/>
      <name val="Calibri"/>
      <family val="2"/>
      <charset val="1"/>
    </font>
    <font>
      <b/>
      <sz val="11"/>
      <color rgb="FF000000"/>
      <name val="Calibri"/>
      <family val="2"/>
      <charset val="1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3">
    <xf numFmtId="0" fontId="0" fillId="0" borderId="0" xfId="0"/>
    <xf numFmtId="0" fontId="1" fillId="0" borderId="1" xfId="0" applyFont="1" applyBorder="1" applyAlignment="1">
      <alignment horizontal="center" vertical="top"/>
    </xf>
    <xf numFmtId="0" fontId="1" fillId="0" borderId="0" xfId="0" applyFont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88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dc:description/>
  <cp:lastModifiedBy>IMAN SHEKARRIZ</cp:lastModifiedBy>
  <cp:revision>7</cp:revision>
  <dcterms:created xsi:type="dcterms:W3CDTF">2023-11-29T21:11:33Z</dcterms:created>
  <dcterms:modified xsi:type="dcterms:W3CDTF">2024-02-21T12:50:11Z</dcterms:modified>
  <dc:language>en-US</dc:language>
</cp:coreProperties>
</file>